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A9D49B41-0B48-4407-9AC9-102EC5B3618C}" xr6:coauthVersionLast="36" xr6:coauthVersionMax="47" xr10:uidLastSave="{00000000-0000-0000-0000-000000000000}"/>
  <bookViews>
    <workbookView xWindow="945" yWindow="2490" windowWidth="23670" windowHeight="12750" xr2:uid="{00000000-000D-0000-FFFF-FFFF00000000}"/>
  </bookViews>
  <sheets>
    <sheet name="Nakajime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6452" uniqueCount="143">
  <si>
    <t xml:space="preserve">平松                           </t>
  </si>
  <si>
    <t xml:space="preserve">武藤                           </t>
  </si>
  <si>
    <t xml:space="preserve">店長                           </t>
  </si>
  <si>
    <t xml:space="preserve">志治                           </t>
  </si>
  <si>
    <t xml:space="preserve">田中                           </t>
  </si>
  <si>
    <t xml:space="preserve">岩城                           </t>
  </si>
  <si>
    <t xml:space="preserve">                               </t>
  </si>
  <si>
    <t xml:space="preserve">本田                           </t>
  </si>
  <si>
    <t xml:space="preserve">安井                           </t>
  </si>
  <si>
    <t xml:space="preserve">想人                           </t>
  </si>
  <si>
    <t xml:space="preserve">高山                           </t>
  </si>
  <si>
    <t xml:space="preserve">優河                           </t>
  </si>
  <si>
    <t xml:space="preserve">山口                           </t>
  </si>
  <si>
    <t xml:space="preserve">三宅                           </t>
  </si>
  <si>
    <t xml:space="preserve">杉山                           </t>
  </si>
  <si>
    <t xml:space="preserve">堀田                           </t>
  </si>
  <si>
    <t xml:space="preserve">長谷川                         </t>
  </si>
  <si>
    <t xml:space="preserve">幸田                           </t>
  </si>
  <si>
    <t xml:space="preserve">瀬尾                           </t>
  </si>
  <si>
    <t xml:space="preserve">古里                           </t>
  </si>
  <si>
    <t xml:space="preserve">齋藤                           </t>
  </si>
  <si>
    <t xml:space="preserve">社員                           </t>
  </si>
  <si>
    <t xml:space="preserve">磯貝                           </t>
  </si>
  <si>
    <t xml:space="preserve">犬丸                           </t>
  </si>
  <si>
    <t xml:space="preserve">越野                           </t>
  </si>
  <si>
    <t xml:space="preserve">マネージャー                   </t>
  </si>
  <si>
    <t xml:space="preserve">神戸                           </t>
  </si>
  <si>
    <t xml:space="preserve">美濃部                         </t>
  </si>
  <si>
    <t xml:space="preserve">市場                           </t>
  </si>
  <si>
    <t xml:space="preserve">山下                           </t>
  </si>
  <si>
    <t xml:space="preserve">郡山                           </t>
  </si>
  <si>
    <t xml:space="preserve">大山                           </t>
  </si>
  <si>
    <t xml:space="preserve">上田                           </t>
  </si>
  <si>
    <t xml:space="preserve">折原                           </t>
  </si>
  <si>
    <t xml:space="preserve">清籐                           </t>
  </si>
  <si>
    <t xml:space="preserve">藤井                           </t>
  </si>
  <si>
    <t xml:space="preserve">新島                           </t>
  </si>
  <si>
    <t xml:space="preserve">伊藤　仁                       </t>
  </si>
  <si>
    <t xml:space="preserve">鈴木                           </t>
  </si>
  <si>
    <t xml:space="preserve">清藤                           </t>
  </si>
  <si>
    <t xml:space="preserve">今井                           </t>
  </si>
  <si>
    <t xml:space="preserve">廣中                           </t>
  </si>
  <si>
    <t xml:space="preserve">加藤                           </t>
  </si>
  <si>
    <t xml:space="preserve">新島　右史                     </t>
  </si>
  <si>
    <t xml:space="preserve">水口                           </t>
  </si>
  <si>
    <t xml:space="preserve">山田                           </t>
  </si>
  <si>
    <t xml:space="preserve">伊藤　美                       </t>
  </si>
  <si>
    <t xml:space="preserve">社員　鈴木                     </t>
  </si>
  <si>
    <t xml:space="preserve">安田                           </t>
  </si>
  <si>
    <t xml:space="preserve">掛布                           </t>
  </si>
  <si>
    <t xml:space="preserve">市村                           </t>
  </si>
  <si>
    <t xml:space="preserve">森                             </t>
  </si>
  <si>
    <t xml:space="preserve">佐々木                         </t>
  </si>
  <si>
    <t xml:space="preserve">遠山                           </t>
  </si>
  <si>
    <t xml:space="preserve">村田                           </t>
  </si>
  <si>
    <t xml:space="preserve">東                             </t>
  </si>
  <si>
    <t xml:space="preserve">平出                           </t>
  </si>
  <si>
    <t xml:space="preserve">安楽                           </t>
  </si>
  <si>
    <t xml:space="preserve">山本                           </t>
  </si>
  <si>
    <t xml:space="preserve">東田                           </t>
  </si>
  <si>
    <t xml:space="preserve">倉橋                           </t>
  </si>
  <si>
    <t xml:space="preserve">河合忠                         </t>
  </si>
  <si>
    <t xml:space="preserve">河合彪                         </t>
  </si>
  <si>
    <t xml:space="preserve">石原                           </t>
  </si>
  <si>
    <t xml:space="preserve">川澄                           </t>
  </si>
  <si>
    <t xml:space="preserve">大橋                           </t>
  </si>
  <si>
    <t xml:space="preserve">藤原                           </t>
  </si>
  <si>
    <t xml:space="preserve">松永                           </t>
  </si>
  <si>
    <t xml:space="preserve">徳泉                           </t>
  </si>
  <si>
    <t xml:space="preserve">岡崎                           </t>
  </si>
  <si>
    <t xml:space="preserve">西森                           </t>
  </si>
  <si>
    <t xml:space="preserve">水谷                           </t>
  </si>
  <si>
    <t xml:space="preserve">宮下                           </t>
  </si>
  <si>
    <t xml:space="preserve">郷野                           </t>
  </si>
  <si>
    <t xml:space="preserve">前田                           </t>
  </si>
  <si>
    <t xml:space="preserve">柴田                           </t>
  </si>
  <si>
    <t xml:space="preserve">三戸                           </t>
  </si>
  <si>
    <t xml:space="preserve">二瀬                           </t>
  </si>
  <si>
    <t xml:space="preserve">野村                           </t>
  </si>
  <si>
    <t xml:space="preserve">下苧坪                         </t>
  </si>
  <si>
    <t xml:space="preserve">西川                           </t>
  </si>
  <si>
    <t>ID</t>
  </si>
  <si>
    <t>BusinessDay</t>
  </si>
  <si>
    <t>Number</t>
  </si>
  <si>
    <t>StartTime</t>
  </si>
  <si>
    <t>EndTime</t>
  </si>
  <si>
    <t>RoomSales</t>
  </si>
  <si>
    <t>IndoorSales</t>
  </si>
  <si>
    <t>OutdoorSales</t>
  </si>
  <si>
    <t>Sonota</t>
  </si>
  <si>
    <t>Discount</t>
  </si>
  <si>
    <t>Additional</t>
  </si>
  <si>
    <t>Tax</t>
  </si>
  <si>
    <t>InTax</t>
  </si>
  <si>
    <t>Nyuukin</t>
  </si>
  <si>
    <t>Syukkin</t>
  </si>
  <si>
    <t>Advance</t>
  </si>
  <si>
    <t>ResKeep</t>
  </si>
  <si>
    <t>Genkin</t>
  </si>
  <si>
    <t>Credit</t>
  </si>
  <si>
    <t>DigitalCash</t>
  </si>
  <si>
    <t>MoneyTicket</t>
  </si>
  <si>
    <t>Bill10000</t>
  </si>
  <si>
    <t>Bill5000</t>
  </si>
  <si>
    <t>Bill2000</t>
  </si>
  <si>
    <t>Bill1000</t>
  </si>
  <si>
    <t>Coin500</t>
  </si>
  <si>
    <t>Coin100</t>
  </si>
  <si>
    <t>Coin50</t>
  </si>
  <si>
    <t>Coin10</t>
  </si>
  <si>
    <t>Coin5</t>
  </si>
  <si>
    <t>Coin1</t>
  </si>
  <si>
    <t>Note</t>
  </si>
  <si>
    <t>DoroaTotal</t>
  </si>
  <si>
    <t>Turi</t>
  </si>
  <si>
    <t>Sagaku</t>
  </si>
  <si>
    <t>EmployeeID</t>
  </si>
  <si>
    <t>Employee</t>
  </si>
  <si>
    <t>BusinessID</t>
  </si>
  <si>
    <t>ID1</t>
  </si>
  <si>
    <t>ID2</t>
  </si>
  <si>
    <t>ID3</t>
  </si>
  <si>
    <t>ID4</t>
  </si>
  <si>
    <t>ID5</t>
  </si>
  <si>
    <t>Val0</t>
  </si>
  <si>
    <t>Val1</t>
  </si>
  <si>
    <t>Val2</t>
  </si>
  <si>
    <t>Val3</t>
  </si>
  <si>
    <t>Val4</t>
  </si>
  <si>
    <t>Val5</t>
  </si>
  <si>
    <t>Val6</t>
  </si>
  <si>
    <t>Val7</t>
  </si>
  <si>
    <t>Val8</t>
  </si>
  <si>
    <t>Val9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E40355A-C17A-4D42-9C2D-FCE0D9AFC379}" name="テーブル1" displayName="テーブル1" ref="A1:F107" totalsRowShown="0">
  <autoFilter ref="A1:F107" xr:uid="{E197B6BF-5EE8-4262-B280-DF6F6C36F291}"/>
  <tableColumns count="6">
    <tableColumn id="1" xr3:uid="{B8FFE352-8535-4548-8C94-57B96F878FF3}" name="ID"/>
    <tableColumn id="2" xr3:uid="{D244DE2D-ABD5-47E1-BF66-89B88FA9252E}" name="TERMINATOR"/>
    <tableColumn id="3" xr3:uid="{3D79F222-4776-461B-A605-08D4A978B6C8}" name="MAX_LENGTH"/>
    <tableColumn id="4" xr3:uid="{D25F2484-0564-4950-99A5-F42BCEAF3B77}" name="COLLATION"/>
    <tableColumn id="5" xr3:uid="{64E57416-3F0E-445D-B4D1-7A34988A41FF}" name="SOURCE"/>
    <tableColumn id="6" xr3:uid="{6C8108AD-1FA8-44EF-9C25-9AC30C1FBE63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A6408"/>
  <sheetViews>
    <sheetView tabSelected="1" topLeftCell="AI1" workbookViewId="0">
      <selection activeCell="BB10" sqref="BB10"/>
    </sheetView>
  </sheetViews>
  <sheetFormatPr defaultRowHeight="18.75" x14ac:dyDescent="0.4"/>
  <cols>
    <col min="2" max="2" width="15.875" bestFit="1" customWidth="1"/>
  </cols>
  <sheetData>
    <row r="1" spans="1:53" x14ac:dyDescent="0.4">
      <c r="A1" s="2" t="s">
        <v>81</v>
      </c>
      <c r="B1" s="3" t="s">
        <v>82</v>
      </c>
      <c r="C1" s="2" t="s">
        <v>83</v>
      </c>
      <c r="D1" s="3" t="s">
        <v>84</v>
      </c>
      <c r="E1" s="2" t="s">
        <v>85</v>
      </c>
      <c r="F1" s="3" t="s">
        <v>86</v>
      </c>
      <c r="G1" s="2" t="s">
        <v>87</v>
      </c>
      <c r="H1" s="3" t="s">
        <v>88</v>
      </c>
      <c r="I1" s="2" t="s">
        <v>89</v>
      </c>
      <c r="J1" s="3" t="s">
        <v>90</v>
      </c>
      <c r="K1" s="2" t="s">
        <v>91</v>
      </c>
      <c r="L1" s="3" t="s">
        <v>92</v>
      </c>
      <c r="M1" s="2" t="s">
        <v>93</v>
      </c>
      <c r="N1" s="3" t="s">
        <v>94</v>
      </c>
      <c r="O1" s="2" t="s">
        <v>95</v>
      </c>
      <c r="P1" s="3" t="s">
        <v>96</v>
      </c>
      <c r="Q1" s="2" t="s">
        <v>97</v>
      </c>
      <c r="R1" s="3" t="s">
        <v>98</v>
      </c>
      <c r="S1" s="2" t="s">
        <v>99</v>
      </c>
      <c r="T1" s="3" t="s">
        <v>100</v>
      </c>
      <c r="U1" s="2" t="s">
        <v>101</v>
      </c>
      <c r="V1" s="3" t="s">
        <v>102</v>
      </c>
      <c r="W1" s="2" t="s">
        <v>103</v>
      </c>
      <c r="X1" s="3" t="s">
        <v>104</v>
      </c>
      <c r="Y1" s="2" t="s">
        <v>105</v>
      </c>
      <c r="Z1" s="3" t="s">
        <v>106</v>
      </c>
      <c r="AA1" s="2" t="s">
        <v>107</v>
      </c>
      <c r="AB1" s="3" t="s">
        <v>108</v>
      </c>
      <c r="AC1" s="2" t="s">
        <v>109</v>
      </c>
      <c r="AD1" s="3" t="s">
        <v>110</v>
      </c>
      <c r="AE1" s="2" t="s">
        <v>111</v>
      </c>
      <c r="AF1" s="3" t="s">
        <v>112</v>
      </c>
      <c r="AG1" s="2" t="s">
        <v>113</v>
      </c>
      <c r="AH1" s="3" t="s">
        <v>114</v>
      </c>
      <c r="AI1" s="2" t="s">
        <v>115</v>
      </c>
      <c r="AJ1" s="3" t="s">
        <v>116</v>
      </c>
      <c r="AK1" s="2" t="s">
        <v>117</v>
      </c>
      <c r="AL1" s="3" t="s">
        <v>118</v>
      </c>
      <c r="AM1" s="2" t="s">
        <v>119</v>
      </c>
      <c r="AN1" s="3" t="s">
        <v>120</v>
      </c>
      <c r="AO1" s="2" t="s">
        <v>121</v>
      </c>
      <c r="AP1" s="3" t="s">
        <v>122</v>
      </c>
      <c r="AQ1" s="2" t="s">
        <v>123</v>
      </c>
      <c r="AR1" s="3" t="s">
        <v>124</v>
      </c>
      <c r="AS1" s="2" t="s">
        <v>125</v>
      </c>
      <c r="AT1" s="3" t="s">
        <v>126</v>
      </c>
      <c r="AU1" s="2" t="s">
        <v>127</v>
      </c>
      <c r="AV1" s="3" t="s">
        <v>128</v>
      </c>
      <c r="AW1" s="2" t="s">
        <v>129</v>
      </c>
      <c r="AX1" s="3" t="s">
        <v>130</v>
      </c>
      <c r="AY1" s="2" t="s">
        <v>131</v>
      </c>
      <c r="AZ1" s="3" t="s">
        <v>132</v>
      </c>
      <c r="BA1" s="2" t="s">
        <v>133</v>
      </c>
    </row>
    <row r="2" spans="1:53" x14ac:dyDescent="0.4">
      <c r="A2">
        <v>46</v>
      </c>
      <c r="B2" s="1">
        <v>42420</v>
      </c>
      <c r="C2">
        <v>1</v>
      </c>
      <c r="D2" s="1">
        <v>42420.291666666664</v>
      </c>
      <c r="E2" s="1">
        <v>42421.119444444441</v>
      </c>
      <c r="F2">
        <v>368110</v>
      </c>
      <c r="G2">
        <v>27740</v>
      </c>
      <c r="H2">
        <v>0</v>
      </c>
      <c r="I2">
        <v>0</v>
      </c>
      <c r="J2">
        <v>4800</v>
      </c>
      <c r="K2">
        <v>2000</v>
      </c>
      <c r="L2">
        <v>0</v>
      </c>
      <c r="M2">
        <v>29109</v>
      </c>
      <c r="N2">
        <v>0</v>
      </c>
      <c r="O2">
        <v>0</v>
      </c>
      <c r="P2">
        <v>107340</v>
      </c>
      <c r="Q2">
        <v>0</v>
      </c>
      <c r="R2">
        <v>500390</v>
      </c>
      <c r="S2">
        <v>0</v>
      </c>
      <c r="T2">
        <v>0</v>
      </c>
      <c r="U2">
        <v>0</v>
      </c>
      <c r="V2">
        <v>28</v>
      </c>
      <c r="W2">
        <v>9</v>
      </c>
      <c r="X2">
        <v>0</v>
      </c>
      <c r="Y2">
        <v>128</v>
      </c>
      <c r="Z2">
        <v>45</v>
      </c>
      <c r="AA2">
        <v>157</v>
      </c>
      <c r="AB2">
        <v>82</v>
      </c>
      <c r="AC2">
        <v>74</v>
      </c>
      <c r="AD2">
        <v>0</v>
      </c>
      <c r="AE2">
        <v>0</v>
      </c>
      <c r="AF2">
        <v>54350</v>
      </c>
      <c r="AG2">
        <v>550390</v>
      </c>
      <c r="AH2">
        <v>50000</v>
      </c>
      <c r="AI2">
        <v>0</v>
      </c>
      <c r="AJ2">
        <v>100</v>
      </c>
      <c r="AK2" t="s">
        <v>0</v>
      </c>
      <c r="AL2">
        <v>0</v>
      </c>
      <c r="AM2">
        <v>0</v>
      </c>
      <c r="AN2">
        <v>0</v>
      </c>
      <c r="AO2">
        <v>0</v>
      </c>
      <c r="AP2">
        <v>0</v>
      </c>
      <c r="AQ2">
        <v>0</v>
      </c>
      <c r="AR2">
        <v>0</v>
      </c>
      <c r="AS2">
        <v>0</v>
      </c>
      <c r="AT2">
        <v>0</v>
      </c>
      <c r="AU2">
        <v>0</v>
      </c>
      <c r="AV2">
        <v>0</v>
      </c>
      <c r="AW2">
        <v>0</v>
      </c>
      <c r="AX2">
        <v>0</v>
      </c>
      <c r="AY2">
        <v>0</v>
      </c>
      <c r="AZ2">
        <v>0</v>
      </c>
      <c r="BA2">
        <v>0</v>
      </c>
    </row>
    <row r="3" spans="1:53" x14ac:dyDescent="0.4">
      <c r="A3">
        <v>47</v>
      </c>
      <c r="B3" s="1">
        <v>42422</v>
      </c>
      <c r="C3">
        <v>1</v>
      </c>
      <c r="D3" s="1">
        <v>42422.291666666664</v>
      </c>
      <c r="E3" s="1">
        <v>42422.953472222223</v>
      </c>
      <c r="F3">
        <v>52500</v>
      </c>
      <c r="G3">
        <v>3920</v>
      </c>
      <c r="H3">
        <v>0</v>
      </c>
      <c r="I3">
        <v>0</v>
      </c>
      <c r="J3">
        <v>0</v>
      </c>
      <c r="K3">
        <v>0</v>
      </c>
      <c r="L3">
        <v>0</v>
      </c>
      <c r="M3">
        <v>4176</v>
      </c>
      <c r="N3">
        <v>0</v>
      </c>
      <c r="O3">
        <v>0</v>
      </c>
      <c r="P3">
        <v>21200</v>
      </c>
      <c r="Q3">
        <v>0</v>
      </c>
      <c r="R3">
        <v>77620</v>
      </c>
      <c r="S3">
        <v>0</v>
      </c>
      <c r="T3">
        <v>0</v>
      </c>
      <c r="U3">
        <v>0</v>
      </c>
      <c r="V3">
        <v>4</v>
      </c>
      <c r="W3">
        <v>1</v>
      </c>
      <c r="X3">
        <v>0</v>
      </c>
      <c r="Y3">
        <v>37</v>
      </c>
      <c r="Z3">
        <v>31</v>
      </c>
      <c r="AA3">
        <v>156</v>
      </c>
      <c r="AB3">
        <v>89</v>
      </c>
      <c r="AC3">
        <v>114</v>
      </c>
      <c r="AD3">
        <v>1</v>
      </c>
      <c r="AE3">
        <v>5</v>
      </c>
      <c r="AF3">
        <v>8920</v>
      </c>
      <c r="AG3">
        <v>127620</v>
      </c>
      <c r="AH3">
        <v>50000</v>
      </c>
      <c r="AI3">
        <v>0</v>
      </c>
      <c r="AJ3">
        <v>101</v>
      </c>
      <c r="AK3" t="s">
        <v>1</v>
      </c>
      <c r="AL3">
        <v>0</v>
      </c>
      <c r="AM3">
        <v>0</v>
      </c>
      <c r="AN3">
        <v>0</v>
      </c>
      <c r="AO3">
        <v>0</v>
      </c>
      <c r="AP3">
        <v>0</v>
      </c>
      <c r="AQ3">
        <v>0</v>
      </c>
      <c r="AR3">
        <v>0</v>
      </c>
      <c r="AS3">
        <v>0</v>
      </c>
      <c r="AT3">
        <v>0</v>
      </c>
      <c r="AU3">
        <v>0</v>
      </c>
      <c r="AV3">
        <v>0</v>
      </c>
      <c r="AW3">
        <v>0</v>
      </c>
      <c r="AX3">
        <v>0</v>
      </c>
      <c r="AY3">
        <v>0</v>
      </c>
      <c r="AZ3">
        <v>0</v>
      </c>
      <c r="BA3">
        <v>0</v>
      </c>
    </row>
    <row r="4" spans="1:53" x14ac:dyDescent="0.4">
      <c r="A4">
        <v>48</v>
      </c>
      <c r="B4" s="1">
        <v>42453</v>
      </c>
      <c r="C4">
        <v>1</v>
      </c>
      <c r="D4" s="1">
        <v>42453.291666666664</v>
      </c>
      <c r="E4" s="1">
        <v>42453.947916666664</v>
      </c>
      <c r="F4">
        <v>85700</v>
      </c>
      <c r="G4">
        <v>7880</v>
      </c>
      <c r="H4">
        <v>0</v>
      </c>
      <c r="I4">
        <v>0</v>
      </c>
      <c r="J4">
        <v>0</v>
      </c>
      <c r="K4">
        <v>0</v>
      </c>
      <c r="L4">
        <v>0</v>
      </c>
      <c r="M4">
        <v>6928</v>
      </c>
      <c r="N4">
        <v>0</v>
      </c>
      <c r="O4">
        <v>0</v>
      </c>
      <c r="P4">
        <v>2400</v>
      </c>
      <c r="Q4">
        <v>0</v>
      </c>
      <c r="R4">
        <v>95980</v>
      </c>
      <c r="S4">
        <v>0</v>
      </c>
      <c r="T4">
        <v>0</v>
      </c>
      <c r="U4">
        <v>0</v>
      </c>
      <c r="V4">
        <v>3</v>
      </c>
      <c r="W4">
        <v>1</v>
      </c>
      <c r="X4">
        <v>0</v>
      </c>
      <c r="Y4">
        <v>68</v>
      </c>
      <c r="Z4">
        <v>32</v>
      </c>
      <c r="AA4">
        <v>188</v>
      </c>
      <c r="AB4">
        <v>65</v>
      </c>
      <c r="AC4">
        <v>133</v>
      </c>
      <c r="AD4">
        <v>0</v>
      </c>
      <c r="AE4">
        <v>0</v>
      </c>
      <c r="AF4">
        <v>3600</v>
      </c>
      <c r="AG4">
        <v>145980</v>
      </c>
      <c r="AH4">
        <v>50000</v>
      </c>
      <c r="AI4">
        <v>0</v>
      </c>
      <c r="AJ4">
        <v>1</v>
      </c>
      <c r="AK4" t="s">
        <v>2</v>
      </c>
      <c r="AL4">
        <v>0</v>
      </c>
      <c r="AM4">
        <v>0</v>
      </c>
      <c r="AN4">
        <v>0</v>
      </c>
      <c r="AO4">
        <v>0</v>
      </c>
      <c r="AP4">
        <v>0</v>
      </c>
      <c r="AQ4">
        <v>0</v>
      </c>
      <c r="AR4">
        <v>0</v>
      </c>
      <c r="AS4">
        <v>0</v>
      </c>
      <c r="AT4">
        <v>0</v>
      </c>
      <c r="AU4">
        <v>0</v>
      </c>
      <c r="AV4">
        <v>0</v>
      </c>
      <c r="AW4">
        <v>0</v>
      </c>
      <c r="AX4">
        <v>0</v>
      </c>
      <c r="AY4">
        <v>0</v>
      </c>
      <c r="AZ4">
        <v>0</v>
      </c>
      <c r="BA4">
        <v>0</v>
      </c>
    </row>
    <row r="5" spans="1:53" x14ac:dyDescent="0.4">
      <c r="A5">
        <v>49</v>
      </c>
      <c r="B5" s="1">
        <v>42456</v>
      </c>
      <c r="C5">
        <v>1</v>
      </c>
      <c r="D5" s="1">
        <v>42456.291666666664</v>
      </c>
      <c r="E5" s="1">
        <v>42456.947916666664</v>
      </c>
      <c r="F5">
        <v>89700</v>
      </c>
      <c r="G5">
        <v>4650</v>
      </c>
      <c r="H5">
        <v>0</v>
      </c>
      <c r="I5">
        <v>0</v>
      </c>
      <c r="J5">
        <v>2000</v>
      </c>
      <c r="K5">
        <v>0</v>
      </c>
      <c r="L5">
        <v>0</v>
      </c>
      <c r="M5">
        <v>6837</v>
      </c>
      <c r="N5">
        <v>0</v>
      </c>
      <c r="O5">
        <v>0</v>
      </c>
      <c r="P5">
        <v>35100</v>
      </c>
      <c r="Q5">
        <v>0</v>
      </c>
      <c r="R5">
        <v>127450</v>
      </c>
      <c r="S5">
        <v>0</v>
      </c>
      <c r="T5">
        <v>0</v>
      </c>
      <c r="U5">
        <v>0</v>
      </c>
      <c r="V5">
        <v>7</v>
      </c>
      <c r="W5">
        <v>2</v>
      </c>
      <c r="X5">
        <v>0</v>
      </c>
      <c r="Y5">
        <v>55</v>
      </c>
      <c r="Z5">
        <v>31</v>
      </c>
      <c r="AA5">
        <v>112</v>
      </c>
      <c r="AB5">
        <v>84</v>
      </c>
      <c r="AC5">
        <v>131</v>
      </c>
      <c r="AD5">
        <v>8</v>
      </c>
      <c r="AE5">
        <v>0</v>
      </c>
      <c r="AF5">
        <v>10300</v>
      </c>
      <c r="AG5">
        <v>177550</v>
      </c>
      <c r="AH5">
        <v>50000</v>
      </c>
      <c r="AI5">
        <v>100</v>
      </c>
      <c r="AJ5">
        <v>1</v>
      </c>
      <c r="AK5" t="s">
        <v>2</v>
      </c>
      <c r="AL5">
        <v>0</v>
      </c>
      <c r="AM5">
        <v>0</v>
      </c>
      <c r="AN5">
        <v>0</v>
      </c>
      <c r="AO5">
        <v>0</v>
      </c>
      <c r="AP5">
        <v>0</v>
      </c>
      <c r="AQ5">
        <v>0</v>
      </c>
      <c r="AR5">
        <v>0</v>
      </c>
      <c r="AS5">
        <v>0</v>
      </c>
      <c r="AT5">
        <v>0</v>
      </c>
      <c r="AU5">
        <v>0</v>
      </c>
      <c r="AV5">
        <v>0</v>
      </c>
      <c r="AW5">
        <v>0</v>
      </c>
      <c r="AX5">
        <v>0</v>
      </c>
      <c r="AY5">
        <v>0</v>
      </c>
      <c r="AZ5">
        <v>0</v>
      </c>
      <c r="BA5">
        <v>0</v>
      </c>
    </row>
    <row r="6" spans="1:53" x14ac:dyDescent="0.4">
      <c r="A6">
        <v>50</v>
      </c>
      <c r="B6" s="1">
        <v>42466</v>
      </c>
      <c r="C6">
        <v>1</v>
      </c>
      <c r="D6" s="1">
        <v>42466.291666666664</v>
      </c>
      <c r="E6" s="1">
        <v>42466.955555555556</v>
      </c>
      <c r="F6">
        <v>65220</v>
      </c>
      <c r="G6">
        <v>9320</v>
      </c>
      <c r="H6">
        <v>0</v>
      </c>
      <c r="I6">
        <v>0</v>
      </c>
      <c r="J6">
        <v>1000</v>
      </c>
      <c r="K6">
        <v>0</v>
      </c>
      <c r="L6">
        <v>0</v>
      </c>
      <c r="M6">
        <v>5444</v>
      </c>
      <c r="N6">
        <v>0</v>
      </c>
      <c r="O6">
        <v>0</v>
      </c>
      <c r="P6">
        <v>2800</v>
      </c>
      <c r="Q6">
        <v>0</v>
      </c>
      <c r="R6">
        <v>76340</v>
      </c>
      <c r="S6">
        <v>0</v>
      </c>
      <c r="T6">
        <v>0</v>
      </c>
      <c r="U6">
        <v>0</v>
      </c>
      <c r="V6">
        <v>0</v>
      </c>
      <c r="W6">
        <v>3</v>
      </c>
      <c r="X6">
        <v>0</v>
      </c>
      <c r="Y6">
        <v>75</v>
      </c>
      <c r="Z6">
        <v>26</v>
      </c>
      <c r="AA6">
        <v>191</v>
      </c>
      <c r="AB6">
        <v>64</v>
      </c>
      <c r="AC6">
        <v>102</v>
      </c>
      <c r="AD6">
        <v>3</v>
      </c>
      <c r="AE6">
        <v>5</v>
      </c>
      <c r="AF6">
        <v>0</v>
      </c>
      <c r="AG6">
        <v>126340</v>
      </c>
      <c r="AH6">
        <v>50000</v>
      </c>
      <c r="AI6">
        <v>0</v>
      </c>
      <c r="AJ6">
        <v>101</v>
      </c>
      <c r="AK6" t="s">
        <v>1</v>
      </c>
      <c r="AL6">
        <v>0</v>
      </c>
      <c r="AM6">
        <v>0</v>
      </c>
      <c r="AN6">
        <v>0</v>
      </c>
      <c r="AO6">
        <v>0</v>
      </c>
      <c r="AP6">
        <v>0</v>
      </c>
      <c r="AQ6">
        <v>0</v>
      </c>
      <c r="AR6">
        <v>0</v>
      </c>
      <c r="AS6">
        <v>0</v>
      </c>
      <c r="AT6">
        <v>0</v>
      </c>
      <c r="AU6">
        <v>0</v>
      </c>
      <c r="AV6">
        <v>0</v>
      </c>
      <c r="AW6">
        <v>0</v>
      </c>
      <c r="AX6">
        <v>0</v>
      </c>
      <c r="AY6">
        <v>0</v>
      </c>
      <c r="AZ6">
        <v>0</v>
      </c>
      <c r="BA6">
        <v>0</v>
      </c>
    </row>
    <row r="7" spans="1:53" x14ac:dyDescent="0.4">
      <c r="A7">
        <v>51</v>
      </c>
      <c r="B7" s="1">
        <v>42468</v>
      </c>
      <c r="C7">
        <v>1</v>
      </c>
      <c r="D7" s="1">
        <v>42468.291666666664</v>
      </c>
      <c r="E7" s="1">
        <v>42468.95416666667</v>
      </c>
      <c r="F7">
        <v>69200</v>
      </c>
      <c r="G7">
        <v>8990</v>
      </c>
      <c r="H7">
        <v>0</v>
      </c>
      <c r="I7">
        <v>0</v>
      </c>
      <c r="J7">
        <v>1000</v>
      </c>
      <c r="K7">
        <v>1200</v>
      </c>
      <c r="L7">
        <v>0</v>
      </c>
      <c r="M7">
        <v>5804</v>
      </c>
      <c r="N7">
        <v>0</v>
      </c>
      <c r="O7">
        <v>0</v>
      </c>
      <c r="P7">
        <v>9000</v>
      </c>
      <c r="Q7">
        <v>0</v>
      </c>
      <c r="R7">
        <v>87390</v>
      </c>
      <c r="S7">
        <v>0</v>
      </c>
      <c r="T7">
        <v>0</v>
      </c>
      <c r="U7">
        <v>0</v>
      </c>
      <c r="V7">
        <v>6</v>
      </c>
      <c r="W7">
        <v>1</v>
      </c>
      <c r="X7">
        <v>0</v>
      </c>
      <c r="Y7">
        <v>38</v>
      </c>
      <c r="Z7">
        <v>26</v>
      </c>
      <c r="AA7">
        <v>77</v>
      </c>
      <c r="AB7">
        <v>56</v>
      </c>
      <c r="AC7">
        <v>106</v>
      </c>
      <c r="AD7">
        <v>5</v>
      </c>
      <c r="AE7">
        <v>5</v>
      </c>
      <c r="AF7">
        <v>10800</v>
      </c>
      <c r="AG7">
        <v>138390</v>
      </c>
      <c r="AH7">
        <v>50000</v>
      </c>
      <c r="AI7">
        <v>1000</v>
      </c>
      <c r="AJ7">
        <v>101</v>
      </c>
      <c r="AK7" t="s">
        <v>1</v>
      </c>
      <c r="AL7">
        <v>0</v>
      </c>
      <c r="AM7">
        <v>0</v>
      </c>
      <c r="AN7">
        <v>0</v>
      </c>
      <c r="AO7">
        <v>0</v>
      </c>
      <c r="AP7">
        <v>0</v>
      </c>
      <c r="AQ7">
        <v>0</v>
      </c>
      <c r="AR7">
        <v>0</v>
      </c>
      <c r="AS7">
        <v>0</v>
      </c>
      <c r="AT7">
        <v>0</v>
      </c>
      <c r="AU7">
        <v>0</v>
      </c>
      <c r="AV7">
        <v>0</v>
      </c>
      <c r="AW7">
        <v>0</v>
      </c>
      <c r="AX7">
        <v>0</v>
      </c>
      <c r="AY7">
        <v>0</v>
      </c>
      <c r="AZ7">
        <v>0</v>
      </c>
      <c r="BA7">
        <v>0</v>
      </c>
    </row>
    <row r="8" spans="1:53" x14ac:dyDescent="0.4">
      <c r="A8">
        <v>52</v>
      </c>
      <c r="B8" s="1">
        <v>42827</v>
      </c>
      <c r="C8">
        <v>1</v>
      </c>
      <c r="D8" s="1">
        <v>42827.291666666664</v>
      </c>
      <c r="E8" s="1">
        <v>42828.082638888889</v>
      </c>
      <c r="F8">
        <v>113600</v>
      </c>
      <c r="G8">
        <v>14530</v>
      </c>
      <c r="H8">
        <v>0</v>
      </c>
      <c r="I8">
        <v>0</v>
      </c>
      <c r="J8">
        <v>0</v>
      </c>
      <c r="K8">
        <v>0</v>
      </c>
      <c r="L8">
        <v>0</v>
      </c>
      <c r="M8">
        <v>10250</v>
      </c>
      <c r="N8">
        <v>0</v>
      </c>
      <c r="O8">
        <v>0</v>
      </c>
      <c r="P8">
        <v>39960</v>
      </c>
      <c r="Q8">
        <v>0</v>
      </c>
      <c r="R8">
        <v>178340</v>
      </c>
      <c r="S8">
        <v>0</v>
      </c>
      <c r="T8">
        <v>0</v>
      </c>
      <c r="U8">
        <v>0</v>
      </c>
      <c r="V8">
        <v>4</v>
      </c>
      <c r="W8">
        <v>7</v>
      </c>
      <c r="X8">
        <v>0</v>
      </c>
      <c r="Y8">
        <v>91</v>
      </c>
      <c r="Z8">
        <v>29</v>
      </c>
      <c r="AA8">
        <v>161</v>
      </c>
      <c r="AB8">
        <v>21</v>
      </c>
      <c r="AC8">
        <v>264</v>
      </c>
      <c r="AD8">
        <v>14</v>
      </c>
      <c r="AE8">
        <v>134</v>
      </c>
      <c r="AF8">
        <v>27846</v>
      </c>
      <c r="AG8">
        <v>228340</v>
      </c>
      <c r="AH8">
        <v>50000</v>
      </c>
      <c r="AI8">
        <v>0</v>
      </c>
      <c r="AJ8">
        <v>1</v>
      </c>
      <c r="AK8" t="s">
        <v>3</v>
      </c>
      <c r="AL8">
        <v>0</v>
      </c>
      <c r="AM8">
        <v>0</v>
      </c>
      <c r="AN8">
        <v>0</v>
      </c>
      <c r="AO8">
        <v>0</v>
      </c>
      <c r="AP8">
        <v>0</v>
      </c>
      <c r="AQ8">
        <v>0</v>
      </c>
      <c r="AR8">
        <v>0</v>
      </c>
      <c r="AS8">
        <v>0</v>
      </c>
      <c r="AT8">
        <v>0</v>
      </c>
      <c r="AU8">
        <v>0</v>
      </c>
      <c r="AV8">
        <v>0</v>
      </c>
      <c r="AW8">
        <v>0</v>
      </c>
      <c r="AX8">
        <v>5940</v>
      </c>
      <c r="AY8">
        <v>71</v>
      </c>
      <c r="AZ8">
        <v>173</v>
      </c>
      <c r="BA8">
        <v>11340</v>
      </c>
    </row>
    <row r="9" spans="1:53" x14ac:dyDescent="0.4">
      <c r="A9">
        <v>53</v>
      </c>
      <c r="B9" s="1">
        <v>42828</v>
      </c>
      <c r="C9">
        <v>1</v>
      </c>
      <c r="D9" s="1">
        <v>42828.291666666664</v>
      </c>
      <c r="E9" s="1">
        <v>42828.74722222222</v>
      </c>
      <c r="F9">
        <v>45250</v>
      </c>
      <c r="G9">
        <v>2170</v>
      </c>
      <c r="H9">
        <v>0</v>
      </c>
      <c r="I9">
        <v>0</v>
      </c>
      <c r="J9">
        <v>0</v>
      </c>
      <c r="K9">
        <v>0</v>
      </c>
      <c r="L9">
        <v>0</v>
      </c>
      <c r="M9">
        <v>3793</v>
      </c>
      <c r="N9">
        <v>0</v>
      </c>
      <c r="O9">
        <v>0</v>
      </c>
      <c r="P9">
        <v>16740</v>
      </c>
      <c r="Q9">
        <v>0</v>
      </c>
      <c r="R9">
        <v>67953</v>
      </c>
      <c r="S9">
        <v>0</v>
      </c>
      <c r="T9">
        <v>0</v>
      </c>
      <c r="U9">
        <v>0</v>
      </c>
      <c r="V9">
        <v>0</v>
      </c>
      <c r="W9">
        <v>5</v>
      </c>
      <c r="X9">
        <v>0</v>
      </c>
      <c r="Y9">
        <v>59</v>
      </c>
      <c r="Z9">
        <v>32</v>
      </c>
      <c r="AA9">
        <v>136</v>
      </c>
      <c r="AB9">
        <v>35</v>
      </c>
      <c r="AC9">
        <v>236</v>
      </c>
      <c r="AD9">
        <v>19</v>
      </c>
      <c r="AE9">
        <v>148</v>
      </c>
      <c r="AF9">
        <v>0</v>
      </c>
      <c r="AG9">
        <v>117953</v>
      </c>
      <c r="AH9">
        <v>50000</v>
      </c>
      <c r="AI9">
        <v>0</v>
      </c>
      <c r="AJ9">
        <v>96</v>
      </c>
      <c r="AK9" t="s">
        <v>4</v>
      </c>
      <c r="AL9">
        <v>0</v>
      </c>
      <c r="AM9">
        <v>0</v>
      </c>
      <c r="AN9">
        <v>0</v>
      </c>
      <c r="AO9">
        <v>0</v>
      </c>
      <c r="AP9">
        <v>0</v>
      </c>
      <c r="AQ9">
        <v>0</v>
      </c>
      <c r="AR9">
        <v>0</v>
      </c>
      <c r="AS9">
        <v>0</v>
      </c>
      <c r="AT9">
        <v>0</v>
      </c>
      <c r="AU9">
        <v>0</v>
      </c>
      <c r="AV9">
        <v>0</v>
      </c>
      <c r="AW9">
        <v>0</v>
      </c>
      <c r="AX9">
        <v>-2700</v>
      </c>
      <c r="AY9">
        <v>52</v>
      </c>
      <c r="AZ9">
        <v>117</v>
      </c>
      <c r="BA9">
        <v>7652</v>
      </c>
    </row>
    <row r="10" spans="1:53" x14ac:dyDescent="0.4">
      <c r="A10">
        <v>54</v>
      </c>
      <c r="B10" s="1">
        <v>42828</v>
      </c>
      <c r="C10">
        <v>2</v>
      </c>
      <c r="D10" s="1">
        <v>42828.74722222222</v>
      </c>
      <c r="E10" s="1">
        <v>42828.966666666667</v>
      </c>
      <c r="F10">
        <v>89960</v>
      </c>
      <c r="G10">
        <v>6430</v>
      </c>
      <c r="H10">
        <v>0</v>
      </c>
      <c r="I10">
        <v>0</v>
      </c>
      <c r="J10">
        <v>0</v>
      </c>
      <c r="K10">
        <v>0</v>
      </c>
      <c r="L10">
        <v>0</v>
      </c>
      <c r="M10">
        <v>7711</v>
      </c>
      <c r="N10">
        <v>0</v>
      </c>
      <c r="O10">
        <v>0</v>
      </c>
      <c r="P10">
        <v>-11988</v>
      </c>
      <c r="Q10">
        <v>0</v>
      </c>
      <c r="R10">
        <v>92113</v>
      </c>
      <c r="S10">
        <v>0</v>
      </c>
      <c r="T10">
        <v>0</v>
      </c>
      <c r="U10">
        <v>0</v>
      </c>
      <c r="V10">
        <v>7</v>
      </c>
      <c r="W10">
        <v>9</v>
      </c>
      <c r="X10">
        <v>0</v>
      </c>
      <c r="Y10">
        <v>60</v>
      </c>
      <c r="Z10">
        <v>27</v>
      </c>
      <c r="AA10">
        <v>139</v>
      </c>
      <c r="AB10">
        <v>37</v>
      </c>
      <c r="AC10">
        <v>236</v>
      </c>
      <c r="AD10">
        <v>18</v>
      </c>
      <c r="AE10">
        <v>137</v>
      </c>
      <c r="AF10">
        <v>3229</v>
      </c>
      <c r="AG10">
        <v>210066</v>
      </c>
      <c r="AH10">
        <v>50000</v>
      </c>
      <c r="AI10">
        <v>0</v>
      </c>
      <c r="AJ10">
        <v>74</v>
      </c>
      <c r="AK10" t="s">
        <v>5</v>
      </c>
      <c r="AL10">
        <v>0</v>
      </c>
      <c r="AM10">
        <v>0</v>
      </c>
      <c r="AN10">
        <v>0</v>
      </c>
      <c r="AO10">
        <v>0</v>
      </c>
      <c r="AP10">
        <v>0</v>
      </c>
      <c r="AQ10">
        <v>0</v>
      </c>
      <c r="AR10">
        <v>0</v>
      </c>
      <c r="AS10">
        <v>0</v>
      </c>
      <c r="AT10">
        <v>0</v>
      </c>
      <c r="AU10">
        <v>0</v>
      </c>
      <c r="AV10">
        <v>0</v>
      </c>
      <c r="AW10">
        <v>0</v>
      </c>
      <c r="AX10">
        <v>15347</v>
      </c>
      <c r="AY10">
        <v>20</v>
      </c>
      <c r="AZ10">
        <v>77</v>
      </c>
      <c r="BA10">
        <v>3679</v>
      </c>
    </row>
    <row r="11" spans="1:53" x14ac:dyDescent="0.4">
      <c r="A11">
        <v>55</v>
      </c>
      <c r="B11" s="1">
        <v>42829</v>
      </c>
      <c r="C11">
        <v>1</v>
      </c>
      <c r="D11" s="1">
        <v>42829.291666666664</v>
      </c>
      <c r="E11" s="1">
        <v>42829.402777777781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</v>
      </c>
      <c r="O11">
        <v>0</v>
      </c>
      <c r="P11">
        <v>0</v>
      </c>
      <c r="Q11">
        <v>0</v>
      </c>
      <c r="R11">
        <v>0</v>
      </c>
      <c r="S11">
        <v>0</v>
      </c>
      <c r="T11">
        <v>0</v>
      </c>
      <c r="U11">
        <v>0</v>
      </c>
      <c r="V11">
        <v>0</v>
      </c>
      <c r="W11">
        <v>0</v>
      </c>
      <c r="X11">
        <v>0</v>
      </c>
      <c r="Y11">
        <v>24</v>
      </c>
      <c r="Z11">
        <v>18</v>
      </c>
      <c r="AA11">
        <v>125</v>
      </c>
      <c r="AB11">
        <v>40</v>
      </c>
      <c r="AC11">
        <v>228</v>
      </c>
      <c r="AD11">
        <v>15</v>
      </c>
      <c r="AE11">
        <v>145</v>
      </c>
      <c r="AF11">
        <v>0</v>
      </c>
      <c r="AG11">
        <v>50000</v>
      </c>
      <c r="AH11">
        <v>0</v>
      </c>
      <c r="AI11">
        <v>50000</v>
      </c>
      <c r="AJ11">
        <v>0</v>
      </c>
      <c r="AK11" t="s">
        <v>6</v>
      </c>
      <c r="AL11">
        <v>0</v>
      </c>
      <c r="AM11">
        <v>0</v>
      </c>
      <c r="AN11">
        <v>0</v>
      </c>
      <c r="AO11">
        <v>0</v>
      </c>
      <c r="AP11">
        <v>0</v>
      </c>
      <c r="AQ11">
        <v>0</v>
      </c>
      <c r="AR11">
        <v>0</v>
      </c>
      <c r="AS11">
        <v>0</v>
      </c>
      <c r="AT11">
        <v>0</v>
      </c>
      <c r="AU11">
        <v>0</v>
      </c>
      <c r="AV11">
        <v>0</v>
      </c>
      <c r="AW11">
        <v>0</v>
      </c>
      <c r="AX11">
        <v>0</v>
      </c>
      <c r="AY11">
        <v>0</v>
      </c>
      <c r="AZ11">
        <v>0</v>
      </c>
      <c r="BA11">
        <v>0</v>
      </c>
    </row>
    <row r="12" spans="1:53" x14ac:dyDescent="0.4">
      <c r="A12">
        <v>56</v>
      </c>
      <c r="B12" s="1">
        <v>42829</v>
      </c>
      <c r="C12">
        <v>2</v>
      </c>
      <c r="D12" s="1">
        <v>42829.402777777781</v>
      </c>
      <c r="E12" s="1">
        <v>42829.761111111111</v>
      </c>
      <c r="F12">
        <v>44000</v>
      </c>
      <c r="G12">
        <v>4590</v>
      </c>
      <c r="H12">
        <v>0</v>
      </c>
      <c r="I12">
        <v>0</v>
      </c>
      <c r="J12">
        <v>0</v>
      </c>
      <c r="K12">
        <v>0</v>
      </c>
      <c r="L12">
        <v>0</v>
      </c>
      <c r="M12">
        <v>3886</v>
      </c>
      <c r="N12">
        <v>0</v>
      </c>
      <c r="O12">
        <v>0</v>
      </c>
      <c r="P12">
        <v>10800</v>
      </c>
      <c r="Q12">
        <v>0</v>
      </c>
      <c r="R12">
        <v>63276</v>
      </c>
      <c r="S12">
        <v>0</v>
      </c>
      <c r="T12">
        <v>0</v>
      </c>
      <c r="U12">
        <v>0</v>
      </c>
      <c r="V12">
        <v>0</v>
      </c>
      <c r="W12">
        <v>6</v>
      </c>
      <c r="X12">
        <v>0</v>
      </c>
      <c r="Y12">
        <v>36</v>
      </c>
      <c r="Z12">
        <v>42</v>
      </c>
      <c r="AA12">
        <v>198</v>
      </c>
      <c r="AB12">
        <v>51</v>
      </c>
      <c r="AC12">
        <v>365</v>
      </c>
      <c r="AD12">
        <v>17</v>
      </c>
      <c r="AE12">
        <v>141</v>
      </c>
      <c r="AF12">
        <v>0</v>
      </c>
      <c r="AG12">
        <v>113226</v>
      </c>
      <c r="AH12">
        <v>50000</v>
      </c>
      <c r="AI12">
        <v>-50</v>
      </c>
      <c r="AJ12">
        <v>100</v>
      </c>
      <c r="AK12" t="s">
        <v>0</v>
      </c>
      <c r="AL12">
        <v>0</v>
      </c>
      <c r="AM12">
        <v>0</v>
      </c>
      <c r="AN12">
        <v>0</v>
      </c>
      <c r="AO12">
        <v>0</v>
      </c>
      <c r="AP12">
        <v>0</v>
      </c>
      <c r="AQ12">
        <v>0</v>
      </c>
      <c r="AR12">
        <v>0</v>
      </c>
      <c r="AS12">
        <v>0</v>
      </c>
      <c r="AT12">
        <v>0</v>
      </c>
      <c r="AU12">
        <v>0</v>
      </c>
      <c r="AV12">
        <v>0</v>
      </c>
      <c r="AW12">
        <v>0</v>
      </c>
      <c r="AX12">
        <v>0</v>
      </c>
      <c r="AY12">
        <v>42</v>
      </c>
      <c r="AZ12">
        <v>100</v>
      </c>
      <c r="BA12">
        <v>7053</v>
      </c>
    </row>
    <row r="13" spans="1:53" x14ac:dyDescent="0.4">
      <c r="A13">
        <v>57</v>
      </c>
      <c r="B13" s="1">
        <v>42830</v>
      </c>
      <c r="C13">
        <v>1</v>
      </c>
      <c r="D13" s="1">
        <v>42830.291666666664</v>
      </c>
      <c r="E13" s="1">
        <v>42830.750694444447</v>
      </c>
      <c r="F13">
        <v>35750</v>
      </c>
      <c r="G13">
        <v>3430</v>
      </c>
      <c r="H13">
        <v>0</v>
      </c>
      <c r="I13">
        <v>0</v>
      </c>
      <c r="J13">
        <v>0</v>
      </c>
      <c r="K13">
        <v>0</v>
      </c>
      <c r="L13">
        <v>0</v>
      </c>
      <c r="M13">
        <v>3134</v>
      </c>
      <c r="N13">
        <v>0</v>
      </c>
      <c r="O13">
        <v>0</v>
      </c>
      <c r="P13">
        <v>8100</v>
      </c>
      <c r="Q13">
        <v>0</v>
      </c>
      <c r="R13">
        <v>50414</v>
      </c>
      <c r="S13">
        <v>0</v>
      </c>
      <c r="T13">
        <v>0</v>
      </c>
      <c r="U13">
        <v>0</v>
      </c>
      <c r="V13">
        <v>1</v>
      </c>
      <c r="W13">
        <v>1</v>
      </c>
      <c r="X13">
        <v>0</v>
      </c>
      <c r="Y13">
        <v>44</v>
      </c>
      <c r="Z13">
        <v>50</v>
      </c>
      <c r="AA13">
        <v>71</v>
      </c>
      <c r="AB13">
        <v>32</v>
      </c>
      <c r="AC13">
        <v>147</v>
      </c>
      <c r="AD13">
        <v>12</v>
      </c>
      <c r="AE13">
        <v>122</v>
      </c>
      <c r="AF13">
        <v>6062</v>
      </c>
      <c r="AG13">
        <v>100414</v>
      </c>
      <c r="AH13">
        <v>50000</v>
      </c>
      <c r="AI13">
        <v>0</v>
      </c>
      <c r="AJ13">
        <v>96</v>
      </c>
      <c r="AK13" t="s">
        <v>4</v>
      </c>
      <c r="AL13">
        <v>0</v>
      </c>
      <c r="AM13">
        <v>0</v>
      </c>
      <c r="AN13">
        <v>0</v>
      </c>
      <c r="AO13">
        <v>0</v>
      </c>
      <c r="AP13">
        <v>0</v>
      </c>
      <c r="AQ13">
        <v>0</v>
      </c>
      <c r="AR13">
        <v>0</v>
      </c>
      <c r="AS13">
        <v>0</v>
      </c>
      <c r="AT13">
        <v>0</v>
      </c>
      <c r="AU13">
        <v>0</v>
      </c>
      <c r="AV13">
        <v>0</v>
      </c>
      <c r="AW13">
        <v>0</v>
      </c>
      <c r="AX13">
        <v>-540</v>
      </c>
      <c r="AY13">
        <v>36</v>
      </c>
      <c r="AZ13">
        <v>79</v>
      </c>
      <c r="BA13">
        <v>6118</v>
      </c>
    </row>
    <row r="14" spans="1:53" x14ac:dyDescent="0.4">
      <c r="A14">
        <v>58</v>
      </c>
      <c r="B14" s="1">
        <v>42830</v>
      </c>
      <c r="C14">
        <v>2</v>
      </c>
      <c r="D14" s="1">
        <v>42830.750694444447</v>
      </c>
      <c r="E14" s="1">
        <v>42830.952777777777</v>
      </c>
      <c r="F14">
        <v>27320</v>
      </c>
      <c r="G14">
        <v>680</v>
      </c>
      <c r="H14">
        <v>0</v>
      </c>
      <c r="I14">
        <v>0</v>
      </c>
      <c r="J14">
        <v>0</v>
      </c>
      <c r="K14">
        <v>0</v>
      </c>
      <c r="L14">
        <v>0</v>
      </c>
      <c r="M14">
        <v>2240</v>
      </c>
      <c r="N14">
        <v>0</v>
      </c>
      <c r="O14">
        <v>0</v>
      </c>
      <c r="P14">
        <v>-3888</v>
      </c>
      <c r="Q14">
        <v>0</v>
      </c>
      <c r="R14">
        <v>26352</v>
      </c>
      <c r="S14">
        <v>0</v>
      </c>
      <c r="T14">
        <v>0</v>
      </c>
      <c r="U14">
        <v>0</v>
      </c>
      <c r="V14">
        <v>3</v>
      </c>
      <c r="W14">
        <v>1</v>
      </c>
      <c r="X14">
        <v>0</v>
      </c>
      <c r="Y14">
        <v>47</v>
      </c>
      <c r="Z14">
        <v>53</v>
      </c>
      <c r="AA14">
        <v>64</v>
      </c>
      <c r="AB14">
        <v>34</v>
      </c>
      <c r="AC14">
        <v>151</v>
      </c>
      <c r="AD14">
        <v>14</v>
      </c>
      <c r="AE14">
        <v>126</v>
      </c>
      <c r="AF14">
        <v>8460</v>
      </c>
      <c r="AG14">
        <v>126766</v>
      </c>
      <c r="AH14">
        <v>50000</v>
      </c>
      <c r="AI14">
        <v>0</v>
      </c>
      <c r="AJ14">
        <v>93</v>
      </c>
      <c r="AK14" t="s">
        <v>7</v>
      </c>
      <c r="AL14">
        <v>0</v>
      </c>
      <c r="AM14">
        <v>0</v>
      </c>
      <c r="AN14">
        <v>0</v>
      </c>
      <c r="AO14">
        <v>0</v>
      </c>
      <c r="AP14">
        <v>0</v>
      </c>
      <c r="AQ14">
        <v>0</v>
      </c>
      <c r="AR14">
        <v>0</v>
      </c>
      <c r="AS14">
        <v>0</v>
      </c>
      <c r="AT14">
        <v>0</v>
      </c>
      <c r="AU14">
        <v>0</v>
      </c>
      <c r="AV14">
        <v>0</v>
      </c>
      <c r="AW14">
        <v>0</v>
      </c>
      <c r="AX14">
        <v>29160</v>
      </c>
      <c r="AY14">
        <v>13</v>
      </c>
      <c r="AZ14">
        <v>40</v>
      </c>
      <c r="BA14">
        <v>2077</v>
      </c>
    </row>
    <row r="15" spans="1:53" x14ac:dyDescent="0.4">
      <c r="A15">
        <v>59</v>
      </c>
      <c r="B15" s="1">
        <v>42831</v>
      </c>
      <c r="C15">
        <v>1</v>
      </c>
      <c r="D15" s="1">
        <v>42831.291666666664</v>
      </c>
      <c r="E15" s="1">
        <v>42831.745138888888</v>
      </c>
      <c r="F15">
        <v>27500</v>
      </c>
      <c r="G15">
        <v>1820</v>
      </c>
      <c r="H15">
        <v>0</v>
      </c>
      <c r="I15">
        <v>0</v>
      </c>
      <c r="J15">
        <v>0</v>
      </c>
      <c r="K15">
        <v>0</v>
      </c>
      <c r="L15">
        <v>0</v>
      </c>
      <c r="M15">
        <v>2345</v>
      </c>
      <c r="N15">
        <v>0</v>
      </c>
      <c r="O15">
        <v>0</v>
      </c>
      <c r="P15">
        <v>16740</v>
      </c>
      <c r="Q15">
        <v>0</v>
      </c>
      <c r="R15">
        <v>48405</v>
      </c>
      <c r="S15">
        <v>0</v>
      </c>
      <c r="T15">
        <v>0</v>
      </c>
      <c r="U15">
        <v>0</v>
      </c>
      <c r="V15">
        <v>1</v>
      </c>
      <c r="W15">
        <v>1</v>
      </c>
      <c r="X15">
        <v>0</v>
      </c>
      <c r="Y15">
        <v>51</v>
      </c>
      <c r="Z15">
        <v>36</v>
      </c>
      <c r="AA15">
        <v>103</v>
      </c>
      <c r="AB15">
        <v>32</v>
      </c>
      <c r="AC15">
        <v>227</v>
      </c>
      <c r="AD15">
        <v>23</v>
      </c>
      <c r="AE15">
        <v>120</v>
      </c>
      <c r="AF15">
        <v>0</v>
      </c>
      <c r="AG15">
        <v>98405</v>
      </c>
      <c r="AH15">
        <v>50000</v>
      </c>
      <c r="AI15">
        <v>0</v>
      </c>
      <c r="AJ15">
        <v>96</v>
      </c>
      <c r="AK15" t="s">
        <v>4</v>
      </c>
      <c r="AL15">
        <v>0</v>
      </c>
      <c r="AM15">
        <v>0</v>
      </c>
      <c r="AN15">
        <v>0</v>
      </c>
      <c r="AO15">
        <v>0</v>
      </c>
      <c r="AP15">
        <v>0</v>
      </c>
      <c r="AQ15">
        <v>0</v>
      </c>
      <c r="AR15">
        <v>0</v>
      </c>
      <c r="AS15">
        <v>0</v>
      </c>
      <c r="AT15">
        <v>0</v>
      </c>
      <c r="AU15">
        <v>0</v>
      </c>
      <c r="AV15">
        <v>0</v>
      </c>
      <c r="AW15">
        <v>0</v>
      </c>
      <c r="AX15">
        <v>-1048</v>
      </c>
      <c r="AY15">
        <v>38</v>
      </c>
      <c r="AZ15">
        <v>86</v>
      </c>
      <c r="BA15">
        <v>5551</v>
      </c>
    </row>
    <row r="16" spans="1:53" x14ac:dyDescent="0.4">
      <c r="A16">
        <v>60</v>
      </c>
      <c r="B16" s="1">
        <v>42831</v>
      </c>
      <c r="C16">
        <v>2</v>
      </c>
      <c r="D16" s="1">
        <v>42831.745138888888</v>
      </c>
      <c r="E16" s="1">
        <v>42831.959722222222</v>
      </c>
      <c r="F16">
        <v>47030</v>
      </c>
      <c r="G16">
        <v>3080</v>
      </c>
      <c r="H16">
        <v>0</v>
      </c>
      <c r="I16">
        <v>0</v>
      </c>
      <c r="J16">
        <v>0</v>
      </c>
      <c r="K16">
        <v>0</v>
      </c>
      <c r="L16">
        <v>0</v>
      </c>
      <c r="M16">
        <v>4008</v>
      </c>
      <c r="N16">
        <v>0</v>
      </c>
      <c r="O16">
        <v>0</v>
      </c>
      <c r="P16">
        <v>-5076</v>
      </c>
      <c r="Q16">
        <v>0</v>
      </c>
      <c r="R16">
        <v>49042</v>
      </c>
      <c r="S16">
        <v>0</v>
      </c>
      <c r="T16">
        <v>0</v>
      </c>
      <c r="U16">
        <v>0</v>
      </c>
      <c r="V16">
        <v>7</v>
      </c>
      <c r="W16">
        <v>0</v>
      </c>
      <c r="X16">
        <v>0</v>
      </c>
      <c r="Y16">
        <v>47</v>
      </c>
      <c r="Z16">
        <v>34</v>
      </c>
      <c r="AA16">
        <v>95</v>
      </c>
      <c r="AB16">
        <v>32</v>
      </c>
      <c r="AC16">
        <v>214</v>
      </c>
      <c r="AD16">
        <v>19</v>
      </c>
      <c r="AE16">
        <v>112</v>
      </c>
      <c r="AF16">
        <v>0</v>
      </c>
      <c r="AG16">
        <v>147447</v>
      </c>
      <c r="AH16">
        <v>50000</v>
      </c>
      <c r="AI16">
        <v>0</v>
      </c>
      <c r="AJ16">
        <v>102</v>
      </c>
      <c r="AK16" t="s">
        <v>8</v>
      </c>
      <c r="AL16">
        <v>0</v>
      </c>
      <c r="AM16">
        <v>0</v>
      </c>
      <c r="AN16">
        <v>0</v>
      </c>
      <c r="AO16">
        <v>0</v>
      </c>
      <c r="AP16">
        <v>0</v>
      </c>
      <c r="AQ16">
        <v>0</v>
      </c>
      <c r="AR16">
        <v>0</v>
      </c>
      <c r="AS16">
        <v>0</v>
      </c>
      <c r="AT16">
        <v>0</v>
      </c>
      <c r="AU16">
        <v>0</v>
      </c>
      <c r="AV16">
        <v>0</v>
      </c>
      <c r="AW16">
        <v>0</v>
      </c>
      <c r="AX16">
        <v>34517</v>
      </c>
      <c r="AY16">
        <v>12</v>
      </c>
      <c r="AZ16">
        <v>61</v>
      </c>
      <c r="BA16">
        <v>2319</v>
      </c>
    </row>
    <row r="17" spans="1:53" x14ac:dyDescent="0.4">
      <c r="A17">
        <v>61</v>
      </c>
      <c r="B17" s="1">
        <v>42831</v>
      </c>
      <c r="C17">
        <v>3</v>
      </c>
      <c r="D17" s="1">
        <v>42831.959722222222</v>
      </c>
      <c r="E17" s="1">
        <v>42832.087500000001</v>
      </c>
      <c r="F17">
        <v>52960</v>
      </c>
      <c r="G17">
        <v>1020</v>
      </c>
      <c r="H17">
        <v>0</v>
      </c>
      <c r="I17">
        <v>0</v>
      </c>
      <c r="J17">
        <v>0</v>
      </c>
      <c r="K17">
        <v>0</v>
      </c>
      <c r="L17">
        <v>0</v>
      </c>
      <c r="M17">
        <v>4318</v>
      </c>
      <c r="N17">
        <v>0</v>
      </c>
      <c r="O17">
        <v>0</v>
      </c>
      <c r="P17">
        <v>-4104</v>
      </c>
      <c r="Q17">
        <v>0</v>
      </c>
      <c r="R17">
        <v>54194</v>
      </c>
      <c r="S17">
        <v>0</v>
      </c>
      <c r="T17">
        <v>0</v>
      </c>
      <c r="U17">
        <v>0</v>
      </c>
      <c r="V17">
        <v>12</v>
      </c>
      <c r="W17">
        <v>0</v>
      </c>
      <c r="X17">
        <v>0</v>
      </c>
      <c r="Y17">
        <v>51</v>
      </c>
      <c r="Z17">
        <v>35</v>
      </c>
      <c r="AA17">
        <v>92</v>
      </c>
      <c r="AB17">
        <v>31</v>
      </c>
      <c r="AC17">
        <v>218</v>
      </c>
      <c r="AD17">
        <v>20</v>
      </c>
      <c r="AE17">
        <v>111</v>
      </c>
      <c r="AF17">
        <v>0</v>
      </c>
      <c r="AG17">
        <v>201641</v>
      </c>
      <c r="AH17">
        <v>50000</v>
      </c>
      <c r="AI17">
        <v>0</v>
      </c>
      <c r="AJ17">
        <v>101</v>
      </c>
      <c r="AK17" t="s">
        <v>1</v>
      </c>
      <c r="AL17">
        <v>0</v>
      </c>
      <c r="AM17">
        <v>0</v>
      </c>
      <c r="AN17">
        <v>0</v>
      </c>
      <c r="AO17">
        <v>0</v>
      </c>
      <c r="AP17">
        <v>0</v>
      </c>
      <c r="AQ17">
        <v>0</v>
      </c>
      <c r="AR17">
        <v>0</v>
      </c>
      <c r="AS17">
        <v>0</v>
      </c>
      <c r="AT17">
        <v>0</v>
      </c>
      <c r="AU17">
        <v>0</v>
      </c>
      <c r="AV17">
        <v>0</v>
      </c>
      <c r="AW17">
        <v>0</v>
      </c>
      <c r="AX17">
        <v>1620</v>
      </c>
      <c r="AY17">
        <v>2</v>
      </c>
      <c r="AZ17">
        <v>5</v>
      </c>
      <c r="BA17">
        <v>435</v>
      </c>
    </row>
    <row r="18" spans="1:53" x14ac:dyDescent="0.4">
      <c r="A18">
        <v>62</v>
      </c>
      <c r="B18" s="1">
        <v>42832</v>
      </c>
      <c r="C18">
        <v>1</v>
      </c>
      <c r="D18" s="1">
        <v>42832.291666666664</v>
      </c>
      <c r="E18" s="1">
        <v>42832.453472222223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</v>
      </c>
      <c r="O18">
        <v>0</v>
      </c>
      <c r="P18">
        <v>0</v>
      </c>
      <c r="Q18">
        <v>0</v>
      </c>
      <c r="R18">
        <v>0</v>
      </c>
      <c r="S18">
        <v>0</v>
      </c>
      <c r="T18">
        <v>0</v>
      </c>
      <c r="U18">
        <v>0</v>
      </c>
      <c r="V18">
        <v>0</v>
      </c>
      <c r="W18">
        <v>0</v>
      </c>
      <c r="X18">
        <v>0</v>
      </c>
      <c r="Y18">
        <v>23</v>
      </c>
      <c r="Z18">
        <v>29</v>
      </c>
      <c r="AA18">
        <v>88</v>
      </c>
      <c r="AB18">
        <v>31</v>
      </c>
      <c r="AC18">
        <v>194</v>
      </c>
      <c r="AD18">
        <v>20</v>
      </c>
      <c r="AE18">
        <v>110</v>
      </c>
      <c r="AF18">
        <v>0</v>
      </c>
      <c r="AG18">
        <v>50000</v>
      </c>
      <c r="AH18">
        <v>0</v>
      </c>
      <c r="AI18">
        <v>50000</v>
      </c>
      <c r="AJ18">
        <v>0</v>
      </c>
      <c r="AK18" t="s">
        <v>6</v>
      </c>
      <c r="AL18">
        <v>0</v>
      </c>
      <c r="AM18">
        <v>0</v>
      </c>
      <c r="AN18">
        <v>0</v>
      </c>
      <c r="AO18">
        <v>0</v>
      </c>
      <c r="AP18">
        <v>0</v>
      </c>
      <c r="AQ18">
        <v>0</v>
      </c>
      <c r="AR18">
        <v>0</v>
      </c>
      <c r="AS18">
        <v>0</v>
      </c>
      <c r="AT18">
        <v>0</v>
      </c>
      <c r="AU18">
        <v>0</v>
      </c>
      <c r="AV18">
        <v>0</v>
      </c>
      <c r="AW18">
        <v>0</v>
      </c>
      <c r="AX18">
        <v>0</v>
      </c>
      <c r="AY18">
        <v>0</v>
      </c>
      <c r="AZ18">
        <v>0</v>
      </c>
      <c r="BA18">
        <v>0</v>
      </c>
    </row>
    <row r="19" spans="1:53" x14ac:dyDescent="0.4">
      <c r="A19">
        <v>63</v>
      </c>
      <c r="B19" s="1">
        <v>42832</v>
      </c>
      <c r="C19">
        <v>2</v>
      </c>
      <c r="D19" s="1">
        <v>42832.453472222223</v>
      </c>
      <c r="E19" s="1">
        <v>42832.984722222223</v>
      </c>
      <c r="F19">
        <v>221300</v>
      </c>
      <c r="G19">
        <v>17300</v>
      </c>
      <c r="H19">
        <v>0</v>
      </c>
      <c r="I19">
        <v>0</v>
      </c>
      <c r="J19">
        <v>1200</v>
      </c>
      <c r="K19">
        <v>0</v>
      </c>
      <c r="L19">
        <v>0</v>
      </c>
      <c r="M19">
        <v>18990</v>
      </c>
      <c r="N19">
        <v>0</v>
      </c>
      <c r="O19">
        <v>0</v>
      </c>
      <c r="P19">
        <v>13608</v>
      </c>
      <c r="Q19">
        <v>0</v>
      </c>
      <c r="R19">
        <v>269998</v>
      </c>
      <c r="S19">
        <v>0</v>
      </c>
      <c r="T19">
        <v>0</v>
      </c>
      <c r="U19">
        <v>0</v>
      </c>
      <c r="V19">
        <v>17</v>
      </c>
      <c r="W19">
        <v>8</v>
      </c>
      <c r="X19">
        <v>0</v>
      </c>
      <c r="Y19">
        <v>43</v>
      </c>
      <c r="Z19">
        <v>28</v>
      </c>
      <c r="AA19">
        <v>89</v>
      </c>
      <c r="AB19">
        <v>33</v>
      </c>
      <c r="AC19">
        <v>224</v>
      </c>
      <c r="AD19">
        <v>26</v>
      </c>
      <c r="AE19">
        <v>90</v>
      </c>
      <c r="AF19">
        <v>39988</v>
      </c>
      <c r="AG19">
        <v>319998</v>
      </c>
      <c r="AH19">
        <v>50000</v>
      </c>
      <c r="AI19">
        <v>0</v>
      </c>
      <c r="AJ19">
        <v>100</v>
      </c>
      <c r="AK19" t="s">
        <v>0</v>
      </c>
      <c r="AL19">
        <v>0</v>
      </c>
      <c r="AM19">
        <v>0</v>
      </c>
      <c r="AN19">
        <v>0</v>
      </c>
      <c r="AO19">
        <v>0</v>
      </c>
      <c r="AP19">
        <v>0</v>
      </c>
      <c r="AQ19">
        <v>0</v>
      </c>
      <c r="AR19">
        <v>0</v>
      </c>
      <c r="AS19">
        <v>0</v>
      </c>
      <c r="AT19">
        <v>0</v>
      </c>
      <c r="AU19">
        <v>0</v>
      </c>
      <c r="AV19">
        <v>0</v>
      </c>
      <c r="AW19">
        <v>0</v>
      </c>
      <c r="AX19">
        <v>75220</v>
      </c>
      <c r="AY19">
        <v>63</v>
      </c>
      <c r="AZ19">
        <v>235</v>
      </c>
      <c r="BA19">
        <v>8677</v>
      </c>
    </row>
    <row r="20" spans="1:53" x14ac:dyDescent="0.4">
      <c r="A20">
        <v>64</v>
      </c>
      <c r="B20" s="1">
        <v>42832</v>
      </c>
      <c r="C20">
        <v>3</v>
      </c>
      <c r="D20" s="1">
        <v>42832.984722222223</v>
      </c>
      <c r="E20" s="1">
        <v>42833.126388888886</v>
      </c>
      <c r="F20">
        <v>142800</v>
      </c>
      <c r="G20">
        <v>8440</v>
      </c>
      <c r="H20">
        <v>0</v>
      </c>
      <c r="I20">
        <v>0</v>
      </c>
      <c r="J20">
        <v>0</v>
      </c>
      <c r="K20">
        <v>3400</v>
      </c>
      <c r="L20">
        <v>0</v>
      </c>
      <c r="M20">
        <v>12371</v>
      </c>
      <c r="N20">
        <v>0</v>
      </c>
      <c r="O20">
        <v>0</v>
      </c>
      <c r="P20">
        <v>62510</v>
      </c>
      <c r="Q20">
        <v>0</v>
      </c>
      <c r="R20">
        <v>229521</v>
      </c>
      <c r="S20">
        <v>0</v>
      </c>
      <c r="T20">
        <v>0</v>
      </c>
      <c r="U20">
        <v>0</v>
      </c>
      <c r="V20">
        <v>26</v>
      </c>
      <c r="W20">
        <v>18</v>
      </c>
      <c r="X20">
        <v>0</v>
      </c>
      <c r="Y20">
        <v>121</v>
      </c>
      <c r="Z20">
        <v>28</v>
      </c>
      <c r="AA20">
        <v>122</v>
      </c>
      <c r="AB20">
        <v>30</v>
      </c>
      <c r="AC20">
        <v>208</v>
      </c>
      <c r="AD20">
        <v>23</v>
      </c>
      <c r="AE20">
        <v>96</v>
      </c>
      <c r="AF20">
        <v>39988</v>
      </c>
      <c r="AG20">
        <v>540979</v>
      </c>
      <c r="AH20">
        <v>50000</v>
      </c>
      <c r="AI20">
        <v>-8540</v>
      </c>
      <c r="AJ20">
        <v>1</v>
      </c>
      <c r="AK20" t="s">
        <v>3</v>
      </c>
      <c r="AL20">
        <v>0</v>
      </c>
      <c r="AM20">
        <v>0</v>
      </c>
      <c r="AN20">
        <v>0</v>
      </c>
      <c r="AO20">
        <v>0</v>
      </c>
      <c r="AP20">
        <v>0</v>
      </c>
      <c r="AQ20">
        <v>0</v>
      </c>
      <c r="AR20">
        <v>0</v>
      </c>
      <c r="AS20">
        <v>0</v>
      </c>
      <c r="AT20">
        <v>0</v>
      </c>
      <c r="AU20">
        <v>0</v>
      </c>
      <c r="AV20">
        <v>0</v>
      </c>
      <c r="AW20">
        <v>0</v>
      </c>
      <c r="AX20">
        <v>4946</v>
      </c>
      <c r="AY20">
        <v>19</v>
      </c>
      <c r="AZ20">
        <v>61</v>
      </c>
      <c r="BA20">
        <v>3278</v>
      </c>
    </row>
    <row r="21" spans="1:53" x14ac:dyDescent="0.4">
      <c r="A21">
        <v>65</v>
      </c>
      <c r="B21" s="1">
        <v>42832</v>
      </c>
      <c r="C21">
        <v>4</v>
      </c>
      <c r="D21" s="1">
        <v>42833.126388888886</v>
      </c>
      <c r="E21" s="1">
        <v>42833.129861111112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0</v>
      </c>
      <c r="O21">
        <v>0</v>
      </c>
      <c r="P21">
        <v>0</v>
      </c>
      <c r="Q21">
        <v>0</v>
      </c>
      <c r="R21">
        <v>0</v>
      </c>
      <c r="S21">
        <v>0</v>
      </c>
      <c r="T21">
        <v>0</v>
      </c>
      <c r="U21">
        <v>0</v>
      </c>
      <c r="V21">
        <v>26</v>
      </c>
      <c r="W21">
        <v>18</v>
      </c>
      <c r="X21">
        <v>0</v>
      </c>
      <c r="Y21">
        <v>121</v>
      </c>
      <c r="Z21">
        <v>28</v>
      </c>
      <c r="AA21">
        <v>122</v>
      </c>
      <c r="AB21">
        <v>30</v>
      </c>
      <c r="AC21">
        <v>198</v>
      </c>
      <c r="AD21">
        <v>23</v>
      </c>
      <c r="AE21">
        <v>96</v>
      </c>
      <c r="AF21">
        <v>48628</v>
      </c>
      <c r="AG21">
        <v>549519</v>
      </c>
      <c r="AH21">
        <v>50000</v>
      </c>
      <c r="AI21">
        <v>0</v>
      </c>
      <c r="AJ21">
        <v>105</v>
      </c>
      <c r="AL21">
        <v>0</v>
      </c>
      <c r="AM21">
        <v>0</v>
      </c>
      <c r="AN21">
        <v>0</v>
      </c>
      <c r="AO21">
        <v>0</v>
      </c>
      <c r="AP21">
        <v>0</v>
      </c>
      <c r="AQ21">
        <v>0</v>
      </c>
      <c r="AR21">
        <v>0</v>
      </c>
      <c r="AS21">
        <v>0</v>
      </c>
      <c r="AT21">
        <v>0</v>
      </c>
      <c r="AU21">
        <v>0</v>
      </c>
      <c r="AV21">
        <v>0</v>
      </c>
      <c r="AW21">
        <v>0</v>
      </c>
      <c r="AX21">
        <v>4946</v>
      </c>
      <c r="AY21">
        <v>0</v>
      </c>
      <c r="AZ21">
        <v>0</v>
      </c>
      <c r="BA21">
        <v>70</v>
      </c>
    </row>
    <row r="22" spans="1:53" x14ac:dyDescent="0.4">
      <c r="A22">
        <v>66</v>
      </c>
      <c r="B22" s="1">
        <v>42833</v>
      </c>
      <c r="C22">
        <v>1</v>
      </c>
      <c r="D22" s="1">
        <v>42833.291666666664</v>
      </c>
      <c r="E22" s="1">
        <v>42833.413194444445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0</v>
      </c>
      <c r="O22">
        <v>0</v>
      </c>
      <c r="P22">
        <v>0</v>
      </c>
      <c r="Q22">
        <v>0</v>
      </c>
      <c r="R22">
        <v>0</v>
      </c>
      <c r="S22">
        <v>0</v>
      </c>
      <c r="T22">
        <v>0</v>
      </c>
      <c r="U22">
        <v>0</v>
      </c>
      <c r="V22">
        <v>0</v>
      </c>
      <c r="W22">
        <v>1</v>
      </c>
      <c r="X22">
        <v>0</v>
      </c>
      <c r="Y22">
        <v>25</v>
      </c>
      <c r="Z22">
        <v>10</v>
      </c>
      <c r="AA22">
        <v>124</v>
      </c>
      <c r="AB22">
        <v>30</v>
      </c>
      <c r="AC22">
        <v>90</v>
      </c>
      <c r="AD22">
        <v>21</v>
      </c>
      <c r="AE22">
        <v>95</v>
      </c>
      <c r="AF22">
        <v>0</v>
      </c>
      <c r="AG22">
        <v>50000</v>
      </c>
      <c r="AH22">
        <v>0</v>
      </c>
      <c r="AI22">
        <v>50000</v>
      </c>
      <c r="AJ22">
        <v>0</v>
      </c>
      <c r="AK22" t="s">
        <v>6</v>
      </c>
      <c r="AL22">
        <v>0</v>
      </c>
      <c r="AM22">
        <v>0</v>
      </c>
      <c r="AN22">
        <v>0</v>
      </c>
      <c r="AO22">
        <v>0</v>
      </c>
      <c r="AP22">
        <v>0</v>
      </c>
      <c r="AQ22">
        <v>0</v>
      </c>
      <c r="AR22">
        <v>0</v>
      </c>
      <c r="AS22">
        <v>0</v>
      </c>
      <c r="AT22">
        <v>0</v>
      </c>
      <c r="AU22">
        <v>0</v>
      </c>
      <c r="AV22">
        <v>0</v>
      </c>
      <c r="AW22">
        <v>0</v>
      </c>
      <c r="AX22">
        <v>0</v>
      </c>
      <c r="AY22">
        <v>0</v>
      </c>
      <c r="AZ22">
        <v>0</v>
      </c>
      <c r="BA22">
        <v>0</v>
      </c>
    </row>
    <row r="23" spans="1:53" x14ac:dyDescent="0.4">
      <c r="A23">
        <v>67</v>
      </c>
      <c r="B23" s="1">
        <v>42833</v>
      </c>
      <c r="C23">
        <v>2</v>
      </c>
      <c r="D23" s="1">
        <v>42833.413194444445</v>
      </c>
      <c r="E23" s="1">
        <v>42833.775694444441</v>
      </c>
      <c r="F23">
        <v>35750</v>
      </c>
      <c r="G23">
        <v>2890</v>
      </c>
      <c r="H23">
        <v>0</v>
      </c>
      <c r="I23">
        <v>0</v>
      </c>
      <c r="J23">
        <v>0</v>
      </c>
      <c r="K23">
        <v>0</v>
      </c>
      <c r="L23">
        <v>0</v>
      </c>
      <c r="M23">
        <v>3090</v>
      </c>
      <c r="N23">
        <v>0</v>
      </c>
      <c r="O23">
        <v>0</v>
      </c>
      <c r="P23">
        <v>21330</v>
      </c>
      <c r="Q23">
        <v>0</v>
      </c>
      <c r="R23">
        <v>63060</v>
      </c>
      <c r="S23">
        <v>0</v>
      </c>
      <c r="T23">
        <v>0</v>
      </c>
      <c r="U23">
        <v>0</v>
      </c>
      <c r="V23">
        <v>1</v>
      </c>
      <c r="W23">
        <v>3</v>
      </c>
      <c r="X23">
        <v>0</v>
      </c>
      <c r="Y23">
        <v>49</v>
      </c>
      <c r="Z23">
        <v>22</v>
      </c>
      <c r="AA23">
        <v>157</v>
      </c>
      <c r="AB23">
        <v>34</v>
      </c>
      <c r="AC23">
        <v>143</v>
      </c>
      <c r="AD23">
        <v>27</v>
      </c>
      <c r="AE23">
        <v>93</v>
      </c>
      <c r="AF23">
        <v>9002</v>
      </c>
      <c r="AG23">
        <v>113060</v>
      </c>
      <c r="AH23">
        <v>50000</v>
      </c>
      <c r="AI23">
        <v>0</v>
      </c>
      <c r="AJ23">
        <v>99</v>
      </c>
      <c r="AK23" t="s">
        <v>9</v>
      </c>
      <c r="AL23">
        <v>0</v>
      </c>
      <c r="AM23">
        <v>0</v>
      </c>
      <c r="AN23">
        <v>0</v>
      </c>
      <c r="AO23">
        <v>0</v>
      </c>
      <c r="AP23">
        <v>0</v>
      </c>
      <c r="AQ23">
        <v>0</v>
      </c>
      <c r="AR23">
        <v>0</v>
      </c>
      <c r="AS23">
        <v>0</v>
      </c>
      <c r="AT23">
        <v>0</v>
      </c>
      <c r="AU23">
        <v>0</v>
      </c>
      <c r="AV23">
        <v>0</v>
      </c>
      <c r="AW23">
        <v>0</v>
      </c>
      <c r="AX23">
        <v>11263</v>
      </c>
      <c r="AY23">
        <v>50</v>
      </c>
      <c r="AZ23">
        <v>125</v>
      </c>
      <c r="BA23">
        <v>7531</v>
      </c>
    </row>
    <row r="24" spans="1:53" x14ac:dyDescent="0.4">
      <c r="A24">
        <v>68</v>
      </c>
      <c r="B24" s="1">
        <v>42833</v>
      </c>
      <c r="C24">
        <v>3</v>
      </c>
      <c r="D24" s="1">
        <v>42833.775694444441</v>
      </c>
      <c r="E24" s="1">
        <v>42833.956944444442</v>
      </c>
      <c r="F24">
        <v>68490</v>
      </c>
      <c r="G24">
        <v>5040</v>
      </c>
      <c r="H24">
        <v>0</v>
      </c>
      <c r="I24">
        <v>0</v>
      </c>
      <c r="J24">
        <v>800</v>
      </c>
      <c r="K24">
        <v>0</v>
      </c>
      <c r="L24">
        <v>0</v>
      </c>
      <c r="M24">
        <v>5817</v>
      </c>
      <c r="N24">
        <v>0</v>
      </c>
      <c r="O24">
        <v>0</v>
      </c>
      <c r="P24">
        <v>30510</v>
      </c>
      <c r="Q24">
        <v>0</v>
      </c>
      <c r="R24">
        <v>109057</v>
      </c>
      <c r="S24">
        <v>0</v>
      </c>
      <c r="T24">
        <v>0</v>
      </c>
      <c r="U24">
        <v>0</v>
      </c>
      <c r="V24">
        <v>11</v>
      </c>
      <c r="W24">
        <v>1</v>
      </c>
      <c r="X24">
        <v>0</v>
      </c>
      <c r="Y24">
        <v>44</v>
      </c>
      <c r="Z24">
        <v>21</v>
      </c>
      <c r="AA24">
        <v>140</v>
      </c>
      <c r="AB24">
        <v>29</v>
      </c>
      <c r="AC24">
        <v>127</v>
      </c>
      <c r="AD24">
        <v>29</v>
      </c>
      <c r="AE24">
        <v>74</v>
      </c>
      <c r="AF24">
        <v>35678</v>
      </c>
      <c r="AG24">
        <v>222117</v>
      </c>
      <c r="AH24">
        <v>50000</v>
      </c>
      <c r="AI24">
        <v>0</v>
      </c>
      <c r="AJ24">
        <v>100</v>
      </c>
      <c r="AK24" t="s">
        <v>0</v>
      </c>
      <c r="AL24">
        <v>0</v>
      </c>
      <c r="AM24">
        <v>0</v>
      </c>
      <c r="AN24">
        <v>0</v>
      </c>
      <c r="AO24">
        <v>0</v>
      </c>
      <c r="AP24">
        <v>0</v>
      </c>
      <c r="AQ24">
        <v>0</v>
      </c>
      <c r="AR24">
        <v>0</v>
      </c>
      <c r="AS24">
        <v>0</v>
      </c>
      <c r="AT24">
        <v>0</v>
      </c>
      <c r="AU24">
        <v>0</v>
      </c>
      <c r="AV24">
        <v>0</v>
      </c>
      <c r="AW24">
        <v>0</v>
      </c>
      <c r="AX24">
        <v>45833</v>
      </c>
      <c r="AY24">
        <v>27</v>
      </c>
      <c r="AZ24">
        <v>92</v>
      </c>
      <c r="BA24">
        <v>3234</v>
      </c>
    </row>
    <row r="25" spans="1:53" x14ac:dyDescent="0.4">
      <c r="A25">
        <v>69</v>
      </c>
      <c r="B25" s="1">
        <v>42833</v>
      </c>
      <c r="C25">
        <v>4</v>
      </c>
      <c r="D25" s="1">
        <v>42833.956944444442</v>
      </c>
      <c r="E25" s="1">
        <v>42834.133333333331</v>
      </c>
      <c r="F25">
        <v>166680</v>
      </c>
      <c r="G25">
        <v>7780</v>
      </c>
      <c r="H25">
        <v>0</v>
      </c>
      <c r="I25">
        <v>0</v>
      </c>
      <c r="J25">
        <v>1200</v>
      </c>
      <c r="K25">
        <v>15700</v>
      </c>
      <c r="L25">
        <v>0</v>
      </c>
      <c r="M25">
        <v>15116</v>
      </c>
      <c r="N25">
        <v>0</v>
      </c>
      <c r="O25">
        <v>0</v>
      </c>
      <c r="P25">
        <v>21492</v>
      </c>
      <c r="Q25">
        <v>0</v>
      </c>
      <c r="R25">
        <v>225568</v>
      </c>
      <c r="S25">
        <v>0</v>
      </c>
      <c r="T25">
        <v>0</v>
      </c>
      <c r="U25">
        <v>0</v>
      </c>
      <c r="V25">
        <v>28</v>
      </c>
      <c r="W25">
        <v>2</v>
      </c>
      <c r="X25">
        <v>0</v>
      </c>
      <c r="Y25">
        <v>71</v>
      </c>
      <c r="Z25">
        <v>20</v>
      </c>
      <c r="AA25">
        <v>116</v>
      </c>
      <c r="AB25">
        <v>28</v>
      </c>
      <c r="AC25">
        <v>128</v>
      </c>
      <c r="AD25">
        <v>22</v>
      </c>
      <c r="AE25">
        <v>56</v>
      </c>
      <c r="AF25">
        <v>62239</v>
      </c>
      <c r="AG25">
        <v>447685</v>
      </c>
      <c r="AH25">
        <v>50000</v>
      </c>
      <c r="AI25">
        <v>0</v>
      </c>
      <c r="AJ25">
        <v>1</v>
      </c>
      <c r="AK25" t="s">
        <v>3</v>
      </c>
      <c r="AL25">
        <v>0</v>
      </c>
      <c r="AM25">
        <v>0</v>
      </c>
      <c r="AN25">
        <v>0</v>
      </c>
      <c r="AO25">
        <v>0</v>
      </c>
      <c r="AP25">
        <v>0</v>
      </c>
      <c r="AQ25">
        <v>0</v>
      </c>
      <c r="AR25">
        <v>0</v>
      </c>
      <c r="AS25">
        <v>0</v>
      </c>
      <c r="AT25">
        <v>0</v>
      </c>
      <c r="AU25">
        <v>0</v>
      </c>
      <c r="AV25">
        <v>0</v>
      </c>
      <c r="AW25">
        <v>0</v>
      </c>
      <c r="AX25">
        <v>3305</v>
      </c>
      <c r="AY25">
        <v>15</v>
      </c>
      <c r="AZ25">
        <v>52</v>
      </c>
      <c r="BA25">
        <v>3981</v>
      </c>
    </row>
    <row r="26" spans="1:53" x14ac:dyDescent="0.4">
      <c r="A26">
        <v>70</v>
      </c>
      <c r="B26" s="1">
        <v>42834</v>
      </c>
      <c r="C26">
        <v>1</v>
      </c>
      <c r="D26" s="1">
        <v>42834.291666666664</v>
      </c>
      <c r="E26" s="1">
        <v>42834.40902777778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0</v>
      </c>
      <c r="O26">
        <v>0</v>
      </c>
      <c r="P26">
        <v>0</v>
      </c>
      <c r="Q26">
        <v>0</v>
      </c>
      <c r="R26">
        <v>0</v>
      </c>
      <c r="S26">
        <v>0</v>
      </c>
      <c r="T26">
        <v>0</v>
      </c>
      <c r="U26">
        <v>0</v>
      </c>
      <c r="V26">
        <v>0</v>
      </c>
      <c r="W26">
        <v>1</v>
      </c>
      <c r="X26">
        <v>0</v>
      </c>
      <c r="Y26">
        <v>25</v>
      </c>
      <c r="Z26">
        <v>11</v>
      </c>
      <c r="AA26">
        <v>116</v>
      </c>
      <c r="AB26">
        <v>27</v>
      </c>
      <c r="AC26">
        <v>139</v>
      </c>
      <c r="AD26">
        <v>21</v>
      </c>
      <c r="AE26">
        <v>55</v>
      </c>
      <c r="AF26">
        <v>0</v>
      </c>
      <c r="AG26">
        <v>50000</v>
      </c>
      <c r="AH26">
        <v>0</v>
      </c>
      <c r="AI26">
        <v>50000</v>
      </c>
      <c r="AJ26">
        <v>0</v>
      </c>
      <c r="AK26" t="s">
        <v>6</v>
      </c>
      <c r="AL26">
        <v>0</v>
      </c>
      <c r="AM26">
        <v>0</v>
      </c>
      <c r="AN26">
        <v>0</v>
      </c>
      <c r="AO26">
        <v>0</v>
      </c>
      <c r="AP26">
        <v>0</v>
      </c>
      <c r="AQ26">
        <v>0</v>
      </c>
      <c r="AR26">
        <v>0</v>
      </c>
      <c r="AS26">
        <v>0</v>
      </c>
      <c r="AT26">
        <v>0</v>
      </c>
      <c r="AU26">
        <v>0</v>
      </c>
      <c r="AV26">
        <v>0</v>
      </c>
      <c r="AW26">
        <v>0</v>
      </c>
      <c r="AX26">
        <v>0</v>
      </c>
      <c r="AY26">
        <v>0</v>
      </c>
      <c r="AZ26">
        <v>0</v>
      </c>
      <c r="BA26">
        <v>0</v>
      </c>
    </row>
    <row r="27" spans="1:53" x14ac:dyDescent="0.4">
      <c r="A27">
        <v>71</v>
      </c>
      <c r="B27" s="1">
        <v>42834</v>
      </c>
      <c r="C27">
        <v>2</v>
      </c>
      <c r="D27" s="1">
        <v>42834.40902777778</v>
      </c>
      <c r="E27" s="1">
        <v>42834.751388888886</v>
      </c>
      <c r="F27">
        <v>39750</v>
      </c>
      <c r="G27">
        <v>4130</v>
      </c>
      <c r="H27">
        <v>0</v>
      </c>
      <c r="I27">
        <v>0</v>
      </c>
      <c r="J27">
        <v>0</v>
      </c>
      <c r="K27">
        <v>0</v>
      </c>
      <c r="L27">
        <v>0</v>
      </c>
      <c r="M27">
        <v>3509</v>
      </c>
      <c r="N27">
        <v>0</v>
      </c>
      <c r="O27">
        <v>0</v>
      </c>
      <c r="P27">
        <v>17280</v>
      </c>
      <c r="Q27">
        <v>0</v>
      </c>
      <c r="R27">
        <v>64669</v>
      </c>
      <c r="S27">
        <v>0</v>
      </c>
      <c r="T27">
        <v>0</v>
      </c>
      <c r="U27">
        <v>0</v>
      </c>
      <c r="V27">
        <v>4</v>
      </c>
      <c r="W27">
        <v>1</v>
      </c>
      <c r="X27">
        <v>0</v>
      </c>
      <c r="Y27">
        <v>35</v>
      </c>
      <c r="Z27">
        <v>23</v>
      </c>
      <c r="AA27">
        <v>155</v>
      </c>
      <c r="AB27">
        <v>32</v>
      </c>
      <c r="AC27">
        <v>166</v>
      </c>
      <c r="AD27">
        <v>20</v>
      </c>
      <c r="AE27">
        <v>49</v>
      </c>
      <c r="AF27">
        <v>4260</v>
      </c>
      <c r="AG27">
        <v>114669</v>
      </c>
      <c r="AH27">
        <v>50000</v>
      </c>
      <c r="AI27">
        <v>0</v>
      </c>
      <c r="AJ27">
        <v>100</v>
      </c>
      <c r="AK27" t="s">
        <v>0</v>
      </c>
      <c r="AL27">
        <v>0</v>
      </c>
      <c r="AM27">
        <v>0</v>
      </c>
      <c r="AN27">
        <v>0</v>
      </c>
      <c r="AO27">
        <v>0</v>
      </c>
      <c r="AP27">
        <v>0</v>
      </c>
      <c r="AQ27">
        <v>0</v>
      </c>
      <c r="AR27">
        <v>0</v>
      </c>
      <c r="AS27">
        <v>0</v>
      </c>
      <c r="AT27">
        <v>0</v>
      </c>
      <c r="AU27">
        <v>0</v>
      </c>
      <c r="AV27">
        <v>0</v>
      </c>
      <c r="AW27">
        <v>0</v>
      </c>
      <c r="AX27">
        <v>1738</v>
      </c>
      <c r="AY27">
        <v>49</v>
      </c>
      <c r="AZ27">
        <v>107</v>
      </c>
      <c r="BA27">
        <v>7601</v>
      </c>
    </row>
    <row r="28" spans="1:53" x14ac:dyDescent="0.4">
      <c r="A28">
        <v>72</v>
      </c>
      <c r="B28" s="1">
        <v>42835</v>
      </c>
      <c r="C28">
        <v>1</v>
      </c>
      <c r="D28" s="1">
        <v>42835.291666666664</v>
      </c>
      <c r="E28" s="1">
        <v>42835.45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</v>
      </c>
      <c r="O28">
        <v>0</v>
      </c>
      <c r="P28">
        <v>0</v>
      </c>
      <c r="Q28">
        <v>0</v>
      </c>
      <c r="R28">
        <v>0</v>
      </c>
      <c r="S28">
        <v>0</v>
      </c>
      <c r="T28">
        <v>0</v>
      </c>
      <c r="U28">
        <v>0</v>
      </c>
      <c r="V28">
        <v>0</v>
      </c>
      <c r="W28">
        <v>1</v>
      </c>
      <c r="X28">
        <v>0</v>
      </c>
      <c r="Y28">
        <v>25</v>
      </c>
      <c r="Z28">
        <v>16</v>
      </c>
      <c r="AA28">
        <v>90</v>
      </c>
      <c r="AB28">
        <v>30</v>
      </c>
      <c r="AC28">
        <v>136</v>
      </c>
      <c r="AD28">
        <v>21</v>
      </c>
      <c r="AE28">
        <v>35</v>
      </c>
      <c r="AF28">
        <v>0</v>
      </c>
      <c r="AG28">
        <v>50000</v>
      </c>
      <c r="AH28">
        <v>0</v>
      </c>
      <c r="AI28">
        <v>50000</v>
      </c>
      <c r="AJ28">
        <v>0</v>
      </c>
      <c r="AK28" t="s">
        <v>6</v>
      </c>
      <c r="AL28">
        <v>0</v>
      </c>
      <c r="AM28">
        <v>0</v>
      </c>
      <c r="AN28">
        <v>0</v>
      </c>
      <c r="AO28">
        <v>0</v>
      </c>
      <c r="AP28">
        <v>0</v>
      </c>
      <c r="AQ28">
        <v>0</v>
      </c>
      <c r="AR28">
        <v>0</v>
      </c>
      <c r="AS28">
        <v>0</v>
      </c>
      <c r="AT28">
        <v>0</v>
      </c>
      <c r="AU28">
        <v>0</v>
      </c>
      <c r="AV28">
        <v>0</v>
      </c>
      <c r="AW28">
        <v>0</v>
      </c>
      <c r="AX28">
        <v>0</v>
      </c>
      <c r="AY28">
        <v>0</v>
      </c>
      <c r="AZ28">
        <v>0</v>
      </c>
      <c r="BA28">
        <v>0</v>
      </c>
    </row>
    <row r="29" spans="1:53" x14ac:dyDescent="0.4">
      <c r="A29">
        <v>73</v>
      </c>
      <c r="B29" s="1">
        <v>42835</v>
      </c>
      <c r="C29">
        <v>2</v>
      </c>
      <c r="D29" s="1">
        <v>42835.45</v>
      </c>
      <c r="E29" s="1">
        <v>42835.754166666666</v>
      </c>
      <c r="F29">
        <v>19000</v>
      </c>
      <c r="G29">
        <v>9460</v>
      </c>
      <c r="H29">
        <v>0</v>
      </c>
      <c r="I29">
        <v>0</v>
      </c>
      <c r="J29">
        <v>0</v>
      </c>
      <c r="K29">
        <v>0</v>
      </c>
      <c r="L29">
        <v>0</v>
      </c>
      <c r="M29">
        <v>2276</v>
      </c>
      <c r="N29">
        <v>0</v>
      </c>
      <c r="O29">
        <v>0</v>
      </c>
      <c r="P29">
        <v>12960</v>
      </c>
      <c r="Q29">
        <v>0</v>
      </c>
      <c r="R29">
        <v>43696</v>
      </c>
      <c r="S29">
        <v>0</v>
      </c>
      <c r="T29">
        <v>0</v>
      </c>
      <c r="U29">
        <v>0</v>
      </c>
      <c r="V29">
        <v>2</v>
      </c>
      <c r="W29">
        <v>3</v>
      </c>
      <c r="X29">
        <v>0</v>
      </c>
      <c r="Y29">
        <v>31</v>
      </c>
      <c r="Z29">
        <v>26</v>
      </c>
      <c r="AA29">
        <v>112</v>
      </c>
      <c r="AB29">
        <v>29</v>
      </c>
      <c r="AC29">
        <v>190</v>
      </c>
      <c r="AD29">
        <v>23</v>
      </c>
      <c r="AE29">
        <v>31</v>
      </c>
      <c r="AF29">
        <v>0</v>
      </c>
      <c r="AG29">
        <v>93696</v>
      </c>
      <c r="AH29">
        <v>50000</v>
      </c>
      <c r="AI29">
        <v>0</v>
      </c>
      <c r="AJ29">
        <v>99</v>
      </c>
      <c r="AK29" t="s">
        <v>9</v>
      </c>
      <c r="AL29">
        <v>0</v>
      </c>
      <c r="AM29">
        <v>0</v>
      </c>
      <c r="AN29">
        <v>0</v>
      </c>
      <c r="AO29">
        <v>0</v>
      </c>
      <c r="AP29">
        <v>0</v>
      </c>
      <c r="AQ29">
        <v>0</v>
      </c>
      <c r="AR29">
        <v>0</v>
      </c>
      <c r="AS29">
        <v>0</v>
      </c>
      <c r="AT29">
        <v>0</v>
      </c>
      <c r="AU29">
        <v>0</v>
      </c>
      <c r="AV29">
        <v>0</v>
      </c>
      <c r="AW29">
        <v>0</v>
      </c>
      <c r="AX29">
        <v>1112</v>
      </c>
      <c r="AY29">
        <v>35</v>
      </c>
      <c r="AZ29">
        <v>60</v>
      </c>
      <c r="BA29">
        <v>5362</v>
      </c>
    </row>
    <row r="30" spans="1:53" x14ac:dyDescent="0.4">
      <c r="A30">
        <v>74</v>
      </c>
      <c r="B30" s="1">
        <v>42835</v>
      </c>
      <c r="C30">
        <v>3</v>
      </c>
      <c r="D30" s="1">
        <v>42835.754166666666</v>
      </c>
      <c r="E30" s="1">
        <v>42835.960416666669</v>
      </c>
      <c r="F30">
        <v>23000</v>
      </c>
      <c r="G30">
        <v>2280</v>
      </c>
      <c r="H30">
        <v>0</v>
      </c>
      <c r="I30">
        <v>0</v>
      </c>
      <c r="J30">
        <v>0</v>
      </c>
      <c r="K30">
        <v>0</v>
      </c>
      <c r="L30">
        <v>0</v>
      </c>
      <c r="M30">
        <v>2022</v>
      </c>
      <c r="N30">
        <v>0</v>
      </c>
      <c r="O30">
        <v>0</v>
      </c>
      <c r="P30">
        <v>-9072</v>
      </c>
      <c r="Q30">
        <v>0</v>
      </c>
      <c r="R30">
        <v>18230</v>
      </c>
      <c r="S30">
        <v>0</v>
      </c>
      <c r="T30">
        <v>0</v>
      </c>
      <c r="U30">
        <v>0</v>
      </c>
      <c r="V30">
        <v>4</v>
      </c>
      <c r="W30">
        <v>3</v>
      </c>
      <c r="X30">
        <v>0</v>
      </c>
      <c r="Y30">
        <v>28</v>
      </c>
      <c r="Z30">
        <v>26</v>
      </c>
      <c r="AA30">
        <v>122</v>
      </c>
      <c r="AB30">
        <v>32</v>
      </c>
      <c r="AC30">
        <v>197</v>
      </c>
      <c r="AD30">
        <v>25</v>
      </c>
      <c r="AE30">
        <v>31</v>
      </c>
      <c r="AF30">
        <v>50000</v>
      </c>
      <c r="AG30">
        <v>161926</v>
      </c>
      <c r="AH30">
        <v>0</v>
      </c>
      <c r="AI30">
        <v>100000</v>
      </c>
      <c r="AJ30">
        <v>100</v>
      </c>
      <c r="AK30" t="s">
        <v>0</v>
      </c>
      <c r="AL30">
        <v>0</v>
      </c>
      <c r="AM30">
        <v>0</v>
      </c>
      <c r="AN30">
        <v>0</v>
      </c>
      <c r="AO30">
        <v>0</v>
      </c>
      <c r="AP30">
        <v>0</v>
      </c>
      <c r="AQ30">
        <v>0</v>
      </c>
      <c r="AR30">
        <v>0</v>
      </c>
      <c r="AS30">
        <v>0</v>
      </c>
      <c r="AT30">
        <v>0</v>
      </c>
      <c r="AU30">
        <v>0</v>
      </c>
      <c r="AV30">
        <v>0</v>
      </c>
      <c r="AW30">
        <v>0</v>
      </c>
      <c r="AX30">
        <v>17280</v>
      </c>
      <c r="AY30">
        <v>13</v>
      </c>
      <c r="AZ30">
        <v>32</v>
      </c>
      <c r="BA30">
        <v>1675</v>
      </c>
    </row>
    <row r="31" spans="1:53" x14ac:dyDescent="0.4">
      <c r="A31">
        <v>75</v>
      </c>
      <c r="B31" s="1">
        <v>42835</v>
      </c>
      <c r="C31">
        <v>4</v>
      </c>
      <c r="D31" s="1">
        <v>42835.960416666669</v>
      </c>
      <c r="E31" s="1">
        <v>42835.963194444441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</v>
      </c>
      <c r="O31">
        <v>0</v>
      </c>
      <c r="P31">
        <v>0</v>
      </c>
      <c r="Q31">
        <v>0</v>
      </c>
      <c r="R31">
        <v>0</v>
      </c>
      <c r="S31">
        <v>0</v>
      </c>
      <c r="T31">
        <v>0</v>
      </c>
      <c r="U31">
        <v>0</v>
      </c>
      <c r="V31">
        <v>4</v>
      </c>
      <c r="W31">
        <v>3</v>
      </c>
      <c r="X31">
        <v>0</v>
      </c>
      <c r="Y31">
        <v>28</v>
      </c>
      <c r="Z31">
        <v>26</v>
      </c>
      <c r="AA31">
        <v>122</v>
      </c>
      <c r="AB31">
        <v>32</v>
      </c>
      <c r="AC31">
        <v>197</v>
      </c>
      <c r="AD31">
        <v>25</v>
      </c>
      <c r="AE31">
        <v>31</v>
      </c>
      <c r="AF31">
        <v>0</v>
      </c>
      <c r="AG31">
        <v>111926</v>
      </c>
      <c r="AH31">
        <v>50000</v>
      </c>
      <c r="AI31">
        <v>0</v>
      </c>
      <c r="AJ31">
        <v>100</v>
      </c>
      <c r="AK31" t="s">
        <v>0</v>
      </c>
      <c r="AL31">
        <v>0</v>
      </c>
      <c r="AM31">
        <v>0</v>
      </c>
      <c r="AN31">
        <v>0</v>
      </c>
      <c r="AO31">
        <v>0</v>
      </c>
      <c r="AP31">
        <v>0</v>
      </c>
      <c r="AQ31">
        <v>0</v>
      </c>
      <c r="AR31">
        <v>0</v>
      </c>
      <c r="AS31">
        <v>0</v>
      </c>
      <c r="AT31">
        <v>0</v>
      </c>
      <c r="AU31">
        <v>0</v>
      </c>
      <c r="AV31">
        <v>0</v>
      </c>
      <c r="AW31">
        <v>0</v>
      </c>
      <c r="AX31">
        <v>17280</v>
      </c>
      <c r="AY31">
        <v>0</v>
      </c>
      <c r="AZ31">
        <v>0</v>
      </c>
      <c r="BA31">
        <v>20</v>
      </c>
    </row>
    <row r="32" spans="1:53" x14ac:dyDescent="0.4">
      <c r="A32">
        <v>76</v>
      </c>
      <c r="B32" s="1">
        <v>42836</v>
      </c>
      <c r="C32">
        <v>1</v>
      </c>
      <c r="D32" s="1">
        <v>42836.291666666664</v>
      </c>
      <c r="E32" s="1">
        <v>42836.450694444444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0</v>
      </c>
      <c r="R32">
        <v>0</v>
      </c>
      <c r="S32">
        <v>0</v>
      </c>
      <c r="T32">
        <v>0</v>
      </c>
      <c r="U32">
        <v>0</v>
      </c>
      <c r="V32">
        <v>0</v>
      </c>
      <c r="W32">
        <v>1</v>
      </c>
      <c r="X32">
        <v>0</v>
      </c>
      <c r="Y32">
        <v>25</v>
      </c>
      <c r="Z32">
        <v>14</v>
      </c>
      <c r="AA32">
        <v>102</v>
      </c>
      <c r="AB32">
        <v>29</v>
      </c>
      <c r="AC32">
        <v>121</v>
      </c>
      <c r="AD32">
        <v>24</v>
      </c>
      <c r="AE32">
        <v>20</v>
      </c>
      <c r="AF32">
        <v>0</v>
      </c>
      <c r="AG32">
        <v>50000</v>
      </c>
      <c r="AH32">
        <v>0</v>
      </c>
      <c r="AI32">
        <v>50000</v>
      </c>
      <c r="AJ32">
        <v>0</v>
      </c>
      <c r="AK32" t="s">
        <v>6</v>
      </c>
      <c r="AL32">
        <v>0</v>
      </c>
      <c r="AM32">
        <v>0</v>
      </c>
      <c r="AN32">
        <v>0</v>
      </c>
      <c r="AO32">
        <v>0</v>
      </c>
      <c r="AP32">
        <v>0</v>
      </c>
      <c r="AQ32">
        <v>0</v>
      </c>
      <c r="AR32">
        <v>0</v>
      </c>
      <c r="AS32">
        <v>0</v>
      </c>
      <c r="AT32">
        <v>0</v>
      </c>
      <c r="AU32">
        <v>0</v>
      </c>
      <c r="AV32">
        <v>0</v>
      </c>
      <c r="AW32">
        <v>0</v>
      </c>
      <c r="AX32">
        <v>0</v>
      </c>
      <c r="AY32">
        <v>0</v>
      </c>
      <c r="AZ32">
        <v>0</v>
      </c>
      <c r="BA32">
        <v>0</v>
      </c>
    </row>
    <row r="33" spans="1:53" x14ac:dyDescent="0.4">
      <c r="A33">
        <v>77</v>
      </c>
      <c r="B33" s="1">
        <v>42836</v>
      </c>
      <c r="C33">
        <v>2</v>
      </c>
      <c r="D33" s="1">
        <v>42836.450694444444</v>
      </c>
      <c r="E33" s="1">
        <v>42836.808333333334</v>
      </c>
      <c r="F33">
        <v>24500</v>
      </c>
      <c r="G33">
        <v>3550</v>
      </c>
      <c r="H33">
        <v>0</v>
      </c>
      <c r="I33">
        <v>0</v>
      </c>
      <c r="J33">
        <v>0</v>
      </c>
      <c r="K33">
        <v>0</v>
      </c>
      <c r="L33">
        <v>0</v>
      </c>
      <c r="M33">
        <v>2243</v>
      </c>
      <c r="N33">
        <v>0</v>
      </c>
      <c r="O33">
        <v>0</v>
      </c>
      <c r="P33">
        <v>6480</v>
      </c>
      <c r="Q33">
        <v>0</v>
      </c>
      <c r="R33">
        <v>36773</v>
      </c>
      <c r="S33">
        <v>0</v>
      </c>
      <c r="T33">
        <v>0</v>
      </c>
      <c r="U33">
        <v>0</v>
      </c>
      <c r="V33">
        <v>1</v>
      </c>
      <c r="W33">
        <v>2</v>
      </c>
      <c r="X33">
        <v>0</v>
      </c>
      <c r="Y33">
        <v>40</v>
      </c>
      <c r="Z33">
        <v>21</v>
      </c>
      <c r="AA33">
        <v>91</v>
      </c>
      <c r="AB33">
        <v>23</v>
      </c>
      <c r="AC33">
        <v>171</v>
      </c>
      <c r="AD33">
        <v>27</v>
      </c>
      <c r="AE33">
        <v>38</v>
      </c>
      <c r="AF33">
        <v>4140</v>
      </c>
      <c r="AG33">
        <v>86773</v>
      </c>
      <c r="AH33">
        <v>50000</v>
      </c>
      <c r="AI33">
        <v>0</v>
      </c>
      <c r="AJ33">
        <v>101</v>
      </c>
      <c r="AK33" t="s">
        <v>1</v>
      </c>
      <c r="AL33">
        <v>0</v>
      </c>
      <c r="AM33">
        <v>0</v>
      </c>
      <c r="AN33">
        <v>0</v>
      </c>
      <c r="AO33">
        <v>0</v>
      </c>
      <c r="AP33">
        <v>0</v>
      </c>
      <c r="AQ33">
        <v>0</v>
      </c>
      <c r="AR33">
        <v>0</v>
      </c>
      <c r="AS33">
        <v>0</v>
      </c>
      <c r="AT33">
        <v>0</v>
      </c>
      <c r="AU33">
        <v>0</v>
      </c>
      <c r="AV33">
        <v>0</v>
      </c>
      <c r="AW33">
        <v>0</v>
      </c>
      <c r="AX33">
        <v>15476</v>
      </c>
      <c r="AY33">
        <v>38</v>
      </c>
      <c r="AZ33">
        <v>70</v>
      </c>
      <c r="BA33">
        <v>5826</v>
      </c>
    </row>
    <row r="34" spans="1:53" x14ac:dyDescent="0.4">
      <c r="A34">
        <v>78</v>
      </c>
      <c r="B34" s="1">
        <v>42836</v>
      </c>
      <c r="C34">
        <v>3</v>
      </c>
      <c r="D34" s="1">
        <v>42836.808333333334</v>
      </c>
      <c r="E34" s="1">
        <v>42836.95416666667</v>
      </c>
      <c r="F34">
        <v>21640</v>
      </c>
      <c r="G34">
        <v>2970</v>
      </c>
      <c r="H34">
        <v>0</v>
      </c>
      <c r="I34">
        <v>0</v>
      </c>
      <c r="J34">
        <v>0</v>
      </c>
      <c r="K34">
        <v>0</v>
      </c>
      <c r="L34">
        <v>0</v>
      </c>
      <c r="M34">
        <v>1968</v>
      </c>
      <c r="N34">
        <v>0</v>
      </c>
      <c r="O34">
        <v>0</v>
      </c>
      <c r="P34">
        <v>35748</v>
      </c>
      <c r="Q34">
        <v>0</v>
      </c>
      <c r="R34">
        <v>62326</v>
      </c>
      <c r="S34">
        <v>0</v>
      </c>
      <c r="T34">
        <v>0</v>
      </c>
      <c r="U34">
        <v>0</v>
      </c>
      <c r="V34">
        <v>5</v>
      </c>
      <c r="W34">
        <v>4</v>
      </c>
      <c r="X34">
        <v>0</v>
      </c>
      <c r="Y34">
        <v>33</v>
      </c>
      <c r="Z34">
        <v>23</v>
      </c>
      <c r="AA34">
        <v>82</v>
      </c>
      <c r="AB34">
        <v>22</v>
      </c>
      <c r="AC34">
        <v>178</v>
      </c>
      <c r="AD34">
        <v>27</v>
      </c>
      <c r="AE34">
        <v>40</v>
      </c>
      <c r="AF34">
        <v>23344</v>
      </c>
      <c r="AG34">
        <v>149099</v>
      </c>
      <c r="AH34">
        <v>50000</v>
      </c>
      <c r="AI34">
        <v>0</v>
      </c>
      <c r="AJ34">
        <v>99</v>
      </c>
      <c r="AK34" t="s">
        <v>9</v>
      </c>
      <c r="AL34">
        <v>0</v>
      </c>
      <c r="AM34">
        <v>0</v>
      </c>
      <c r="AN34">
        <v>0</v>
      </c>
      <c r="AO34">
        <v>0</v>
      </c>
      <c r="AP34">
        <v>0</v>
      </c>
      <c r="AQ34">
        <v>0</v>
      </c>
      <c r="AR34">
        <v>0</v>
      </c>
      <c r="AS34">
        <v>0</v>
      </c>
      <c r="AT34">
        <v>0</v>
      </c>
      <c r="AU34">
        <v>0</v>
      </c>
      <c r="AV34">
        <v>0</v>
      </c>
      <c r="AW34">
        <v>0</v>
      </c>
      <c r="AX34">
        <v>20802</v>
      </c>
      <c r="AY34">
        <v>12</v>
      </c>
      <c r="AZ34">
        <v>37</v>
      </c>
      <c r="BA34">
        <v>1227</v>
      </c>
    </row>
    <row r="35" spans="1:53" x14ac:dyDescent="0.4">
      <c r="A35">
        <v>79</v>
      </c>
      <c r="B35" s="1">
        <v>42836</v>
      </c>
      <c r="C35">
        <v>4</v>
      </c>
      <c r="D35" s="1">
        <v>42836.95416666667</v>
      </c>
      <c r="E35" s="1">
        <v>42837.072222222225</v>
      </c>
      <c r="F35">
        <v>42900</v>
      </c>
      <c r="G35">
        <v>1410</v>
      </c>
      <c r="H35">
        <v>0</v>
      </c>
      <c r="I35">
        <v>0</v>
      </c>
      <c r="J35">
        <v>0</v>
      </c>
      <c r="K35">
        <v>0</v>
      </c>
      <c r="L35">
        <v>0</v>
      </c>
      <c r="M35">
        <v>3544</v>
      </c>
      <c r="N35">
        <v>0</v>
      </c>
      <c r="O35">
        <v>0</v>
      </c>
      <c r="P35">
        <v>-11664</v>
      </c>
      <c r="Q35">
        <v>0</v>
      </c>
      <c r="R35">
        <v>36190</v>
      </c>
      <c r="S35">
        <v>0</v>
      </c>
      <c r="T35">
        <v>0</v>
      </c>
      <c r="U35">
        <v>0</v>
      </c>
      <c r="V35">
        <v>8</v>
      </c>
      <c r="W35">
        <v>4</v>
      </c>
      <c r="X35">
        <v>0</v>
      </c>
      <c r="Y35">
        <v>39</v>
      </c>
      <c r="Z35">
        <v>21</v>
      </c>
      <c r="AA35">
        <v>92</v>
      </c>
      <c r="AB35">
        <v>24</v>
      </c>
      <c r="AC35">
        <v>186</v>
      </c>
      <c r="AD35">
        <v>29</v>
      </c>
      <c r="AE35">
        <v>40</v>
      </c>
      <c r="AF35">
        <v>23344</v>
      </c>
      <c r="AG35">
        <v>185289</v>
      </c>
      <c r="AH35">
        <v>50000</v>
      </c>
      <c r="AI35">
        <v>0</v>
      </c>
      <c r="AJ35">
        <v>1</v>
      </c>
      <c r="AK35" t="s">
        <v>3</v>
      </c>
      <c r="AL35">
        <v>0</v>
      </c>
      <c r="AM35">
        <v>0</v>
      </c>
      <c r="AN35">
        <v>0</v>
      </c>
      <c r="AO35">
        <v>0</v>
      </c>
      <c r="AP35">
        <v>0</v>
      </c>
      <c r="AQ35">
        <v>0</v>
      </c>
      <c r="AR35">
        <v>0</v>
      </c>
      <c r="AS35">
        <v>0</v>
      </c>
      <c r="AT35">
        <v>0</v>
      </c>
      <c r="AU35">
        <v>0</v>
      </c>
      <c r="AV35">
        <v>0</v>
      </c>
      <c r="AW35">
        <v>0</v>
      </c>
      <c r="AX35">
        <v>8748</v>
      </c>
      <c r="AY35">
        <v>3</v>
      </c>
      <c r="AZ35">
        <v>9</v>
      </c>
      <c r="BA35">
        <v>1211</v>
      </c>
    </row>
    <row r="36" spans="1:53" x14ac:dyDescent="0.4">
      <c r="A36">
        <v>80</v>
      </c>
      <c r="B36" s="1">
        <v>42837</v>
      </c>
      <c r="C36">
        <v>1</v>
      </c>
      <c r="D36" s="1">
        <v>42837.291666666664</v>
      </c>
      <c r="E36" s="1">
        <v>42837.447916666664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0</v>
      </c>
      <c r="O36">
        <v>0</v>
      </c>
      <c r="P36">
        <v>0</v>
      </c>
      <c r="Q36">
        <v>0</v>
      </c>
      <c r="R36">
        <v>0</v>
      </c>
      <c r="S36">
        <v>0</v>
      </c>
      <c r="T36">
        <v>0</v>
      </c>
      <c r="U36">
        <v>0</v>
      </c>
      <c r="V36">
        <v>0</v>
      </c>
      <c r="W36">
        <v>1</v>
      </c>
      <c r="X36">
        <v>0</v>
      </c>
      <c r="Y36">
        <v>25</v>
      </c>
      <c r="Z36">
        <v>16</v>
      </c>
      <c r="AA36">
        <v>88</v>
      </c>
      <c r="AB36">
        <v>24</v>
      </c>
      <c r="AC36">
        <v>182</v>
      </c>
      <c r="AD36">
        <v>29</v>
      </c>
      <c r="AE36">
        <v>35</v>
      </c>
      <c r="AF36">
        <v>0</v>
      </c>
      <c r="AG36">
        <v>50000</v>
      </c>
      <c r="AH36">
        <v>0</v>
      </c>
      <c r="AI36">
        <v>50000</v>
      </c>
      <c r="AJ36">
        <v>0</v>
      </c>
      <c r="AK36" t="s">
        <v>6</v>
      </c>
      <c r="AL36">
        <v>0</v>
      </c>
      <c r="AM36">
        <v>0</v>
      </c>
      <c r="AN36">
        <v>0</v>
      </c>
      <c r="AO36">
        <v>0</v>
      </c>
      <c r="AP36">
        <v>0</v>
      </c>
      <c r="AQ36">
        <v>0</v>
      </c>
      <c r="AR36">
        <v>0</v>
      </c>
      <c r="AS36">
        <v>0</v>
      </c>
      <c r="AT36">
        <v>0</v>
      </c>
      <c r="AU36">
        <v>0</v>
      </c>
      <c r="AV36">
        <v>0</v>
      </c>
      <c r="AW36">
        <v>0</v>
      </c>
      <c r="AX36">
        <v>0</v>
      </c>
      <c r="AY36">
        <v>0</v>
      </c>
      <c r="AZ36">
        <v>0</v>
      </c>
      <c r="BA36">
        <v>0</v>
      </c>
    </row>
    <row r="37" spans="1:53" x14ac:dyDescent="0.4">
      <c r="A37">
        <v>81</v>
      </c>
      <c r="B37" s="1">
        <v>42837</v>
      </c>
      <c r="C37">
        <v>2</v>
      </c>
      <c r="D37" s="1">
        <v>42837.447916666664</v>
      </c>
      <c r="E37" s="1">
        <v>42837.751388888886</v>
      </c>
      <c r="F37">
        <v>13500</v>
      </c>
      <c r="G37">
        <v>1280</v>
      </c>
      <c r="H37">
        <v>0</v>
      </c>
      <c r="I37">
        <v>0</v>
      </c>
      <c r="J37">
        <v>0</v>
      </c>
      <c r="K37">
        <v>0</v>
      </c>
      <c r="L37">
        <v>0</v>
      </c>
      <c r="M37">
        <v>1182</v>
      </c>
      <c r="N37">
        <v>0</v>
      </c>
      <c r="O37">
        <v>0</v>
      </c>
      <c r="P37">
        <v>9720</v>
      </c>
      <c r="Q37">
        <v>0</v>
      </c>
      <c r="R37">
        <v>25682</v>
      </c>
      <c r="S37">
        <v>0</v>
      </c>
      <c r="T37">
        <v>0</v>
      </c>
      <c r="U37">
        <v>0</v>
      </c>
      <c r="V37">
        <v>2</v>
      </c>
      <c r="W37">
        <v>1</v>
      </c>
      <c r="X37">
        <v>0</v>
      </c>
      <c r="Y37">
        <v>29</v>
      </c>
      <c r="Z37">
        <v>19</v>
      </c>
      <c r="AA37">
        <v>87</v>
      </c>
      <c r="AB37">
        <v>16</v>
      </c>
      <c r="AC37">
        <v>195</v>
      </c>
      <c r="AD37">
        <v>31</v>
      </c>
      <c r="AE37">
        <v>37</v>
      </c>
      <c r="AF37">
        <v>540</v>
      </c>
      <c r="AG37">
        <v>75682</v>
      </c>
      <c r="AH37">
        <v>50000</v>
      </c>
      <c r="AI37">
        <v>0</v>
      </c>
      <c r="AJ37">
        <v>96</v>
      </c>
      <c r="AK37" t="s">
        <v>4</v>
      </c>
      <c r="AL37">
        <v>0</v>
      </c>
      <c r="AM37">
        <v>0</v>
      </c>
      <c r="AN37">
        <v>0</v>
      </c>
      <c r="AO37">
        <v>0</v>
      </c>
      <c r="AP37">
        <v>0</v>
      </c>
      <c r="AQ37">
        <v>0</v>
      </c>
      <c r="AR37">
        <v>0</v>
      </c>
      <c r="AS37">
        <v>0</v>
      </c>
      <c r="AT37">
        <v>0</v>
      </c>
      <c r="AU37">
        <v>0</v>
      </c>
      <c r="AV37">
        <v>0</v>
      </c>
      <c r="AW37">
        <v>0</v>
      </c>
      <c r="AX37">
        <v>-886</v>
      </c>
      <c r="AY37">
        <v>32</v>
      </c>
      <c r="AZ37">
        <v>44</v>
      </c>
      <c r="BA37">
        <v>4663</v>
      </c>
    </row>
    <row r="38" spans="1:53" x14ac:dyDescent="0.4">
      <c r="A38">
        <v>82</v>
      </c>
      <c r="B38" s="1">
        <v>42837</v>
      </c>
      <c r="C38">
        <v>3</v>
      </c>
      <c r="D38" s="1">
        <v>42837.751388888886</v>
      </c>
      <c r="E38" s="1">
        <v>42837.962500000001</v>
      </c>
      <c r="F38">
        <v>20760</v>
      </c>
      <c r="G38">
        <v>1960</v>
      </c>
      <c r="H38">
        <v>0</v>
      </c>
      <c r="I38">
        <v>0</v>
      </c>
      <c r="J38">
        <v>0</v>
      </c>
      <c r="K38">
        <v>0</v>
      </c>
      <c r="L38">
        <v>0</v>
      </c>
      <c r="M38">
        <v>1818</v>
      </c>
      <c r="N38">
        <v>0</v>
      </c>
      <c r="O38">
        <v>0</v>
      </c>
      <c r="P38">
        <v>-8424</v>
      </c>
      <c r="Q38">
        <v>0</v>
      </c>
      <c r="R38">
        <v>16114</v>
      </c>
      <c r="S38">
        <v>0</v>
      </c>
      <c r="T38">
        <v>0</v>
      </c>
      <c r="U38">
        <v>0</v>
      </c>
      <c r="V38">
        <v>2</v>
      </c>
      <c r="W38">
        <v>1</v>
      </c>
      <c r="X38">
        <v>0</v>
      </c>
      <c r="Y38">
        <v>45</v>
      </c>
      <c r="Z38">
        <v>20</v>
      </c>
      <c r="AA38">
        <v>83</v>
      </c>
      <c r="AB38">
        <v>13</v>
      </c>
      <c r="AC38">
        <v>192</v>
      </c>
      <c r="AD38">
        <v>31</v>
      </c>
      <c r="AE38">
        <v>31</v>
      </c>
      <c r="AF38">
        <v>540</v>
      </c>
      <c r="AG38">
        <v>91596</v>
      </c>
      <c r="AH38">
        <v>50000</v>
      </c>
      <c r="AI38">
        <v>-200</v>
      </c>
      <c r="AJ38">
        <v>100</v>
      </c>
      <c r="AK38" t="s">
        <v>0</v>
      </c>
      <c r="AL38">
        <v>0</v>
      </c>
      <c r="AM38">
        <v>0</v>
      </c>
      <c r="AN38">
        <v>0</v>
      </c>
      <c r="AO38">
        <v>0</v>
      </c>
      <c r="AP38">
        <v>0</v>
      </c>
      <c r="AQ38">
        <v>0</v>
      </c>
      <c r="AR38">
        <v>0</v>
      </c>
      <c r="AS38">
        <v>0</v>
      </c>
      <c r="AT38">
        <v>0</v>
      </c>
      <c r="AU38">
        <v>0</v>
      </c>
      <c r="AV38">
        <v>0</v>
      </c>
      <c r="AW38">
        <v>0</v>
      </c>
      <c r="AX38">
        <v>73667</v>
      </c>
      <c r="AY38">
        <v>12</v>
      </c>
      <c r="AZ38">
        <v>62</v>
      </c>
      <c r="BA38">
        <v>2015</v>
      </c>
    </row>
    <row r="39" spans="1:53" x14ac:dyDescent="0.4">
      <c r="A39">
        <v>83</v>
      </c>
      <c r="B39" s="1">
        <v>42837</v>
      </c>
      <c r="C39">
        <v>4</v>
      </c>
      <c r="D39" s="1">
        <v>42837.962500000001</v>
      </c>
      <c r="E39" s="1">
        <v>42838.104861111111</v>
      </c>
      <c r="F39">
        <v>88060</v>
      </c>
      <c r="G39">
        <v>7370</v>
      </c>
      <c r="H39">
        <v>0</v>
      </c>
      <c r="I39">
        <v>0</v>
      </c>
      <c r="J39">
        <v>0</v>
      </c>
      <c r="K39">
        <v>0</v>
      </c>
      <c r="L39">
        <v>0</v>
      </c>
      <c r="M39">
        <v>7634</v>
      </c>
      <c r="N39">
        <v>0</v>
      </c>
      <c r="O39">
        <v>0</v>
      </c>
      <c r="P39">
        <v>2268</v>
      </c>
      <c r="Q39">
        <v>0</v>
      </c>
      <c r="R39">
        <v>105332</v>
      </c>
      <c r="S39">
        <v>0</v>
      </c>
      <c r="T39">
        <v>0</v>
      </c>
      <c r="U39">
        <v>0</v>
      </c>
      <c r="V39">
        <v>6</v>
      </c>
      <c r="W39">
        <v>0</v>
      </c>
      <c r="X39">
        <v>0</v>
      </c>
      <c r="Y39">
        <v>51</v>
      </c>
      <c r="Z39">
        <v>18</v>
      </c>
      <c r="AA39">
        <v>80</v>
      </c>
      <c r="AB39">
        <v>11</v>
      </c>
      <c r="AC39">
        <v>179</v>
      </c>
      <c r="AD39">
        <v>30</v>
      </c>
      <c r="AE39">
        <v>24</v>
      </c>
      <c r="AF39">
        <v>66614</v>
      </c>
      <c r="AG39">
        <v>197128</v>
      </c>
      <c r="AH39">
        <v>50000</v>
      </c>
      <c r="AI39">
        <v>0</v>
      </c>
      <c r="AJ39">
        <v>104</v>
      </c>
      <c r="AK39" t="s">
        <v>10</v>
      </c>
      <c r="AL39">
        <v>0</v>
      </c>
      <c r="AM39">
        <v>0</v>
      </c>
      <c r="AN39">
        <v>0</v>
      </c>
      <c r="AO39">
        <v>0</v>
      </c>
      <c r="AP39">
        <v>0</v>
      </c>
      <c r="AQ39">
        <v>0</v>
      </c>
      <c r="AR39">
        <v>0</v>
      </c>
      <c r="AS39">
        <v>0</v>
      </c>
      <c r="AT39">
        <v>0</v>
      </c>
      <c r="AU39">
        <v>0</v>
      </c>
      <c r="AV39">
        <v>0</v>
      </c>
      <c r="AW39">
        <v>0</v>
      </c>
      <c r="AX39">
        <v>0</v>
      </c>
      <c r="AY39">
        <v>3</v>
      </c>
      <c r="AZ39">
        <v>9</v>
      </c>
      <c r="BA39">
        <v>493</v>
      </c>
    </row>
    <row r="40" spans="1:53" x14ac:dyDescent="0.4">
      <c r="A40">
        <v>84</v>
      </c>
      <c r="B40" s="1">
        <v>42838</v>
      </c>
      <c r="C40">
        <v>1</v>
      </c>
      <c r="D40" s="1">
        <v>42838.291666666664</v>
      </c>
      <c r="E40" s="1">
        <v>42838.45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0</v>
      </c>
      <c r="O40">
        <v>0</v>
      </c>
      <c r="P40">
        <v>0</v>
      </c>
      <c r="Q40">
        <v>0</v>
      </c>
      <c r="R40">
        <v>0</v>
      </c>
      <c r="S40">
        <v>0</v>
      </c>
      <c r="T40">
        <v>0</v>
      </c>
      <c r="U40">
        <v>0</v>
      </c>
      <c r="V40">
        <v>0</v>
      </c>
      <c r="W40">
        <v>0</v>
      </c>
      <c r="X40">
        <v>0</v>
      </c>
      <c r="Y40">
        <v>32</v>
      </c>
      <c r="Z40">
        <v>16</v>
      </c>
      <c r="AA40">
        <v>76</v>
      </c>
      <c r="AB40">
        <v>10</v>
      </c>
      <c r="AC40">
        <v>173</v>
      </c>
      <c r="AD40">
        <v>30</v>
      </c>
      <c r="AE40">
        <v>20</v>
      </c>
      <c r="AF40">
        <v>0</v>
      </c>
      <c r="AG40">
        <v>50000</v>
      </c>
      <c r="AH40">
        <v>0</v>
      </c>
      <c r="AI40">
        <v>50000</v>
      </c>
      <c r="AJ40">
        <v>0</v>
      </c>
      <c r="AK40" t="s">
        <v>6</v>
      </c>
      <c r="AL40">
        <v>0</v>
      </c>
      <c r="AM40">
        <v>0</v>
      </c>
      <c r="AN40">
        <v>0</v>
      </c>
      <c r="AO40">
        <v>0</v>
      </c>
      <c r="AP40">
        <v>0</v>
      </c>
      <c r="AQ40">
        <v>0</v>
      </c>
      <c r="AR40">
        <v>0</v>
      </c>
      <c r="AS40">
        <v>0</v>
      </c>
      <c r="AT40">
        <v>0</v>
      </c>
      <c r="AU40">
        <v>0</v>
      </c>
      <c r="AV40">
        <v>0</v>
      </c>
      <c r="AW40">
        <v>0</v>
      </c>
      <c r="AX40">
        <v>0</v>
      </c>
      <c r="AY40">
        <v>0</v>
      </c>
      <c r="AZ40">
        <v>0</v>
      </c>
      <c r="BA40">
        <v>0</v>
      </c>
    </row>
    <row r="41" spans="1:53" x14ac:dyDescent="0.4">
      <c r="A41">
        <v>85</v>
      </c>
      <c r="B41" s="1">
        <v>42838</v>
      </c>
      <c r="C41">
        <v>2</v>
      </c>
      <c r="D41" s="1">
        <v>42838.45</v>
      </c>
      <c r="E41" s="1">
        <v>42838.758333333331</v>
      </c>
      <c r="F41">
        <v>9000</v>
      </c>
      <c r="G41">
        <v>1760</v>
      </c>
      <c r="H41">
        <v>0</v>
      </c>
      <c r="I41">
        <v>0</v>
      </c>
      <c r="J41">
        <v>0</v>
      </c>
      <c r="K41">
        <v>0</v>
      </c>
      <c r="L41">
        <v>0</v>
      </c>
      <c r="M41">
        <v>861</v>
      </c>
      <c r="N41">
        <v>0</v>
      </c>
      <c r="O41">
        <v>0</v>
      </c>
      <c r="P41">
        <v>11340</v>
      </c>
      <c r="Q41">
        <v>0</v>
      </c>
      <c r="R41">
        <v>22961</v>
      </c>
      <c r="S41">
        <v>0</v>
      </c>
      <c r="T41">
        <v>0</v>
      </c>
      <c r="U41">
        <v>0</v>
      </c>
      <c r="V41">
        <v>0</v>
      </c>
      <c r="W41">
        <v>0</v>
      </c>
      <c r="X41">
        <v>0</v>
      </c>
      <c r="Y41">
        <v>50</v>
      </c>
      <c r="Z41">
        <v>13</v>
      </c>
      <c r="AA41">
        <v>75</v>
      </c>
      <c r="AB41">
        <v>6</v>
      </c>
      <c r="AC41">
        <v>196</v>
      </c>
      <c r="AD41">
        <v>30</v>
      </c>
      <c r="AE41">
        <v>19</v>
      </c>
      <c r="AF41">
        <v>6532</v>
      </c>
      <c r="AG41">
        <v>72961</v>
      </c>
      <c r="AH41">
        <v>50000</v>
      </c>
      <c r="AI41">
        <v>0</v>
      </c>
      <c r="AJ41">
        <v>102</v>
      </c>
      <c r="AK41" t="s">
        <v>8</v>
      </c>
      <c r="AL41">
        <v>0</v>
      </c>
      <c r="AM41">
        <v>0</v>
      </c>
      <c r="AN41">
        <v>0</v>
      </c>
      <c r="AO41">
        <v>0</v>
      </c>
      <c r="AP41">
        <v>0</v>
      </c>
      <c r="AQ41">
        <v>0</v>
      </c>
      <c r="AR41">
        <v>0</v>
      </c>
      <c r="AS41">
        <v>0</v>
      </c>
      <c r="AT41">
        <v>0</v>
      </c>
      <c r="AU41">
        <v>0</v>
      </c>
      <c r="AV41">
        <v>0</v>
      </c>
      <c r="AW41">
        <v>0</v>
      </c>
      <c r="AX41">
        <v>1652</v>
      </c>
      <c r="AY41">
        <v>22</v>
      </c>
      <c r="AZ41">
        <v>39</v>
      </c>
      <c r="BA41">
        <v>2819</v>
      </c>
    </row>
    <row r="42" spans="1:53" x14ac:dyDescent="0.4">
      <c r="A42">
        <v>86</v>
      </c>
      <c r="B42" s="1">
        <v>42838</v>
      </c>
      <c r="C42">
        <v>3</v>
      </c>
      <c r="D42" s="1">
        <v>42838.758333333331</v>
      </c>
      <c r="E42" s="1">
        <v>42838.952777777777</v>
      </c>
      <c r="F42">
        <v>18000</v>
      </c>
      <c r="G42">
        <v>1530</v>
      </c>
      <c r="H42">
        <v>0</v>
      </c>
      <c r="I42">
        <v>0</v>
      </c>
      <c r="J42">
        <v>0</v>
      </c>
      <c r="K42">
        <v>0</v>
      </c>
      <c r="L42">
        <v>0</v>
      </c>
      <c r="M42">
        <v>1562</v>
      </c>
      <c r="N42">
        <v>0</v>
      </c>
      <c r="O42">
        <v>0</v>
      </c>
      <c r="P42">
        <v>-11340</v>
      </c>
      <c r="Q42">
        <v>0</v>
      </c>
      <c r="R42">
        <v>9752</v>
      </c>
      <c r="S42">
        <v>0</v>
      </c>
      <c r="T42">
        <v>0</v>
      </c>
      <c r="U42">
        <v>0</v>
      </c>
      <c r="V42">
        <v>0</v>
      </c>
      <c r="W42">
        <v>0</v>
      </c>
      <c r="X42">
        <v>0</v>
      </c>
      <c r="Y42">
        <v>58</v>
      </c>
      <c r="Z42">
        <v>15</v>
      </c>
      <c r="AA42">
        <v>80</v>
      </c>
      <c r="AB42">
        <v>8</v>
      </c>
      <c r="AC42">
        <v>211</v>
      </c>
      <c r="AD42">
        <v>30</v>
      </c>
      <c r="AE42">
        <v>21</v>
      </c>
      <c r="AF42">
        <v>6532</v>
      </c>
      <c r="AG42">
        <v>82713</v>
      </c>
      <c r="AH42">
        <v>50000</v>
      </c>
      <c r="AI42">
        <v>0</v>
      </c>
      <c r="AJ42">
        <v>102</v>
      </c>
      <c r="AK42" t="s">
        <v>8</v>
      </c>
      <c r="AL42">
        <v>0</v>
      </c>
      <c r="AM42">
        <v>0</v>
      </c>
      <c r="AN42">
        <v>0</v>
      </c>
      <c r="AO42">
        <v>0</v>
      </c>
      <c r="AP42">
        <v>0</v>
      </c>
      <c r="AQ42">
        <v>0</v>
      </c>
      <c r="AR42">
        <v>0</v>
      </c>
      <c r="AS42">
        <v>0</v>
      </c>
      <c r="AT42">
        <v>0</v>
      </c>
      <c r="AU42">
        <v>0</v>
      </c>
      <c r="AV42">
        <v>0</v>
      </c>
      <c r="AW42">
        <v>0</v>
      </c>
      <c r="AX42">
        <v>50749</v>
      </c>
      <c r="AY42">
        <v>10</v>
      </c>
      <c r="AZ42">
        <v>52</v>
      </c>
      <c r="BA42">
        <v>1709</v>
      </c>
    </row>
    <row r="43" spans="1:53" x14ac:dyDescent="0.4">
      <c r="A43">
        <v>87</v>
      </c>
      <c r="B43" s="1">
        <v>42839</v>
      </c>
      <c r="C43">
        <v>1</v>
      </c>
      <c r="D43" s="1">
        <v>42839.291666666664</v>
      </c>
      <c r="E43" s="1">
        <v>42839.449305555558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0</v>
      </c>
      <c r="O43">
        <v>0</v>
      </c>
      <c r="P43">
        <v>0</v>
      </c>
      <c r="Q43">
        <v>0</v>
      </c>
      <c r="R43">
        <v>0</v>
      </c>
      <c r="S43">
        <v>0</v>
      </c>
      <c r="T43">
        <v>0</v>
      </c>
      <c r="U43">
        <v>0</v>
      </c>
      <c r="V43">
        <v>0</v>
      </c>
      <c r="W43">
        <v>0</v>
      </c>
      <c r="X43">
        <v>0</v>
      </c>
      <c r="Y43">
        <v>34</v>
      </c>
      <c r="Z43">
        <v>14</v>
      </c>
      <c r="AA43">
        <v>71</v>
      </c>
      <c r="AB43">
        <v>4</v>
      </c>
      <c r="AC43">
        <v>155</v>
      </c>
      <c r="AD43">
        <v>26</v>
      </c>
      <c r="AE43">
        <v>20</v>
      </c>
      <c r="AF43">
        <v>0</v>
      </c>
      <c r="AG43">
        <v>50000</v>
      </c>
      <c r="AH43">
        <v>0</v>
      </c>
      <c r="AI43">
        <v>50000</v>
      </c>
      <c r="AJ43">
        <v>0</v>
      </c>
      <c r="AK43" t="s">
        <v>6</v>
      </c>
      <c r="AL43">
        <v>0</v>
      </c>
      <c r="AM43">
        <v>0</v>
      </c>
      <c r="AN43">
        <v>0</v>
      </c>
      <c r="AO43">
        <v>0</v>
      </c>
      <c r="AP43">
        <v>0</v>
      </c>
      <c r="AQ43">
        <v>0</v>
      </c>
      <c r="AR43">
        <v>0</v>
      </c>
      <c r="AS43">
        <v>0</v>
      </c>
      <c r="AT43">
        <v>0</v>
      </c>
      <c r="AU43">
        <v>0</v>
      </c>
      <c r="AV43">
        <v>0</v>
      </c>
      <c r="AW43">
        <v>0</v>
      </c>
      <c r="AX43">
        <v>0</v>
      </c>
      <c r="AY43">
        <v>0</v>
      </c>
      <c r="AZ43">
        <v>0</v>
      </c>
      <c r="BA43">
        <v>0</v>
      </c>
    </row>
    <row r="44" spans="1:53" x14ac:dyDescent="0.4">
      <c r="A44">
        <v>88</v>
      </c>
      <c r="B44" s="1">
        <v>42839</v>
      </c>
      <c r="C44">
        <v>2</v>
      </c>
      <c r="D44" s="1">
        <v>42839.449305555558</v>
      </c>
      <c r="E44" s="1">
        <v>42839.746527777781</v>
      </c>
      <c r="F44">
        <v>13500</v>
      </c>
      <c r="G44">
        <v>0</v>
      </c>
      <c r="H44">
        <v>0</v>
      </c>
      <c r="I44">
        <v>0</v>
      </c>
      <c r="J44">
        <v>0</v>
      </c>
      <c r="K44">
        <v>0</v>
      </c>
      <c r="L44">
        <v>0</v>
      </c>
      <c r="M44">
        <v>1080</v>
      </c>
      <c r="N44">
        <v>0</v>
      </c>
      <c r="O44">
        <v>0</v>
      </c>
      <c r="P44">
        <v>12960</v>
      </c>
      <c r="Q44">
        <v>0</v>
      </c>
      <c r="R44">
        <v>27540</v>
      </c>
      <c r="S44">
        <v>0</v>
      </c>
      <c r="T44">
        <v>0</v>
      </c>
      <c r="U44">
        <v>0</v>
      </c>
      <c r="V44">
        <v>2</v>
      </c>
      <c r="W44">
        <v>0</v>
      </c>
      <c r="X44">
        <v>0</v>
      </c>
      <c r="Y44">
        <v>41</v>
      </c>
      <c r="Z44">
        <v>14</v>
      </c>
      <c r="AA44">
        <v>74</v>
      </c>
      <c r="AB44">
        <v>4</v>
      </c>
      <c r="AC44">
        <v>179</v>
      </c>
      <c r="AD44">
        <v>26</v>
      </c>
      <c r="AE44">
        <v>20</v>
      </c>
      <c r="AF44">
        <v>0</v>
      </c>
      <c r="AG44">
        <v>77540</v>
      </c>
      <c r="AH44">
        <v>50000</v>
      </c>
      <c r="AI44">
        <v>0</v>
      </c>
      <c r="AJ44">
        <v>101</v>
      </c>
      <c r="AK44" t="s">
        <v>1</v>
      </c>
      <c r="AL44">
        <v>0</v>
      </c>
      <c r="AM44">
        <v>0</v>
      </c>
      <c r="AN44">
        <v>0</v>
      </c>
      <c r="AO44">
        <v>0</v>
      </c>
      <c r="AP44">
        <v>0</v>
      </c>
      <c r="AQ44">
        <v>0</v>
      </c>
      <c r="AR44">
        <v>0</v>
      </c>
      <c r="AS44">
        <v>0</v>
      </c>
      <c r="AT44">
        <v>0</v>
      </c>
      <c r="AU44">
        <v>0</v>
      </c>
      <c r="AV44">
        <v>0</v>
      </c>
      <c r="AW44">
        <v>0</v>
      </c>
      <c r="AX44">
        <v>1102</v>
      </c>
      <c r="AY44">
        <v>29</v>
      </c>
      <c r="AZ44">
        <v>51</v>
      </c>
      <c r="BA44">
        <v>3591</v>
      </c>
    </row>
    <row r="45" spans="1:53" x14ac:dyDescent="0.4">
      <c r="A45">
        <v>89</v>
      </c>
      <c r="B45" s="1">
        <v>42840</v>
      </c>
      <c r="C45">
        <v>1</v>
      </c>
      <c r="D45" s="1">
        <v>42840.291666666664</v>
      </c>
      <c r="E45" s="1">
        <v>42840.410416666666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0</v>
      </c>
      <c r="O45">
        <v>0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1</v>
      </c>
      <c r="X45">
        <v>0</v>
      </c>
      <c r="Y45">
        <v>37</v>
      </c>
      <c r="Z45">
        <v>4</v>
      </c>
      <c r="AA45">
        <v>47</v>
      </c>
      <c r="AB45">
        <v>1</v>
      </c>
      <c r="AC45">
        <v>112</v>
      </c>
      <c r="AD45">
        <v>22</v>
      </c>
      <c r="AE45">
        <v>20</v>
      </c>
      <c r="AF45">
        <v>0</v>
      </c>
      <c r="AG45">
        <v>50000</v>
      </c>
      <c r="AH45">
        <v>0</v>
      </c>
      <c r="AI45">
        <v>50000</v>
      </c>
      <c r="AJ45">
        <v>0</v>
      </c>
      <c r="AK45" t="s">
        <v>6</v>
      </c>
      <c r="AL45">
        <v>0</v>
      </c>
      <c r="AM45">
        <v>0</v>
      </c>
      <c r="AN45">
        <v>0</v>
      </c>
      <c r="AO45">
        <v>0</v>
      </c>
      <c r="AP45">
        <v>0</v>
      </c>
      <c r="AQ45">
        <v>0</v>
      </c>
      <c r="AR45">
        <v>0</v>
      </c>
      <c r="AS45">
        <v>0</v>
      </c>
      <c r="AT45">
        <v>0</v>
      </c>
      <c r="AU45">
        <v>0</v>
      </c>
      <c r="AV45">
        <v>0</v>
      </c>
      <c r="AW45">
        <v>0</v>
      </c>
      <c r="AX45">
        <v>0</v>
      </c>
      <c r="AY45">
        <v>0</v>
      </c>
      <c r="AZ45">
        <v>0</v>
      </c>
      <c r="BA45">
        <v>0</v>
      </c>
    </row>
    <row r="46" spans="1:53" x14ac:dyDescent="0.4">
      <c r="A46">
        <v>90</v>
      </c>
      <c r="B46" s="1">
        <v>42840</v>
      </c>
      <c r="C46">
        <v>2</v>
      </c>
      <c r="D46" s="1">
        <v>42840.410416666666</v>
      </c>
      <c r="E46" s="1">
        <v>42840.743055555555</v>
      </c>
      <c r="F46">
        <v>34000</v>
      </c>
      <c r="G46">
        <v>6620</v>
      </c>
      <c r="H46">
        <v>0</v>
      </c>
      <c r="I46">
        <v>0</v>
      </c>
      <c r="J46">
        <v>0</v>
      </c>
      <c r="K46">
        <v>0</v>
      </c>
      <c r="L46">
        <v>0</v>
      </c>
      <c r="M46">
        <v>3249</v>
      </c>
      <c r="N46">
        <v>0</v>
      </c>
      <c r="O46">
        <v>0</v>
      </c>
      <c r="P46">
        <v>14580</v>
      </c>
      <c r="Q46">
        <v>0</v>
      </c>
      <c r="R46">
        <v>58449</v>
      </c>
      <c r="S46">
        <v>0</v>
      </c>
      <c r="T46">
        <v>0</v>
      </c>
      <c r="U46">
        <v>0</v>
      </c>
      <c r="V46">
        <v>3</v>
      </c>
      <c r="W46">
        <v>4</v>
      </c>
      <c r="X46">
        <v>0</v>
      </c>
      <c r="Y46">
        <v>40</v>
      </c>
      <c r="Z46">
        <v>12</v>
      </c>
      <c r="AA46">
        <v>25</v>
      </c>
      <c r="AB46">
        <v>2</v>
      </c>
      <c r="AC46">
        <v>150</v>
      </c>
      <c r="AD46">
        <v>25</v>
      </c>
      <c r="AE46">
        <v>34</v>
      </c>
      <c r="AF46">
        <v>8720</v>
      </c>
      <c r="AG46">
        <v>108979</v>
      </c>
      <c r="AH46">
        <v>50000</v>
      </c>
      <c r="AI46">
        <v>530</v>
      </c>
      <c r="AJ46">
        <v>93</v>
      </c>
      <c r="AK46" t="s">
        <v>7</v>
      </c>
      <c r="AL46">
        <v>0</v>
      </c>
      <c r="AM46">
        <v>0</v>
      </c>
      <c r="AN46">
        <v>0</v>
      </c>
      <c r="AO46">
        <v>0</v>
      </c>
      <c r="AP46">
        <v>0</v>
      </c>
      <c r="AQ46">
        <v>0</v>
      </c>
      <c r="AR46">
        <v>0</v>
      </c>
      <c r="AS46">
        <v>0</v>
      </c>
      <c r="AT46">
        <v>0</v>
      </c>
      <c r="AU46">
        <v>0</v>
      </c>
      <c r="AV46">
        <v>0</v>
      </c>
      <c r="AW46">
        <v>0</v>
      </c>
      <c r="AX46">
        <v>2634</v>
      </c>
      <c r="AY46">
        <v>35</v>
      </c>
      <c r="AZ46">
        <v>85</v>
      </c>
      <c r="BA46">
        <v>6224</v>
      </c>
    </row>
    <row r="47" spans="1:53" x14ac:dyDescent="0.4">
      <c r="A47">
        <v>91</v>
      </c>
      <c r="B47" s="1">
        <v>42840</v>
      </c>
      <c r="C47">
        <v>3</v>
      </c>
      <c r="D47" s="1">
        <v>42840.743055555555</v>
      </c>
      <c r="E47" s="1">
        <v>42840.972916666666</v>
      </c>
      <c r="F47">
        <v>117100</v>
      </c>
      <c r="G47">
        <v>9220</v>
      </c>
      <c r="H47">
        <v>0</v>
      </c>
      <c r="I47">
        <v>0</v>
      </c>
      <c r="J47">
        <v>400</v>
      </c>
      <c r="K47">
        <v>0</v>
      </c>
      <c r="L47">
        <v>0</v>
      </c>
      <c r="M47">
        <v>10072</v>
      </c>
      <c r="N47">
        <v>0</v>
      </c>
      <c r="O47">
        <v>0</v>
      </c>
      <c r="P47">
        <v>8424</v>
      </c>
      <c r="Q47">
        <v>0</v>
      </c>
      <c r="R47">
        <v>144416</v>
      </c>
      <c r="S47">
        <v>0</v>
      </c>
      <c r="T47">
        <v>0</v>
      </c>
      <c r="U47">
        <v>0</v>
      </c>
      <c r="V47">
        <v>16</v>
      </c>
      <c r="W47">
        <v>8</v>
      </c>
      <c r="X47">
        <v>0</v>
      </c>
      <c r="Y47">
        <v>27</v>
      </c>
      <c r="Z47">
        <v>10</v>
      </c>
      <c r="AA47">
        <v>40</v>
      </c>
      <c r="AB47">
        <v>0</v>
      </c>
      <c r="AC47">
        <v>131</v>
      </c>
      <c r="AD47">
        <v>21</v>
      </c>
      <c r="AE47">
        <v>24</v>
      </c>
      <c r="AF47">
        <v>15956</v>
      </c>
      <c r="AG47">
        <v>253395</v>
      </c>
      <c r="AH47">
        <v>50000</v>
      </c>
      <c r="AI47">
        <v>530</v>
      </c>
      <c r="AJ47">
        <v>100</v>
      </c>
      <c r="AK47" t="s">
        <v>0</v>
      </c>
      <c r="AL47">
        <v>0</v>
      </c>
      <c r="AM47">
        <v>0</v>
      </c>
      <c r="AN47">
        <v>0</v>
      </c>
      <c r="AO47">
        <v>0</v>
      </c>
      <c r="AP47">
        <v>0</v>
      </c>
      <c r="AQ47">
        <v>0</v>
      </c>
      <c r="AR47">
        <v>0</v>
      </c>
      <c r="AS47">
        <v>0</v>
      </c>
      <c r="AT47">
        <v>0</v>
      </c>
      <c r="AU47">
        <v>0</v>
      </c>
      <c r="AV47">
        <v>0</v>
      </c>
      <c r="AW47">
        <v>0</v>
      </c>
      <c r="AX47">
        <v>154519</v>
      </c>
      <c r="AY47">
        <v>34</v>
      </c>
      <c r="AZ47">
        <v>205</v>
      </c>
      <c r="BA47">
        <v>3217</v>
      </c>
    </row>
    <row r="48" spans="1:53" x14ac:dyDescent="0.4">
      <c r="A48">
        <v>92</v>
      </c>
      <c r="B48" s="1">
        <v>42841</v>
      </c>
      <c r="C48">
        <v>1</v>
      </c>
      <c r="D48" s="1">
        <v>42841.291666666664</v>
      </c>
      <c r="E48" s="1">
        <v>42841.400694444441</v>
      </c>
      <c r="F48">
        <v>0</v>
      </c>
      <c r="G48">
        <v>0</v>
      </c>
      <c r="H48">
        <v>0</v>
      </c>
      <c r="I48">
        <v>0</v>
      </c>
      <c r="J48">
        <v>0</v>
      </c>
      <c r="K48">
        <v>0</v>
      </c>
      <c r="L48">
        <v>0</v>
      </c>
      <c r="M48">
        <v>0</v>
      </c>
      <c r="N48">
        <v>0</v>
      </c>
      <c r="O48">
        <v>0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2</v>
      </c>
      <c r="X48">
        <v>0</v>
      </c>
      <c r="Y48">
        <v>31</v>
      </c>
      <c r="Z48">
        <v>8</v>
      </c>
      <c r="AA48">
        <v>42</v>
      </c>
      <c r="AB48">
        <v>3</v>
      </c>
      <c r="AC48">
        <v>53</v>
      </c>
      <c r="AD48">
        <v>18</v>
      </c>
      <c r="AE48">
        <v>30</v>
      </c>
      <c r="AF48">
        <v>0</v>
      </c>
      <c r="AG48">
        <v>50000</v>
      </c>
      <c r="AH48">
        <v>0</v>
      </c>
      <c r="AI48">
        <v>50000</v>
      </c>
      <c r="AJ48">
        <v>0</v>
      </c>
      <c r="AK48" t="s">
        <v>6</v>
      </c>
      <c r="AL48">
        <v>0</v>
      </c>
      <c r="AM48">
        <v>0</v>
      </c>
      <c r="AN48">
        <v>0</v>
      </c>
      <c r="AO48">
        <v>0</v>
      </c>
      <c r="AP48">
        <v>0</v>
      </c>
      <c r="AQ48">
        <v>0</v>
      </c>
      <c r="AR48">
        <v>0</v>
      </c>
      <c r="AS48">
        <v>0</v>
      </c>
      <c r="AT48">
        <v>0</v>
      </c>
      <c r="AU48">
        <v>0</v>
      </c>
      <c r="AV48">
        <v>0</v>
      </c>
      <c r="AW48">
        <v>0</v>
      </c>
      <c r="AX48">
        <v>0</v>
      </c>
      <c r="AY48">
        <v>0</v>
      </c>
      <c r="AZ48">
        <v>0</v>
      </c>
      <c r="BA48">
        <v>0</v>
      </c>
    </row>
    <row r="49" spans="1:53" x14ac:dyDescent="0.4">
      <c r="A49">
        <v>93</v>
      </c>
      <c r="B49" s="1">
        <v>42841</v>
      </c>
      <c r="C49">
        <v>2</v>
      </c>
      <c r="D49" s="1">
        <v>42841.400694444441</v>
      </c>
      <c r="E49" s="1">
        <v>42841.753472222219</v>
      </c>
      <c r="F49">
        <v>36000</v>
      </c>
      <c r="G49">
        <v>9100</v>
      </c>
      <c r="H49">
        <v>0</v>
      </c>
      <c r="I49">
        <v>0</v>
      </c>
      <c r="J49">
        <v>0</v>
      </c>
      <c r="K49">
        <v>0</v>
      </c>
      <c r="L49">
        <v>0</v>
      </c>
      <c r="M49">
        <v>3605</v>
      </c>
      <c r="N49">
        <v>0</v>
      </c>
      <c r="O49">
        <v>0</v>
      </c>
      <c r="P49">
        <v>19440</v>
      </c>
      <c r="Q49">
        <v>0</v>
      </c>
      <c r="R49">
        <v>68145</v>
      </c>
      <c r="S49">
        <v>0</v>
      </c>
      <c r="T49">
        <v>0</v>
      </c>
      <c r="U49">
        <v>0</v>
      </c>
      <c r="V49">
        <v>2</v>
      </c>
      <c r="W49">
        <v>0</v>
      </c>
      <c r="X49">
        <v>0</v>
      </c>
      <c r="Y49">
        <v>81</v>
      </c>
      <c r="Z49">
        <v>18</v>
      </c>
      <c r="AA49">
        <v>53</v>
      </c>
      <c r="AB49">
        <v>4</v>
      </c>
      <c r="AC49">
        <v>88</v>
      </c>
      <c r="AD49">
        <v>23</v>
      </c>
      <c r="AE49">
        <v>30</v>
      </c>
      <c r="AF49">
        <v>1620</v>
      </c>
      <c r="AG49">
        <v>118145</v>
      </c>
      <c r="AH49">
        <v>50000</v>
      </c>
      <c r="AI49">
        <v>0</v>
      </c>
      <c r="AJ49">
        <v>105</v>
      </c>
      <c r="AL49">
        <v>0</v>
      </c>
      <c r="AM49">
        <v>0</v>
      </c>
      <c r="AN49">
        <v>0</v>
      </c>
      <c r="AO49">
        <v>0</v>
      </c>
      <c r="AP49">
        <v>0</v>
      </c>
      <c r="AQ49">
        <v>0</v>
      </c>
      <c r="AR49">
        <v>0</v>
      </c>
      <c r="AS49">
        <v>0</v>
      </c>
      <c r="AT49">
        <v>0</v>
      </c>
      <c r="AU49">
        <v>0</v>
      </c>
      <c r="AV49">
        <v>0</v>
      </c>
      <c r="AW49">
        <v>0</v>
      </c>
      <c r="AX49">
        <v>3704</v>
      </c>
      <c r="AY49">
        <v>52</v>
      </c>
      <c r="AZ49">
        <v>106</v>
      </c>
      <c r="BA49">
        <v>7157</v>
      </c>
    </row>
    <row r="50" spans="1:53" x14ac:dyDescent="0.4">
      <c r="A50">
        <v>94</v>
      </c>
      <c r="B50" s="1">
        <v>42841</v>
      </c>
      <c r="C50">
        <v>3</v>
      </c>
      <c r="D50" s="1">
        <v>42841.753472222219</v>
      </c>
      <c r="E50" s="1">
        <v>42842.020138888889</v>
      </c>
      <c r="F50">
        <v>46900</v>
      </c>
      <c r="G50">
        <v>7600</v>
      </c>
      <c r="H50">
        <v>0</v>
      </c>
      <c r="I50">
        <v>0</v>
      </c>
      <c r="J50">
        <v>1000</v>
      </c>
      <c r="K50">
        <v>0</v>
      </c>
      <c r="L50">
        <v>0</v>
      </c>
      <c r="M50">
        <v>4280</v>
      </c>
      <c r="N50">
        <v>0</v>
      </c>
      <c r="O50">
        <v>0</v>
      </c>
      <c r="P50">
        <v>1879</v>
      </c>
      <c r="Q50">
        <v>0</v>
      </c>
      <c r="R50">
        <v>59659</v>
      </c>
      <c r="S50">
        <v>0</v>
      </c>
      <c r="T50">
        <v>0</v>
      </c>
      <c r="U50">
        <v>0</v>
      </c>
      <c r="V50">
        <v>9</v>
      </c>
      <c r="W50">
        <v>3</v>
      </c>
      <c r="X50">
        <v>0</v>
      </c>
      <c r="Y50">
        <v>56</v>
      </c>
      <c r="Z50">
        <v>15</v>
      </c>
      <c r="AA50">
        <v>50</v>
      </c>
      <c r="AB50">
        <v>0</v>
      </c>
      <c r="AC50">
        <v>54</v>
      </c>
      <c r="AD50">
        <v>14</v>
      </c>
      <c r="AE50">
        <v>8</v>
      </c>
      <c r="AF50">
        <v>3686</v>
      </c>
      <c r="AG50">
        <v>177804</v>
      </c>
      <c r="AH50">
        <v>50000</v>
      </c>
      <c r="AI50">
        <v>0</v>
      </c>
      <c r="AJ50">
        <v>99</v>
      </c>
      <c r="AK50" t="s">
        <v>9</v>
      </c>
      <c r="AL50">
        <v>0</v>
      </c>
      <c r="AM50">
        <v>0</v>
      </c>
      <c r="AN50">
        <v>0</v>
      </c>
      <c r="AO50">
        <v>0</v>
      </c>
      <c r="AP50">
        <v>0</v>
      </c>
      <c r="AQ50">
        <v>0</v>
      </c>
      <c r="AR50">
        <v>0</v>
      </c>
      <c r="AS50">
        <v>0</v>
      </c>
      <c r="AT50">
        <v>0</v>
      </c>
      <c r="AU50">
        <v>0</v>
      </c>
      <c r="AV50">
        <v>0</v>
      </c>
      <c r="AW50">
        <v>0</v>
      </c>
      <c r="AX50">
        <v>-3758</v>
      </c>
      <c r="AY50">
        <v>14</v>
      </c>
      <c r="AZ50">
        <v>35</v>
      </c>
      <c r="BA50">
        <v>3111</v>
      </c>
    </row>
    <row r="51" spans="1:53" x14ac:dyDescent="0.4">
      <c r="A51">
        <v>95</v>
      </c>
      <c r="B51" s="1">
        <v>42842</v>
      </c>
      <c r="C51">
        <v>1</v>
      </c>
      <c r="D51" s="1">
        <v>42842.291666666664</v>
      </c>
      <c r="E51" s="1">
        <v>42842.45208333333</v>
      </c>
      <c r="F51">
        <v>0</v>
      </c>
      <c r="G51">
        <v>0</v>
      </c>
      <c r="H51">
        <v>0</v>
      </c>
      <c r="I51">
        <v>0</v>
      </c>
      <c r="J51">
        <v>0</v>
      </c>
      <c r="K51">
        <v>0</v>
      </c>
      <c r="L51">
        <v>0</v>
      </c>
      <c r="M51">
        <v>0</v>
      </c>
      <c r="N51">
        <v>0</v>
      </c>
      <c r="O51">
        <v>0</v>
      </c>
      <c r="P51">
        <v>0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1</v>
      </c>
      <c r="X51">
        <v>0</v>
      </c>
      <c r="Y51">
        <v>31</v>
      </c>
      <c r="Z51">
        <v>16</v>
      </c>
      <c r="AA51">
        <v>55</v>
      </c>
      <c r="AB51">
        <v>1</v>
      </c>
      <c r="AC51">
        <v>38</v>
      </c>
      <c r="AD51">
        <v>13</v>
      </c>
      <c r="AE51">
        <v>5</v>
      </c>
      <c r="AF51">
        <v>0</v>
      </c>
      <c r="AG51">
        <v>50000</v>
      </c>
      <c r="AH51">
        <v>0</v>
      </c>
      <c r="AI51">
        <v>50000</v>
      </c>
      <c r="AJ51">
        <v>0</v>
      </c>
      <c r="AK51" t="s">
        <v>6</v>
      </c>
      <c r="AL51">
        <v>0</v>
      </c>
      <c r="AM51">
        <v>0</v>
      </c>
      <c r="AN51">
        <v>0</v>
      </c>
      <c r="AO51">
        <v>0</v>
      </c>
      <c r="AP51">
        <v>0</v>
      </c>
      <c r="AQ51">
        <v>0</v>
      </c>
      <c r="AR51">
        <v>0</v>
      </c>
      <c r="AS51">
        <v>0</v>
      </c>
      <c r="AT51">
        <v>0</v>
      </c>
      <c r="AU51">
        <v>0</v>
      </c>
      <c r="AV51">
        <v>0</v>
      </c>
      <c r="AW51">
        <v>0</v>
      </c>
      <c r="AX51">
        <v>0</v>
      </c>
      <c r="AY51">
        <v>0</v>
      </c>
      <c r="AZ51">
        <v>0</v>
      </c>
      <c r="BA51">
        <v>0</v>
      </c>
    </row>
    <row r="52" spans="1:53" x14ac:dyDescent="0.4">
      <c r="A52">
        <v>96</v>
      </c>
      <c r="B52" s="1">
        <v>42842</v>
      </c>
      <c r="C52">
        <v>2</v>
      </c>
      <c r="D52" s="1">
        <v>42842.45208333333</v>
      </c>
      <c r="E52" s="1">
        <v>42842.885416666664</v>
      </c>
      <c r="F52">
        <v>34250</v>
      </c>
      <c r="G52">
        <v>8550</v>
      </c>
      <c r="H52">
        <v>0</v>
      </c>
      <c r="I52">
        <v>0</v>
      </c>
      <c r="J52">
        <v>0</v>
      </c>
      <c r="K52">
        <v>0</v>
      </c>
      <c r="L52">
        <v>0</v>
      </c>
      <c r="M52">
        <v>3422</v>
      </c>
      <c r="N52">
        <v>0</v>
      </c>
      <c r="O52">
        <v>0</v>
      </c>
      <c r="P52">
        <v>34344</v>
      </c>
      <c r="Q52">
        <v>0</v>
      </c>
      <c r="R52">
        <v>80566</v>
      </c>
      <c r="S52">
        <v>0</v>
      </c>
      <c r="T52">
        <v>0</v>
      </c>
      <c r="U52">
        <v>0</v>
      </c>
      <c r="V52">
        <v>4</v>
      </c>
      <c r="W52">
        <v>1</v>
      </c>
      <c r="X52">
        <v>0</v>
      </c>
      <c r="Y52">
        <v>62</v>
      </c>
      <c r="Z52">
        <v>31</v>
      </c>
      <c r="AA52">
        <v>72</v>
      </c>
      <c r="AB52">
        <v>9</v>
      </c>
      <c r="AC52">
        <v>36</v>
      </c>
      <c r="AD52">
        <v>10</v>
      </c>
      <c r="AE52">
        <v>6</v>
      </c>
      <c r="AF52">
        <v>0</v>
      </c>
      <c r="AG52">
        <v>130566</v>
      </c>
      <c r="AH52">
        <v>50000</v>
      </c>
      <c r="AI52">
        <v>0</v>
      </c>
      <c r="AJ52">
        <v>101</v>
      </c>
      <c r="AK52" t="s">
        <v>1</v>
      </c>
      <c r="AL52">
        <v>0</v>
      </c>
      <c r="AM52">
        <v>0</v>
      </c>
      <c r="AN52">
        <v>0</v>
      </c>
      <c r="AO52">
        <v>0</v>
      </c>
      <c r="AP52">
        <v>0</v>
      </c>
      <c r="AQ52">
        <v>0</v>
      </c>
      <c r="AR52">
        <v>0</v>
      </c>
      <c r="AS52">
        <v>0</v>
      </c>
      <c r="AT52">
        <v>0</v>
      </c>
      <c r="AU52">
        <v>0</v>
      </c>
      <c r="AV52">
        <v>0</v>
      </c>
      <c r="AW52">
        <v>0</v>
      </c>
      <c r="AX52">
        <v>270</v>
      </c>
      <c r="AY52">
        <v>38</v>
      </c>
      <c r="AZ52">
        <v>88</v>
      </c>
      <c r="BA52">
        <v>5521</v>
      </c>
    </row>
    <row r="53" spans="1:53" x14ac:dyDescent="0.4">
      <c r="A53">
        <v>97</v>
      </c>
      <c r="B53" s="1">
        <v>42842</v>
      </c>
      <c r="C53">
        <v>3</v>
      </c>
      <c r="D53" s="1">
        <v>42842.885416666664</v>
      </c>
      <c r="E53" s="1">
        <v>42842.961111111108</v>
      </c>
      <c r="F53">
        <v>37300</v>
      </c>
      <c r="G53">
        <v>1100</v>
      </c>
      <c r="H53">
        <v>0</v>
      </c>
      <c r="I53">
        <v>0</v>
      </c>
      <c r="J53">
        <v>3000</v>
      </c>
      <c r="K53">
        <v>0</v>
      </c>
      <c r="L53">
        <v>0</v>
      </c>
      <c r="M53">
        <v>2832</v>
      </c>
      <c r="N53">
        <v>0</v>
      </c>
      <c r="O53">
        <v>0</v>
      </c>
      <c r="P53">
        <v>-31752</v>
      </c>
      <c r="Q53">
        <v>0</v>
      </c>
      <c r="R53">
        <v>6480</v>
      </c>
      <c r="S53">
        <v>0</v>
      </c>
      <c r="T53">
        <v>0</v>
      </c>
      <c r="U53">
        <v>0</v>
      </c>
      <c r="V53">
        <v>5</v>
      </c>
      <c r="W53">
        <v>0</v>
      </c>
      <c r="X53">
        <v>0</v>
      </c>
      <c r="Y53">
        <v>65</v>
      </c>
      <c r="Z53">
        <v>30</v>
      </c>
      <c r="AA53">
        <v>62</v>
      </c>
      <c r="AB53">
        <v>9</v>
      </c>
      <c r="AC53">
        <v>34</v>
      </c>
      <c r="AD53">
        <v>10</v>
      </c>
      <c r="AE53">
        <v>6</v>
      </c>
      <c r="AF53">
        <v>0</v>
      </c>
      <c r="AG53">
        <v>137046</v>
      </c>
      <c r="AH53">
        <v>50000</v>
      </c>
      <c r="AI53">
        <v>0</v>
      </c>
      <c r="AJ53">
        <v>16</v>
      </c>
      <c r="AK53" t="s">
        <v>11</v>
      </c>
      <c r="AL53">
        <v>0</v>
      </c>
      <c r="AM53">
        <v>0</v>
      </c>
      <c r="AN53">
        <v>0</v>
      </c>
      <c r="AO53">
        <v>0</v>
      </c>
      <c r="AP53">
        <v>0</v>
      </c>
      <c r="AQ53">
        <v>0</v>
      </c>
      <c r="AR53">
        <v>0</v>
      </c>
      <c r="AS53">
        <v>0</v>
      </c>
      <c r="AT53">
        <v>0</v>
      </c>
      <c r="AU53">
        <v>0</v>
      </c>
      <c r="AV53">
        <v>0</v>
      </c>
      <c r="AW53">
        <v>0</v>
      </c>
      <c r="AX53">
        <v>3397</v>
      </c>
      <c r="AY53">
        <v>5</v>
      </c>
      <c r="AZ53">
        <v>20</v>
      </c>
      <c r="BA53">
        <v>537</v>
      </c>
    </row>
    <row r="54" spans="1:53" x14ac:dyDescent="0.4">
      <c r="A54">
        <v>98</v>
      </c>
      <c r="B54" s="1">
        <v>42843</v>
      </c>
      <c r="C54">
        <v>1</v>
      </c>
      <c r="D54" s="1">
        <v>42843.291666666664</v>
      </c>
      <c r="E54" s="1">
        <v>42843.451388888891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0</v>
      </c>
      <c r="O54">
        <v>0</v>
      </c>
      <c r="P54">
        <v>0</v>
      </c>
      <c r="Q54">
        <v>0</v>
      </c>
      <c r="R54">
        <v>0</v>
      </c>
      <c r="S54">
        <v>0</v>
      </c>
      <c r="T54">
        <v>0</v>
      </c>
      <c r="U54">
        <v>0</v>
      </c>
      <c r="V54">
        <v>1</v>
      </c>
      <c r="W54">
        <v>0</v>
      </c>
      <c r="X54">
        <v>0</v>
      </c>
      <c r="Y54">
        <v>26</v>
      </c>
      <c r="Z54">
        <v>15</v>
      </c>
      <c r="AA54">
        <v>59</v>
      </c>
      <c r="AB54">
        <v>8</v>
      </c>
      <c r="AC54">
        <v>16</v>
      </c>
      <c r="AD54">
        <v>7</v>
      </c>
      <c r="AE54">
        <v>5</v>
      </c>
      <c r="AF54">
        <v>0</v>
      </c>
      <c r="AG54">
        <v>50000</v>
      </c>
      <c r="AH54">
        <v>0</v>
      </c>
      <c r="AI54">
        <v>50000</v>
      </c>
      <c r="AJ54">
        <v>0</v>
      </c>
      <c r="AK54" t="s">
        <v>6</v>
      </c>
      <c r="AL54">
        <v>0</v>
      </c>
      <c r="AM54">
        <v>0</v>
      </c>
      <c r="AN54">
        <v>0</v>
      </c>
      <c r="AO54">
        <v>0</v>
      </c>
      <c r="AP54">
        <v>0</v>
      </c>
      <c r="AQ54">
        <v>0</v>
      </c>
      <c r="AR54">
        <v>0</v>
      </c>
      <c r="AS54">
        <v>0</v>
      </c>
      <c r="AT54">
        <v>0</v>
      </c>
      <c r="AU54">
        <v>0</v>
      </c>
      <c r="AV54">
        <v>0</v>
      </c>
      <c r="AW54">
        <v>0</v>
      </c>
      <c r="AX54">
        <v>0</v>
      </c>
      <c r="AY54">
        <v>0</v>
      </c>
      <c r="AZ54">
        <v>0</v>
      </c>
      <c r="BA54">
        <v>0</v>
      </c>
    </row>
    <row r="55" spans="1:53" x14ac:dyDescent="0.4">
      <c r="A55">
        <v>99</v>
      </c>
      <c r="B55" s="1">
        <v>42843</v>
      </c>
      <c r="C55">
        <v>2</v>
      </c>
      <c r="D55" s="1">
        <v>42843.451388888891</v>
      </c>
      <c r="E55" s="1">
        <v>42843.833333333336</v>
      </c>
      <c r="F55">
        <v>26500</v>
      </c>
      <c r="G55">
        <v>5290</v>
      </c>
      <c r="H55">
        <v>0</v>
      </c>
      <c r="I55">
        <v>0</v>
      </c>
      <c r="J55">
        <v>1500</v>
      </c>
      <c r="K55">
        <v>600</v>
      </c>
      <c r="L55">
        <v>0</v>
      </c>
      <c r="M55">
        <v>2471</v>
      </c>
      <c r="N55">
        <v>0</v>
      </c>
      <c r="O55">
        <v>0</v>
      </c>
      <c r="P55">
        <v>3780</v>
      </c>
      <c r="Q55">
        <v>0</v>
      </c>
      <c r="R55">
        <v>37141</v>
      </c>
      <c r="S55">
        <v>0</v>
      </c>
      <c r="T55">
        <v>0</v>
      </c>
      <c r="U55">
        <v>0</v>
      </c>
      <c r="V55">
        <v>2</v>
      </c>
      <c r="W55">
        <v>2</v>
      </c>
      <c r="X55">
        <v>0</v>
      </c>
      <c r="Y55">
        <v>24</v>
      </c>
      <c r="Z55">
        <v>22</v>
      </c>
      <c r="AA55">
        <v>74</v>
      </c>
      <c r="AB55">
        <v>11</v>
      </c>
      <c r="AC55">
        <v>107</v>
      </c>
      <c r="AD55">
        <v>9</v>
      </c>
      <c r="AE55">
        <v>28</v>
      </c>
      <c r="AF55">
        <v>13048</v>
      </c>
      <c r="AG55">
        <v>87141</v>
      </c>
      <c r="AH55">
        <v>50000</v>
      </c>
      <c r="AI55">
        <v>0</v>
      </c>
      <c r="AJ55">
        <v>102</v>
      </c>
      <c r="AK55" t="s">
        <v>8</v>
      </c>
      <c r="AL55">
        <v>0</v>
      </c>
      <c r="AM55">
        <v>0</v>
      </c>
      <c r="AN55">
        <v>0</v>
      </c>
      <c r="AO55">
        <v>0</v>
      </c>
      <c r="AP55">
        <v>0</v>
      </c>
      <c r="AQ55">
        <v>0</v>
      </c>
      <c r="AR55">
        <v>0</v>
      </c>
      <c r="AS55">
        <v>0</v>
      </c>
      <c r="AT55">
        <v>0</v>
      </c>
      <c r="AU55">
        <v>0</v>
      </c>
      <c r="AV55">
        <v>0</v>
      </c>
      <c r="AW55">
        <v>0</v>
      </c>
      <c r="AX55">
        <v>5346</v>
      </c>
      <c r="AY55">
        <v>33</v>
      </c>
      <c r="AZ55">
        <v>59</v>
      </c>
      <c r="BA55">
        <v>4778</v>
      </c>
    </row>
    <row r="56" spans="1:53" x14ac:dyDescent="0.4">
      <c r="A56">
        <v>100</v>
      </c>
      <c r="B56" s="1">
        <v>42843</v>
      </c>
      <c r="C56">
        <v>3</v>
      </c>
      <c r="D56" s="1">
        <v>42843.833333333336</v>
      </c>
      <c r="E56" s="1">
        <v>42843.961805555555</v>
      </c>
      <c r="F56">
        <v>33120</v>
      </c>
      <c r="G56">
        <v>3950</v>
      </c>
      <c r="H56">
        <v>0</v>
      </c>
      <c r="I56">
        <v>0</v>
      </c>
      <c r="J56">
        <v>760</v>
      </c>
      <c r="K56">
        <v>0</v>
      </c>
      <c r="L56">
        <v>0</v>
      </c>
      <c r="M56">
        <v>2905</v>
      </c>
      <c r="N56">
        <v>0</v>
      </c>
      <c r="O56">
        <v>0</v>
      </c>
      <c r="P56">
        <v>-2484</v>
      </c>
      <c r="Q56">
        <v>0</v>
      </c>
      <c r="R56">
        <v>36731</v>
      </c>
      <c r="S56">
        <v>0</v>
      </c>
      <c r="T56">
        <v>0</v>
      </c>
      <c r="U56">
        <v>0</v>
      </c>
      <c r="V56">
        <v>5</v>
      </c>
      <c r="W56">
        <v>3</v>
      </c>
      <c r="X56">
        <v>0</v>
      </c>
      <c r="Y56">
        <v>28</v>
      </c>
      <c r="Z56">
        <v>17</v>
      </c>
      <c r="AA56">
        <v>61</v>
      </c>
      <c r="AB56">
        <v>9</v>
      </c>
      <c r="AC56">
        <v>96</v>
      </c>
      <c r="AD56">
        <v>7</v>
      </c>
      <c r="AE56">
        <v>19</v>
      </c>
      <c r="AF56">
        <v>14808</v>
      </c>
      <c r="AG56">
        <v>123872</v>
      </c>
      <c r="AH56">
        <v>50000</v>
      </c>
      <c r="AI56">
        <v>0</v>
      </c>
      <c r="AJ56">
        <v>89</v>
      </c>
      <c r="AK56" t="s">
        <v>12</v>
      </c>
      <c r="AL56">
        <v>0</v>
      </c>
      <c r="AM56">
        <v>0</v>
      </c>
      <c r="AN56">
        <v>0</v>
      </c>
      <c r="AO56">
        <v>0</v>
      </c>
      <c r="AP56">
        <v>0</v>
      </c>
      <c r="AQ56">
        <v>0</v>
      </c>
      <c r="AR56">
        <v>0</v>
      </c>
      <c r="AS56">
        <v>0</v>
      </c>
      <c r="AT56">
        <v>0</v>
      </c>
      <c r="AU56">
        <v>0</v>
      </c>
      <c r="AV56">
        <v>0</v>
      </c>
      <c r="AW56">
        <v>0</v>
      </c>
      <c r="AX56">
        <v>21967</v>
      </c>
      <c r="AY56">
        <v>10</v>
      </c>
      <c r="AZ56">
        <v>32</v>
      </c>
      <c r="BA56">
        <v>1345</v>
      </c>
    </row>
    <row r="57" spans="1:53" x14ac:dyDescent="0.4">
      <c r="A57">
        <v>101</v>
      </c>
      <c r="B57" s="1">
        <v>42844</v>
      </c>
      <c r="C57">
        <v>1</v>
      </c>
      <c r="D57" s="1">
        <v>42844.291666666664</v>
      </c>
      <c r="E57" s="1">
        <v>42844.45</v>
      </c>
      <c r="F57">
        <v>0</v>
      </c>
      <c r="G57">
        <v>0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0</v>
      </c>
      <c r="O57">
        <v>0</v>
      </c>
      <c r="P57">
        <v>0</v>
      </c>
      <c r="Q57">
        <v>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38</v>
      </c>
      <c r="Z57">
        <v>9</v>
      </c>
      <c r="AA57">
        <v>65</v>
      </c>
      <c r="AB57">
        <v>9</v>
      </c>
      <c r="AC57">
        <v>51</v>
      </c>
      <c r="AD57">
        <v>6</v>
      </c>
      <c r="AE57">
        <v>10</v>
      </c>
      <c r="AF57">
        <v>0</v>
      </c>
      <c r="AG57">
        <v>50000</v>
      </c>
      <c r="AH57">
        <v>0</v>
      </c>
      <c r="AI57">
        <v>50000</v>
      </c>
      <c r="AJ57">
        <v>0</v>
      </c>
      <c r="AK57" t="s">
        <v>6</v>
      </c>
      <c r="AL57">
        <v>0</v>
      </c>
      <c r="AM57">
        <v>0</v>
      </c>
      <c r="AN57">
        <v>0</v>
      </c>
      <c r="AO57">
        <v>0</v>
      </c>
      <c r="AP57">
        <v>0</v>
      </c>
      <c r="AQ57">
        <v>0</v>
      </c>
      <c r="AR57">
        <v>0</v>
      </c>
      <c r="AS57">
        <v>0</v>
      </c>
      <c r="AT57">
        <v>0</v>
      </c>
      <c r="AU57">
        <v>0</v>
      </c>
      <c r="AV57">
        <v>0</v>
      </c>
      <c r="AW57">
        <v>0</v>
      </c>
      <c r="AX57">
        <v>0</v>
      </c>
      <c r="AY57">
        <v>0</v>
      </c>
      <c r="AZ57">
        <v>0</v>
      </c>
      <c r="BA57">
        <v>0</v>
      </c>
    </row>
    <row r="58" spans="1:53" x14ac:dyDescent="0.4">
      <c r="A58">
        <v>102</v>
      </c>
      <c r="B58" s="1">
        <v>42844</v>
      </c>
      <c r="C58">
        <v>2</v>
      </c>
      <c r="D58" s="1">
        <v>42844.45</v>
      </c>
      <c r="E58" s="1">
        <v>42844.741666666669</v>
      </c>
      <c r="F58">
        <v>950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760</v>
      </c>
      <c r="N58">
        <v>0</v>
      </c>
      <c r="O58">
        <v>0</v>
      </c>
      <c r="P58">
        <v>8100</v>
      </c>
      <c r="Q58">
        <v>0</v>
      </c>
      <c r="R58">
        <v>18360</v>
      </c>
      <c r="S58">
        <v>0</v>
      </c>
      <c r="T58">
        <v>0</v>
      </c>
      <c r="U58">
        <v>0</v>
      </c>
      <c r="V58">
        <v>0</v>
      </c>
      <c r="W58">
        <v>0</v>
      </c>
      <c r="X58">
        <v>0</v>
      </c>
      <c r="Y58">
        <v>53</v>
      </c>
      <c r="Z58">
        <v>14</v>
      </c>
      <c r="AA58">
        <v>72</v>
      </c>
      <c r="AB58">
        <v>8</v>
      </c>
      <c r="AC58">
        <v>72</v>
      </c>
      <c r="AD58">
        <v>6</v>
      </c>
      <c r="AE58">
        <v>10</v>
      </c>
      <c r="AF58">
        <v>0</v>
      </c>
      <c r="AG58">
        <v>68360</v>
      </c>
      <c r="AH58">
        <v>50000</v>
      </c>
      <c r="AI58">
        <v>0</v>
      </c>
      <c r="AJ58">
        <v>95</v>
      </c>
      <c r="AK58" t="s">
        <v>13</v>
      </c>
      <c r="AL58">
        <v>0</v>
      </c>
      <c r="AM58">
        <v>0</v>
      </c>
      <c r="AN58">
        <v>0</v>
      </c>
      <c r="AO58">
        <v>0</v>
      </c>
      <c r="AP58">
        <v>0</v>
      </c>
      <c r="AQ58">
        <v>0</v>
      </c>
      <c r="AR58">
        <v>0</v>
      </c>
      <c r="AS58">
        <v>0</v>
      </c>
      <c r="AT58">
        <v>0</v>
      </c>
      <c r="AU58">
        <v>0</v>
      </c>
      <c r="AV58">
        <v>0</v>
      </c>
      <c r="AW58">
        <v>0</v>
      </c>
      <c r="AX58">
        <v>540</v>
      </c>
      <c r="AY58">
        <v>23</v>
      </c>
      <c r="AZ58">
        <v>33</v>
      </c>
      <c r="BA58">
        <v>3098</v>
      </c>
    </row>
    <row r="59" spans="1:53" x14ac:dyDescent="0.4">
      <c r="A59">
        <v>103</v>
      </c>
      <c r="B59" s="1">
        <v>42844</v>
      </c>
      <c r="C59">
        <v>3</v>
      </c>
      <c r="D59" s="1">
        <v>42844.741666666669</v>
      </c>
      <c r="E59" s="1">
        <v>42845.001388888886</v>
      </c>
      <c r="F59">
        <v>97480</v>
      </c>
      <c r="G59">
        <v>9630</v>
      </c>
      <c r="H59">
        <v>0</v>
      </c>
      <c r="I59">
        <v>0</v>
      </c>
      <c r="J59">
        <v>0</v>
      </c>
      <c r="K59">
        <v>0</v>
      </c>
      <c r="L59">
        <v>0</v>
      </c>
      <c r="M59">
        <v>8568</v>
      </c>
      <c r="N59">
        <v>0</v>
      </c>
      <c r="O59">
        <v>0</v>
      </c>
      <c r="P59">
        <v>10476</v>
      </c>
      <c r="Q59">
        <v>0</v>
      </c>
      <c r="R59">
        <v>126154</v>
      </c>
      <c r="S59">
        <v>0</v>
      </c>
      <c r="T59">
        <v>0</v>
      </c>
      <c r="U59">
        <v>0</v>
      </c>
      <c r="V59">
        <v>6</v>
      </c>
      <c r="W59">
        <v>0</v>
      </c>
      <c r="X59">
        <v>0</v>
      </c>
      <c r="Y59">
        <v>60</v>
      </c>
      <c r="Z59">
        <v>15</v>
      </c>
      <c r="AA59">
        <v>84</v>
      </c>
      <c r="AB59">
        <v>7</v>
      </c>
      <c r="AC59">
        <v>78</v>
      </c>
      <c r="AD59">
        <v>3</v>
      </c>
      <c r="AE59">
        <v>2</v>
      </c>
      <c r="AF59">
        <v>57467</v>
      </c>
      <c r="AG59">
        <v>194514</v>
      </c>
      <c r="AH59">
        <v>50000</v>
      </c>
      <c r="AI59">
        <v>0</v>
      </c>
      <c r="AJ59">
        <v>1</v>
      </c>
      <c r="AK59" t="s">
        <v>3</v>
      </c>
      <c r="AL59">
        <v>0</v>
      </c>
      <c r="AM59">
        <v>0</v>
      </c>
      <c r="AN59">
        <v>0</v>
      </c>
      <c r="AO59">
        <v>0</v>
      </c>
      <c r="AP59">
        <v>0</v>
      </c>
      <c r="AQ59">
        <v>0</v>
      </c>
      <c r="AR59">
        <v>0</v>
      </c>
      <c r="AS59">
        <v>0</v>
      </c>
      <c r="AT59">
        <v>0</v>
      </c>
      <c r="AU59">
        <v>0</v>
      </c>
      <c r="AV59">
        <v>0</v>
      </c>
      <c r="AW59">
        <v>0</v>
      </c>
      <c r="AX59">
        <v>-3888</v>
      </c>
      <c r="AY59">
        <v>18</v>
      </c>
      <c r="AZ59">
        <v>68</v>
      </c>
      <c r="BA59">
        <v>2993</v>
      </c>
    </row>
    <row r="60" spans="1:53" x14ac:dyDescent="0.4">
      <c r="A60">
        <v>104</v>
      </c>
      <c r="B60" s="1">
        <v>42845</v>
      </c>
      <c r="C60">
        <v>1</v>
      </c>
      <c r="D60" s="1">
        <v>42845.291666666664</v>
      </c>
      <c r="E60" s="1">
        <v>42845.450694444444</v>
      </c>
      <c r="F60">
        <v>0</v>
      </c>
      <c r="G60">
        <v>0</v>
      </c>
      <c r="H60">
        <v>0</v>
      </c>
      <c r="I60">
        <v>0</v>
      </c>
      <c r="J60">
        <v>0</v>
      </c>
      <c r="K60">
        <v>0</v>
      </c>
      <c r="L60">
        <v>0</v>
      </c>
      <c r="M60">
        <v>0</v>
      </c>
      <c r="N60">
        <v>0</v>
      </c>
      <c r="O60">
        <v>0</v>
      </c>
      <c r="P60">
        <v>0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1</v>
      </c>
      <c r="X60">
        <v>0</v>
      </c>
      <c r="Y60">
        <v>30</v>
      </c>
      <c r="Z60">
        <v>11</v>
      </c>
      <c r="AA60">
        <v>83</v>
      </c>
      <c r="AB60">
        <v>8</v>
      </c>
      <c r="AC60">
        <v>76</v>
      </c>
      <c r="AD60">
        <v>3</v>
      </c>
      <c r="AE60">
        <v>25</v>
      </c>
      <c r="AF60">
        <v>0</v>
      </c>
      <c r="AG60">
        <v>50000</v>
      </c>
      <c r="AH60">
        <v>0</v>
      </c>
      <c r="AI60">
        <v>50000</v>
      </c>
      <c r="AJ60">
        <v>0</v>
      </c>
      <c r="AK60" t="s">
        <v>6</v>
      </c>
      <c r="AL60">
        <v>0</v>
      </c>
      <c r="AM60">
        <v>0</v>
      </c>
      <c r="AN60">
        <v>0</v>
      </c>
      <c r="AO60">
        <v>0</v>
      </c>
      <c r="AP60">
        <v>0</v>
      </c>
      <c r="AQ60">
        <v>0</v>
      </c>
      <c r="AR60">
        <v>0</v>
      </c>
      <c r="AS60">
        <v>0</v>
      </c>
      <c r="AT60">
        <v>0</v>
      </c>
      <c r="AU60">
        <v>0</v>
      </c>
      <c r="AV60">
        <v>0</v>
      </c>
      <c r="AW60">
        <v>0</v>
      </c>
      <c r="AX60">
        <v>0</v>
      </c>
      <c r="AY60">
        <v>0</v>
      </c>
      <c r="AZ60">
        <v>0</v>
      </c>
      <c r="BA60">
        <v>0</v>
      </c>
    </row>
    <row r="61" spans="1:53" x14ac:dyDescent="0.4">
      <c r="A61">
        <v>105</v>
      </c>
      <c r="B61" s="1">
        <v>42845</v>
      </c>
      <c r="C61">
        <v>2</v>
      </c>
      <c r="D61" s="1">
        <v>42845.450694444444</v>
      </c>
      <c r="E61" s="1">
        <v>42845.954861111109</v>
      </c>
      <c r="F61">
        <v>44250</v>
      </c>
      <c r="G61">
        <v>4020</v>
      </c>
      <c r="H61">
        <v>0</v>
      </c>
      <c r="I61">
        <v>0</v>
      </c>
      <c r="J61">
        <v>0</v>
      </c>
      <c r="K61">
        <v>0</v>
      </c>
      <c r="L61">
        <v>0</v>
      </c>
      <c r="M61">
        <v>3862</v>
      </c>
      <c r="N61">
        <v>0</v>
      </c>
      <c r="O61">
        <v>0</v>
      </c>
      <c r="P61">
        <v>0</v>
      </c>
      <c r="Q61">
        <v>0</v>
      </c>
      <c r="R61">
        <v>52132</v>
      </c>
      <c r="S61">
        <v>0</v>
      </c>
      <c r="T61">
        <v>0</v>
      </c>
      <c r="U61">
        <v>0</v>
      </c>
      <c r="V61">
        <v>4</v>
      </c>
      <c r="W61">
        <v>1</v>
      </c>
      <c r="X61">
        <v>0</v>
      </c>
      <c r="Y61">
        <v>33</v>
      </c>
      <c r="Z61">
        <v>15</v>
      </c>
      <c r="AA61">
        <v>89</v>
      </c>
      <c r="AB61">
        <v>10</v>
      </c>
      <c r="AC61">
        <v>75</v>
      </c>
      <c r="AD61">
        <v>5</v>
      </c>
      <c r="AE61">
        <v>18</v>
      </c>
      <c r="AF61">
        <v>6439</v>
      </c>
      <c r="AG61">
        <v>102132</v>
      </c>
      <c r="AH61">
        <v>50000</v>
      </c>
      <c r="AI61">
        <v>0</v>
      </c>
      <c r="AJ61">
        <v>102</v>
      </c>
      <c r="AK61" t="s">
        <v>8</v>
      </c>
      <c r="AL61">
        <v>0</v>
      </c>
      <c r="AM61">
        <v>0</v>
      </c>
      <c r="AN61">
        <v>0</v>
      </c>
      <c r="AO61">
        <v>0</v>
      </c>
      <c r="AP61">
        <v>0</v>
      </c>
      <c r="AQ61">
        <v>0</v>
      </c>
      <c r="AR61">
        <v>0</v>
      </c>
      <c r="AS61">
        <v>0</v>
      </c>
      <c r="AT61">
        <v>0</v>
      </c>
      <c r="AU61">
        <v>0</v>
      </c>
      <c r="AV61">
        <v>0</v>
      </c>
      <c r="AW61">
        <v>0</v>
      </c>
      <c r="AX61">
        <v>8597</v>
      </c>
      <c r="AY61">
        <v>34</v>
      </c>
      <c r="AZ61">
        <v>68</v>
      </c>
      <c r="BA61">
        <v>4933</v>
      </c>
    </row>
    <row r="62" spans="1:53" x14ac:dyDescent="0.4">
      <c r="A62">
        <v>106</v>
      </c>
      <c r="B62" s="1">
        <v>42845</v>
      </c>
      <c r="C62">
        <v>3</v>
      </c>
      <c r="D62" s="1">
        <v>42845.954861111109</v>
      </c>
      <c r="E62" s="1">
        <v>42846.156944444447</v>
      </c>
      <c r="F62">
        <v>11280</v>
      </c>
      <c r="G62">
        <v>1380</v>
      </c>
      <c r="H62">
        <v>0</v>
      </c>
      <c r="I62">
        <v>0</v>
      </c>
      <c r="J62">
        <v>0</v>
      </c>
      <c r="K62">
        <v>0</v>
      </c>
      <c r="L62">
        <v>0</v>
      </c>
      <c r="M62">
        <v>1012</v>
      </c>
      <c r="N62">
        <v>0</v>
      </c>
      <c r="O62">
        <v>0</v>
      </c>
      <c r="P62">
        <v>16898</v>
      </c>
      <c r="Q62">
        <v>0</v>
      </c>
      <c r="R62">
        <v>30570</v>
      </c>
      <c r="S62">
        <v>0</v>
      </c>
      <c r="T62">
        <v>0</v>
      </c>
      <c r="U62">
        <v>0</v>
      </c>
      <c r="V62">
        <v>7</v>
      </c>
      <c r="W62">
        <v>0</v>
      </c>
      <c r="X62">
        <v>0</v>
      </c>
      <c r="Y62">
        <v>34</v>
      </c>
      <c r="Z62">
        <v>14</v>
      </c>
      <c r="AA62">
        <v>88</v>
      </c>
      <c r="AB62">
        <v>9</v>
      </c>
      <c r="AC62">
        <v>73</v>
      </c>
      <c r="AD62">
        <v>6</v>
      </c>
      <c r="AE62">
        <v>19</v>
      </c>
      <c r="AF62">
        <v>11623</v>
      </c>
      <c r="AG62">
        <v>132652</v>
      </c>
      <c r="AH62">
        <v>50000</v>
      </c>
      <c r="AI62">
        <v>-50</v>
      </c>
      <c r="AJ62">
        <v>106</v>
      </c>
      <c r="AL62">
        <v>0</v>
      </c>
      <c r="AM62">
        <v>0</v>
      </c>
      <c r="AN62">
        <v>0</v>
      </c>
      <c r="AO62">
        <v>0</v>
      </c>
      <c r="AP62">
        <v>0</v>
      </c>
      <c r="AQ62">
        <v>0</v>
      </c>
      <c r="AR62">
        <v>0</v>
      </c>
      <c r="AS62">
        <v>0</v>
      </c>
      <c r="AT62">
        <v>0</v>
      </c>
      <c r="AU62">
        <v>0</v>
      </c>
      <c r="AV62">
        <v>0</v>
      </c>
      <c r="AW62">
        <v>0</v>
      </c>
      <c r="AX62">
        <v>4508</v>
      </c>
      <c r="AY62">
        <v>5</v>
      </c>
      <c r="AZ62">
        <v>12</v>
      </c>
      <c r="BA62">
        <v>739</v>
      </c>
    </row>
    <row r="63" spans="1:53" x14ac:dyDescent="0.4">
      <c r="A63">
        <v>107</v>
      </c>
      <c r="B63" s="1">
        <v>42846</v>
      </c>
      <c r="C63">
        <v>1</v>
      </c>
      <c r="D63" s="1">
        <v>42846.291666666664</v>
      </c>
      <c r="E63" s="1">
        <v>42846.474999999999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0</v>
      </c>
      <c r="O63">
        <v>0</v>
      </c>
      <c r="P63">
        <v>10800</v>
      </c>
      <c r="Q63">
        <v>0</v>
      </c>
      <c r="R63">
        <v>1080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41</v>
      </c>
      <c r="Z63">
        <v>20</v>
      </c>
      <c r="AA63">
        <v>82</v>
      </c>
      <c r="AB63">
        <v>14</v>
      </c>
      <c r="AC63">
        <v>85</v>
      </c>
      <c r="AD63">
        <v>6</v>
      </c>
      <c r="AE63">
        <v>20</v>
      </c>
      <c r="AF63">
        <v>0</v>
      </c>
      <c r="AG63">
        <v>60800</v>
      </c>
      <c r="AH63">
        <v>50000</v>
      </c>
      <c r="AI63">
        <v>0</v>
      </c>
      <c r="AJ63">
        <v>100</v>
      </c>
      <c r="AK63" t="s">
        <v>0</v>
      </c>
      <c r="AL63">
        <v>0</v>
      </c>
      <c r="AM63">
        <v>0</v>
      </c>
      <c r="AN63">
        <v>0</v>
      </c>
      <c r="AO63">
        <v>0</v>
      </c>
      <c r="AP63">
        <v>0</v>
      </c>
      <c r="AQ63">
        <v>0</v>
      </c>
      <c r="AR63">
        <v>0</v>
      </c>
      <c r="AS63">
        <v>0</v>
      </c>
      <c r="AT63">
        <v>0</v>
      </c>
      <c r="AU63">
        <v>0</v>
      </c>
      <c r="AV63">
        <v>0</v>
      </c>
      <c r="AW63">
        <v>0</v>
      </c>
      <c r="AX63">
        <v>0</v>
      </c>
      <c r="AY63">
        <v>8</v>
      </c>
      <c r="AZ63">
        <v>16</v>
      </c>
      <c r="BA63">
        <v>147</v>
      </c>
    </row>
    <row r="64" spans="1:53" x14ac:dyDescent="0.4">
      <c r="A64">
        <v>108</v>
      </c>
      <c r="B64" s="1">
        <v>42846</v>
      </c>
      <c r="C64">
        <v>2</v>
      </c>
      <c r="D64" s="1">
        <v>42846.474999999999</v>
      </c>
      <c r="E64" s="1">
        <v>42846.765972222223</v>
      </c>
      <c r="F64">
        <v>24000</v>
      </c>
      <c r="G64">
        <v>5760</v>
      </c>
      <c r="H64">
        <v>0</v>
      </c>
      <c r="I64">
        <v>0</v>
      </c>
      <c r="J64">
        <v>0</v>
      </c>
      <c r="K64">
        <v>0</v>
      </c>
      <c r="L64">
        <v>0</v>
      </c>
      <c r="M64">
        <v>2380</v>
      </c>
      <c r="N64">
        <v>0</v>
      </c>
      <c r="O64">
        <v>0</v>
      </c>
      <c r="P64">
        <v>1620</v>
      </c>
      <c r="Q64">
        <v>0</v>
      </c>
      <c r="R64">
        <v>33760</v>
      </c>
      <c r="S64">
        <v>0</v>
      </c>
      <c r="T64">
        <v>0</v>
      </c>
      <c r="U64">
        <v>0</v>
      </c>
      <c r="V64">
        <v>2</v>
      </c>
      <c r="W64">
        <v>0</v>
      </c>
      <c r="X64">
        <v>0</v>
      </c>
      <c r="Y64">
        <v>50</v>
      </c>
      <c r="Z64">
        <v>29</v>
      </c>
      <c r="AA64">
        <v>83</v>
      </c>
      <c r="AB64">
        <v>8</v>
      </c>
      <c r="AC64">
        <v>130</v>
      </c>
      <c r="AD64">
        <v>8</v>
      </c>
      <c r="AE64">
        <v>20</v>
      </c>
      <c r="AF64">
        <v>0</v>
      </c>
      <c r="AG64">
        <v>94560</v>
      </c>
      <c r="AH64">
        <v>50000</v>
      </c>
      <c r="AI64">
        <v>0</v>
      </c>
      <c r="AJ64">
        <v>102</v>
      </c>
      <c r="AK64" t="s">
        <v>8</v>
      </c>
      <c r="AL64">
        <v>0</v>
      </c>
      <c r="AM64">
        <v>0</v>
      </c>
      <c r="AN64">
        <v>0</v>
      </c>
      <c r="AO64">
        <v>0</v>
      </c>
      <c r="AP64">
        <v>0</v>
      </c>
      <c r="AQ64">
        <v>0</v>
      </c>
      <c r="AR64">
        <v>0</v>
      </c>
      <c r="AS64">
        <v>0</v>
      </c>
      <c r="AT64">
        <v>0</v>
      </c>
      <c r="AU64">
        <v>0</v>
      </c>
      <c r="AV64">
        <v>0</v>
      </c>
      <c r="AW64">
        <v>0</v>
      </c>
      <c r="AX64">
        <v>3898</v>
      </c>
      <c r="AY64">
        <v>28</v>
      </c>
      <c r="AZ64">
        <v>54</v>
      </c>
      <c r="BA64">
        <v>5192</v>
      </c>
    </row>
    <row r="65" spans="1:53" x14ac:dyDescent="0.4">
      <c r="A65">
        <v>109</v>
      </c>
      <c r="B65" s="1">
        <v>42846</v>
      </c>
      <c r="C65">
        <v>3</v>
      </c>
      <c r="D65" s="1">
        <v>42846.765972222223</v>
      </c>
      <c r="E65" s="1">
        <v>42847.009027777778</v>
      </c>
      <c r="F65">
        <v>210500</v>
      </c>
      <c r="G65">
        <v>11740</v>
      </c>
      <c r="H65">
        <v>0</v>
      </c>
      <c r="I65">
        <v>0</v>
      </c>
      <c r="J65">
        <v>0</v>
      </c>
      <c r="K65">
        <v>0</v>
      </c>
      <c r="L65">
        <v>0</v>
      </c>
      <c r="M65">
        <v>17779</v>
      </c>
      <c r="N65">
        <v>0</v>
      </c>
      <c r="O65">
        <v>0</v>
      </c>
      <c r="P65">
        <v>90180</v>
      </c>
      <c r="Q65">
        <v>0</v>
      </c>
      <c r="R65">
        <v>330199</v>
      </c>
      <c r="S65">
        <v>0</v>
      </c>
      <c r="T65">
        <v>0</v>
      </c>
      <c r="U65">
        <v>0</v>
      </c>
      <c r="V65">
        <v>24</v>
      </c>
      <c r="W65">
        <v>6</v>
      </c>
      <c r="X65">
        <v>0</v>
      </c>
      <c r="Y65">
        <v>93</v>
      </c>
      <c r="Z65">
        <v>32</v>
      </c>
      <c r="AA65">
        <v>79</v>
      </c>
      <c r="AB65">
        <v>1</v>
      </c>
      <c r="AC65">
        <v>128</v>
      </c>
      <c r="AD65">
        <v>4</v>
      </c>
      <c r="AE65">
        <v>5</v>
      </c>
      <c r="AF65">
        <v>36504</v>
      </c>
      <c r="AG65">
        <v>424759</v>
      </c>
      <c r="AH65">
        <v>50000</v>
      </c>
      <c r="AI65">
        <v>0</v>
      </c>
      <c r="AJ65">
        <v>91</v>
      </c>
      <c r="AK65" t="s">
        <v>14</v>
      </c>
      <c r="AL65">
        <v>0</v>
      </c>
      <c r="AM65">
        <v>0</v>
      </c>
      <c r="AN65">
        <v>0</v>
      </c>
      <c r="AO65">
        <v>0</v>
      </c>
      <c r="AP65">
        <v>0</v>
      </c>
      <c r="AQ65">
        <v>0</v>
      </c>
      <c r="AR65">
        <v>0</v>
      </c>
      <c r="AS65">
        <v>0</v>
      </c>
      <c r="AT65">
        <v>0</v>
      </c>
      <c r="AU65">
        <v>0</v>
      </c>
      <c r="AV65">
        <v>0</v>
      </c>
      <c r="AW65">
        <v>0</v>
      </c>
      <c r="AX65">
        <v>-12814</v>
      </c>
      <c r="AY65">
        <v>33</v>
      </c>
      <c r="AZ65">
        <v>197</v>
      </c>
      <c r="BA65">
        <v>4121</v>
      </c>
    </row>
    <row r="66" spans="1:53" x14ac:dyDescent="0.4">
      <c r="A66">
        <v>110</v>
      </c>
      <c r="B66" s="1">
        <v>42847</v>
      </c>
      <c r="C66">
        <v>1</v>
      </c>
      <c r="D66" s="1">
        <v>42847.291666666664</v>
      </c>
      <c r="E66" s="1">
        <v>42847.953472222223</v>
      </c>
      <c r="F66">
        <v>152500</v>
      </c>
      <c r="G66">
        <v>19790</v>
      </c>
      <c r="H66">
        <v>0</v>
      </c>
      <c r="I66">
        <v>0</v>
      </c>
      <c r="J66">
        <v>0</v>
      </c>
      <c r="K66">
        <v>0</v>
      </c>
      <c r="L66">
        <v>0</v>
      </c>
      <c r="M66">
        <v>13782</v>
      </c>
      <c r="N66">
        <v>0</v>
      </c>
      <c r="O66">
        <v>0</v>
      </c>
      <c r="P66">
        <v>0</v>
      </c>
      <c r="Q66">
        <v>0</v>
      </c>
      <c r="R66">
        <v>186072</v>
      </c>
      <c r="S66">
        <v>0</v>
      </c>
      <c r="T66">
        <v>0</v>
      </c>
      <c r="U66">
        <v>0</v>
      </c>
      <c r="V66">
        <v>5</v>
      </c>
      <c r="W66">
        <v>12</v>
      </c>
      <c r="X66">
        <v>0</v>
      </c>
      <c r="Y66">
        <v>80</v>
      </c>
      <c r="Z66">
        <v>47</v>
      </c>
      <c r="AA66">
        <v>107</v>
      </c>
      <c r="AB66">
        <v>19</v>
      </c>
      <c r="AC66">
        <v>115</v>
      </c>
      <c r="AD66">
        <v>5</v>
      </c>
      <c r="AE66">
        <v>2</v>
      </c>
      <c r="AF66">
        <v>9795</v>
      </c>
      <c r="AG66">
        <v>236122</v>
      </c>
      <c r="AH66">
        <v>50000</v>
      </c>
      <c r="AI66">
        <v>50</v>
      </c>
      <c r="AJ66">
        <v>99</v>
      </c>
      <c r="AK66" t="s">
        <v>9</v>
      </c>
      <c r="AL66">
        <v>0</v>
      </c>
      <c r="AM66">
        <v>0</v>
      </c>
      <c r="AN66">
        <v>0</v>
      </c>
      <c r="AO66">
        <v>0</v>
      </c>
      <c r="AP66">
        <v>0</v>
      </c>
      <c r="AQ66">
        <v>0</v>
      </c>
      <c r="AR66">
        <v>0</v>
      </c>
      <c r="AS66">
        <v>0</v>
      </c>
      <c r="AT66">
        <v>0</v>
      </c>
      <c r="AU66">
        <v>0</v>
      </c>
      <c r="AV66">
        <v>0</v>
      </c>
      <c r="AW66">
        <v>0</v>
      </c>
      <c r="AX66">
        <v>165921</v>
      </c>
      <c r="AY66">
        <v>74</v>
      </c>
      <c r="AZ66">
        <v>278</v>
      </c>
      <c r="BA66">
        <v>10782</v>
      </c>
    </row>
    <row r="67" spans="1:53" x14ac:dyDescent="0.4">
      <c r="A67">
        <v>111</v>
      </c>
      <c r="B67" s="1">
        <v>42847</v>
      </c>
      <c r="C67">
        <v>2</v>
      </c>
      <c r="D67" s="1">
        <v>42847.953472222223</v>
      </c>
      <c r="E67" s="1">
        <v>42848.097916666666</v>
      </c>
      <c r="F67">
        <v>216700</v>
      </c>
      <c r="G67">
        <v>8360</v>
      </c>
      <c r="H67">
        <v>0</v>
      </c>
      <c r="I67">
        <v>0</v>
      </c>
      <c r="J67">
        <v>0</v>
      </c>
      <c r="K67">
        <v>0</v>
      </c>
      <c r="L67">
        <v>0</v>
      </c>
      <c r="M67">
        <v>18005</v>
      </c>
      <c r="N67">
        <v>0</v>
      </c>
      <c r="O67">
        <v>0</v>
      </c>
      <c r="P67">
        <v>102708</v>
      </c>
      <c r="Q67">
        <v>0</v>
      </c>
      <c r="R67">
        <v>345773</v>
      </c>
      <c r="S67">
        <v>0</v>
      </c>
      <c r="T67">
        <v>0</v>
      </c>
      <c r="U67">
        <v>0</v>
      </c>
      <c r="V67">
        <v>28</v>
      </c>
      <c r="W67">
        <v>13</v>
      </c>
      <c r="X67">
        <v>0</v>
      </c>
      <c r="Y67">
        <v>174</v>
      </c>
      <c r="Z67">
        <v>47</v>
      </c>
      <c r="AA67">
        <v>92</v>
      </c>
      <c r="AB67">
        <v>33</v>
      </c>
      <c r="AC67">
        <v>162</v>
      </c>
      <c r="AD67">
        <v>10</v>
      </c>
      <c r="AE67">
        <v>11</v>
      </c>
      <c r="AF67">
        <v>26914</v>
      </c>
      <c r="AG67">
        <v>581945</v>
      </c>
      <c r="AH67">
        <v>50000</v>
      </c>
      <c r="AI67">
        <v>100</v>
      </c>
      <c r="AJ67">
        <v>1</v>
      </c>
      <c r="AK67" t="s">
        <v>3</v>
      </c>
      <c r="AL67">
        <v>0</v>
      </c>
      <c r="AM67">
        <v>0</v>
      </c>
      <c r="AN67">
        <v>0</v>
      </c>
      <c r="AO67">
        <v>0</v>
      </c>
      <c r="AP67">
        <v>0</v>
      </c>
      <c r="AQ67">
        <v>0</v>
      </c>
      <c r="AR67">
        <v>0</v>
      </c>
      <c r="AS67">
        <v>0</v>
      </c>
      <c r="AT67">
        <v>0</v>
      </c>
      <c r="AU67">
        <v>0</v>
      </c>
      <c r="AV67">
        <v>0</v>
      </c>
      <c r="AW67">
        <v>0</v>
      </c>
      <c r="AX67">
        <v>2938</v>
      </c>
      <c r="AY67">
        <v>25</v>
      </c>
      <c r="AZ67">
        <v>75</v>
      </c>
      <c r="BA67">
        <v>3293</v>
      </c>
    </row>
    <row r="68" spans="1:53" x14ac:dyDescent="0.4">
      <c r="A68">
        <v>112</v>
      </c>
      <c r="B68" s="1">
        <v>42848</v>
      </c>
      <c r="C68">
        <v>1</v>
      </c>
      <c r="D68" s="1">
        <v>42848.291666666664</v>
      </c>
      <c r="E68" s="1">
        <v>42848.597916666666</v>
      </c>
      <c r="F68">
        <v>18750</v>
      </c>
      <c r="G68">
        <v>2470</v>
      </c>
      <c r="H68">
        <v>0</v>
      </c>
      <c r="I68">
        <v>0</v>
      </c>
      <c r="J68">
        <v>0</v>
      </c>
      <c r="K68">
        <v>0</v>
      </c>
      <c r="L68">
        <v>0</v>
      </c>
      <c r="M68">
        <v>1696</v>
      </c>
      <c r="N68">
        <v>0</v>
      </c>
      <c r="O68">
        <v>0</v>
      </c>
      <c r="P68">
        <v>18900</v>
      </c>
      <c r="Q68">
        <v>0</v>
      </c>
      <c r="R68">
        <v>41816</v>
      </c>
      <c r="S68">
        <v>0</v>
      </c>
      <c r="T68">
        <v>0</v>
      </c>
      <c r="U68">
        <v>0</v>
      </c>
      <c r="V68">
        <v>0</v>
      </c>
      <c r="W68">
        <v>5</v>
      </c>
      <c r="X68">
        <v>0</v>
      </c>
      <c r="Y68">
        <v>37</v>
      </c>
      <c r="Z68">
        <v>30</v>
      </c>
      <c r="AA68">
        <v>109</v>
      </c>
      <c r="AB68">
        <v>40</v>
      </c>
      <c r="AC68">
        <v>185</v>
      </c>
      <c r="AD68">
        <v>9</v>
      </c>
      <c r="AE68">
        <v>21</v>
      </c>
      <c r="AF68">
        <v>0</v>
      </c>
      <c r="AG68">
        <v>91816</v>
      </c>
      <c r="AH68">
        <v>50000</v>
      </c>
      <c r="AI68">
        <v>0</v>
      </c>
      <c r="AJ68">
        <v>1</v>
      </c>
      <c r="AK68" t="s">
        <v>3</v>
      </c>
      <c r="AL68">
        <v>0</v>
      </c>
      <c r="AM68">
        <v>0</v>
      </c>
      <c r="AN68">
        <v>0</v>
      </c>
      <c r="AO68">
        <v>0</v>
      </c>
      <c r="AP68">
        <v>0</v>
      </c>
      <c r="AQ68">
        <v>0</v>
      </c>
      <c r="AR68">
        <v>0</v>
      </c>
      <c r="AS68">
        <v>0</v>
      </c>
      <c r="AT68">
        <v>0</v>
      </c>
      <c r="AU68">
        <v>0</v>
      </c>
      <c r="AV68">
        <v>0</v>
      </c>
      <c r="AW68">
        <v>0</v>
      </c>
      <c r="AX68">
        <v>1490</v>
      </c>
      <c r="AY68">
        <v>32</v>
      </c>
      <c r="AZ68">
        <v>69</v>
      </c>
      <c r="BA68">
        <v>4206</v>
      </c>
    </row>
    <row r="69" spans="1:53" x14ac:dyDescent="0.4">
      <c r="A69">
        <v>113</v>
      </c>
      <c r="B69" s="1">
        <v>42848</v>
      </c>
      <c r="C69">
        <v>2</v>
      </c>
      <c r="D69" s="1">
        <v>42848.597916666666</v>
      </c>
      <c r="E69" s="1">
        <v>42848.754861111112</v>
      </c>
      <c r="F69">
        <v>27000</v>
      </c>
      <c r="G69">
        <v>3070</v>
      </c>
      <c r="H69">
        <v>0</v>
      </c>
      <c r="I69">
        <v>0</v>
      </c>
      <c r="J69">
        <v>0</v>
      </c>
      <c r="K69">
        <v>0</v>
      </c>
      <c r="L69">
        <v>0</v>
      </c>
      <c r="M69">
        <v>2405</v>
      </c>
      <c r="N69">
        <v>0</v>
      </c>
      <c r="O69">
        <v>0</v>
      </c>
      <c r="P69">
        <v>-4320</v>
      </c>
      <c r="Q69">
        <v>0</v>
      </c>
      <c r="R69">
        <v>28155</v>
      </c>
      <c r="S69">
        <v>0</v>
      </c>
      <c r="T69">
        <v>0</v>
      </c>
      <c r="U69">
        <v>0</v>
      </c>
      <c r="V69">
        <v>2</v>
      </c>
      <c r="W69">
        <v>4</v>
      </c>
      <c r="X69">
        <v>0</v>
      </c>
      <c r="Y69">
        <v>48</v>
      </c>
      <c r="Z69">
        <v>32</v>
      </c>
      <c r="AA69">
        <v>117</v>
      </c>
      <c r="AB69">
        <v>42</v>
      </c>
      <c r="AC69">
        <v>210</v>
      </c>
      <c r="AD69">
        <v>12</v>
      </c>
      <c r="AE69">
        <v>21</v>
      </c>
      <c r="AF69">
        <v>0</v>
      </c>
      <c r="AG69">
        <v>119981</v>
      </c>
      <c r="AH69">
        <v>50000</v>
      </c>
      <c r="AI69">
        <v>10</v>
      </c>
      <c r="AJ69">
        <v>101</v>
      </c>
      <c r="AK69" t="s">
        <v>1</v>
      </c>
      <c r="AL69">
        <v>0</v>
      </c>
      <c r="AM69">
        <v>0</v>
      </c>
      <c r="AN69">
        <v>0</v>
      </c>
      <c r="AO69">
        <v>0</v>
      </c>
      <c r="AP69">
        <v>0</v>
      </c>
      <c r="AQ69">
        <v>0</v>
      </c>
      <c r="AR69">
        <v>0</v>
      </c>
      <c r="AS69">
        <v>0</v>
      </c>
      <c r="AT69">
        <v>0</v>
      </c>
      <c r="AU69">
        <v>0</v>
      </c>
      <c r="AV69">
        <v>0</v>
      </c>
      <c r="AW69">
        <v>0</v>
      </c>
      <c r="AX69">
        <v>0</v>
      </c>
      <c r="AY69">
        <v>20</v>
      </c>
      <c r="AZ69">
        <v>46</v>
      </c>
      <c r="BA69">
        <v>4021</v>
      </c>
    </row>
    <row r="70" spans="1:53" x14ac:dyDescent="0.4">
      <c r="A70">
        <v>114</v>
      </c>
      <c r="B70" s="1">
        <v>42848</v>
      </c>
      <c r="C70">
        <v>3</v>
      </c>
      <c r="D70" s="1">
        <v>42848.754861111112</v>
      </c>
      <c r="E70" s="1">
        <v>42848.955555555556</v>
      </c>
      <c r="F70">
        <v>39020</v>
      </c>
      <c r="G70">
        <v>600</v>
      </c>
      <c r="H70">
        <v>0</v>
      </c>
      <c r="I70">
        <v>0</v>
      </c>
      <c r="J70">
        <v>1000</v>
      </c>
      <c r="K70">
        <v>0</v>
      </c>
      <c r="L70">
        <v>0</v>
      </c>
      <c r="M70">
        <v>3090</v>
      </c>
      <c r="N70">
        <v>0</v>
      </c>
      <c r="O70">
        <v>0</v>
      </c>
      <c r="P70">
        <v>10044</v>
      </c>
      <c r="Q70">
        <v>0</v>
      </c>
      <c r="R70">
        <v>51754</v>
      </c>
      <c r="S70">
        <v>0</v>
      </c>
      <c r="T70">
        <v>0</v>
      </c>
      <c r="U70">
        <v>0</v>
      </c>
      <c r="V70">
        <v>6</v>
      </c>
      <c r="W70">
        <v>3</v>
      </c>
      <c r="X70">
        <v>0</v>
      </c>
      <c r="Y70">
        <v>64</v>
      </c>
      <c r="Z70">
        <v>34</v>
      </c>
      <c r="AA70">
        <v>110</v>
      </c>
      <c r="AB70">
        <v>44</v>
      </c>
      <c r="AC70">
        <v>202</v>
      </c>
      <c r="AD70">
        <v>11</v>
      </c>
      <c r="AE70">
        <v>19</v>
      </c>
      <c r="AF70">
        <v>431</v>
      </c>
      <c r="AG70">
        <v>171725</v>
      </c>
      <c r="AH70">
        <v>50000</v>
      </c>
      <c r="AI70">
        <v>0</v>
      </c>
      <c r="AJ70">
        <v>99</v>
      </c>
      <c r="AK70" t="s">
        <v>9</v>
      </c>
      <c r="AL70">
        <v>0</v>
      </c>
      <c r="AM70">
        <v>0</v>
      </c>
      <c r="AN70">
        <v>0</v>
      </c>
      <c r="AO70">
        <v>0</v>
      </c>
      <c r="AP70">
        <v>0</v>
      </c>
      <c r="AQ70">
        <v>0</v>
      </c>
      <c r="AR70">
        <v>0</v>
      </c>
      <c r="AS70">
        <v>0</v>
      </c>
      <c r="AT70">
        <v>0</v>
      </c>
      <c r="AU70">
        <v>0</v>
      </c>
      <c r="AV70">
        <v>0</v>
      </c>
      <c r="AW70">
        <v>0</v>
      </c>
      <c r="AX70">
        <v>8975</v>
      </c>
      <c r="AY70">
        <v>20</v>
      </c>
      <c r="AZ70">
        <v>54</v>
      </c>
      <c r="BA70">
        <v>2316</v>
      </c>
    </row>
    <row r="71" spans="1:53" x14ac:dyDescent="0.4">
      <c r="A71">
        <v>115</v>
      </c>
      <c r="B71" s="1">
        <v>42848</v>
      </c>
      <c r="C71">
        <v>4</v>
      </c>
      <c r="D71" s="1">
        <v>42848.955555555556</v>
      </c>
      <c r="E71" s="1">
        <v>42849.134722222225</v>
      </c>
      <c r="F71">
        <v>52220</v>
      </c>
      <c r="G71">
        <v>3340</v>
      </c>
      <c r="H71">
        <v>0</v>
      </c>
      <c r="I71">
        <v>0</v>
      </c>
      <c r="J71">
        <v>0</v>
      </c>
      <c r="K71">
        <v>3520</v>
      </c>
      <c r="L71">
        <v>0</v>
      </c>
      <c r="M71">
        <v>4726</v>
      </c>
      <c r="N71">
        <v>0</v>
      </c>
      <c r="O71">
        <v>0</v>
      </c>
      <c r="P71">
        <v>1296</v>
      </c>
      <c r="Q71">
        <v>0</v>
      </c>
      <c r="R71">
        <v>65102</v>
      </c>
      <c r="S71">
        <v>0</v>
      </c>
      <c r="T71">
        <v>0</v>
      </c>
      <c r="U71">
        <v>0</v>
      </c>
      <c r="V71">
        <v>11</v>
      </c>
      <c r="W71">
        <v>4</v>
      </c>
      <c r="X71">
        <v>0</v>
      </c>
      <c r="Y71">
        <v>69</v>
      </c>
      <c r="Z71">
        <v>35</v>
      </c>
      <c r="AA71">
        <v>116</v>
      </c>
      <c r="AB71">
        <v>48</v>
      </c>
      <c r="AC71">
        <v>203</v>
      </c>
      <c r="AD71">
        <v>14</v>
      </c>
      <c r="AE71">
        <v>16</v>
      </c>
      <c r="AF71">
        <v>4211</v>
      </c>
      <c r="AG71">
        <v>236827</v>
      </c>
      <c r="AH71">
        <v>50000</v>
      </c>
      <c r="AI71">
        <v>0</v>
      </c>
      <c r="AJ71">
        <v>1</v>
      </c>
      <c r="AK71" t="s">
        <v>3</v>
      </c>
      <c r="AL71">
        <v>0</v>
      </c>
      <c r="AM71">
        <v>0</v>
      </c>
      <c r="AN71">
        <v>0</v>
      </c>
      <c r="AO71">
        <v>0</v>
      </c>
      <c r="AP71">
        <v>0</v>
      </c>
      <c r="AQ71">
        <v>0</v>
      </c>
      <c r="AR71">
        <v>0</v>
      </c>
      <c r="AS71">
        <v>0</v>
      </c>
      <c r="AT71">
        <v>0</v>
      </c>
      <c r="AU71">
        <v>0</v>
      </c>
      <c r="AV71">
        <v>0</v>
      </c>
      <c r="AW71">
        <v>0</v>
      </c>
      <c r="AX71">
        <v>-6048</v>
      </c>
      <c r="AY71">
        <v>9</v>
      </c>
      <c r="AZ71">
        <v>24</v>
      </c>
      <c r="BA71">
        <v>1901</v>
      </c>
    </row>
    <row r="72" spans="1:53" x14ac:dyDescent="0.4">
      <c r="A72">
        <v>116</v>
      </c>
      <c r="B72" s="1">
        <v>42849</v>
      </c>
      <c r="C72">
        <v>1</v>
      </c>
      <c r="D72" s="1">
        <v>42849.291666666664</v>
      </c>
      <c r="E72" s="1">
        <v>42849.45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0</v>
      </c>
      <c r="O72">
        <v>0</v>
      </c>
      <c r="P72">
        <v>0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1</v>
      </c>
      <c r="X72">
        <v>0</v>
      </c>
      <c r="Y72">
        <v>25</v>
      </c>
      <c r="Z72">
        <v>11</v>
      </c>
      <c r="AA72">
        <v>105</v>
      </c>
      <c r="AB72">
        <v>39</v>
      </c>
      <c r="AC72">
        <v>197</v>
      </c>
      <c r="AD72">
        <v>13</v>
      </c>
      <c r="AE72">
        <v>15</v>
      </c>
      <c r="AF72">
        <v>0</v>
      </c>
      <c r="AG72">
        <v>50000</v>
      </c>
      <c r="AH72">
        <v>0</v>
      </c>
      <c r="AI72">
        <v>50000</v>
      </c>
      <c r="AJ72">
        <v>0</v>
      </c>
      <c r="AK72" t="s">
        <v>6</v>
      </c>
      <c r="AL72">
        <v>0</v>
      </c>
      <c r="AM72">
        <v>0</v>
      </c>
      <c r="AN72">
        <v>0</v>
      </c>
      <c r="AO72">
        <v>0</v>
      </c>
      <c r="AP72">
        <v>0</v>
      </c>
      <c r="AQ72">
        <v>0</v>
      </c>
      <c r="AR72">
        <v>0</v>
      </c>
      <c r="AS72">
        <v>0</v>
      </c>
      <c r="AT72">
        <v>0</v>
      </c>
      <c r="AU72">
        <v>0</v>
      </c>
      <c r="AV72">
        <v>0</v>
      </c>
      <c r="AW72">
        <v>0</v>
      </c>
      <c r="AX72">
        <v>0</v>
      </c>
      <c r="AY72">
        <v>0</v>
      </c>
      <c r="AZ72">
        <v>0</v>
      </c>
      <c r="BA72">
        <v>0</v>
      </c>
    </row>
    <row r="73" spans="1:53" x14ac:dyDescent="0.4">
      <c r="A73">
        <v>117</v>
      </c>
      <c r="B73" s="1">
        <v>42849</v>
      </c>
      <c r="C73">
        <v>2</v>
      </c>
      <c r="D73" s="1">
        <v>42849.45</v>
      </c>
      <c r="E73" s="1">
        <v>42849.753472222219</v>
      </c>
      <c r="F73">
        <v>17000</v>
      </c>
      <c r="G73">
        <v>3190</v>
      </c>
      <c r="H73">
        <v>0</v>
      </c>
      <c r="I73">
        <v>0</v>
      </c>
      <c r="J73">
        <v>0</v>
      </c>
      <c r="K73">
        <v>0</v>
      </c>
      <c r="L73">
        <v>0</v>
      </c>
      <c r="M73">
        <v>1614</v>
      </c>
      <c r="N73">
        <v>0</v>
      </c>
      <c r="O73">
        <v>0</v>
      </c>
      <c r="P73">
        <v>7560</v>
      </c>
      <c r="Q73">
        <v>0</v>
      </c>
      <c r="R73">
        <v>29364</v>
      </c>
      <c r="S73">
        <v>0</v>
      </c>
      <c r="T73">
        <v>0</v>
      </c>
      <c r="U73">
        <v>0</v>
      </c>
      <c r="V73">
        <v>2</v>
      </c>
      <c r="W73">
        <v>1</v>
      </c>
      <c r="X73">
        <v>0</v>
      </c>
      <c r="Y73">
        <v>23</v>
      </c>
      <c r="Z73">
        <v>21</v>
      </c>
      <c r="AA73">
        <v>97</v>
      </c>
      <c r="AB73">
        <v>44</v>
      </c>
      <c r="AC73">
        <v>247</v>
      </c>
      <c r="AD73">
        <v>14</v>
      </c>
      <c r="AE73">
        <v>16</v>
      </c>
      <c r="AF73">
        <v>6408</v>
      </c>
      <c r="AG73">
        <v>79364</v>
      </c>
      <c r="AH73">
        <v>50000</v>
      </c>
      <c r="AI73">
        <v>0</v>
      </c>
      <c r="AJ73">
        <v>100</v>
      </c>
      <c r="AK73" t="s">
        <v>0</v>
      </c>
      <c r="AL73">
        <v>0</v>
      </c>
      <c r="AM73">
        <v>0</v>
      </c>
      <c r="AN73">
        <v>0</v>
      </c>
      <c r="AO73">
        <v>0</v>
      </c>
      <c r="AP73">
        <v>0</v>
      </c>
      <c r="AQ73">
        <v>0</v>
      </c>
      <c r="AR73">
        <v>0</v>
      </c>
      <c r="AS73">
        <v>0</v>
      </c>
      <c r="AT73">
        <v>0</v>
      </c>
      <c r="AU73">
        <v>0</v>
      </c>
      <c r="AV73">
        <v>0</v>
      </c>
      <c r="AW73">
        <v>0</v>
      </c>
      <c r="AX73">
        <v>2300</v>
      </c>
      <c r="AY73">
        <v>22</v>
      </c>
      <c r="AZ73">
        <v>44</v>
      </c>
      <c r="BA73">
        <v>3679</v>
      </c>
    </row>
    <row r="74" spans="1:53" x14ac:dyDescent="0.4">
      <c r="A74">
        <v>118</v>
      </c>
      <c r="B74" s="1">
        <v>42849</v>
      </c>
      <c r="C74">
        <v>3</v>
      </c>
      <c r="D74" s="1">
        <v>42849.753472222219</v>
      </c>
      <c r="E74" s="1">
        <v>42850.056944444441</v>
      </c>
      <c r="F74">
        <v>130980</v>
      </c>
      <c r="G74">
        <v>5750</v>
      </c>
      <c r="H74">
        <v>0</v>
      </c>
      <c r="I74">
        <v>0</v>
      </c>
      <c r="J74">
        <v>0</v>
      </c>
      <c r="K74">
        <v>2000</v>
      </c>
      <c r="L74">
        <v>0</v>
      </c>
      <c r="M74">
        <v>11098</v>
      </c>
      <c r="N74">
        <v>0</v>
      </c>
      <c r="O74">
        <v>0</v>
      </c>
      <c r="P74">
        <v>-5562</v>
      </c>
      <c r="Q74">
        <v>0</v>
      </c>
      <c r="R74">
        <v>144266</v>
      </c>
      <c r="S74">
        <v>0</v>
      </c>
      <c r="T74">
        <v>0</v>
      </c>
      <c r="U74">
        <v>0</v>
      </c>
      <c r="V74">
        <v>13</v>
      </c>
      <c r="W74">
        <v>2</v>
      </c>
      <c r="X74">
        <v>0</v>
      </c>
      <c r="Y74">
        <v>23</v>
      </c>
      <c r="Z74">
        <v>21</v>
      </c>
      <c r="AA74">
        <v>90</v>
      </c>
      <c r="AB74">
        <v>43</v>
      </c>
      <c r="AC74">
        <v>240</v>
      </c>
      <c r="AD74">
        <v>13</v>
      </c>
      <c r="AE74">
        <v>7</v>
      </c>
      <c r="AF74">
        <v>36508</v>
      </c>
      <c r="AG74">
        <v>223630</v>
      </c>
      <c r="AH74">
        <v>50000</v>
      </c>
      <c r="AI74">
        <v>0</v>
      </c>
      <c r="AJ74">
        <v>1</v>
      </c>
      <c r="AK74" t="s">
        <v>3</v>
      </c>
      <c r="AL74">
        <v>0</v>
      </c>
      <c r="AM74">
        <v>0</v>
      </c>
      <c r="AN74">
        <v>0</v>
      </c>
      <c r="AO74">
        <v>0</v>
      </c>
      <c r="AP74">
        <v>0</v>
      </c>
      <c r="AQ74">
        <v>0</v>
      </c>
      <c r="AR74">
        <v>0</v>
      </c>
      <c r="AS74">
        <v>0</v>
      </c>
      <c r="AT74">
        <v>0</v>
      </c>
      <c r="AU74">
        <v>0</v>
      </c>
      <c r="AV74">
        <v>0</v>
      </c>
      <c r="AW74">
        <v>0</v>
      </c>
      <c r="AX74">
        <v>0</v>
      </c>
      <c r="AY74">
        <v>20</v>
      </c>
      <c r="AZ74">
        <v>68</v>
      </c>
      <c r="BA74">
        <v>2934</v>
      </c>
    </row>
    <row r="75" spans="1:53" x14ac:dyDescent="0.4">
      <c r="A75">
        <v>119</v>
      </c>
      <c r="B75" s="1">
        <v>42850</v>
      </c>
      <c r="C75">
        <v>1</v>
      </c>
      <c r="D75" s="1">
        <v>42850.291666666664</v>
      </c>
      <c r="E75" s="1">
        <v>42850.453472222223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0</v>
      </c>
      <c r="O75">
        <v>0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1</v>
      </c>
      <c r="X75">
        <v>0</v>
      </c>
      <c r="Y75">
        <v>22</v>
      </c>
      <c r="Z75">
        <v>19</v>
      </c>
      <c r="AA75">
        <v>92</v>
      </c>
      <c r="AB75">
        <v>36</v>
      </c>
      <c r="AC75">
        <v>243</v>
      </c>
      <c r="AD75">
        <v>12</v>
      </c>
      <c r="AE75">
        <v>10</v>
      </c>
      <c r="AF75">
        <v>0</v>
      </c>
      <c r="AG75">
        <v>50000</v>
      </c>
      <c r="AH75">
        <v>0</v>
      </c>
      <c r="AI75">
        <v>50000</v>
      </c>
      <c r="AJ75">
        <v>0</v>
      </c>
      <c r="AK75" t="s">
        <v>6</v>
      </c>
      <c r="AL75">
        <v>0</v>
      </c>
      <c r="AM75">
        <v>0</v>
      </c>
      <c r="AN75">
        <v>0</v>
      </c>
      <c r="AO75">
        <v>0</v>
      </c>
      <c r="AP75">
        <v>0</v>
      </c>
      <c r="AQ75">
        <v>0</v>
      </c>
      <c r="AR75">
        <v>0</v>
      </c>
      <c r="AS75">
        <v>0</v>
      </c>
      <c r="AT75">
        <v>0</v>
      </c>
      <c r="AU75">
        <v>0</v>
      </c>
      <c r="AV75">
        <v>0</v>
      </c>
      <c r="AW75">
        <v>0</v>
      </c>
      <c r="AX75">
        <v>0</v>
      </c>
      <c r="AY75">
        <v>0</v>
      </c>
      <c r="AZ75">
        <v>0</v>
      </c>
      <c r="BA75">
        <v>0</v>
      </c>
    </row>
    <row r="76" spans="1:53" x14ac:dyDescent="0.4">
      <c r="A76">
        <v>120</v>
      </c>
      <c r="B76" s="1">
        <v>42850</v>
      </c>
      <c r="C76">
        <v>2</v>
      </c>
      <c r="D76" s="1">
        <v>42850.453472222223</v>
      </c>
      <c r="E76" s="1">
        <v>42850.754166666666</v>
      </c>
      <c r="F76">
        <v>9000</v>
      </c>
      <c r="G76">
        <v>1400</v>
      </c>
      <c r="H76">
        <v>0</v>
      </c>
      <c r="I76">
        <v>0</v>
      </c>
      <c r="J76">
        <v>0</v>
      </c>
      <c r="K76">
        <v>0</v>
      </c>
      <c r="L76">
        <v>0</v>
      </c>
      <c r="M76">
        <v>832</v>
      </c>
      <c r="N76">
        <v>0</v>
      </c>
      <c r="O76">
        <v>0</v>
      </c>
      <c r="P76">
        <v>12960</v>
      </c>
      <c r="Q76">
        <v>0</v>
      </c>
      <c r="R76">
        <v>24192</v>
      </c>
      <c r="S76">
        <v>0</v>
      </c>
      <c r="T76">
        <v>0</v>
      </c>
      <c r="U76">
        <v>0</v>
      </c>
      <c r="V76">
        <v>1</v>
      </c>
      <c r="W76">
        <v>1</v>
      </c>
      <c r="X76">
        <v>0</v>
      </c>
      <c r="Y76">
        <v>35</v>
      </c>
      <c r="Z76">
        <v>21</v>
      </c>
      <c r="AA76">
        <v>77</v>
      </c>
      <c r="AB76">
        <v>37</v>
      </c>
      <c r="AC76">
        <v>245</v>
      </c>
      <c r="AD76">
        <v>12</v>
      </c>
      <c r="AE76">
        <v>12</v>
      </c>
      <c r="AF76">
        <v>1620</v>
      </c>
      <c r="AG76">
        <v>74192</v>
      </c>
      <c r="AH76">
        <v>50000</v>
      </c>
      <c r="AI76">
        <v>0</v>
      </c>
      <c r="AJ76">
        <v>96</v>
      </c>
      <c r="AK76" t="s">
        <v>4</v>
      </c>
      <c r="AL76">
        <v>0</v>
      </c>
      <c r="AM76">
        <v>0</v>
      </c>
      <c r="AN76">
        <v>0</v>
      </c>
      <c r="AO76">
        <v>0</v>
      </c>
      <c r="AP76">
        <v>0</v>
      </c>
      <c r="AQ76">
        <v>0</v>
      </c>
      <c r="AR76">
        <v>0</v>
      </c>
      <c r="AS76">
        <v>0</v>
      </c>
      <c r="AT76">
        <v>0</v>
      </c>
      <c r="AU76">
        <v>0</v>
      </c>
      <c r="AV76">
        <v>0</v>
      </c>
      <c r="AW76">
        <v>0</v>
      </c>
      <c r="AX76">
        <v>1814</v>
      </c>
      <c r="AY76">
        <v>28</v>
      </c>
      <c r="AZ76">
        <v>42</v>
      </c>
      <c r="BA76">
        <v>3808</v>
      </c>
    </row>
    <row r="77" spans="1:53" x14ac:dyDescent="0.4">
      <c r="A77">
        <v>121</v>
      </c>
      <c r="B77" s="1">
        <v>42850</v>
      </c>
      <c r="C77">
        <v>3</v>
      </c>
      <c r="D77" s="1">
        <v>42850.754166666666</v>
      </c>
      <c r="E77" s="1">
        <v>42850.965277777781</v>
      </c>
      <c r="F77">
        <v>29900</v>
      </c>
      <c r="G77">
        <v>5640</v>
      </c>
      <c r="H77">
        <v>0</v>
      </c>
      <c r="I77">
        <v>0</v>
      </c>
      <c r="J77">
        <v>0</v>
      </c>
      <c r="K77">
        <v>0</v>
      </c>
      <c r="L77">
        <v>0</v>
      </c>
      <c r="M77">
        <v>2842</v>
      </c>
      <c r="N77">
        <v>0</v>
      </c>
      <c r="O77">
        <v>0</v>
      </c>
      <c r="P77">
        <v>-4234</v>
      </c>
      <c r="Q77">
        <v>0</v>
      </c>
      <c r="R77">
        <v>34148</v>
      </c>
      <c r="S77">
        <v>0</v>
      </c>
      <c r="T77">
        <v>0</v>
      </c>
      <c r="U77">
        <v>0</v>
      </c>
      <c r="V77">
        <v>4</v>
      </c>
      <c r="W77">
        <v>0</v>
      </c>
      <c r="X77">
        <v>0</v>
      </c>
      <c r="Y77">
        <v>26</v>
      </c>
      <c r="Z77">
        <v>21</v>
      </c>
      <c r="AA77">
        <v>84</v>
      </c>
      <c r="AB77">
        <v>38</v>
      </c>
      <c r="AC77">
        <v>270</v>
      </c>
      <c r="AD77">
        <v>16</v>
      </c>
      <c r="AE77">
        <v>20</v>
      </c>
      <c r="AF77">
        <v>18740</v>
      </c>
      <c r="AG77">
        <v>108340</v>
      </c>
      <c r="AH77">
        <v>50000</v>
      </c>
      <c r="AI77">
        <v>0</v>
      </c>
      <c r="AJ77">
        <v>91</v>
      </c>
      <c r="AK77" t="s">
        <v>14</v>
      </c>
      <c r="AL77">
        <v>0</v>
      </c>
      <c r="AM77">
        <v>0</v>
      </c>
      <c r="AN77">
        <v>0</v>
      </c>
      <c r="AO77">
        <v>0</v>
      </c>
      <c r="AP77">
        <v>0</v>
      </c>
      <c r="AQ77">
        <v>0</v>
      </c>
      <c r="AR77">
        <v>0</v>
      </c>
      <c r="AS77">
        <v>0</v>
      </c>
      <c r="AT77">
        <v>0</v>
      </c>
      <c r="AU77">
        <v>0</v>
      </c>
      <c r="AV77">
        <v>0</v>
      </c>
      <c r="AW77">
        <v>0</v>
      </c>
      <c r="AX77">
        <v>46656</v>
      </c>
      <c r="AY77">
        <v>14</v>
      </c>
      <c r="AZ77">
        <v>38</v>
      </c>
      <c r="BA77">
        <v>2627</v>
      </c>
    </row>
    <row r="78" spans="1:53" x14ac:dyDescent="0.4">
      <c r="A78">
        <v>122</v>
      </c>
      <c r="B78" s="1">
        <v>42851</v>
      </c>
      <c r="C78">
        <v>1</v>
      </c>
      <c r="D78" s="1">
        <v>42851.291666666664</v>
      </c>
      <c r="E78" s="1">
        <v>42851.447916666664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30</v>
      </c>
      <c r="Z78">
        <v>19</v>
      </c>
      <c r="AA78">
        <v>79</v>
      </c>
      <c r="AB78">
        <v>38</v>
      </c>
      <c r="AC78">
        <v>62</v>
      </c>
      <c r="AD78">
        <v>14</v>
      </c>
      <c r="AE78">
        <v>10</v>
      </c>
      <c r="AF78">
        <v>0</v>
      </c>
      <c r="AG78">
        <v>50000</v>
      </c>
      <c r="AH78">
        <v>0</v>
      </c>
      <c r="AI78">
        <v>50000</v>
      </c>
      <c r="AJ78">
        <v>0</v>
      </c>
      <c r="AK78" t="s">
        <v>6</v>
      </c>
      <c r="AL78">
        <v>0</v>
      </c>
      <c r="AM78">
        <v>0</v>
      </c>
      <c r="AN78">
        <v>0</v>
      </c>
      <c r="AO78">
        <v>0</v>
      </c>
      <c r="AP78">
        <v>0</v>
      </c>
      <c r="AQ78">
        <v>0</v>
      </c>
      <c r="AR78">
        <v>0</v>
      </c>
      <c r="AS78">
        <v>0</v>
      </c>
      <c r="AT78">
        <v>0</v>
      </c>
      <c r="AU78">
        <v>0</v>
      </c>
      <c r="AV78">
        <v>0</v>
      </c>
      <c r="AW78">
        <v>0</v>
      </c>
      <c r="AX78">
        <v>0</v>
      </c>
      <c r="AY78">
        <v>0</v>
      </c>
      <c r="AZ78">
        <v>0</v>
      </c>
      <c r="BA78">
        <v>0</v>
      </c>
    </row>
    <row r="79" spans="1:53" x14ac:dyDescent="0.4">
      <c r="A79">
        <v>123</v>
      </c>
      <c r="B79" s="1">
        <v>42851</v>
      </c>
      <c r="C79">
        <v>2</v>
      </c>
      <c r="D79" s="1">
        <v>42851.447916666664</v>
      </c>
      <c r="E79" s="1">
        <v>42851.754861111112</v>
      </c>
      <c r="F79">
        <v>12000</v>
      </c>
      <c r="G79">
        <v>2030</v>
      </c>
      <c r="H79">
        <v>0</v>
      </c>
      <c r="I79">
        <v>0</v>
      </c>
      <c r="J79">
        <v>0</v>
      </c>
      <c r="K79">
        <v>0</v>
      </c>
      <c r="L79">
        <v>0</v>
      </c>
      <c r="M79">
        <v>1122</v>
      </c>
      <c r="N79">
        <v>0</v>
      </c>
      <c r="O79">
        <v>0</v>
      </c>
      <c r="P79">
        <v>17280</v>
      </c>
      <c r="Q79">
        <v>0</v>
      </c>
      <c r="R79">
        <v>32432</v>
      </c>
      <c r="S79">
        <v>0</v>
      </c>
      <c r="T79">
        <v>0</v>
      </c>
      <c r="U79">
        <v>0</v>
      </c>
      <c r="V79">
        <v>1</v>
      </c>
      <c r="W79">
        <v>0</v>
      </c>
      <c r="X79">
        <v>0</v>
      </c>
      <c r="Y79">
        <v>46</v>
      </c>
      <c r="Z79">
        <v>32</v>
      </c>
      <c r="AA79">
        <v>72</v>
      </c>
      <c r="AB79">
        <v>42</v>
      </c>
      <c r="AC79">
        <v>105</v>
      </c>
      <c r="AD79">
        <v>15</v>
      </c>
      <c r="AE79">
        <v>7</v>
      </c>
      <c r="AF79">
        <v>0</v>
      </c>
      <c r="AG79">
        <v>82432</v>
      </c>
      <c r="AH79">
        <v>50000</v>
      </c>
      <c r="AI79">
        <v>0</v>
      </c>
      <c r="AJ79">
        <v>95</v>
      </c>
      <c r="AK79" t="s">
        <v>13</v>
      </c>
      <c r="AL79">
        <v>0</v>
      </c>
      <c r="AM79">
        <v>0</v>
      </c>
      <c r="AN79">
        <v>0</v>
      </c>
      <c r="AO79">
        <v>0</v>
      </c>
      <c r="AP79">
        <v>0</v>
      </c>
      <c r="AQ79">
        <v>0</v>
      </c>
      <c r="AR79">
        <v>0</v>
      </c>
      <c r="AS79">
        <v>0</v>
      </c>
      <c r="AT79">
        <v>0</v>
      </c>
      <c r="AU79">
        <v>0</v>
      </c>
      <c r="AV79">
        <v>0</v>
      </c>
      <c r="AW79">
        <v>0</v>
      </c>
      <c r="AX79">
        <v>842</v>
      </c>
      <c r="AY79">
        <v>35</v>
      </c>
      <c r="AZ79">
        <v>56</v>
      </c>
      <c r="BA79">
        <v>4398</v>
      </c>
    </row>
    <row r="80" spans="1:53" x14ac:dyDescent="0.4">
      <c r="A80">
        <v>124</v>
      </c>
      <c r="B80" s="1">
        <v>42851</v>
      </c>
      <c r="C80">
        <v>3</v>
      </c>
      <c r="D80" s="1">
        <v>42851.754861111112</v>
      </c>
      <c r="E80" s="1">
        <v>42852.088194444441</v>
      </c>
      <c r="F80">
        <v>139760</v>
      </c>
      <c r="G80">
        <v>6820</v>
      </c>
      <c r="H80">
        <v>0</v>
      </c>
      <c r="I80">
        <v>0</v>
      </c>
      <c r="J80">
        <v>0</v>
      </c>
      <c r="K80">
        <v>0</v>
      </c>
      <c r="L80">
        <v>0</v>
      </c>
      <c r="M80">
        <v>11726</v>
      </c>
      <c r="N80">
        <v>0</v>
      </c>
      <c r="O80">
        <v>0</v>
      </c>
      <c r="P80">
        <v>-14904</v>
      </c>
      <c r="Q80">
        <v>0</v>
      </c>
      <c r="R80">
        <v>143402</v>
      </c>
      <c r="S80">
        <v>0</v>
      </c>
      <c r="T80">
        <v>0</v>
      </c>
      <c r="U80">
        <v>0</v>
      </c>
      <c r="V80">
        <v>4</v>
      </c>
      <c r="W80">
        <v>3</v>
      </c>
      <c r="X80">
        <v>0</v>
      </c>
      <c r="Y80">
        <v>97</v>
      </c>
      <c r="Z80">
        <v>31</v>
      </c>
      <c r="AA80">
        <v>63</v>
      </c>
      <c r="AB80">
        <v>41</v>
      </c>
      <c r="AC80">
        <v>117</v>
      </c>
      <c r="AD80">
        <v>8</v>
      </c>
      <c r="AE80">
        <v>2</v>
      </c>
      <c r="AF80">
        <v>48772</v>
      </c>
      <c r="AG80">
        <v>225834</v>
      </c>
      <c r="AH80">
        <v>50000</v>
      </c>
      <c r="AI80">
        <v>0</v>
      </c>
      <c r="AJ80">
        <v>1</v>
      </c>
      <c r="AK80" t="s">
        <v>3</v>
      </c>
      <c r="AL80">
        <v>0</v>
      </c>
      <c r="AM80">
        <v>0</v>
      </c>
      <c r="AN80">
        <v>0</v>
      </c>
      <c r="AO80">
        <v>0</v>
      </c>
      <c r="AP80">
        <v>0</v>
      </c>
      <c r="AQ80">
        <v>0</v>
      </c>
      <c r="AR80">
        <v>0</v>
      </c>
      <c r="AS80">
        <v>0</v>
      </c>
      <c r="AT80">
        <v>0</v>
      </c>
      <c r="AU80">
        <v>0</v>
      </c>
      <c r="AV80">
        <v>0</v>
      </c>
      <c r="AW80">
        <v>0</v>
      </c>
      <c r="AX80">
        <v>864</v>
      </c>
      <c r="AY80">
        <v>23</v>
      </c>
      <c r="AZ80">
        <v>83</v>
      </c>
      <c r="BA80">
        <v>4064</v>
      </c>
    </row>
    <row r="81" spans="1:53" x14ac:dyDescent="0.4">
      <c r="A81">
        <v>125</v>
      </c>
      <c r="B81" s="1">
        <v>42852</v>
      </c>
      <c r="C81">
        <v>1</v>
      </c>
      <c r="D81" s="1">
        <v>42852.291666666664</v>
      </c>
      <c r="E81" s="1">
        <v>42852.447916666664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0</v>
      </c>
      <c r="O81">
        <v>0</v>
      </c>
      <c r="P81">
        <v>0</v>
      </c>
      <c r="Q81">
        <v>0</v>
      </c>
      <c r="R81">
        <v>0</v>
      </c>
      <c r="S81">
        <v>0</v>
      </c>
      <c r="T81">
        <v>0</v>
      </c>
      <c r="U81">
        <v>0</v>
      </c>
      <c r="V81">
        <v>0</v>
      </c>
      <c r="W81">
        <v>1</v>
      </c>
      <c r="X81">
        <v>0</v>
      </c>
      <c r="Y81">
        <v>25</v>
      </c>
      <c r="Z81">
        <v>22</v>
      </c>
      <c r="AA81">
        <v>62</v>
      </c>
      <c r="AB81">
        <v>34</v>
      </c>
      <c r="AC81">
        <v>107</v>
      </c>
      <c r="AD81">
        <v>5</v>
      </c>
      <c r="AE81">
        <v>5</v>
      </c>
      <c r="AF81">
        <v>0</v>
      </c>
      <c r="AG81">
        <v>50000</v>
      </c>
      <c r="AH81">
        <v>0</v>
      </c>
      <c r="AI81">
        <v>50000</v>
      </c>
      <c r="AJ81">
        <v>0</v>
      </c>
      <c r="AK81" t="s">
        <v>6</v>
      </c>
      <c r="AL81">
        <v>0</v>
      </c>
      <c r="AM81">
        <v>0</v>
      </c>
      <c r="AN81">
        <v>0</v>
      </c>
      <c r="AO81">
        <v>0</v>
      </c>
      <c r="AP81">
        <v>0</v>
      </c>
      <c r="AQ81">
        <v>0</v>
      </c>
      <c r="AR81">
        <v>0</v>
      </c>
      <c r="AS81">
        <v>0</v>
      </c>
      <c r="AT81">
        <v>0</v>
      </c>
      <c r="AU81">
        <v>0</v>
      </c>
      <c r="AV81">
        <v>0</v>
      </c>
      <c r="AW81">
        <v>0</v>
      </c>
      <c r="AX81">
        <v>0</v>
      </c>
      <c r="AY81">
        <v>0</v>
      </c>
      <c r="AZ81">
        <v>0</v>
      </c>
      <c r="BA81">
        <v>0</v>
      </c>
    </row>
    <row r="82" spans="1:53" x14ac:dyDescent="0.4">
      <c r="A82">
        <v>126</v>
      </c>
      <c r="B82" s="1">
        <v>42852</v>
      </c>
      <c r="C82">
        <v>2</v>
      </c>
      <c r="D82" s="1">
        <v>42852.447916666664</v>
      </c>
      <c r="E82" s="1">
        <v>42852.738194444442</v>
      </c>
      <c r="F82">
        <v>11000</v>
      </c>
      <c r="G82">
        <v>3760</v>
      </c>
      <c r="H82">
        <v>0</v>
      </c>
      <c r="I82">
        <v>0</v>
      </c>
      <c r="J82">
        <v>0</v>
      </c>
      <c r="K82">
        <v>0</v>
      </c>
      <c r="L82">
        <v>0</v>
      </c>
      <c r="M82">
        <v>1181</v>
      </c>
      <c r="N82">
        <v>0</v>
      </c>
      <c r="O82">
        <v>0</v>
      </c>
      <c r="P82">
        <v>11340</v>
      </c>
      <c r="Q82">
        <v>0</v>
      </c>
      <c r="R82">
        <v>27281</v>
      </c>
      <c r="S82">
        <v>0</v>
      </c>
      <c r="T82">
        <v>0</v>
      </c>
      <c r="U82">
        <v>0</v>
      </c>
      <c r="V82">
        <v>2</v>
      </c>
      <c r="W82">
        <v>0</v>
      </c>
      <c r="X82">
        <v>0</v>
      </c>
      <c r="Y82">
        <v>35</v>
      </c>
      <c r="Z82">
        <v>27</v>
      </c>
      <c r="AA82">
        <v>56</v>
      </c>
      <c r="AB82">
        <v>34</v>
      </c>
      <c r="AC82">
        <v>145</v>
      </c>
      <c r="AD82">
        <v>5</v>
      </c>
      <c r="AE82">
        <v>6</v>
      </c>
      <c r="AF82">
        <v>0</v>
      </c>
      <c r="AG82">
        <v>77281</v>
      </c>
      <c r="AH82">
        <v>50000</v>
      </c>
      <c r="AI82">
        <v>0</v>
      </c>
      <c r="AJ82">
        <v>90</v>
      </c>
      <c r="AK82" t="s">
        <v>15</v>
      </c>
      <c r="AL82">
        <v>0</v>
      </c>
      <c r="AM82">
        <v>0</v>
      </c>
      <c r="AN82">
        <v>0</v>
      </c>
      <c r="AO82">
        <v>0</v>
      </c>
      <c r="AP82">
        <v>0</v>
      </c>
      <c r="AQ82">
        <v>0</v>
      </c>
      <c r="AR82">
        <v>0</v>
      </c>
      <c r="AS82">
        <v>0</v>
      </c>
      <c r="AT82">
        <v>0</v>
      </c>
      <c r="AU82">
        <v>0</v>
      </c>
      <c r="AV82">
        <v>0</v>
      </c>
      <c r="AW82">
        <v>0</v>
      </c>
      <c r="AX82">
        <v>0</v>
      </c>
      <c r="AY82">
        <v>27</v>
      </c>
      <c r="AZ82">
        <v>43</v>
      </c>
      <c r="BA82">
        <v>3683</v>
      </c>
    </row>
    <row r="83" spans="1:53" x14ac:dyDescent="0.4">
      <c r="A83">
        <v>127</v>
      </c>
      <c r="B83" s="1">
        <v>42852</v>
      </c>
      <c r="C83">
        <v>3</v>
      </c>
      <c r="D83" s="1">
        <v>42852.738194444442</v>
      </c>
      <c r="E83" s="1">
        <v>42852.955555555556</v>
      </c>
      <c r="F83">
        <v>26770</v>
      </c>
      <c r="G83">
        <v>420</v>
      </c>
      <c r="H83">
        <v>0</v>
      </c>
      <c r="I83">
        <v>0</v>
      </c>
      <c r="J83">
        <v>0</v>
      </c>
      <c r="K83">
        <v>0</v>
      </c>
      <c r="L83">
        <v>0</v>
      </c>
      <c r="M83">
        <v>2175</v>
      </c>
      <c r="N83">
        <v>0</v>
      </c>
      <c r="O83">
        <v>0</v>
      </c>
      <c r="P83">
        <v>2916</v>
      </c>
      <c r="Q83">
        <v>0</v>
      </c>
      <c r="R83">
        <v>32281</v>
      </c>
      <c r="S83">
        <v>0</v>
      </c>
      <c r="T83">
        <v>0</v>
      </c>
      <c r="U83">
        <v>0</v>
      </c>
      <c r="V83">
        <v>3</v>
      </c>
      <c r="W83">
        <v>0</v>
      </c>
      <c r="X83">
        <v>0</v>
      </c>
      <c r="Y83">
        <v>58</v>
      </c>
      <c r="Z83">
        <v>26</v>
      </c>
      <c r="AA83">
        <v>56</v>
      </c>
      <c r="AB83">
        <v>33</v>
      </c>
      <c r="AC83">
        <v>130</v>
      </c>
      <c r="AD83">
        <v>1</v>
      </c>
      <c r="AE83">
        <v>7</v>
      </c>
      <c r="AF83">
        <v>0</v>
      </c>
      <c r="AG83">
        <v>109562</v>
      </c>
      <c r="AH83">
        <v>50000</v>
      </c>
      <c r="AI83">
        <v>0</v>
      </c>
      <c r="AJ83">
        <v>100</v>
      </c>
      <c r="AK83" t="s">
        <v>0</v>
      </c>
      <c r="AL83">
        <v>0</v>
      </c>
      <c r="AM83">
        <v>0</v>
      </c>
      <c r="AN83">
        <v>0</v>
      </c>
      <c r="AO83">
        <v>0</v>
      </c>
      <c r="AP83">
        <v>0</v>
      </c>
      <c r="AQ83">
        <v>0</v>
      </c>
      <c r="AR83">
        <v>0</v>
      </c>
      <c r="AS83">
        <v>0</v>
      </c>
      <c r="AT83">
        <v>0</v>
      </c>
      <c r="AU83">
        <v>0</v>
      </c>
      <c r="AV83">
        <v>0</v>
      </c>
      <c r="AW83">
        <v>0</v>
      </c>
      <c r="AX83">
        <v>28274</v>
      </c>
      <c r="AY83">
        <v>17</v>
      </c>
      <c r="AZ83">
        <v>47</v>
      </c>
      <c r="BA83">
        <v>2603</v>
      </c>
    </row>
    <row r="84" spans="1:53" x14ac:dyDescent="0.4">
      <c r="A84">
        <v>128</v>
      </c>
      <c r="B84" s="1">
        <v>42852</v>
      </c>
      <c r="C84">
        <v>4</v>
      </c>
      <c r="D84" s="1">
        <v>42852.955555555556</v>
      </c>
      <c r="E84" s="1">
        <v>42853.099305555559</v>
      </c>
      <c r="F84">
        <v>47950</v>
      </c>
      <c r="G84">
        <v>680</v>
      </c>
      <c r="H84">
        <v>0</v>
      </c>
      <c r="I84">
        <v>0</v>
      </c>
      <c r="J84">
        <v>0</v>
      </c>
      <c r="K84">
        <v>0</v>
      </c>
      <c r="L84">
        <v>0</v>
      </c>
      <c r="M84">
        <v>3890</v>
      </c>
      <c r="N84">
        <v>0</v>
      </c>
      <c r="O84">
        <v>0</v>
      </c>
      <c r="P84">
        <v>20304</v>
      </c>
      <c r="Q84">
        <v>0</v>
      </c>
      <c r="R84">
        <v>72824</v>
      </c>
      <c r="S84">
        <v>0</v>
      </c>
      <c r="T84">
        <v>0</v>
      </c>
      <c r="U84">
        <v>0</v>
      </c>
      <c r="V84">
        <v>10</v>
      </c>
      <c r="W84">
        <v>2</v>
      </c>
      <c r="X84">
        <v>0</v>
      </c>
      <c r="Y84">
        <v>52</v>
      </c>
      <c r="Z84">
        <v>25</v>
      </c>
      <c r="AA84">
        <v>51</v>
      </c>
      <c r="AB84">
        <v>30</v>
      </c>
      <c r="AC84">
        <v>126</v>
      </c>
      <c r="AD84">
        <v>2</v>
      </c>
      <c r="AE84">
        <v>16</v>
      </c>
      <c r="AF84">
        <v>0</v>
      </c>
      <c r="AG84">
        <v>182386</v>
      </c>
      <c r="AH84">
        <v>50000</v>
      </c>
      <c r="AI84">
        <v>0</v>
      </c>
      <c r="AJ84">
        <v>105</v>
      </c>
      <c r="AL84">
        <v>0</v>
      </c>
      <c r="AM84">
        <v>0</v>
      </c>
      <c r="AN84">
        <v>0</v>
      </c>
      <c r="AO84">
        <v>0</v>
      </c>
      <c r="AP84">
        <v>0</v>
      </c>
      <c r="AQ84">
        <v>0</v>
      </c>
      <c r="AR84">
        <v>0</v>
      </c>
      <c r="AS84">
        <v>0</v>
      </c>
      <c r="AT84">
        <v>0</v>
      </c>
      <c r="AU84">
        <v>0</v>
      </c>
      <c r="AV84">
        <v>0</v>
      </c>
      <c r="AW84">
        <v>0</v>
      </c>
      <c r="AX84">
        <v>7852</v>
      </c>
      <c r="AY84">
        <v>7</v>
      </c>
      <c r="AZ84">
        <v>20</v>
      </c>
      <c r="BA84">
        <v>1309</v>
      </c>
    </row>
    <row r="85" spans="1:53" x14ac:dyDescent="0.4">
      <c r="A85">
        <v>129</v>
      </c>
      <c r="B85" s="1">
        <v>42853</v>
      </c>
      <c r="C85">
        <v>1</v>
      </c>
      <c r="D85" s="1">
        <v>42853.291666666664</v>
      </c>
      <c r="E85" s="1">
        <v>42853.451388888891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0</v>
      </c>
      <c r="O85">
        <v>0</v>
      </c>
      <c r="P85">
        <v>0</v>
      </c>
      <c r="Q85">
        <v>0</v>
      </c>
      <c r="R85">
        <v>0</v>
      </c>
      <c r="S85">
        <v>0</v>
      </c>
      <c r="T85">
        <v>0</v>
      </c>
      <c r="U85">
        <v>0</v>
      </c>
      <c r="V85">
        <v>0</v>
      </c>
      <c r="W85">
        <v>1</v>
      </c>
      <c r="X85">
        <v>0</v>
      </c>
      <c r="Y85">
        <v>26</v>
      </c>
      <c r="Z85">
        <v>23</v>
      </c>
      <c r="AA85">
        <v>48</v>
      </c>
      <c r="AB85">
        <v>29</v>
      </c>
      <c r="AC85">
        <v>124</v>
      </c>
      <c r="AD85">
        <v>1</v>
      </c>
      <c r="AE85">
        <v>5</v>
      </c>
      <c r="AF85">
        <v>0</v>
      </c>
      <c r="AG85">
        <v>50000</v>
      </c>
      <c r="AH85">
        <v>0</v>
      </c>
      <c r="AI85">
        <v>50000</v>
      </c>
      <c r="AJ85">
        <v>0</v>
      </c>
      <c r="AK85" t="s">
        <v>6</v>
      </c>
      <c r="AL85">
        <v>0</v>
      </c>
      <c r="AM85">
        <v>0</v>
      </c>
      <c r="AN85">
        <v>0</v>
      </c>
      <c r="AO85">
        <v>0</v>
      </c>
      <c r="AP85">
        <v>0</v>
      </c>
      <c r="AQ85">
        <v>0</v>
      </c>
      <c r="AR85">
        <v>0</v>
      </c>
      <c r="AS85">
        <v>0</v>
      </c>
      <c r="AT85">
        <v>0</v>
      </c>
      <c r="AU85">
        <v>0</v>
      </c>
      <c r="AV85">
        <v>0</v>
      </c>
      <c r="AW85">
        <v>0</v>
      </c>
      <c r="AX85">
        <v>0</v>
      </c>
      <c r="AY85">
        <v>0</v>
      </c>
      <c r="AZ85">
        <v>0</v>
      </c>
      <c r="BA85">
        <v>0</v>
      </c>
    </row>
    <row r="86" spans="1:53" x14ac:dyDescent="0.4">
      <c r="A86">
        <v>130</v>
      </c>
      <c r="B86" s="1">
        <v>42853</v>
      </c>
      <c r="C86">
        <v>2</v>
      </c>
      <c r="D86" s="1">
        <v>42853.451388888891</v>
      </c>
      <c r="E86" s="1">
        <v>42853.756249999999</v>
      </c>
      <c r="F86">
        <v>21500</v>
      </c>
      <c r="G86">
        <v>3300</v>
      </c>
      <c r="H86">
        <v>0</v>
      </c>
      <c r="I86">
        <v>0</v>
      </c>
      <c r="J86">
        <v>0</v>
      </c>
      <c r="K86">
        <v>0</v>
      </c>
      <c r="L86">
        <v>0</v>
      </c>
      <c r="M86">
        <v>1984</v>
      </c>
      <c r="N86">
        <v>0</v>
      </c>
      <c r="O86">
        <v>0</v>
      </c>
      <c r="P86">
        <v>12960</v>
      </c>
      <c r="Q86">
        <v>0</v>
      </c>
      <c r="R86">
        <v>39744</v>
      </c>
      <c r="S86">
        <v>0</v>
      </c>
      <c r="T86">
        <v>0</v>
      </c>
      <c r="U86">
        <v>0</v>
      </c>
      <c r="V86">
        <v>1</v>
      </c>
      <c r="W86">
        <v>1</v>
      </c>
      <c r="X86">
        <v>0</v>
      </c>
      <c r="Y86">
        <v>44</v>
      </c>
      <c r="Z86">
        <v>39</v>
      </c>
      <c r="AA86">
        <v>70</v>
      </c>
      <c r="AB86">
        <v>28</v>
      </c>
      <c r="AC86">
        <v>171</v>
      </c>
      <c r="AD86">
        <v>9</v>
      </c>
      <c r="AE86">
        <v>9</v>
      </c>
      <c r="AF86">
        <v>1080</v>
      </c>
      <c r="AG86">
        <v>89744</v>
      </c>
      <c r="AH86">
        <v>50000</v>
      </c>
      <c r="AI86">
        <v>0</v>
      </c>
      <c r="AJ86">
        <v>100</v>
      </c>
      <c r="AK86" t="s">
        <v>0</v>
      </c>
      <c r="AL86">
        <v>0</v>
      </c>
      <c r="AM86">
        <v>0</v>
      </c>
      <c r="AN86">
        <v>0</v>
      </c>
      <c r="AO86">
        <v>0</v>
      </c>
      <c r="AP86">
        <v>0</v>
      </c>
      <c r="AQ86">
        <v>0</v>
      </c>
      <c r="AR86">
        <v>0</v>
      </c>
      <c r="AS86">
        <v>0</v>
      </c>
      <c r="AT86">
        <v>0</v>
      </c>
      <c r="AU86">
        <v>0</v>
      </c>
      <c r="AV86">
        <v>0</v>
      </c>
      <c r="AW86">
        <v>0</v>
      </c>
      <c r="AX86">
        <v>-1620</v>
      </c>
      <c r="AY86">
        <v>39</v>
      </c>
      <c r="AZ86">
        <v>65</v>
      </c>
      <c r="BA86">
        <v>5758</v>
      </c>
    </row>
    <row r="87" spans="1:53" x14ac:dyDescent="0.4">
      <c r="A87">
        <v>131</v>
      </c>
      <c r="B87" s="1">
        <v>42853</v>
      </c>
      <c r="C87">
        <v>3</v>
      </c>
      <c r="D87" s="1">
        <v>42853.756249999999</v>
      </c>
      <c r="E87" s="1">
        <v>42854.094444444447</v>
      </c>
      <c r="F87">
        <v>313340</v>
      </c>
      <c r="G87">
        <v>11590</v>
      </c>
      <c r="H87">
        <v>0</v>
      </c>
      <c r="I87">
        <v>0</v>
      </c>
      <c r="J87">
        <v>0</v>
      </c>
      <c r="K87">
        <v>1960</v>
      </c>
      <c r="L87">
        <v>0</v>
      </c>
      <c r="M87">
        <v>26151</v>
      </c>
      <c r="N87">
        <v>0</v>
      </c>
      <c r="O87">
        <v>0</v>
      </c>
      <c r="P87">
        <v>82944</v>
      </c>
      <c r="Q87">
        <v>0</v>
      </c>
      <c r="R87">
        <v>435985</v>
      </c>
      <c r="S87">
        <v>0</v>
      </c>
      <c r="T87">
        <v>0</v>
      </c>
      <c r="U87">
        <v>0</v>
      </c>
      <c r="V87">
        <v>31</v>
      </c>
      <c r="W87">
        <v>5</v>
      </c>
      <c r="X87">
        <v>0</v>
      </c>
      <c r="Y87">
        <v>140</v>
      </c>
      <c r="Z87">
        <v>36</v>
      </c>
      <c r="AA87">
        <v>59</v>
      </c>
      <c r="AB87">
        <v>26</v>
      </c>
      <c r="AC87">
        <v>134</v>
      </c>
      <c r="AD87">
        <v>10</v>
      </c>
      <c r="AE87">
        <v>12</v>
      </c>
      <c r="AF87">
        <v>24127</v>
      </c>
      <c r="AG87">
        <v>525729</v>
      </c>
      <c r="AH87">
        <v>50000</v>
      </c>
      <c r="AI87">
        <v>0</v>
      </c>
      <c r="AJ87">
        <v>1</v>
      </c>
      <c r="AK87" t="s">
        <v>3</v>
      </c>
      <c r="AL87">
        <v>0</v>
      </c>
      <c r="AM87">
        <v>0</v>
      </c>
      <c r="AN87">
        <v>0</v>
      </c>
      <c r="AO87">
        <v>0</v>
      </c>
      <c r="AP87">
        <v>0</v>
      </c>
      <c r="AQ87">
        <v>0</v>
      </c>
      <c r="AR87">
        <v>0</v>
      </c>
      <c r="AS87">
        <v>0</v>
      </c>
      <c r="AT87">
        <v>0</v>
      </c>
      <c r="AU87">
        <v>0</v>
      </c>
      <c r="AV87">
        <v>0</v>
      </c>
      <c r="AW87">
        <v>0</v>
      </c>
      <c r="AX87">
        <v>16804</v>
      </c>
      <c r="AY87">
        <v>50</v>
      </c>
      <c r="AZ87">
        <v>224</v>
      </c>
      <c r="BA87">
        <v>7238</v>
      </c>
    </row>
    <row r="88" spans="1:53" x14ac:dyDescent="0.4">
      <c r="A88">
        <v>132</v>
      </c>
      <c r="B88" s="1">
        <v>42854</v>
      </c>
      <c r="C88">
        <v>1</v>
      </c>
      <c r="D88" s="1">
        <v>42854.291666666664</v>
      </c>
      <c r="E88" s="1">
        <v>42854.404861111114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0</v>
      </c>
      <c r="O88">
        <v>0</v>
      </c>
      <c r="P88">
        <v>0</v>
      </c>
      <c r="Q88">
        <v>0</v>
      </c>
      <c r="R88">
        <v>0</v>
      </c>
      <c r="S88">
        <v>0</v>
      </c>
      <c r="T88">
        <v>0</v>
      </c>
      <c r="U88">
        <v>0</v>
      </c>
      <c r="V88">
        <v>0</v>
      </c>
      <c r="W88">
        <v>1</v>
      </c>
      <c r="X88">
        <v>0</v>
      </c>
      <c r="Y88">
        <v>25</v>
      </c>
      <c r="Z88">
        <v>23</v>
      </c>
      <c r="AA88">
        <v>58</v>
      </c>
      <c r="AB88">
        <v>26</v>
      </c>
      <c r="AC88">
        <v>132</v>
      </c>
      <c r="AD88">
        <v>11</v>
      </c>
      <c r="AE88">
        <v>25</v>
      </c>
      <c r="AF88">
        <v>0</v>
      </c>
      <c r="AG88">
        <v>50000</v>
      </c>
      <c r="AH88">
        <v>0</v>
      </c>
      <c r="AI88">
        <v>50000</v>
      </c>
      <c r="AJ88">
        <v>0</v>
      </c>
      <c r="AK88" t="s">
        <v>6</v>
      </c>
      <c r="AL88">
        <v>0</v>
      </c>
      <c r="AM88">
        <v>0</v>
      </c>
      <c r="AN88">
        <v>0</v>
      </c>
      <c r="AO88">
        <v>0</v>
      </c>
      <c r="AP88">
        <v>0</v>
      </c>
      <c r="AQ88">
        <v>0</v>
      </c>
      <c r="AR88">
        <v>0</v>
      </c>
      <c r="AS88">
        <v>0</v>
      </c>
      <c r="AT88">
        <v>0</v>
      </c>
      <c r="AU88">
        <v>0</v>
      </c>
      <c r="AV88">
        <v>0</v>
      </c>
      <c r="AW88">
        <v>0</v>
      </c>
      <c r="AX88">
        <v>0</v>
      </c>
      <c r="AY88">
        <v>0</v>
      </c>
      <c r="AZ88">
        <v>0</v>
      </c>
      <c r="BA88">
        <v>0</v>
      </c>
    </row>
    <row r="89" spans="1:53" x14ac:dyDescent="0.4">
      <c r="A89">
        <v>133</v>
      </c>
      <c r="B89" s="1">
        <v>42854</v>
      </c>
      <c r="C89">
        <v>2</v>
      </c>
      <c r="D89" s="1">
        <v>42854.404861111114</v>
      </c>
      <c r="E89" s="1">
        <v>42854.84097222222</v>
      </c>
      <c r="F89">
        <v>57600</v>
      </c>
      <c r="G89">
        <v>13280</v>
      </c>
      <c r="H89">
        <v>0</v>
      </c>
      <c r="I89">
        <v>0</v>
      </c>
      <c r="J89">
        <v>0</v>
      </c>
      <c r="K89">
        <v>0</v>
      </c>
      <c r="L89">
        <v>0</v>
      </c>
      <c r="M89">
        <v>5668</v>
      </c>
      <c r="N89">
        <v>0</v>
      </c>
      <c r="O89">
        <v>0</v>
      </c>
      <c r="P89">
        <v>0</v>
      </c>
      <c r="Q89">
        <v>0</v>
      </c>
      <c r="R89">
        <v>76548</v>
      </c>
      <c r="S89">
        <v>0</v>
      </c>
      <c r="T89">
        <v>0</v>
      </c>
      <c r="U89">
        <v>0</v>
      </c>
      <c r="V89">
        <v>4</v>
      </c>
      <c r="W89">
        <v>2</v>
      </c>
      <c r="X89">
        <v>0</v>
      </c>
      <c r="Y89">
        <v>43</v>
      </c>
      <c r="Z89">
        <v>41</v>
      </c>
      <c r="AA89">
        <v>55</v>
      </c>
      <c r="AB89">
        <v>30</v>
      </c>
      <c r="AC89">
        <v>204</v>
      </c>
      <c r="AD89">
        <v>16</v>
      </c>
      <c r="AE89">
        <v>27</v>
      </c>
      <c r="AF89">
        <v>3901</v>
      </c>
      <c r="AG89">
        <v>126548</v>
      </c>
      <c r="AH89">
        <v>50000</v>
      </c>
      <c r="AI89">
        <v>0</v>
      </c>
      <c r="AJ89">
        <v>89</v>
      </c>
      <c r="AK89" t="s">
        <v>12</v>
      </c>
      <c r="AL89">
        <v>0</v>
      </c>
      <c r="AM89">
        <v>0</v>
      </c>
      <c r="AN89">
        <v>0</v>
      </c>
      <c r="AO89">
        <v>0</v>
      </c>
      <c r="AP89">
        <v>0</v>
      </c>
      <c r="AQ89">
        <v>0</v>
      </c>
      <c r="AR89">
        <v>0</v>
      </c>
      <c r="AS89">
        <v>0</v>
      </c>
      <c r="AT89">
        <v>0</v>
      </c>
      <c r="AU89">
        <v>0</v>
      </c>
      <c r="AV89">
        <v>0</v>
      </c>
      <c r="AW89">
        <v>0</v>
      </c>
      <c r="AX89">
        <v>15012</v>
      </c>
      <c r="AY89">
        <v>52</v>
      </c>
      <c r="AZ89">
        <v>126</v>
      </c>
      <c r="BA89">
        <v>8317</v>
      </c>
    </row>
    <row r="90" spans="1:53" x14ac:dyDescent="0.4">
      <c r="A90">
        <v>134</v>
      </c>
      <c r="B90" s="1">
        <v>42855</v>
      </c>
      <c r="C90">
        <v>1</v>
      </c>
      <c r="D90" s="1">
        <v>42855.291666666664</v>
      </c>
      <c r="E90" s="1">
        <v>42855.454861111109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0</v>
      </c>
      <c r="O90">
        <v>0</v>
      </c>
      <c r="P90">
        <v>19710</v>
      </c>
      <c r="Q90">
        <v>0</v>
      </c>
      <c r="R90">
        <v>19710</v>
      </c>
      <c r="S90">
        <v>0</v>
      </c>
      <c r="T90">
        <v>0</v>
      </c>
      <c r="U90">
        <v>0</v>
      </c>
      <c r="V90">
        <v>1</v>
      </c>
      <c r="W90">
        <v>0</v>
      </c>
      <c r="X90">
        <v>0</v>
      </c>
      <c r="Y90">
        <v>35</v>
      </c>
      <c r="Z90">
        <v>22</v>
      </c>
      <c r="AA90">
        <v>100</v>
      </c>
      <c r="AB90">
        <v>32</v>
      </c>
      <c r="AC90">
        <v>193</v>
      </c>
      <c r="AD90">
        <v>8</v>
      </c>
      <c r="AE90">
        <v>50</v>
      </c>
      <c r="AF90">
        <v>0</v>
      </c>
      <c r="AG90">
        <v>69620</v>
      </c>
      <c r="AH90">
        <v>50000</v>
      </c>
      <c r="AI90">
        <v>-90</v>
      </c>
      <c r="AJ90">
        <v>100</v>
      </c>
      <c r="AK90" t="s">
        <v>0</v>
      </c>
      <c r="AL90">
        <v>0</v>
      </c>
      <c r="AM90">
        <v>0</v>
      </c>
      <c r="AN90">
        <v>0</v>
      </c>
      <c r="AO90">
        <v>0</v>
      </c>
      <c r="AP90">
        <v>0</v>
      </c>
      <c r="AQ90">
        <v>0</v>
      </c>
      <c r="AR90">
        <v>0</v>
      </c>
      <c r="AS90">
        <v>0</v>
      </c>
      <c r="AT90">
        <v>0</v>
      </c>
      <c r="AU90">
        <v>0</v>
      </c>
      <c r="AV90">
        <v>0</v>
      </c>
      <c r="AW90">
        <v>0</v>
      </c>
      <c r="AX90">
        <v>432</v>
      </c>
      <c r="AY90">
        <v>14</v>
      </c>
      <c r="AZ90">
        <v>31</v>
      </c>
      <c r="BA90">
        <v>568</v>
      </c>
    </row>
    <row r="91" spans="1:53" x14ac:dyDescent="0.4">
      <c r="A91">
        <v>135</v>
      </c>
      <c r="B91" s="1">
        <v>42855</v>
      </c>
      <c r="C91">
        <v>2</v>
      </c>
      <c r="D91" s="1">
        <v>42855.454861111109</v>
      </c>
      <c r="E91" s="1">
        <v>42855.977083333331</v>
      </c>
      <c r="F91">
        <v>118000</v>
      </c>
      <c r="G91">
        <v>9450</v>
      </c>
      <c r="H91">
        <v>0</v>
      </c>
      <c r="I91">
        <v>0</v>
      </c>
      <c r="J91">
        <v>800</v>
      </c>
      <c r="K91">
        <v>4100</v>
      </c>
      <c r="L91">
        <v>0</v>
      </c>
      <c r="M91">
        <v>10460</v>
      </c>
      <c r="N91">
        <v>0</v>
      </c>
      <c r="O91">
        <v>0</v>
      </c>
      <c r="P91">
        <v>-2171</v>
      </c>
      <c r="Q91">
        <v>0</v>
      </c>
      <c r="R91">
        <v>139039</v>
      </c>
      <c r="S91">
        <v>0</v>
      </c>
      <c r="T91">
        <v>0</v>
      </c>
      <c r="U91">
        <v>0</v>
      </c>
      <c r="V91">
        <v>8</v>
      </c>
      <c r="W91">
        <v>3</v>
      </c>
      <c r="X91">
        <v>0</v>
      </c>
      <c r="Y91">
        <v>84</v>
      </c>
      <c r="Z91">
        <v>27</v>
      </c>
      <c r="AA91">
        <v>118</v>
      </c>
      <c r="AB91">
        <v>40</v>
      </c>
      <c r="AC91">
        <v>246</v>
      </c>
      <c r="AD91">
        <v>4</v>
      </c>
      <c r="AE91">
        <v>48</v>
      </c>
      <c r="AF91">
        <v>0</v>
      </c>
      <c r="AG91">
        <v>208828</v>
      </c>
      <c r="AH91">
        <v>50000</v>
      </c>
      <c r="AI91">
        <v>79</v>
      </c>
      <c r="AJ91">
        <v>101</v>
      </c>
      <c r="AK91" t="s">
        <v>1</v>
      </c>
      <c r="AL91">
        <v>0</v>
      </c>
      <c r="AM91">
        <v>0</v>
      </c>
      <c r="AN91">
        <v>0</v>
      </c>
      <c r="AO91">
        <v>0</v>
      </c>
      <c r="AP91">
        <v>0</v>
      </c>
      <c r="AQ91">
        <v>0</v>
      </c>
      <c r="AR91">
        <v>0</v>
      </c>
      <c r="AS91">
        <v>0</v>
      </c>
      <c r="AT91">
        <v>0</v>
      </c>
      <c r="AU91">
        <v>0</v>
      </c>
      <c r="AV91">
        <v>0</v>
      </c>
      <c r="AW91">
        <v>0</v>
      </c>
      <c r="AX91">
        <v>55121</v>
      </c>
      <c r="AY91">
        <v>61</v>
      </c>
      <c r="AZ91">
        <v>182</v>
      </c>
      <c r="BA91">
        <v>10397</v>
      </c>
    </row>
    <row r="92" spans="1:53" x14ac:dyDescent="0.4">
      <c r="A92">
        <v>136</v>
      </c>
      <c r="B92" s="1">
        <v>42855</v>
      </c>
      <c r="C92">
        <v>3</v>
      </c>
      <c r="D92" s="1">
        <v>42855.977083333331</v>
      </c>
      <c r="E92" s="1">
        <v>42856.07916666667</v>
      </c>
      <c r="F92">
        <v>94680</v>
      </c>
      <c r="G92">
        <v>2140</v>
      </c>
      <c r="H92">
        <v>0</v>
      </c>
      <c r="I92">
        <v>0</v>
      </c>
      <c r="J92">
        <v>1600</v>
      </c>
      <c r="K92">
        <v>7400</v>
      </c>
      <c r="L92">
        <v>0</v>
      </c>
      <c r="M92">
        <v>8210</v>
      </c>
      <c r="N92">
        <v>0</v>
      </c>
      <c r="O92">
        <v>0</v>
      </c>
      <c r="P92">
        <v>38988</v>
      </c>
      <c r="Q92">
        <v>0</v>
      </c>
      <c r="R92">
        <v>149818</v>
      </c>
      <c r="S92">
        <v>0</v>
      </c>
      <c r="T92">
        <v>0</v>
      </c>
      <c r="U92">
        <v>0</v>
      </c>
      <c r="V92">
        <v>18</v>
      </c>
      <c r="W92">
        <v>7</v>
      </c>
      <c r="X92">
        <v>0</v>
      </c>
      <c r="Y92">
        <v>114</v>
      </c>
      <c r="Z92">
        <v>21</v>
      </c>
      <c r="AA92">
        <v>112</v>
      </c>
      <c r="AB92">
        <v>33</v>
      </c>
      <c r="AC92">
        <v>250</v>
      </c>
      <c r="AD92">
        <v>3</v>
      </c>
      <c r="AE92">
        <v>30</v>
      </c>
      <c r="AF92">
        <v>3672</v>
      </c>
      <c r="AG92">
        <v>358567</v>
      </c>
      <c r="AH92">
        <v>50000</v>
      </c>
      <c r="AI92">
        <v>0</v>
      </c>
      <c r="AJ92">
        <v>99</v>
      </c>
      <c r="AK92" t="s">
        <v>9</v>
      </c>
      <c r="AL92">
        <v>0</v>
      </c>
      <c r="AM92">
        <v>0</v>
      </c>
      <c r="AN92">
        <v>0</v>
      </c>
      <c r="AO92">
        <v>0</v>
      </c>
      <c r="AP92">
        <v>0</v>
      </c>
      <c r="AQ92">
        <v>0</v>
      </c>
      <c r="AR92">
        <v>0</v>
      </c>
      <c r="AS92">
        <v>0</v>
      </c>
      <c r="AT92">
        <v>0</v>
      </c>
      <c r="AU92">
        <v>0</v>
      </c>
      <c r="AV92">
        <v>0</v>
      </c>
      <c r="AW92">
        <v>0</v>
      </c>
      <c r="AX92">
        <v>23748</v>
      </c>
      <c r="AY92">
        <v>8</v>
      </c>
      <c r="AZ92">
        <v>43</v>
      </c>
      <c r="BA92">
        <v>1719</v>
      </c>
    </row>
    <row r="93" spans="1:53" x14ac:dyDescent="0.4">
      <c r="A93">
        <v>137</v>
      </c>
      <c r="B93" s="1">
        <v>42856</v>
      </c>
      <c r="C93">
        <v>1</v>
      </c>
      <c r="D93" s="1">
        <v>42856.291666666664</v>
      </c>
      <c r="E93" s="1">
        <v>42856.398611111108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0</v>
      </c>
      <c r="O93">
        <v>0</v>
      </c>
      <c r="P93">
        <v>0</v>
      </c>
      <c r="Q93">
        <v>0</v>
      </c>
      <c r="R93">
        <v>0</v>
      </c>
      <c r="S93">
        <v>0</v>
      </c>
      <c r="T93">
        <v>0</v>
      </c>
      <c r="U93">
        <v>0</v>
      </c>
      <c r="V93">
        <v>0</v>
      </c>
      <c r="W93">
        <v>1</v>
      </c>
      <c r="X93">
        <v>0</v>
      </c>
      <c r="Y93">
        <v>25</v>
      </c>
      <c r="Z93">
        <v>12</v>
      </c>
      <c r="AA93">
        <v>102</v>
      </c>
      <c r="AB93">
        <v>26</v>
      </c>
      <c r="AC93">
        <v>246</v>
      </c>
      <c r="AD93">
        <v>2</v>
      </c>
      <c r="AE93">
        <v>30</v>
      </c>
      <c r="AF93">
        <v>0</v>
      </c>
      <c r="AG93">
        <v>50000</v>
      </c>
      <c r="AH93">
        <v>0</v>
      </c>
      <c r="AI93">
        <v>50000</v>
      </c>
      <c r="AJ93">
        <v>0</v>
      </c>
      <c r="AK93" t="s">
        <v>6</v>
      </c>
      <c r="AL93">
        <v>0</v>
      </c>
      <c r="AM93">
        <v>0</v>
      </c>
      <c r="AN93">
        <v>0</v>
      </c>
      <c r="AO93">
        <v>0</v>
      </c>
      <c r="AP93">
        <v>0</v>
      </c>
      <c r="AQ93">
        <v>0</v>
      </c>
      <c r="AR93">
        <v>0</v>
      </c>
      <c r="AS93">
        <v>0</v>
      </c>
      <c r="AT93">
        <v>0</v>
      </c>
      <c r="AU93">
        <v>0</v>
      </c>
      <c r="AV93">
        <v>0</v>
      </c>
      <c r="AW93">
        <v>0</v>
      </c>
      <c r="AX93">
        <v>0</v>
      </c>
      <c r="AY93">
        <v>0</v>
      </c>
      <c r="AZ93">
        <v>0</v>
      </c>
      <c r="BA93">
        <v>0</v>
      </c>
    </row>
    <row r="94" spans="1:53" x14ac:dyDescent="0.4">
      <c r="A94">
        <v>138</v>
      </c>
      <c r="B94" s="1">
        <v>42856</v>
      </c>
      <c r="C94">
        <v>2</v>
      </c>
      <c r="D94" s="1">
        <v>42856.398611111108</v>
      </c>
      <c r="E94" s="1">
        <v>42856.97152777778</v>
      </c>
      <c r="F94">
        <v>99510</v>
      </c>
      <c r="G94">
        <v>9390</v>
      </c>
      <c r="H94">
        <v>0</v>
      </c>
      <c r="I94">
        <v>0</v>
      </c>
      <c r="J94">
        <v>380</v>
      </c>
      <c r="K94">
        <v>0</v>
      </c>
      <c r="L94">
        <v>0</v>
      </c>
      <c r="M94">
        <v>8679</v>
      </c>
      <c r="N94">
        <v>0</v>
      </c>
      <c r="O94">
        <v>0</v>
      </c>
      <c r="P94">
        <v>0</v>
      </c>
      <c r="Q94">
        <v>0</v>
      </c>
      <c r="R94">
        <v>117199</v>
      </c>
      <c r="S94">
        <v>0</v>
      </c>
      <c r="T94">
        <v>0</v>
      </c>
      <c r="U94">
        <v>0</v>
      </c>
      <c r="V94">
        <v>5</v>
      </c>
      <c r="W94">
        <v>1</v>
      </c>
      <c r="X94">
        <v>0</v>
      </c>
      <c r="Y94">
        <v>66</v>
      </c>
      <c r="Z94">
        <v>24</v>
      </c>
      <c r="AA94">
        <v>123</v>
      </c>
      <c r="AB94">
        <v>22</v>
      </c>
      <c r="AC94">
        <v>278</v>
      </c>
      <c r="AD94">
        <v>0</v>
      </c>
      <c r="AE94">
        <v>21</v>
      </c>
      <c r="AF94">
        <v>17998</v>
      </c>
      <c r="AG94">
        <v>167199</v>
      </c>
      <c r="AH94">
        <v>50000</v>
      </c>
      <c r="AI94">
        <v>0</v>
      </c>
      <c r="AJ94">
        <v>91</v>
      </c>
      <c r="AK94" t="s">
        <v>14</v>
      </c>
      <c r="AL94">
        <v>0</v>
      </c>
      <c r="AM94">
        <v>0</v>
      </c>
      <c r="AN94">
        <v>0</v>
      </c>
      <c r="AO94">
        <v>0</v>
      </c>
      <c r="AP94">
        <v>0</v>
      </c>
      <c r="AQ94">
        <v>0</v>
      </c>
      <c r="AR94">
        <v>0</v>
      </c>
      <c r="AS94">
        <v>0</v>
      </c>
      <c r="AT94">
        <v>0</v>
      </c>
      <c r="AU94">
        <v>0</v>
      </c>
      <c r="AV94">
        <v>0</v>
      </c>
      <c r="AW94">
        <v>0</v>
      </c>
      <c r="AX94">
        <v>54334</v>
      </c>
      <c r="AY94">
        <v>66</v>
      </c>
      <c r="AZ94">
        <v>159</v>
      </c>
      <c r="BA94">
        <v>8857</v>
      </c>
    </row>
    <row r="95" spans="1:53" x14ac:dyDescent="0.4">
      <c r="A95">
        <v>139</v>
      </c>
      <c r="B95" s="1">
        <v>42857</v>
      </c>
      <c r="C95">
        <v>1</v>
      </c>
      <c r="D95" s="1">
        <v>42857.291666666664</v>
      </c>
      <c r="E95" s="1">
        <v>42857.411111111112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0</v>
      </c>
      <c r="O95">
        <v>0</v>
      </c>
      <c r="P95">
        <v>0</v>
      </c>
      <c r="Q95">
        <v>0</v>
      </c>
      <c r="R95">
        <v>0</v>
      </c>
      <c r="S95">
        <v>0</v>
      </c>
      <c r="T95">
        <v>0</v>
      </c>
      <c r="U95">
        <v>0</v>
      </c>
      <c r="V95">
        <v>0</v>
      </c>
      <c r="W95">
        <v>0</v>
      </c>
      <c r="X95">
        <v>0</v>
      </c>
      <c r="Y95">
        <v>30</v>
      </c>
      <c r="Z95">
        <v>15</v>
      </c>
      <c r="AA95">
        <v>110</v>
      </c>
      <c r="AB95">
        <v>16</v>
      </c>
      <c r="AC95">
        <v>69</v>
      </c>
      <c r="AD95">
        <v>1</v>
      </c>
      <c r="AE95">
        <v>5</v>
      </c>
      <c r="AF95">
        <v>0</v>
      </c>
      <c r="AG95">
        <v>50000</v>
      </c>
      <c r="AH95">
        <v>0</v>
      </c>
      <c r="AI95">
        <v>50000</v>
      </c>
      <c r="AJ95">
        <v>0</v>
      </c>
      <c r="AK95" t="s">
        <v>6</v>
      </c>
      <c r="AL95">
        <v>0</v>
      </c>
      <c r="AM95">
        <v>0</v>
      </c>
      <c r="AN95">
        <v>0</v>
      </c>
      <c r="AO95">
        <v>0</v>
      </c>
      <c r="AP95">
        <v>0</v>
      </c>
      <c r="AQ95">
        <v>0</v>
      </c>
      <c r="AR95">
        <v>0</v>
      </c>
      <c r="AS95">
        <v>0</v>
      </c>
      <c r="AT95">
        <v>0</v>
      </c>
      <c r="AU95">
        <v>0</v>
      </c>
      <c r="AV95">
        <v>0</v>
      </c>
      <c r="AW95">
        <v>0</v>
      </c>
      <c r="AX95">
        <v>0</v>
      </c>
      <c r="AY95">
        <v>0</v>
      </c>
      <c r="AZ95">
        <v>0</v>
      </c>
      <c r="BA95">
        <v>0</v>
      </c>
    </row>
    <row r="96" spans="1:53" x14ac:dyDescent="0.4">
      <c r="A96">
        <v>140</v>
      </c>
      <c r="B96" s="1">
        <v>42857</v>
      </c>
      <c r="C96">
        <v>2</v>
      </c>
      <c r="D96" s="1">
        <v>42857.411111111112</v>
      </c>
      <c r="E96" s="1">
        <v>42857.770138888889</v>
      </c>
      <c r="F96">
        <v>21500</v>
      </c>
      <c r="G96">
        <v>1350</v>
      </c>
      <c r="H96">
        <v>0</v>
      </c>
      <c r="I96">
        <v>0</v>
      </c>
      <c r="J96">
        <v>0</v>
      </c>
      <c r="K96">
        <v>0</v>
      </c>
      <c r="L96">
        <v>0</v>
      </c>
      <c r="M96">
        <v>1828</v>
      </c>
      <c r="N96">
        <v>0</v>
      </c>
      <c r="O96">
        <v>0</v>
      </c>
      <c r="P96">
        <v>13910</v>
      </c>
      <c r="Q96">
        <v>0</v>
      </c>
      <c r="R96">
        <v>38588</v>
      </c>
      <c r="S96">
        <v>0</v>
      </c>
      <c r="T96">
        <v>0</v>
      </c>
      <c r="U96">
        <v>0</v>
      </c>
      <c r="V96">
        <v>3</v>
      </c>
      <c r="W96">
        <v>0</v>
      </c>
      <c r="X96">
        <v>0</v>
      </c>
      <c r="Y96">
        <v>38</v>
      </c>
      <c r="Z96">
        <v>22</v>
      </c>
      <c r="AA96">
        <v>83</v>
      </c>
      <c r="AB96">
        <v>8</v>
      </c>
      <c r="AC96">
        <v>86</v>
      </c>
      <c r="AD96">
        <v>5</v>
      </c>
      <c r="AE96">
        <v>3</v>
      </c>
      <c r="AF96">
        <v>0</v>
      </c>
      <c r="AG96">
        <v>88588</v>
      </c>
      <c r="AH96">
        <v>50000</v>
      </c>
      <c r="AI96">
        <v>0</v>
      </c>
      <c r="AJ96">
        <v>100</v>
      </c>
      <c r="AK96" t="s">
        <v>0</v>
      </c>
      <c r="AL96">
        <v>0</v>
      </c>
      <c r="AM96">
        <v>0</v>
      </c>
      <c r="AN96">
        <v>0</v>
      </c>
      <c r="AO96">
        <v>0</v>
      </c>
      <c r="AP96">
        <v>0</v>
      </c>
      <c r="AQ96">
        <v>0</v>
      </c>
      <c r="AR96">
        <v>0</v>
      </c>
      <c r="AS96">
        <v>0</v>
      </c>
      <c r="AT96">
        <v>0</v>
      </c>
      <c r="AU96">
        <v>0</v>
      </c>
      <c r="AV96">
        <v>0</v>
      </c>
      <c r="AW96">
        <v>0</v>
      </c>
      <c r="AX96">
        <v>1642</v>
      </c>
      <c r="AY96">
        <v>41</v>
      </c>
      <c r="AZ96">
        <v>72</v>
      </c>
      <c r="BA96">
        <v>5547</v>
      </c>
    </row>
    <row r="97" spans="1:53" x14ac:dyDescent="0.4">
      <c r="A97">
        <v>141</v>
      </c>
      <c r="B97" s="1">
        <v>42858</v>
      </c>
      <c r="C97">
        <v>1</v>
      </c>
      <c r="D97" s="1">
        <v>42858.291666666664</v>
      </c>
      <c r="E97" s="1">
        <v>42858.411805555559</v>
      </c>
      <c r="F97">
        <v>0</v>
      </c>
      <c r="G97">
        <v>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0</v>
      </c>
      <c r="O97">
        <v>0</v>
      </c>
      <c r="P97">
        <v>0</v>
      </c>
      <c r="Q97">
        <v>0</v>
      </c>
      <c r="R97">
        <v>0</v>
      </c>
      <c r="S97">
        <v>0</v>
      </c>
      <c r="T97">
        <v>0</v>
      </c>
      <c r="U97">
        <v>0</v>
      </c>
      <c r="V97">
        <v>0</v>
      </c>
      <c r="W97">
        <v>1</v>
      </c>
      <c r="X97">
        <v>0</v>
      </c>
      <c r="Y97">
        <v>25</v>
      </c>
      <c r="Z97">
        <v>20</v>
      </c>
      <c r="AA97">
        <v>82</v>
      </c>
      <c r="AB97">
        <v>11</v>
      </c>
      <c r="AC97">
        <v>116</v>
      </c>
      <c r="AD97">
        <v>13</v>
      </c>
      <c r="AE97">
        <v>25</v>
      </c>
      <c r="AF97">
        <v>0</v>
      </c>
      <c r="AG97">
        <v>50000</v>
      </c>
      <c r="AH97">
        <v>0</v>
      </c>
      <c r="AI97">
        <v>50000</v>
      </c>
      <c r="AJ97">
        <v>0</v>
      </c>
      <c r="AK97" t="s">
        <v>6</v>
      </c>
      <c r="AL97">
        <v>0</v>
      </c>
      <c r="AM97">
        <v>0</v>
      </c>
      <c r="AN97">
        <v>0</v>
      </c>
      <c r="AO97">
        <v>0</v>
      </c>
      <c r="AP97">
        <v>0</v>
      </c>
      <c r="AQ97">
        <v>0</v>
      </c>
      <c r="AR97">
        <v>0</v>
      </c>
      <c r="AS97">
        <v>0</v>
      </c>
      <c r="AT97">
        <v>0</v>
      </c>
      <c r="AU97">
        <v>0</v>
      </c>
      <c r="AV97">
        <v>0</v>
      </c>
      <c r="AW97">
        <v>0</v>
      </c>
      <c r="AX97">
        <v>0</v>
      </c>
      <c r="AY97">
        <v>0</v>
      </c>
      <c r="AZ97">
        <v>0</v>
      </c>
      <c r="BA97">
        <v>0</v>
      </c>
    </row>
    <row r="98" spans="1:53" x14ac:dyDescent="0.4">
      <c r="A98">
        <v>142</v>
      </c>
      <c r="B98" s="1">
        <v>42859</v>
      </c>
      <c r="C98">
        <v>1</v>
      </c>
      <c r="D98" s="1">
        <v>42859.291666666664</v>
      </c>
      <c r="E98" s="1">
        <v>42859.408333333333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0</v>
      </c>
      <c r="O98">
        <v>0</v>
      </c>
      <c r="P98">
        <v>0</v>
      </c>
      <c r="Q98">
        <v>0</v>
      </c>
      <c r="R98">
        <v>0</v>
      </c>
      <c r="S98">
        <v>0</v>
      </c>
      <c r="T98">
        <v>0</v>
      </c>
      <c r="U98">
        <v>0</v>
      </c>
      <c r="V98">
        <v>0</v>
      </c>
      <c r="W98">
        <v>1</v>
      </c>
      <c r="X98">
        <v>0</v>
      </c>
      <c r="Y98">
        <v>26</v>
      </c>
      <c r="Z98">
        <v>18</v>
      </c>
      <c r="AA98">
        <v>77</v>
      </c>
      <c r="AB98">
        <v>20</v>
      </c>
      <c r="AC98">
        <v>119</v>
      </c>
      <c r="AD98">
        <v>7</v>
      </c>
      <c r="AE98">
        <v>75</v>
      </c>
      <c r="AF98">
        <v>0</v>
      </c>
      <c r="AG98">
        <v>50000</v>
      </c>
      <c r="AH98">
        <v>0</v>
      </c>
      <c r="AI98">
        <v>50000</v>
      </c>
      <c r="AJ98">
        <v>0</v>
      </c>
      <c r="AK98" t="s">
        <v>6</v>
      </c>
      <c r="AL98">
        <v>0</v>
      </c>
      <c r="AM98">
        <v>0</v>
      </c>
      <c r="AN98">
        <v>0</v>
      </c>
      <c r="AO98">
        <v>0</v>
      </c>
      <c r="AP98">
        <v>0</v>
      </c>
      <c r="AQ98">
        <v>0</v>
      </c>
      <c r="AR98">
        <v>0</v>
      </c>
      <c r="AS98">
        <v>0</v>
      </c>
      <c r="AT98">
        <v>0</v>
      </c>
      <c r="AU98">
        <v>0</v>
      </c>
      <c r="AV98">
        <v>0</v>
      </c>
      <c r="AW98">
        <v>0</v>
      </c>
      <c r="AX98">
        <v>0</v>
      </c>
      <c r="AY98">
        <v>0</v>
      </c>
      <c r="AZ98">
        <v>0</v>
      </c>
      <c r="BA98">
        <v>0</v>
      </c>
    </row>
    <row r="99" spans="1:53" x14ac:dyDescent="0.4">
      <c r="A99">
        <v>143</v>
      </c>
      <c r="B99" s="1">
        <v>42859</v>
      </c>
      <c r="C99">
        <v>2</v>
      </c>
      <c r="D99" s="1">
        <v>42859.408333333333</v>
      </c>
      <c r="E99" s="1">
        <v>42859.739583333336</v>
      </c>
      <c r="F99">
        <v>34500</v>
      </c>
      <c r="G99">
        <v>1400</v>
      </c>
      <c r="H99">
        <v>0</v>
      </c>
      <c r="I99">
        <v>0</v>
      </c>
      <c r="J99">
        <v>0</v>
      </c>
      <c r="K99">
        <v>0</v>
      </c>
      <c r="L99">
        <v>0</v>
      </c>
      <c r="M99">
        <v>2872</v>
      </c>
      <c r="N99">
        <v>0</v>
      </c>
      <c r="O99">
        <v>0</v>
      </c>
      <c r="P99">
        <v>12690</v>
      </c>
      <c r="Q99">
        <v>0</v>
      </c>
      <c r="R99">
        <v>51462</v>
      </c>
      <c r="S99">
        <v>0</v>
      </c>
      <c r="T99">
        <v>0</v>
      </c>
      <c r="U99">
        <v>0</v>
      </c>
      <c r="V99">
        <v>1</v>
      </c>
      <c r="W99">
        <v>3</v>
      </c>
      <c r="X99">
        <v>0</v>
      </c>
      <c r="Y99">
        <v>49</v>
      </c>
      <c r="Z99">
        <v>34</v>
      </c>
      <c r="AA99">
        <v>76</v>
      </c>
      <c r="AB99">
        <v>16</v>
      </c>
      <c r="AC99">
        <v>195</v>
      </c>
      <c r="AD99">
        <v>7</v>
      </c>
      <c r="AE99">
        <v>77</v>
      </c>
      <c r="AF99">
        <v>0</v>
      </c>
      <c r="AG99">
        <v>101462</v>
      </c>
      <c r="AH99">
        <v>50000</v>
      </c>
      <c r="AI99">
        <v>0</v>
      </c>
      <c r="AJ99">
        <v>96</v>
      </c>
      <c r="AK99" t="s">
        <v>4</v>
      </c>
      <c r="AL99">
        <v>0</v>
      </c>
      <c r="AM99">
        <v>0</v>
      </c>
      <c r="AN99">
        <v>0</v>
      </c>
      <c r="AO99">
        <v>0</v>
      </c>
      <c r="AP99">
        <v>0</v>
      </c>
      <c r="AQ99">
        <v>0</v>
      </c>
      <c r="AR99">
        <v>0</v>
      </c>
      <c r="AS99">
        <v>0</v>
      </c>
      <c r="AT99">
        <v>0</v>
      </c>
      <c r="AU99">
        <v>0</v>
      </c>
      <c r="AV99">
        <v>0</v>
      </c>
      <c r="AW99">
        <v>0</v>
      </c>
      <c r="AX99">
        <v>734</v>
      </c>
      <c r="AY99">
        <v>41</v>
      </c>
      <c r="AZ99">
        <v>93</v>
      </c>
      <c r="BA99">
        <v>6649</v>
      </c>
    </row>
    <row r="100" spans="1:53" x14ac:dyDescent="0.4">
      <c r="A100">
        <v>144</v>
      </c>
      <c r="B100" s="1">
        <v>42860</v>
      </c>
      <c r="C100">
        <v>1</v>
      </c>
      <c r="D100" s="1">
        <v>42860.291666666664</v>
      </c>
      <c r="E100" s="1">
        <v>42860.410416666666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0</v>
      </c>
      <c r="O100">
        <v>0</v>
      </c>
      <c r="P100">
        <v>0</v>
      </c>
      <c r="Q100">
        <v>0</v>
      </c>
      <c r="R100">
        <v>0</v>
      </c>
      <c r="S100">
        <v>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23</v>
      </c>
      <c r="Z100">
        <v>26</v>
      </c>
      <c r="AA100">
        <v>112</v>
      </c>
      <c r="AB100">
        <v>17</v>
      </c>
      <c r="AC100">
        <v>192</v>
      </c>
      <c r="AD100">
        <v>1</v>
      </c>
      <c r="AE100">
        <v>25</v>
      </c>
      <c r="AF100">
        <v>0</v>
      </c>
      <c r="AG100">
        <v>50000</v>
      </c>
      <c r="AH100">
        <v>0</v>
      </c>
      <c r="AI100">
        <v>50000</v>
      </c>
      <c r="AJ100">
        <v>0</v>
      </c>
      <c r="AK100" t="s">
        <v>6</v>
      </c>
      <c r="AL100">
        <v>0</v>
      </c>
      <c r="AM100">
        <v>0</v>
      </c>
      <c r="AN100">
        <v>0</v>
      </c>
      <c r="AO100">
        <v>0</v>
      </c>
      <c r="AP100">
        <v>0</v>
      </c>
      <c r="AQ100">
        <v>0</v>
      </c>
      <c r="AR100">
        <v>0</v>
      </c>
      <c r="AS100">
        <v>0</v>
      </c>
      <c r="AT100">
        <v>0</v>
      </c>
      <c r="AU100">
        <v>0</v>
      </c>
      <c r="AV100">
        <v>0</v>
      </c>
      <c r="AW100">
        <v>0</v>
      </c>
      <c r="AX100">
        <v>0</v>
      </c>
      <c r="AY100">
        <v>0</v>
      </c>
      <c r="AZ100">
        <v>0</v>
      </c>
      <c r="BA100">
        <v>0</v>
      </c>
    </row>
    <row r="101" spans="1:53" x14ac:dyDescent="0.4">
      <c r="A101">
        <v>145</v>
      </c>
      <c r="B101" s="1">
        <v>42861</v>
      </c>
      <c r="C101">
        <v>1</v>
      </c>
      <c r="D101" s="1">
        <v>42861.291666666664</v>
      </c>
      <c r="E101" s="1">
        <v>42861.40902777778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  <c r="S101">
        <v>0</v>
      </c>
      <c r="T101">
        <v>0</v>
      </c>
      <c r="U101">
        <v>0</v>
      </c>
      <c r="V101">
        <v>0</v>
      </c>
      <c r="W101">
        <v>1</v>
      </c>
      <c r="X101">
        <v>0</v>
      </c>
      <c r="Y101">
        <v>25</v>
      </c>
      <c r="Z101">
        <v>6</v>
      </c>
      <c r="AA101">
        <v>146</v>
      </c>
      <c r="AB101">
        <v>11</v>
      </c>
      <c r="AC101">
        <v>183</v>
      </c>
      <c r="AD101">
        <v>0</v>
      </c>
      <c r="AE101">
        <v>20</v>
      </c>
      <c r="AF101">
        <v>0</v>
      </c>
      <c r="AG101">
        <v>50000</v>
      </c>
      <c r="AH101">
        <v>0</v>
      </c>
      <c r="AI101">
        <v>50000</v>
      </c>
      <c r="AJ101">
        <v>0</v>
      </c>
      <c r="AK101" t="s">
        <v>6</v>
      </c>
      <c r="AL101">
        <v>0</v>
      </c>
      <c r="AM101">
        <v>0</v>
      </c>
      <c r="AN101">
        <v>0</v>
      </c>
      <c r="AO101">
        <v>0</v>
      </c>
      <c r="AP101">
        <v>0</v>
      </c>
      <c r="AQ101">
        <v>0</v>
      </c>
      <c r="AR101">
        <v>0</v>
      </c>
      <c r="AS101">
        <v>0</v>
      </c>
      <c r="AT101">
        <v>0</v>
      </c>
      <c r="AU101">
        <v>0</v>
      </c>
      <c r="AV101">
        <v>0</v>
      </c>
      <c r="AW101">
        <v>0</v>
      </c>
      <c r="AX101">
        <v>0</v>
      </c>
      <c r="AY101">
        <v>0</v>
      </c>
      <c r="AZ101">
        <v>0</v>
      </c>
      <c r="BA101">
        <v>0</v>
      </c>
    </row>
    <row r="102" spans="1:53" x14ac:dyDescent="0.4">
      <c r="A102">
        <v>146</v>
      </c>
      <c r="B102" s="1">
        <v>42861</v>
      </c>
      <c r="C102">
        <v>2</v>
      </c>
      <c r="D102" s="1">
        <v>42861.40902777778</v>
      </c>
      <c r="E102" s="1">
        <v>42861.768055555556</v>
      </c>
      <c r="F102">
        <v>40500</v>
      </c>
      <c r="G102">
        <v>706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3804</v>
      </c>
      <c r="N102">
        <v>0</v>
      </c>
      <c r="O102">
        <v>0</v>
      </c>
      <c r="P102">
        <v>15390</v>
      </c>
      <c r="Q102">
        <v>0</v>
      </c>
      <c r="R102">
        <v>66754</v>
      </c>
      <c r="S102">
        <v>0</v>
      </c>
      <c r="T102">
        <v>0</v>
      </c>
      <c r="U102">
        <v>0</v>
      </c>
      <c r="V102">
        <v>2</v>
      </c>
      <c r="W102">
        <v>1</v>
      </c>
      <c r="X102">
        <v>0</v>
      </c>
      <c r="Y102">
        <v>58</v>
      </c>
      <c r="Z102">
        <v>28</v>
      </c>
      <c r="AA102">
        <v>155</v>
      </c>
      <c r="AB102">
        <v>18</v>
      </c>
      <c r="AC102">
        <v>299</v>
      </c>
      <c r="AD102">
        <v>0</v>
      </c>
      <c r="AE102">
        <v>16</v>
      </c>
      <c r="AF102">
        <v>0</v>
      </c>
      <c r="AG102">
        <v>116406</v>
      </c>
      <c r="AH102">
        <v>50000</v>
      </c>
      <c r="AI102">
        <v>-348</v>
      </c>
      <c r="AJ102">
        <v>99</v>
      </c>
      <c r="AK102" t="s">
        <v>9</v>
      </c>
      <c r="AL102">
        <v>0</v>
      </c>
      <c r="AM102">
        <v>0</v>
      </c>
      <c r="AN102">
        <v>0</v>
      </c>
      <c r="AO102">
        <v>0</v>
      </c>
      <c r="AP102">
        <v>0</v>
      </c>
      <c r="AQ102">
        <v>0</v>
      </c>
      <c r="AR102">
        <v>0</v>
      </c>
      <c r="AS102">
        <v>0</v>
      </c>
      <c r="AT102">
        <v>0</v>
      </c>
      <c r="AU102">
        <v>0</v>
      </c>
      <c r="AV102">
        <v>0</v>
      </c>
      <c r="AW102">
        <v>0</v>
      </c>
      <c r="AX102">
        <v>4406</v>
      </c>
      <c r="AY102">
        <v>44</v>
      </c>
      <c r="AZ102">
        <v>102</v>
      </c>
      <c r="BA102">
        <v>7463</v>
      </c>
    </row>
    <row r="103" spans="1:53" x14ac:dyDescent="0.4">
      <c r="A103">
        <v>147</v>
      </c>
      <c r="B103" s="1">
        <v>42861</v>
      </c>
      <c r="C103">
        <v>3</v>
      </c>
      <c r="D103" s="1">
        <v>42861.768055555556</v>
      </c>
      <c r="E103" s="1">
        <v>42861.96875</v>
      </c>
      <c r="F103">
        <v>81390</v>
      </c>
      <c r="G103">
        <v>4560</v>
      </c>
      <c r="H103">
        <v>0</v>
      </c>
      <c r="I103">
        <v>0</v>
      </c>
      <c r="J103">
        <v>380</v>
      </c>
      <c r="K103">
        <v>0</v>
      </c>
      <c r="L103">
        <v>0</v>
      </c>
      <c r="M103">
        <v>6846</v>
      </c>
      <c r="N103">
        <v>0</v>
      </c>
      <c r="O103">
        <v>0</v>
      </c>
      <c r="P103">
        <v>12150</v>
      </c>
      <c r="Q103">
        <v>0</v>
      </c>
      <c r="R103">
        <v>104566</v>
      </c>
      <c r="S103">
        <v>0</v>
      </c>
      <c r="T103">
        <v>0</v>
      </c>
      <c r="U103">
        <v>0</v>
      </c>
      <c r="V103">
        <v>9</v>
      </c>
      <c r="W103">
        <v>5</v>
      </c>
      <c r="X103">
        <v>0</v>
      </c>
      <c r="Y103">
        <v>74</v>
      </c>
      <c r="Z103">
        <v>27</v>
      </c>
      <c r="AA103">
        <v>138</v>
      </c>
      <c r="AB103">
        <v>16</v>
      </c>
      <c r="AC103">
        <v>290</v>
      </c>
      <c r="AD103">
        <v>1</v>
      </c>
      <c r="AE103">
        <v>33</v>
      </c>
      <c r="AF103">
        <v>840</v>
      </c>
      <c r="AG103">
        <v>220878</v>
      </c>
      <c r="AH103">
        <v>50000</v>
      </c>
      <c r="AI103">
        <v>-442</v>
      </c>
      <c r="AJ103">
        <v>102</v>
      </c>
      <c r="AK103" t="s">
        <v>8</v>
      </c>
      <c r="AL103">
        <v>0</v>
      </c>
      <c r="AM103">
        <v>0</v>
      </c>
      <c r="AN103">
        <v>0</v>
      </c>
      <c r="AO103">
        <v>0</v>
      </c>
      <c r="AP103">
        <v>0</v>
      </c>
      <c r="AQ103">
        <v>0</v>
      </c>
      <c r="AR103">
        <v>0</v>
      </c>
      <c r="AS103">
        <v>0</v>
      </c>
      <c r="AT103">
        <v>0</v>
      </c>
      <c r="AU103">
        <v>0</v>
      </c>
      <c r="AV103">
        <v>0</v>
      </c>
      <c r="AW103">
        <v>0</v>
      </c>
      <c r="AX103">
        <v>41278</v>
      </c>
      <c r="AY103">
        <v>27</v>
      </c>
      <c r="AZ103">
        <v>90</v>
      </c>
      <c r="BA103">
        <v>3410</v>
      </c>
    </row>
    <row r="104" spans="1:53" x14ac:dyDescent="0.4">
      <c r="A104">
        <v>148</v>
      </c>
      <c r="B104" s="1">
        <v>42861</v>
      </c>
      <c r="C104">
        <v>4</v>
      </c>
      <c r="D104" s="1">
        <v>42861.96875</v>
      </c>
      <c r="E104" s="1">
        <v>42862.129166666666</v>
      </c>
      <c r="F104">
        <v>85700</v>
      </c>
      <c r="G104">
        <v>7120</v>
      </c>
      <c r="H104">
        <v>0</v>
      </c>
      <c r="I104">
        <v>0</v>
      </c>
      <c r="J104">
        <v>0</v>
      </c>
      <c r="K104">
        <v>30700</v>
      </c>
      <c r="L104">
        <v>0</v>
      </c>
      <c r="M104">
        <v>9881</v>
      </c>
      <c r="N104">
        <v>0</v>
      </c>
      <c r="O104">
        <v>0</v>
      </c>
      <c r="P104">
        <v>32486</v>
      </c>
      <c r="Q104">
        <v>0</v>
      </c>
      <c r="R104">
        <v>165887</v>
      </c>
      <c r="S104">
        <v>0</v>
      </c>
      <c r="T104">
        <v>0</v>
      </c>
      <c r="U104">
        <v>0</v>
      </c>
      <c r="V104">
        <v>20</v>
      </c>
      <c r="W104">
        <v>7</v>
      </c>
      <c r="X104">
        <v>0</v>
      </c>
      <c r="Y104">
        <v>68</v>
      </c>
      <c r="Z104">
        <v>29</v>
      </c>
      <c r="AA104">
        <v>137</v>
      </c>
      <c r="AB104">
        <v>16</v>
      </c>
      <c r="AC104">
        <v>280</v>
      </c>
      <c r="AD104">
        <v>1</v>
      </c>
      <c r="AE104">
        <v>4</v>
      </c>
      <c r="AF104">
        <v>51956</v>
      </c>
      <c r="AG104">
        <v>386765</v>
      </c>
      <c r="AH104">
        <v>50000</v>
      </c>
      <c r="AI104">
        <v>-442</v>
      </c>
      <c r="AJ104">
        <v>89</v>
      </c>
      <c r="AK104" t="s">
        <v>12</v>
      </c>
      <c r="AL104">
        <v>0</v>
      </c>
      <c r="AM104">
        <v>0</v>
      </c>
      <c r="AN104">
        <v>0</v>
      </c>
      <c r="AO104">
        <v>0</v>
      </c>
      <c r="AP104">
        <v>0</v>
      </c>
      <c r="AQ104">
        <v>0</v>
      </c>
      <c r="AR104">
        <v>0</v>
      </c>
      <c r="AS104">
        <v>0</v>
      </c>
      <c r="AT104">
        <v>0</v>
      </c>
      <c r="AU104">
        <v>0</v>
      </c>
      <c r="AV104">
        <v>0</v>
      </c>
      <c r="AW104">
        <v>0</v>
      </c>
      <c r="AX104">
        <v>6220</v>
      </c>
      <c r="AY104">
        <v>14</v>
      </c>
      <c r="AZ104">
        <v>41</v>
      </c>
      <c r="BA104">
        <v>2789</v>
      </c>
    </row>
    <row r="105" spans="1:53" x14ac:dyDescent="0.4">
      <c r="A105">
        <v>149</v>
      </c>
      <c r="B105" s="1">
        <v>42862</v>
      </c>
      <c r="C105">
        <v>1</v>
      </c>
      <c r="D105" s="1">
        <v>42862.291666666664</v>
      </c>
      <c r="E105" s="1">
        <v>42862.408333333333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</v>
      </c>
      <c r="Q105">
        <v>0</v>
      </c>
      <c r="R105">
        <v>0</v>
      </c>
      <c r="S105">
        <v>0</v>
      </c>
      <c r="T105">
        <v>0</v>
      </c>
      <c r="U105">
        <v>0</v>
      </c>
      <c r="V105">
        <v>0</v>
      </c>
      <c r="W105">
        <v>1</v>
      </c>
      <c r="X105">
        <v>0</v>
      </c>
      <c r="Y105">
        <v>25</v>
      </c>
      <c r="Z105">
        <v>8</v>
      </c>
      <c r="AA105">
        <v>139</v>
      </c>
      <c r="AB105">
        <v>17</v>
      </c>
      <c r="AC105">
        <v>123</v>
      </c>
      <c r="AD105">
        <v>2</v>
      </c>
      <c r="AE105">
        <v>10</v>
      </c>
      <c r="AF105">
        <v>0</v>
      </c>
      <c r="AG105">
        <v>50000</v>
      </c>
      <c r="AH105">
        <v>50000</v>
      </c>
      <c r="AI105">
        <v>0</v>
      </c>
      <c r="AJ105">
        <v>0</v>
      </c>
      <c r="AK105" t="s">
        <v>6</v>
      </c>
      <c r="AL105">
        <v>0</v>
      </c>
      <c r="AM105">
        <v>0</v>
      </c>
      <c r="AN105">
        <v>0</v>
      </c>
      <c r="AO105">
        <v>0</v>
      </c>
      <c r="AP105">
        <v>0</v>
      </c>
      <c r="AQ105">
        <v>0</v>
      </c>
      <c r="AR105">
        <v>0</v>
      </c>
      <c r="AS105">
        <v>0</v>
      </c>
      <c r="AT105">
        <v>0</v>
      </c>
      <c r="AU105">
        <v>0</v>
      </c>
      <c r="AV105">
        <v>0</v>
      </c>
      <c r="AW105">
        <v>0</v>
      </c>
      <c r="AX105">
        <v>0</v>
      </c>
      <c r="AY105">
        <v>0</v>
      </c>
      <c r="AZ105">
        <v>0</v>
      </c>
      <c r="BA105">
        <v>0</v>
      </c>
    </row>
    <row r="106" spans="1:53" x14ac:dyDescent="0.4">
      <c r="A106">
        <v>150</v>
      </c>
      <c r="B106" s="1">
        <v>42862</v>
      </c>
      <c r="C106">
        <v>2</v>
      </c>
      <c r="D106" s="1">
        <v>42862.408333333333</v>
      </c>
      <c r="E106" s="1">
        <v>42862.750694444447</v>
      </c>
      <c r="F106">
        <v>41500</v>
      </c>
      <c r="G106">
        <v>432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3664</v>
      </c>
      <c r="N106">
        <v>0</v>
      </c>
      <c r="O106">
        <v>0</v>
      </c>
      <c r="P106">
        <v>22950</v>
      </c>
      <c r="Q106">
        <v>0</v>
      </c>
      <c r="R106">
        <v>72434</v>
      </c>
      <c r="S106">
        <v>0</v>
      </c>
      <c r="T106">
        <v>0</v>
      </c>
      <c r="U106">
        <v>0</v>
      </c>
      <c r="V106">
        <v>0</v>
      </c>
      <c r="W106">
        <v>3</v>
      </c>
      <c r="X106">
        <v>0</v>
      </c>
      <c r="Y106">
        <v>63</v>
      </c>
      <c r="Z106">
        <v>24</v>
      </c>
      <c r="AA106">
        <v>143</v>
      </c>
      <c r="AB106">
        <v>30</v>
      </c>
      <c r="AC106">
        <v>187</v>
      </c>
      <c r="AD106">
        <v>3</v>
      </c>
      <c r="AE106">
        <v>16</v>
      </c>
      <c r="AF106">
        <v>14733</v>
      </c>
      <c r="AG106">
        <v>122434</v>
      </c>
      <c r="AH106">
        <v>50000</v>
      </c>
      <c r="AI106">
        <v>0</v>
      </c>
      <c r="AJ106">
        <v>16</v>
      </c>
      <c r="AK106" t="s">
        <v>11</v>
      </c>
      <c r="AL106">
        <v>0</v>
      </c>
      <c r="AM106">
        <v>0</v>
      </c>
      <c r="AN106">
        <v>0</v>
      </c>
      <c r="AO106">
        <v>0</v>
      </c>
      <c r="AP106">
        <v>0</v>
      </c>
      <c r="AQ106">
        <v>0</v>
      </c>
      <c r="AR106">
        <v>0</v>
      </c>
      <c r="AS106">
        <v>0</v>
      </c>
      <c r="AT106">
        <v>0</v>
      </c>
      <c r="AU106">
        <v>0</v>
      </c>
      <c r="AV106">
        <v>0</v>
      </c>
      <c r="AW106">
        <v>0</v>
      </c>
      <c r="AX106">
        <v>1469</v>
      </c>
      <c r="AY106">
        <v>50</v>
      </c>
      <c r="AZ106">
        <v>120</v>
      </c>
      <c r="BA106">
        <v>7656</v>
      </c>
    </row>
    <row r="107" spans="1:53" x14ac:dyDescent="0.4">
      <c r="A107">
        <v>151</v>
      </c>
      <c r="B107" s="1">
        <v>42862</v>
      </c>
      <c r="C107">
        <v>3</v>
      </c>
      <c r="D107" s="1">
        <v>42862.750694444447</v>
      </c>
      <c r="E107" s="1">
        <v>42862.95208333333</v>
      </c>
      <c r="F107">
        <v>43150</v>
      </c>
      <c r="G107">
        <v>668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3987</v>
      </c>
      <c r="N107">
        <v>0</v>
      </c>
      <c r="O107">
        <v>0</v>
      </c>
      <c r="P107">
        <v>2106</v>
      </c>
      <c r="Q107">
        <v>0</v>
      </c>
      <c r="R107">
        <v>55923</v>
      </c>
      <c r="S107">
        <v>0</v>
      </c>
      <c r="T107">
        <v>0</v>
      </c>
      <c r="U107">
        <v>0</v>
      </c>
      <c r="V107">
        <v>3</v>
      </c>
      <c r="W107">
        <v>4</v>
      </c>
      <c r="X107">
        <v>0</v>
      </c>
      <c r="Y107">
        <v>68</v>
      </c>
      <c r="Z107">
        <v>25</v>
      </c>
      <c r="AA107">
        <v>139</v>
      </c>
      <c r="AB107">
        <v>26</v>
      </c>
      <c r="AC107">
        <v>171</v>
      </c>
      <c r="AD107">
        <v>2</v>
      </c>
      <c r="AE107">
        <v>12</v>
      </c>
      <c r="AF107">
        <v>30933</v>
      </c>
      <c r="AG107">
        <v>178365</v>
      </c>
      <c r="AH107">
        <v>50000</v>
      </c>
      <c r="AI107">
        <v>8</v>
      </c>
      <c r="AJ107">
        <v>84</v>
      </c>
      <c r="AK107" t="s">
        <v>16</v>
      </c>
      <c r="AL107">
        <v>0</v>
      </c>
      <c r="AM107">
        <v>0</v>
      </c>
      <c r="AN107">
        <v>0</v>
      </c>
      <c r="AO107">
        <v>0</v>
      </c>
      <c r="AP107">
        <v>0</v>
      </c>
      <c r="AQ107">
        <v>0</v>
      </c>
      <c r="AR107">
        <v>0</v>
      </c>
      <c r="AS107">
        <v>0</v>
      </c>
      <c r="AT107">
        <v>0</v>
      </c>
      <c r="AU107">
        <v>0</v>
      </c>
      <c r="AV107">
        <v>0</v>
      </c>
      <c r="AW107">
        <v>0</v>
      </c>
      <c r="AX107">
        <v>3360</v>
      </c>
      <c r="AY107">
        <v>10</v>
      </c>
      <c r="AZ107">
        <v>31</v>
      </c>
      <c r="BA107">
        <v>2571</v>
      </c>
    </row>
    <row r="108" spans="1:53" x14ac:dyDescent="0.4">
      <c r="A108">
        <v>152</v>
      </c>
      <c r="B108" s="1">
        <v>42862</v>
      </c>
      <c r="C108">
        <v>4</v>
      </c>
      <c r="D108" s="1">
        <v>42862.95208333333</v>
      </c>
      <c r="E108" s="1">
        <v>42863.126388888886</v>
      </c>
      <c r="F108">
        <v>33400</v>
      </c>
      <c r="G108">
        <v>2010</v>
      </c>
      <c r="H108">
        <v>0</v>
      </c>
      <c r="I108">
        <v>0</v>
      </c>
      <c r="J108">
        <v>0</v>
      </c>
      <c r="K108">
        <v>1500</v>
      </c>
      <c r="L108">
        <v>0</v>
      </c>
      <c r="M108">
        <v>2952</v>
      </c>
      <c r="N108">
        <v>0</v>
      </c>
      <c r="O108">
        <v>0</v>
      </c>
      <c r="P108">
        <v>-10152</v>
      </c>
      <c r="Q108">
        <v>0</v>
      </c>
      <c r="R108">
        <v>29710</v>
      </c>
      <c r="S108">
        <v>0</v>
      </c>
      <c r="T108">
        <v>0</v>
      </c>
      <c r="U108">
        <v>0</v>
      </c>
      <c r="V108">
        <v>5</v>
      </c>
      <c r="W108">
        <v>5</v>
      </c>
      <c r="X108">
        <v>0</v>
      </c>
      <c r="Y108">
        <v>70</v>
      </c>
      <c r="Z108">
        <v>22</v>
      </c>
      <c r="AA108">
        <v>141</v>
      </c>
      <c r="AB108">
        <v>26</v>
      </c>
      <c r="AC108">
        <v>162</v>
      </c>
      <c r="AD108">
        <v>0</v>
      </c>
      <c r="AE108">
        <v>18</v>
      </c>
      <c r="AF108">
        <v>35037</v>
      </c>
      <c r="AG108">
        <v>208075</v>
      </c>
      <c r="AH108">
        <v>50000</v>
      </c>
      <c r="AI108">
        <v>8</v>
      </c>
      <c r="AJ108">
        <v>102</v>
      </c>
      <c r="AK108" t="s">
        <v>8</v>
      </c>
      <c r="AL108">
        <v>0</v>
      </c>
      <c r="AM108">
        <v>0</v>
      </c>
      <c r="AN108">
        <v>0</v>
      </c>
      <c r="AO108">
        <v>0</v>
      </c>
      <c r="AP108">
        <v>0</v>
      </c>
      <c r="AQ108">
        <v>0</v>
      </c>
      <c r="AR108">
        <v>0</v>
      </c>
      <c r="AS108">
        <v>0</v>
      </c>
      <c r="AT108">
        <v>0</v>
      </c>
      <c r="AU108">
        <v>0</v>
      </c>
      <c r="AV108">
        <v>0</v>
      </c>
      <c r="AW108">
        <v>0</v>
      </c>
      <c r="AX108">
        <v>-216</v>
      </c>
      <c r="AY108">
        <v>7</v>
      </c>
      <c r="AZ108">
        <v>16</v>
      </c>
      <c r="BA108">
        <v>1070</v>
      </c>
    </row>
    <row r="109" spans="1:53" x14ac:dyDescent="0.4">
      <c r="A109">
        <v>153</v>
      </c>
      <c r="B109" s="1">
        <v>42863</v>
      </c>
      <c r="C109">
        <v>1</v>
      </c>
      <c r="D109" s="1">
        <v>42863.291666666664</v>
      </c>
      <c r="E109" s="1">
        <v>42863.446527777778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0</v>
      </c>
      <c r="R109">
        <v>0</v>
      </c>
      <c r="S109">
        <v>0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25</v>
      </c>
      <c r="Z109">
        <v>10</v>
      </c>
      <c r="AA109">
        <v>120</v>
      </c>
      <c r="AB109">
        <v>26</v>
      </c>
      <c r="AC109">
        <v>168</v>
      </c>
      <c r="AD109">
        <v>1</v>
      </c>
      <c r="AE109">
        <v>15</v>
      </c>
      <c r="AF109">
        <v>0</v>
      </c>
      <c r="AG109">
        <v>45000</v>
      </c>
      <c r="AH109">
        <v>45000</v>
      </c>
      <c r="AI109">
        <v>0</v>
      </c>
      <c r="AJ109">
        <v>0</v>
      </c>
      <c r="AK109" t="s">
        <v>6</v>
      </c>
      <c r="AL109">
        <v>0</v>
      </c>
      <c r="AM109">
        <v>0</v>
      </c>
      <c r="AN109">
        <v>0</v>
      </c>
      <c r="AO109">
        <v>0</v>
      </c>
      <c r="AP109">
        <v>0</v>
      </c>
      <c r="AQ109">
        <v>0</v>
      </c>
      <c r="AR109">
        <v>0</v>
      </c>
      <c r="AS109">
        <v>0</v>
      </c>
      <c r="AT109">
        <v>0</v>
      </c>
      <c r="AU109">
        <v>0</v>
      </c>
      <c r="AV109">
        <v>0</v>
      </c>
      <c r="AW109">
        <v>0</v>
      </c>
      <c r="AX109">
        <v>0</v>
      </c>
      <c r="AY109">
        <v>0</v>
      </c>
      <c r="AZ109">
        <v>0</v>
      </c>
      <c r="BA109">
        <v>0</v>
      </c>
    </row>
    <row r="110" spans="1:53" x14ac:dyDescent="0.4">
      <c r="A110">
        <v>154</v>
      </c>
      <c r="B110" s="1">
        <v>42863</v>
      </c>
      <c r="C110">
        <v>2</v>
      </c>
      <c r="D110" s="1">
        <v>42863.446527777778</v>
      </c>
      <c r="E110" s="1">
        <v>42863.763888888891</v>
      </c>
      <c r="F110">
        <v>10000</v>
      </c>
      <c r="G110">
        <v>105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884</v>
      </c>
      <c r="N110">
        <v>0</v>
      </c>
      <c r="O110">
        <v>0</v>
      </c>
      <c r="P110">
        <v>10260</v>
      </c>
      <c r="Q110">
        <v>0</v>
      </c>
      <c r="R110">
        <v>22194</v>
      </c>
      <c r="S110">
        <v>0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44</v>
      </c>
      <c r="Z110">
        <v>20</v>
      </c>
      <c r="AA110">
        <v>98</v>
      </c>
      <c r="AB110">
        <v>25</v>
      </c>
      <c r="AC110">
        <v>213</v>
      </c>
      <c r="AD110">
        <v>0</v>
      </c>
      <c r="AE110">
        <v>14</v>
      </c>
      <c r="AF110">
        <v>0</v>
      </c>
      <c r="AG110">
        <v>67194</v>
      </c>
      <c r="AH110">
        <v>45000</v>
      </c>
      <c r="AI110">
        <v>0</v>
      </c>
      <c r="AJ110">
        <v>82</v>
      </c>
      <c r="AK110" t="s">
        <v>17</v>
      </c>
      <c r="AL110">
        <v>0</v>
      </c>
      <c r="AM110">
        <v>0</v>
      </c>
      <c r="AN110">
        <v>0</v>
      </c>
      <c r="AO110">
        <v>0</v>
      </c>
      <c r="AP110">
        <v>0</v>
      </c>
      <c r="AQ110">
        <v>0</v>
      </c>
      <c r="AR110">
        <v>0</v>
      </c>
      <c r="AS110">
        <v>0</v>
      </c>
      <c r="AT110">
        <v>0</v>
      </c>
      <c r="AU110">
        <v>0</v>
      </c>
      <c r="AV110">
        <v>0</v>
      </c>
      <c r="AW110">
        <v>0</v>
      </c>
      <c r="AX110">
        <v>1900</v>
      </c>
      <c r="AY110">
        <v>27</v>
      </c>
      <c r="AZ110">
        <v>39</v>
      </c>
      <c r="BA110">
        <v>3548</v>
      </c>
    </row>
    <row r="111" spans="1:53" x14ac:dyDescent="0.4">
      <c r="A111">
        <v>155</v>
      </c>
      <c r="B111" s="1">
        <v>42863</v>
      </c>
      <c r="C111">
        <v>3</v>
      </c>
      <c r="D111" s="1">
        <v>42863.763888888891</v>
      </c>
      <c r="E111" s="1">
        <v>42863.961805555555</v>
      </c>
      <c r="F111">
        <v>30000</v>
      </c>
      <c r="G111">
        <v>236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2588</v>
      </c>
      <c r="N111">
        <v>0</v>
      </c>
      <c r="O111">
        <v>0</v>
      </c>
      <c r="P111">
        <v>-3132</v>
      </c>
      <c r="Q111">
        <v>0</v>
      </c>
      <c r="R111">
        <v>31816</v>
      </c>
      <c r="S111">
        <v>0</v>
      </c>
      <c r="T111">
        <v>0</v>
      </c>
      <c r="U111">
        <v>0</v>
      </c>
      <c r="V111">
        <v>3</v>
      </c>
      <c r="W111">
        <v>0</v>
      </c>
      <c r="X111">
        <v>0</v>
      </c>
      <c r="Y111">
        <v>49</v>
      </c>
      <c r="Z111">
        <v>22</v>
      </c>
      <c r="AA111">
        <v>93</v>
      </c>
      <c r="AB111">
        <v>21</v>
      </c>
      <c r="AC111">
        <v>212</v>
      </c>
      <c r="AD111">
        <v>0</v>
      </c>
      <c r="AE111">
        <v>50</v>
      </c>
      <c r="AF111">
        <v>1490</v>
      </c>
      <c r="AG111">
        <v>104010</v>
      </c>
      <c r="AH111">
        <v>50000</v>
      </c>
      <c r="AI111">
        <v>0</v>
      </c>
      <c r="AJ111">
        <v>102</v>
      </c>
      <c r="AK111" t="s">
        <v>8</v>
      </c>
      <c r="AL111">
        <v>0</v>
      </c>
      <c r="AM111">
        <v>0</v>
      </c>
      <c r="AN111">
        <v>0</v>
      </c>
      <c r="AO111">
        <v>0</v>
      </c>
      <c r="AP111">
        <v>0</v>
      </c>
      <c r="AQ111">
        <v>0</v>
      </c>
      <c r="AR111">
        <v>0</v>
      </c>
      <c r="AS111">
        <v>0</v>
      </c>
      <c r="AT111">
        <v>0</v>
      </c>
      <c r="AU111">
        <v>0</v>
      </c>
      <c r="AV111">
        <v>0</v>
      </c>
      <c r="AW111">
        <v>0</v>
      </c>
      <c r="AX111">
        <v>12679</v>
      </c>
      <c r="AY111">
        <v>10</v>
      </c>
      <c r="AZ111">
        <v>28</v>
      </c>
      <c r="BA111">
        <v>1749</v>
      </c>
    </row>
    <row r="112" spans="1:53" x14ac:dyDescent="0.4">
      <c r="A112">
        <v>156</v>
      </c>
      <c r="B112" s="1">
        <v>42863</v>
      </c>
      <c r="C112">
        <v>4</v>
      </c>
      <c r="D112" s="1">
        <v>42863.961805555555</v>
      </c>
      <c r="E112" s="1">
        <v>42864.086805555555</v>
      </c>
      <c r="F112">
        <v>27140</v>
      </c>
      <c r="G112">
        <v>98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2250</v>
      </c>
      <c r="N112">
        <v>0</v>
      </c>
      <c r="O112">
        <v>0</v>
      </c>
      <c r="P112">
        <v>5724</v>
      </c>
      <c r="Q112">
        <v>0</v>
      </c>
      <c r="R112">
        <v>36094</v>
      </c>
      <c r="S112">
        <v>0</v>
      </c>
      <c r="T112">
        <v>0</v>
      </c>
      <c r="U112">
        <v>0</v>
      </c>
      <c r="V112">
        <v>6</v>
      </c>
      <c r="W112">
        <v>0</v>
      </c>
      <c r="X112">
        <v>0</v>
      </c>
      <c r="Y112">
        <v>54</v>
      </c>
      <c r="Z112">
        <v>23</v>
      </c>
      <c r="AA112">
        <v>98</v>
      </c>
      <c r="AB112">
        <v>21</v>
      </c>
      <c r="AC112">
        <v>220</v>
      </c>
      <c r="AD112">
        <v>0</v>
      </c>
      <c r="AE112">
        <v>64</v>
      </c>
      <c r="AF112">
        <v>1490</v>
      </c>
      <c r="AG112">
        <v>140104</v>
      </c>
      <c r="AH112">
        <v>50000</v>
      </c>
      <c r="AI112">
        <v>0</v>
      </c>
      <c r="AJ112">
        <v>104</v>
      </c>
      <c r="AK112" t="s">
        <v>10</v>
      </c>
      <c r="AL112">
        <v>0</v>
      </c>
      <c r="AM112">
        <v>0</v>
      </c>
      <c r="AN112">
        <v>0</v>
      </c>
      <c r="AO112">
        <v>0</v>
      </c>
      <c r="AP112">
        <v>0</v>
      </c>
      <c r="AQ112">
        <v>0</v>
      </c>
      <c r="AR112">
        <v>0</v>
      </c>
      <c r="AS112">
        <v>0</v>
      </c>
      <c r="AT112">
        <v>0</v>
      </c>
      <c r="AU112">
        <v>0</v>
      </c>
      <c r="AV112">
        <v>0</v>
      </c>
      <c r="AW112">
        <v>0</v>
      </c>
      <c r="AX112">
        <v>-5292</v>
      </c>
      <c r="AY112">
        <v>4</v>
      </c>
      <c r="AZ112">
        <v>10</v>
      </c>
      <c r="BA112">
        <v>582</v>
      </c>
    </row>
    <row r="113" spans="1:53" x14ac:dyDescent="0.4">
      <c r="A113">
        <v>157</v>
      </c>
      <c r="B113" s="1">
        <v>42864</v>
      </c>
      <c r="C113">
        <v>1</v>
      </c>
      <c r="D113" s="1">
        <v>42864.291666666664</v>
      </c>
      <c r="E113" s="1">
        <v>42864.451388888891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0</v>
      </c>
      <c r="O113">
        <v>0</v>
      </c>
      <c r="P113">
        <v>0</v>
      </c>
      <c r="Q113">
        <v>0</v>
      </c>
      <c r="R113">
        <v>0</v>
      </c>
      <c r="S113">
        <v>0</v>
      </c>
      <c r="T113">
        <v>0</v>
      </c>
      <c r="U113">
        <v>0</v>
      </c>
      <c r="V113">
        <v>0</v>
      </c>
      <c r="W113">
        <v>1</v>
      </c>
      <c r="X113">
        <v>0</v>
      </c>
      <c r="Y113">
        <v>25</v>
      </c>
      <c r="Z113">
        <v>16</v>
      </c>
      <c r="AA113">
        <v>95</v>
      </c>
      <c r="AB113">
        <v>21</v>
      </c>
      <c r="AC113">
        <v>137</v>
      </c>
      <c r="AD113">
        <v>3</v>
      </c>
      <c r="AE113">
        <v>65</v>
      </c>
      <c r="AF113">
        <v>0</v>
      </c>
      <c r="AG113">
        <v>50000</v>
      </c>
      <c r="AH113">
        <v>0</v>
      </c>
      <c r="AI113">
        <v>50000</v>
      </c>
      <c r="AJ113">
        <v>0</v>
      </c>
      <c r="AK113" t="s">
        <v>6</v>
      </c>
      <c r="AL113">
        <v>0</v>
      </c>
      <c r="AM113">
        <v>0</v>
      </c>
      <c r="AN113">
        <v>0</v>
      </c>
      <c r="AO113">
        <v>0</v>
      </c>
      <c r="AP113">
        <v>0</v>
      </c>
      <c r="AQ113">
        <v>0</v>
      </c>
      <c r="AR113">
        <v>0</v>
      </c>
      <c r="AS113">
        <v>0</v>
      </c>
      <c r="AT113">
        <v>0</v>
      </c>
      <c r="AU113">
        <v>0</v>
      </c>
      <c r="AV113">
        <v>0</v>
      </c>
      <c r="AW113">
        <v>0</v>
      </c>
      <c r="AX113">
        <v>0</v>
      </c>
      <c r="AY113">
        <v>0</v>
      </c>
      <c r="AZ113">
        <v>0</v>
      </c>
      <c r="BA113">
        <v>0</v>
      </c>
    </row>
    <row r="114" spans="1:53" x14ac:dyDescent="0.4">
      <c r="A114">
        <v>158</v>
      </c>
      <c r="B114" s="1">
        <v>42864</v>
      </c>
      <c r="C114">
        <v>2</v>
      </c>
      <c r="D114" s="1">
        <v>42864.451388888891</v>
      </c>
      <c r="E114" s="1">
        <v>42864.751388888886</v>
      </c>
      <c r="F114">
        <v>13000</v>
      </c>
      <c r="G114">
        <v>159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1167</v>
      </c>
      <c r="N114">
        <v>0</v>
      </c>
      <c r="O114">
        <v>0</v>
      </c>
      <c r="P114">
        <v>10260</v>
      </c>
      <c r="Q114">
        <v>0</v>
      </c>
      <c r="R114">
        <v>26017</v>
      </c>
      <c r="S114">
        <v>0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47</v>
      </c>
      <c r="Z114">
        <v>25</v>
      </c>
      <c r="AA114">
        <v>92</v>
      </c>
      <c r="AB114">
        <v>18</v>
      </c>
      <c r="AC114">
        <v>132</v>
      </c>
      <c r="AD114">
        <v>5</v>
      </c>
      <c r="AE114">
        <v>72</v>
      </c>
      <c r="AF114">
        <v>0</v>
      </c>
      <c r="AG114">
        <v>71017</v>
      </c>
      <c r="AH114">
        <v>50000</v>
      </c>
      <c r="AI114">
        <v>-5000</v>
      </c>
      <c r="AJ114">
        <v>96</v>
      </c>
      <c r="AK114" t="s">
        <v>4</v>
      </c>
      <c r="AL114">
        <v>0</v>
      </c>
      <c r="AM114">
        <v>0</v>
      </c>
      <c r="AN114">
        <v>0</v>
      </c>
      <c r="AO114">
        <v>0</v>
      </c>
      <c r="AP114">
        <v>0</v>
      </c>
      <c r="AQ114">
        <v>0</v>
      </c>
      <c r="AR114">
        <v>0</v>
      </c>
      <c r="AS114">
        <v>0</v>
      </c>
      <c r="AT114">
        <v>0</v>
      </c>
      <c r="AU114">
        <v>0</v>
      </c>
      <c r="AV114">
        <v>0</v>
      </c>
      <c r="AW114">
        <v>0</v>
      </c>
      <c r="AX114">
        <v>140</v>
      </c>
      <c r="AY114">
        <v>28</v>
      </c>
      <c r="AZ114">
        <v>45</v>
      </c>
      <c r="BA114">
        <v>3502</v>
      </c>
    </row>
    <row r="115" spans="1:53" x14ac:dyDescent="0.4">
      <c r="A115">
        <v>159</v>
      </c>
      <c r="B115" s="1">
        <v>42864</v>
      </c>
      <c r="C115">
        <v>3</v>
      </c>
      <c r="D115" s="1">
        <v>42864.751388888886</v>
      </c>
      <c r="E115" s="1">
        <v>42864.979861111111</v>
      </c>
      <c r="F115">
        <v>24500</v>
      </c>
      <c r="G115">
        <v>452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2321</v>
      </c>
      <c r="N115">
        <v>0</v>
      </c>
      <c r="O115">
        <v>0</v>
      </c>
      <c r="P115">
        <v>-7668</v>
      </c>
      <c r="Q115">
        <v>0</v>
      </c>
      <c r="R115">
        <v>23673</v>
      </c>
      <c r="S115">
        <v>0</v>
      </c>
      <c r="T115">
        <v>0</v>
      </c>
      <c r="U115">
        <v>0</v>
      </c>
      <c r="V115">
        <v>1</v>
      </c>
      <c r="W115">
        <v>0</v>
      </c>
      <c r="X115">
        <v>0</v>
      </c>
      <c r="Y115">
        <v>56</v>
      </c>
      <c r="Z115">
        <v>25</v>
      </c>
      <c r="AA115">
        <v>95</v>
      </c>
      <c r="AB115">
        <v>21</v>
      </c>
      <c r="AC115">
        <v>142</v>
      </c>
      <c r="AD115">
        <v>5</v>
      </c>
      <c r="AE115">
        <v>88</v>
      </c>
      <c r="AF115">
        <v>9107</v>
      </c>
      <c r="AG115">
        <v>99690</v>
      </c>
      <c r="AH115">
        <v>50000</v>
      </c>
      <c r="AI115">
        <v>0</v>
      </c>
      <c r="AJ115">
        <v>91</v>
      </c>
      <c r="AK115" t="s">
        <v>14</v>
      </c>
      <c r="AL115">
        <v>0</v>
      </c>
      <c r="AM115">
        <v>0</v>
      </c>
      <c r="AN115">
        <v>0</v>
      </c>
      <c r="AO115">
        <v>0</v>
      </c>
      <c r="AP115">
        <v>0</v>
      </c>
      <c r="AQ115">
        <v>0</v>
      </c>
      <c r="AR115">
        <v>0</v>
      </c>
      <c r="AS115">
        <v>0</v>
      </c>
      <c r="AT115">
        <v>0</v>
      </c>
      <c r="AU115">
        <v>0</v>
      </c>
      <c r="AV115">
        <v>0</v>
      </c>
      <c r="AW115">
        <v>0</v>
      </c>
      <c r="AX115">
        <v>12895</v>
      </c>
      <c r="AY115">
        <v>12</v>
      </c>
      <c r="AZ115">
        <v>29</v>
      </c>
      <c r="BA115">
        <v>1984</v>
      </c>
    </row>
    <row r="116" spans="1:53" x14ac:dyDescent="0.4">
      <c r="A116">
        <v>160</v>
      </c>
      <c r="B116" s="1">
        <v>42865</v>
      </c>
      <c r="C116">
        <v>1</v>
      </c>
      <c r="D116" s="1">
        <v>42865.291666666664</v>
      </c>
      <c r="E116" s="1">
        <v>42865.438888888886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0</v>
      </c>
      <c r="O116">
        <v>0</v>
      </c>
      <c r="P116">
        <v>0</v>
      </c>
      <c r="Q116">
        <v>0</v>
      </c>
      <c r="R116">
        <v>0</v>
      </c>
      <c r="S116">
        <v>0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30</v>
      </c>
      <c r="Z116">
        <v>16</v>
      </c>
      <c r="AA116">
        <v>94</v>
      </c>
      <c r="AB116">
        <v>22</v>
      </c>
      <c r="AC116">
        <v>140</v>
      </c>
      <c r="AD116">
        <v>5</v>
      </c>
      <c r="AE116">
        <v>75</v>
      </c>
      <c r="AF116">
        <v>0</v>
      </c>
      <c r="AG116">
        <v>50000</v>
      </c>
      <c r="AH116">
        <v>0</v>
      </c>
      <c r="AI116">
        <v>50000</v>
      </c>
      <c r="AJ116">
        <v>0</v>
      </c>
      <c r="AK116" t="s">
        <v>6</v>
      </c>
      <c r="AL116">
        <v>0</v>
      </c>
      <c r="AM116">
        <v>0</v>
      </c>
      <c r="AN116">
        <v>0</v>
      </c>
      <c r="AO116">
        <v>0</v>
      </c>
      <c r="AP116">
        <v>0</v>
      </c>
      <c r="AQ116">
        <v>0</v>
      </c>
      <c r="AR116">
        <v>0</v>
      </c>
      <c r="AS116">
        <v>0</v>
      </c>
      <c r="AT116">
        <v>0</v>
      </c>
      <c r="AU116">
        <v>0</v>
      </c>
      <c r="AV116">
        <v>0</v>
      </c>
      <c r="AW116">
        <v>0</v>
      </c>
      <c r="AX116">
        <v>0</v>
      </c>
      <c r="AY116">
        <v>0</v>
      </c>
      <c r="AZ116">
        <v>0</v>
      </c>
      <c r="BA116">
        <v>0</v>
      </c>
    </row>
    <row r="117" spans="1:53" x14ac:dyDescent="0.4">
      <c r="A117">
        <v>161</v>
      </c>
      <c r="B117" s="1">
        <v>42865</v>
      </c>
      <c r="C117">
        <v>2</v>
      </c>
      <c r="D117" s="1">
        <v>42865.438888888886</v>
      </c>
      <c r="E117" s="1">
        <v>42866.087500000001</v>
      </c>
      <c r="F117">
        <v>72000</v>
      </c>
      <c r="G117">
        <v>3880</v>
      </c>
      <c r="H117">
        <v>0</v>
      </c>
      <c r="I117">
        <v>0</v>
      </c>
      <c r="J117">
        <v>0</v>
      </c>
      <c r="K117">
        <v>880</v>
      </c>
      <c r="L117">
        <v>0</v>
      </c>
      <c r="M117">
        <v>6141</v>
      </c>
      <c r="N117">
        <v>0</v>
      </c>
      <c r="O117">
        <v>0</v>
      </c>
      <c r="P117">
        <v>7020</v>
      </c>
      <c r="Q117">
        <v>0</v>
      </c>
      <c r="R117">
        <v>89921</v>
      </c>
      <c r="S117">
        <v>0</v>
      </c>
      <c r="T117">
        <v>0</v>
      </c>
      <c r="U117">
        <v>0</v>
      </c>
      <c r="V117">
        <v>6</v>
      </c>
      <c r="W117">
        <v>1</v>
      </c>
      <c r="X117">
        <v>0</v>
      </c>
      <c r="Y117">
        <v>52</v>
      </c>
      <c r="Z117">
        <v>22</v>
      </c>
      <c r="AA117">
        <v>58</v>
      </c>
      <c r="AB117">
        <v>15</v>
      </c>
      <c r="AC117">
        <v>160</v>
      </c>
      <c r="AD117">
        <v>6</v>
      </c>
      <c r="AE117">
        <v>66</v>
      </c>
      <c r="AF117">
        <v>3675</v>
      </c>
      <c r="AG117">
        <v>139921</v>
      </c>
      <c r="AH117">
        <v>50000</v>
      </c>
      <c r="AI117">
        <v>0</v>
      </c>
      <c r="AJ117">
        <v>104</v>
      </c>
      <c r="AK117" t="s">
        <v>10</v>
      </c>
      <c r="AL117">
        <v>0</v>
      </c>
      <c r="AM117">
        <v>0</v>
      </c>
      <c r="AN117">
        <v>0</v>
      </c>
      <c r="AO117">
        <v>0</v>
      </c>
      <c r="AP117">
        <v>0</v>
      </c>
      <c r="AQ117">
        <v>0</v>
      </c>
      <c r="AR117">
        <v>0</v>
      </c>
      <c r="AS117">
        <v>0</v>
      </c>
      <c r="AT117">
        <v>0</v>
      </c>
      <c r="AU117">
        <v>0</v>
      </c>
      <c r="AV117">
        <v>0</v>
      </c>
      <c r="AW117">
        <v>0</v>
      </c>
      <c r="AX117">
        <v>0</v>
      </c>
      <c r="AY117">
        <v>47</v>
      </c>
      <c r="AZ117">
        <v>90</v>
      </c>
      <c r="BA117">
        <v>7245</v>
      </c>
    </row>
    <row r="118" spans="1:53" x14ac:dyDescent="0.4">
      <c r="A118">
        <v>162</v>
      </c>
      <c r="B118" s="1">
        <v>42866</v>
      </c>
      <c r="C118">
        <v>1</v>
      </c>
      <c r="D118" s="1">
        <v>42866.291666666664</v>
      </c>
      <c r="E118" s="1">
        <v>42866.452777777777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>
        <v>0</v>
      </c>
      <c r="N118">
        <v>0</v>
      </c>
      <c r="O118">
        <v>0</v>
      </c>
      <c r="P118">
        <v>0</v>
      </c>
      <c r="Q118">
        <v>0</v>
      </c>
      <c r="R118">
        <v>0</v>
      </c>
      <c r="S118">
        <v>0</v>
      </c>
      <c r="T118">
        <v>0</v>
      </c>
      <c r="U118">
        <v>0</v>
      </c>
      <c r="V118">
        <v>0</v>
      </c>
      <c r="W118">
        <v>1</v>
      </c>
      <c r="X118">
        <v>0</v>
      </c>
      <c r="Y118">
        <v>26</v>
      </c>
      <c r="Z118">
        <v>23</v>
      </c>
      <c r="AA118">
        <v>52</v>
      </c>
      <c r="AB118">
        <v>14</v>
      </c>
      <c r="AC118">
        <v>150</v>
      </c>
      <c r="AD118">
        <v>6</v>
      </c>
      <c r="AE118">
        <v>70</v>
      </c>
      <c r="AF118">
        <v>0</v>
      </c>
      <c r="AG118">
        <v>50000</v>
      </c>
      <c r="AH118">
        <v>0</v>
      </c>
      <c r="AI118">
        <v>50000</v>
      </c>
      <c r="AJ118">
        <v>0</v>
      </c>
      <c r="AK118" t="s">
        <v>6</v>
      </c>
      <c r="AL118">
        <v>0</v>
      </c>
      <c r="AM118">
        <v>0</v>
      </c>
      <c r="AN118">
        <v>0</v>
      </c>
      <c r="AO118">
        <v>0</v>
      </c>
      <c r="AP118">
        <v>0</v>
      </c>
      <c r="AQ118">
        <v>0</v>
      </c>
      <c r="AR118">
        <v>0</v>
      </c>
      <c r="AS118">
        <v>0</v>
      </c>
      <c r="AT118">
        <v>0</v>
      </c>
      <c r="AU118">
        <v>0</v>
      </c>
      <c r="AV118">
        <v>0</v>
      </c>
      <c r="AW118">
        <v>0</v>
      </c>
      <c r="AX118">
        <v>0</v>
      </c>
      <c r="AY118">
        <v>0</v>
      </c>
      <c r="AZ118">
        <v>0</v>
      </c>
      <c r="BA118">
        <v>0</v>
      </c>
    </row>
    <row r="119" spans="1:53" x14ac:dyDescent="0.4">
      <c r="A119">
        <v>163</v>
      </c>
      <c r="B119" s="1">
        <v>42866</v>
      </c>
      <c r="C119">
        <v>2</v>
      </c>
      <c r="D119" s="1">
        <v>42866.452777777777</v>
      </c>
      <c r="E119" s="1">
        <v>42866.820833333331</v>
      </c>
      <c r="F119">
        <v>23500</v>
      </c>
      <c r="G119">
        <v>73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1938</v>
      </c>
      <c r="N119">
        <v>0</v>
      </c>
      <c r="O119">
        <v>0</v>
      </c>
      <c r="P119">
        <v>14256</v>
      </c>
      <c r="Q119">
        <v>0</v>
      </c>
      <c r="R119">
        <v>40424</v>
      </c>
      <c r="S119">
        <v>0</v>
      </c>
      <c r="T119">
        <v>0</v>
      </c>
      <c r="U119">
        <v>0</v>
      </c>
      <c r="V119">
        <v>4</v>
      </c>
      <c r="W119">
        <v>0</v>
      </c>
      <c r="X119">
        <v>0</v>
      </c>
      <c r="Y119">
        <v>23</v>
      </c>
      <c r="Z119">
        <v>27</v>
      </c>
      <c r="AA119">
        <v>63</v>
      </c>
      <c r="AB119">
        <v>25</v>
      </c>
      <c r="AC119">
        <v>205</v>
      </c>
      <c r="AD119">
        <v>6</v>
      </c>
      <c r="AE119">
        <v>52</v>
      </c>
      <c r="AF119">
        <v>4242</v>
      </c>
      <c r="AG119">
        <v>90424</v>
      </c>
      <c r="AH119">
        <v>50000</v>
      </c>
      <c r="AI119">
        <v>0</v>
      </c>
      <c r="AJ119">
        <v>100</v>
      </c>
      <c r="AK119" t="s">
        <v>0</v>
      </c>
      <c r="AL119">
        <v>0</v>
      </c>
      <c r="AM119">
        <v>0</v>
      </c>
      <c r="AN119">
        <v>0</v>
      </c>
      <c r="AO119">
        <v>0</v>
      </c>
      <c r="AP119">
        <v>0</v>
      </c>
      <c r="AQ119">
        <v>0</v>
      </c>
      <c r="AR119">
        <v>0</v>
      </c>
      <c r="AS119">
        <v>0</v>
      </c>
      <c r="AT119">
        <v>0</v>
      </c>
      <c r="AU119">
        <v>0</v>
      </c>
      <c r="AV119">
        <v>0</v>
      </c>
      <c r="AW119">
        <v>0</v>
      </c>
      <c r="AX119">
        <v>3326</v>
      </c>
      <c r="AY119">
        <v>43</v>
      </c>
      <c r="AZ119">
        <v>65</v>
      </c>
      <c r="BA119">
        <v>6130</v>
      </c>
    </row>
    <row r="120" spans="1:53" x14ac:dyDescent="0.4">
      <c r="A120">
        <v>164</v>
      </c>
      <c r="B120" s="1">
        <v>42866</v>
      </c>
      <c r="C120">
        <v>3</v>
      </c>
      <c r="D120" s="1">
        <v>42866.820833333331</v>
      </c>
      <c r="E120" s="1">
        <v>42866.957638888889</v>
      </c>
      <c r="F120">
        <v>38900</v>
      </c>
      <c r="G120">
        <v>7470</v>
      </c>
      <c r="H120">
        <v>0</v>
      </c>
      <c r="I120">
        <v>0</v>
      </c>
      <c r="J120">
        <v>200</v>
      </c>
      <c r="K120">
        <v>0</v>
      </c>
      <c r="L120">
        <v>0</v>
      </c>
      <c r="M120">
        <v>3693</v>
      </c>
      <c r="N120">
        <v>0</v>
      </c>
      <c r="O120">
        <v>0</v>
      </c>
      <c r="P120">
        <v>-9072</v>
      </c>
      <c r="Q120">
        <v>0</v>
      </c>
      <c r="R120">
        <v>40791</v>
      </c>
      <c r="S120">
        <v>0</v>
      </c>
      <c r="T120">
        <v>0</v>
      </c>
      <c r="U120">
        <v>0</v>
      </c>
      <c r="V120">
        <v>8</v>
      </c>
      <c r="W120">
        <v>0</v>
      </c>
      <c r="X120">
        <v>0</v>
      </c>
      <c r="Y120">
        <v>23</v>
      </c>
      <c r="Z120">
        <v>26</v>
      </c>
      <c r="AA120">
        <v>77</v>
      </c>
      <c r="AB120">
        <v>22</v>
      </c>
      <c r="AC120">
        <v>210</v>
      </c>
      <c r="AD120">
        <v>3</v>
      </c>
      <c r="AE120">
        <v>58</v>
      </c>
      <c r="AF120">
        <v>4242</v>
      </c>
      <c r="AG120">
        <v>131215</v>
      </c>
      <c r="AH120">
        <v>50000</v>
      </c>
      <c r="AI120">
        <v>0</v>
      </c>
      <c r="AJ120">
        <v>100</v>
      </c>
      <c r="AK120" t="s">
        <v>0</v>
      </c>
      <c r="AL120">
        <v>0</v>
      </c>
      <c r="AM120">
        <v>0</v>
      </c>
      <c r="AN120">
        <v>0</v>
      </c>
      <c r="AO120">
        <v>0</v>
      </c>
      <c r="AP120">
        <v>0</v>
      </c>
      <c r="AQ120">
        <v>0</v>
      </c>
      <c r="AR120">
        <v>0</v>
      </c>
      <c r="AS120">
        <v>0</v>
      </c>
      <c r="AT120">
        <v>0</v>
      </c>
      <c r="AU120">
        <v>0</v>
      </c>
      <c r="AV120">
        <v>0</v>
      </c>
      <c r="AW120">
        <v>0</v>
      </c>
      <c r="AX120">
        <v>18921</v>
      </c>
      <c r="AY120">
        <v>12</v>
      </c>
      <c r="AZ120">
        <v>54</v>
      </c>
      <c r="BA120">
        <v>1538</v>
      </c>
    </row>
    <row r="121" spans="1:53" x14ac:dyDescent="0.4">
      <c r="A121">
        <v>165</v>
      </c>
      <c r="B121" s="1">
        <v>42866</v>
      </c>
      <c r="C121">
        <v>4</v>
      </c>
      <c r="D121" s="1">
        <v>42866.957638888889</v>
      </c>
      <c r="E121" s="1">
        <v>42867.102777777778</v>
      </c>
      <c r="F121">
        <v>41360</v>
      </c>
      <c r="G121">
        <v>73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3366</v>
      </c>
      <c r="N121">
        <v>0</v>
      </c>
      <c r="O121">
        <v>0</v>
      </c>
      <c r="P121">
        <v>22118</v>
      </c>
      <c r="Q121">
        <v>0</v>
      </c>
      <c r="R121">
        <v>67574</v>
      </c>
      <c r="S121">
        <v>0</v>
      </c>
      <c r="T121">
        <v>0</v>
      </c>
      <c r="U121">
        <v>0</v>
      </c>
      <c r="V121">
        <v>14</v>
      </c>
      <c r="W121">
        <v>1</v>
      </c>
      <c r="X121">
        <v>0</v>
      </c>
      <c r="Y121">
        <v>8</v>
      </c>
      <c r="Z121">
        <v>23</v>
      </c>
      <c r="AA121">
        <v>78</v>
      </c>
      <c r="AB121">
        <v>18</v>
      </c>
      <c r="AC121">
        <v>193</v>
      </c>
      <c r="AD121">
        <v>4</v>
      </c>
      <c r="AE121">
        <v>45</v>
      </c>
      <c r="AF121">
        <v>23595</v>
      </c>
      <c r="AG121">
        <v>198790</v>
      </c>
      <c r="AH121">
        <v>50000</v>
      </c>
      <c r="AI121">
        <v>1</v>
      </c>
      <c r="AJ121">
        <v>104</v>
      </c>
      <c r="AK121" t="s">
        <v>10</v>
      </c>
      <c r="AL121">
        <v>0</v>
      </c>
      <c r="AM121">
        <v>0</v>
      </c>
      <c r="AN121">
        <v>0</v>
      </c>
      <c r="AO121">
        <v>0</v>
      </c>
      <c r="AP121">
        <v>0</v>
      </c>
      <c r="AQ121">
        <v>0</v>
      </c>
      <c r="AR121">
        <v>0</v>
      </c>
      <c r="AS121">
        <v>0</v>
      </c>
      <c r="AT121">
        <v>0</v>
      </c>
      <c r="AU121">
        <v>0</v>
      </c>
      <c r="AV121">
        <v>0</v>
      </c>
      <c r="AW121">
        <v>0</v>
      </c>
      <c r="AX121">
        <v>1685</v>
      </c>
      <c r="AY121">
        <v>10</v>
      </c>
      <c r="AZ121">
        <v>28</v>
      </c>
      <c r="BA121">
        <v>1172</v>
      </c>
    </row>
    <row r="122" spans="1:53" x14ac:dyDescent="0.4">
      <c r="A122">
        <v>166</v>
      </c>
      <c r="B122" s="1">
        <v>42867</v>
      </c>
      <c r="C122">
        <v>1</v>
      </c>
      <c r="D122" s="1">
        <v>42867.291666666664</v>
      </c>
      <c r="E122" s="1">
        <v>42867.450694444444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0</v>
      </c>
      <c r="O122">
        <v>0</v>
      </c>
      <c r="P122">
        <v>0</v>
      </c>
      <c r="Q122">
        <v>0</v>
      </c>
      <c r="R122">
        <v>0</v>
      </c>
      <c r="S122">
        <v>0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30</v>
      </c>
      <c r="Z122">
        <v>20</v>
      </c>
      <c r="AA122">
        <v>72</v>
      </c>
      <c r="AB122">
        <v>18</v>
      </c>
      <c r="AC122">
        <v>184</v>
      </c>
      <c r="AD122">
        <v>5</v>
      </c>
      <c r="AE122">
        <v>35</v>
      </c>
      <c r="AF122">
        <v>0</v>
      </c>
      <c r="AG122">
        <v>50000</v>
      </c>
      <c r="AH122">
        <v>0</v>
      </c>
      <c r="AI122">
        <v>50000</v>
      </c>
      <c r="AJ122">
        <v>0</v>
      </c>
      <c r="AK122" t="s">
        <v>6</v>
      </c>
      <c r="AL122">
        <v>0</v>
      </c>
      <c r="AM122">
        <v>0</v>
      </c>
      <c r="AN122">
        <v>0</v>
      </c>
      <c r="AO122">
        <v>0</v>
      </c>
      <c r="AP122">
        <v>0</v>
      </c>
      <c r="AQ122">
        <v>0</v>
      </c>
      <c r="AR122">
        <v>0</v>
      </c>
      <c r="AS122">
        <v>0</v>
      </c>
      <c r="AT122">
        <v>0</v>
      </c>
      <c r="AU122">
        <v>0</v>
      </c>
      <c r="AV122">
        <v>0</v>
      </c>
      <c r="AW122">
        <v>0</v>
      </c>
      <c r="AX122">
        <v>0</v>
      </c>
      <c r="AY122">
        <v>0</v>
      </c>
      <c r="AZ122">
        <v>0</v>
      </c>
      <c r="BA122">
        <v>0</v>
      </c>
    </row>
    <row r="123" spans="1:53" x14ac:dyDescent="0.4">
      <c r="A123">
        <v>167</v>
      </c>
      <c r="B123" s="1">
        <v>42867</v>
      </c>
      <c r="C123">
        <v>2</v>
      </c>
      <c r="D123" s="1">
        <v>42867.450694444444</v>
      </c>
      <c r="E123" s="1">
        <v>42867.782638888886</v>
      </c>
      <c r="F123">
        <v>13000</v>
      </c>
      <c r="G123">
        <v>380</v>
      </c>
      <c r="H123">
        <v>0</v>
      </c>
      <c r="I123">
        <v>0</v>
      </c>
      <c r="J123">
        <v>0</v>
      </c>
      <c r="K123">
        <v>0</v>
      </c>
      <c r="L123">
        <v>0</v>
      </c>
      <c r="M123">
        <v>1070</v>
      </c>
      <c r="N123">
        <v>0</v>
      </c>
      <c r="O123">
        <v>0</v>
      </c>
      <c r="P123">
        <v>8100</v>
      </c>
      <c r="Q123">
        <v>0</v>
      </c>
      <c r="R123">
        <v>22550</v>
      </c>
      <c r="S123">
        <v>0</v>
      </c>
      <c r="T123">
        <v>0</v>
      </c>
      <c r="U123">
        <v>0</v>
      </c>
      <c r="V123">
        <v>1</v>
      </c>
      <c r="W123">
        <v>1</v>
      </c>
      <c r="X123">
        <v>0</v>
      </c>
      <c r="Y123">
        <v>31</v>
      </c>
      <c r="Z123">
        <v>19</v>
      </c>
      <c r="AA123">
        <v>52</v>
      </c>
      <c r="AB123">
        <v>14</v>
      </c>
      <c r="AC123">
        <v>208</v>
      </c>
      <c r="AD123">
        <v>6</v>
      </c>
      <c r="AE123">
        <v>37</v>
      </c>
      <c r="AF123">
        <v>9003</v>
      </c>
      <c r="AG123">
        <v>72550</v>
      </c>
      <c r="AH123">
        <v>50000</v>
      </c>
      <c r="AI123">
        <v>0</v>
      </c>
      <c r="AJ123">
        <v>95</v>
      </c>
      <c r="AK123" t="s">
        <v>13</v>
      </c>
      <c r="AL123">
        <v>0</v>
      </c>
      <c r="AM123">
        <v>0</v>
      </c>
      <c r="AN123">
        <v>0</v>
      </c>
      <c r="AO123">
        <v>0</v>
      </c>
      <c r="AP123">
        <v>0</v>
      </c>
      <c r="AQ123">
        <v>0</v>
      </c>
      <c r="AR123">
        <v>0</v>
      </c>
      <c r="AS123">
        <v>0</v>
      </c>
      <c r="AT123">
        <v>0</v>
      </c>
      <c r="AU123">
        <v>0</v>
      </c>
      <c r="AV123">
        <v>0</v>
      </c>
      <c r="AW123">
        <v>0</v>
      </c>
      <c r="AX123">
        <v>1771</v>
      </c>
      <c r="AY123">
        <v>31</v>
      </c>
      <c r="AZ123">
        <v>41</v>
      </c>
      <c r="BA123">
        <v>4656</v>
      </c>
    </row>
    <row r="124" spans="1:53" x14ac:dyDescent="0.4">
      <c r="A124">
        <v>168</v>
      </c>
      <c r="B124" s="1">
        <v>42867</v>
      </c>
      <c r="C124">
        <v>3</v>
      </c>
      <c r="D124" s="1">
        <v>42867.782638888886</v>
      </c>
      <c r="E124" s="1">
        <v>42867.963888888888</v>
      </c>
      <c r="F124">
        <v>86180</v>
      </c>
      <c r="G124">
        <v>3170</v>
      </c>
      <c r="H124">
        <v>0</v>
      </c>
      <c r="I124">
        <v>0</v>
      </c>
      <c r="J124">
        <v>800</v>
      </c>
      <c r="K124">
        <v>0</v>
      </c>
      <c r="L124">
        <v>0</v>
      </c>
      <c r="M124">
        <v>7084</v>
      </c>
      <c r="N124">
        <v>0</v>
      </c>
      <c r="O124">
        <v>0</v>
      </c>
      <c r="P124">
        <v>14580</v>
      </c>
      <c r="Q124">
        <v>0</v>
      </c>
      <c r="R124">
        <v>110214</v>
      </c>
      <c r="S124">
        <v>0</v>
      </c>
      <c r="T124">
        <v>0</v>
      </c>
      <c r="U124">
        <v>0</v>
      </c>
      <c r="V124">
        <v>5</v>
      </c>
      <c r="W124">
        <v>6</v>
      </c>
      <c r="X124">
        <v>0</v>
      </c>
      <c r="Y124">
        <v>45</v>
      </c>
      <c r="Z124">
        <v>22</v>
      </c>
      <c r="AA124">
        <v>48</v>
      </c>
      <c r="AB124">
        <v>13</v>
      </c>
      <c r="AC124">
        <v>202</v>
      </c>
      <c r="AD124">
        <v>8</v>
      </c>
      <c r="AE124">
        <v>33</v>
      </c>
      <c r="AF124">
        <v>39221</v>
      </c>
      <c r="AG124">
        <v>182764</v>
      </c>
      <c r="AH124">
        <v>50000</v>
      </c>
      <c r="AI124">
        <v>0</v>
      </c>
      <c r="AJ124">
        <v>89</v>
      </c>
      <c r="AK124" t="s">
        <v>12</v>
      </c>
      <c r="AL124">
        <v>0</v>
      </c>
      <c r="AM124">
        <v>0</v>
      </c>
      <c r="AN124">
        <v>0</v>
      </c>
      <c r="AO124">
        <v>0</v>
      </c>
      <c r="AP124">
        <v>0</v>
      </c>
      <c r="AQ124">
        <v>0</v>
      </c>
      <c r="AR124">
        <v>0</v>
      </c>
      <c r="AS124">
        <v>0</v>
      </c>
      <c r="AT124">
        <v>0</v>
      </c>
      <c r="AU124">
        <v>0</v>
      </c>
      <c r="AV124">
        <v>0</v>
      </c>
      <c r="AW124">
        <v>0</v>
      </c>
      <c r="AX124">
        <v>56378</v>
      </c>
      <c r="AY124">
        <v>24</v>
      </c>
      <c r="AZ124">
        <v>102</v>
      </c>
      <c r="BA124">
        <v>2371</v>
      </c>
    </row>
    <row r="125" spans="1:53" x14ac:dyDescent="0.4">
      <c r="A125">
        <v>169</v>
      </c>
      <c r="B125" s="1">
        <v>42867</v>
      </c>
      <c r="C125">
        <v>4</v>
      </c>
      <c r="D125" s="1">
        <v>42867.963888888888</v>
      </c>
      <c r="E125" s="1">
        <v>42868.094444444447</v>
      </c>
      <c r="F125">
        <v>138100</v>
      </c>
      <c r="G125">
        <v>1420</v>
      </c>
      <c r="H125">
        <v>0</v>
      </c>
      <c r="I125">
        <v>0</v>
      </c>
      <c r="J125">
        <v>400</v>
      </c>
      <c r="K125">
        <v>2000</v>
      </c>
      <c r="L125">
        <v>0</v>
      </c>
      <c r="M125">
        <v>11290</v>
      </c>
      <c r="N125">
        <v>0</v>
      </c>
      <c r="O125">
        <v>0</v>
      </c>
      <c r="P125">
        <v>73548</v>
      </c>
      <c r="Q125">
        <v>0</v>
      </c>
      <c r="R125">
        <v>225958</v>
      </c>
      <c r="S125">
        <v>0</v>
      </c>
      <c r="T125">
        <v>0</v>
      </c>
      <c r="U125">
        <v>0</v>
      </c>
      <c r="V125">
        <v>22</v>
      </c>
      <c r="W125">
        <v>10</v>
      </c>
      <c r="X125">
        <v>0</v>
      </c>
      <c r="Y125">
        <v>78</v>
      </c>
      <c r="Z125">
        <v>24</v>
      </c>
      <c r="AA125">
        <v>56</v>
      </c>
      <c r="AB125">
        <v>17</v>
      </c>
      <c r="AC125">
        <v>195</v>
      </c>
      <c r="AD125">
        <v>9</v>
      </c>
      <c r="AE125">
        <v>56</v>
      </c>
      <c r="AF125">
        <v>40221</v>
      </c>
      <c r="AG125">
        <v>408722</v>
      </c>
      <c r="AH125">
        <v>50000</v>
      </c>
      <c r="AI125">
        <v>0</v>
      </c>
      <c r="AJ125">
        <v>1</v>
      </c>
      <c r="AK125" t="s">
        <v>3</v>
      </c>
      <c r="AL125">
        <v>0</v>
      </c>
      <c r="AM125">
        <v>0</v>
      </c>
      <c r="AN125">
        <v>0</v>
      </c>
      <c r="AO125">
        <v>0</v>
      </c>
      <c r="AP125">
        <v>0</v>
      </c>
      <c r="AQ125">
        <v>0</v>
      </c>
      <c r="AR125">
        <v>0</v>
      </c>
      <c r="AS125">
        <v>0</v>
      </c>
      <c r="AT125">
        <v>0</v>
      </c>
      <c r="AU125">
        <v>0</v>
      </c>
      <c r="AV125">
        <v>0</v>
      </c>
      <c r="AW125">
        <v>0</v>
      </c>
      <c r="AX125">
        <v>8122</v>
      </c>
      <c r="AY125">
        <v>18</v>
      </c>
      <c r="AZ125">
        <v>77</v>
      </c>
      <c r="BA125">
        <v>2919</v>
      </c>
    </row>
    <row r="126" spans="1:53" x14ac:dyDescent="0.4">
      <c r="A126">
        <v>170</v>
      </c>
      <c r="B126" s="1">
        <v>42868</v>
      </c>
      <c r="C126">
        <v>1</v>
      </c>
      <c r="D126" s="1">
        <v>42868.291666666664</v>
      </c>
      <c r="E126" s="1">
        <v>42868.409722222219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0</v>
      </c>
      <c r="O126">
        <v>0</v>
      </c>
      <c r="P126">
        <v>0</v>
      </c>
      <c r="Q126">
        <v>0</v>
      </c>
      <c r="R126">
        <v>0</v>
      </c>
      <c r="S126">
        <v>0</v>
      </c>
      <c r="T126">
        <v>0</v>
      </c>
      <c r="U126">
        <v>0</v>
      </c>
      <c r="V126">
        <v>0</v>
      </c>
      <c r="W126">
        <v>1</v>
      </c>
      <c r="X126">
        <v>0</v>
      </c>
      <c r="Y126">
        <v>25</v>
      </c>
      <c r="Z126">
        <v>19</v>
      </c>
      <c r="AA126">
        <v>75</v>
      </c>
      <c r="AB126">
        <v>19</v>
      </c>
      <c r="AC126">
        <v>194</v>
      </c>
      <c r="AD126">
        <v>8</v>
      </c>
      <c r="AE126">
        <v>70</v>
      </c>
      <c r="AF126">
        <v>0</v>
      </c>
      <c r="AG126">
        <v>50000</v>
      </c>
      <c r="AH126">
        <v>0</v>
      </c>
      <c r="AI126">
        <v>50000</v>
      </c>
      <c r="AJ126">
        <v>0</v>
      </c>
      <c r="AK126" t="s">
        <v>6</v>
      </c>
      <c r="AL126">
        <v>0</v>
      </c>
      <c r="AM126">
        <v>0</v>
      </c>
      <c r="AN126">
        <v>0</v>
      </c>
      <c r="AO126">
        <v>0</v>
      </c>
      <c r="AP126">
        <v>0</v>
      </c>
      <c r="AQ126">
        <v>0</v>
      </c>
      <c r="AR126">
        <v>0</v>
      </c>
      <c r="AS126">
        <v>0</v>
      </c>
      <c r="AT126">
        <v>0</v>
      </c>
      <c r="AU126">
        <v>0</v>
      </c>
      <c r="AV126">
        <v>0</v>
      </c>
      <c r="AW126">
        <v>0</v>
      </c>
      <c r="AX126">
        <v>0</v>
      </c>
      <c r="AY126">
        <v>0</v>
      </c>
      <c r="AZ126">
        <v>0</v>
      </c>
      <c r="BA126">
        <v>0</v>
      </c>
    </row>
    <row r="127" spans="1:53" x14ac:dyDescent="0.4">
      <c r="A127">
        <v>171</v>
      </c>
      <c r="B127" s="1">
        <v>42868</v>
      </c>
      <c r="C127">
        <v>2</v>
      </c>
      <c r="D127" s="1">
        <v>42868.409722222219</v>
      </c>
      <c r="E127" s="1">
        <v>42868.771527777775</v>
      </c>
      <c r="F127">
        <v>39000</v>
      </c>
      <c r="G127">
        <v>1305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4164</v>
      </c>
      <c r="N127">
        <v>0</v>
      </c>
      <c r="O127">
        <v>0</v>
      </c>
      <c r="P127">
        <v>13500</v>
      </c>
      <c r="Q127">
        <v>0</v>
      </c>
      <c r="R127">
        <v>69714</v>
      </c>
      <c r="S127">
        <v>0</v>
      </c>
      <c r="T127">
        <v>0</v>
      </c>
      <c r="U127">
        <v>0</v>
      </c>
      <c r="V127">
        <v>7</v>
      </c>
      <c r="W127">
        <v>1</v>
      </c>
      <c r="X127">
        <v>0</v>
      </c>
      <c r="Y127">
        <v>19</v>
      </c>
      <c r="Z127">
        <v>25</v>
      </c>
      <c r="AA127">
        <v>77</v>
      </c>
      <c r="AB127">
        <v>25</v>
      </c>
      <c r="AC127">
        <v>231</v>
      </c>
      <c r="AD127">
        <v>13</v>
      </c>
      <c r="AE127">
        <v>64</v>
      </c>
      <c r="AF127">
        <v>3124</v>
      </c>
      <c r="AG127">
        <v>121013</v>
      </c>
      <c r="AH127">
        <v>50000</v>
      </c>
      <c r="AI127">
        <v>1299</v>
      </c>
      <c r="AJ127">
        <v>91</v>
      </c>
      <c r="AK127" t="s">
        <v>14</v>
      </c>
      <c r="AL127">
        <v>0</v>
      </c>
      <c r="AM127">
        <v>0</v>
      </c>
      <c r="AN127">
        <v>0</v>
      </c>
      <c r="AO127">
        <v>0</v>
      </c>
      <c r="AP127">
        <v>0</v>
      </c>
      <c r="AQ127">
        <v>0</v>
      </c>
      <c r="AR127">
        <v>0</v>
      </c>
      <c r="AS127">
        <v>0</v>
      </c>
      <c r="AT127">
        <v>0</v>
      </c>
      <c r="AU127">
        <v>0</v>
      </c>
      <c r="AV127">
        <v>0</v>
      </c>
      <c r="AW127">
        <v>0</v>
      </c>
      <c r="AX127">
        <v>9072</v>
      </c>
      <c r="AY127">
        <v>44</v>
      </c>
      <c r="AZ127">
        <v>99</v>
      </c>
      <c r="BA127">
        <v>7472</v>
      </c>
    </row>
    <row r="128" spans="1:53" x14ac:dyDescent="0.4">
      <c r="A128">
        <v>172</v>
      </c>
      <c r="B128" s="1">
        <v>42868</v>
      </c>
      <c r="C128">
        <v>3</v>
      </c>
      <c r="D128" s="1">
        <v>42868.771527777775</v>
      </c>
      <c r="E128" s="1">
        <v>42868.96597222222</v>
      </c>
      <c r="F128">
        <v>145100</v>
      </c>
      <c r="G128">
        <v>12220</v>
      </c>
      <c r="H128">
        <v>0</v>
      </c>
      <c r="I128">
        <v>0</v>
      </c>
      <c r="J128">
        <v>3600</v>
      </c>
      <c r="K128">
        <v>0</v>
      </c>
      <c r="L128">
        <v>0</v>
      </c>
      <c r="M128">
        <v>12297</v>
      </c>
      <c r="N128">
        <v>0</v>
      </c>
      <c r="O128">
        <v>0</v>
      </c>
      <c r="P128">
        <v>37476</v>
      </c>
      <c r="Q128">
        <v>0</v>
      </c>
      <c r="R128">
        <v>203493</v>
      </c>
      <c r="S128">
        <v>0</v>
      </c>
      <c r="T128">
        <v>0</v>
      </c>
      <c r="U128">
        <v>0</v>
      </c>
      <c r="V128">
        <v>21</v>
      </c>
      <c r="W128">
        <v>1</v>
      </c>
      <c r="X128">
        <v>0</v>
      </c>
      <c r="Y128">
        <v>64</v>
      </c>
      <c r="Z128">
        <v>23</v>
      </c>
      <c r="AA128">
        <v>56</v>
      </c>
      <c r="AB128">
        <v>19</v>
      </c>
      <c r="AC128">
        <v>211</v>
      </c>
      <c r="AD128">
        <v>8</v>
      </c>
      <c r="AE128">
        <v>42</v>
      </c>
      <c r="AF128">
        <v>23967</v>
      </c>
      <c r="AG128">
        <v>323209</v>
      </c>
      <c r="AH128">
        <v>50000</v>
      </c>
      <c r="AI128">
        <v>2</v>
      </c>
      <c r="AJ128">
        <v>91</v>
      </c>
      <c r="AK128" t="s">
        <v>14</v>
      </c>
      <c r="AL128">
        <v>0</v>
      </c>
      <c r="AM128">
        <v>0</v>
      </c>
      <c r="AN128">
        <v>0</v>
      </c>
      <c r="AO128">
        <v>0</v>
      </c>
      <c r="AP128">
        <v>0</v>
      </c>
      <c r="AQ128">
        <v>0</v>
      </c>
      <c r="AR128">
        <v>0</v>
      </c>
      <c r="AS128">
        <v>0</v>
      </c>
      <c r="AT128">
        <v>0</v>
      </c>
      <c r="AU128">
        <v>0</v>
      </c>
      <c r="AV128">
        <v>0</v>
      </c>
      <c r="AW128">
        <v>0</v>
      </c>
      <c r="AX128">
        <v>68914</v>
      </c>
      <c r="AY128">
        <v>25</v>
      </c>
      <c r="AZ128">
        <v>130</v>
      </c>
      <c r="BA128">
        <v>3204</v>
      </c>
    </row>
    <row r="129" spans="1:53" x14ac:dyDescent="0.4">
      <c r="A129">
        <v>173</v>
      </c>
      <c r="B129" s="1">
        <v>42869</v>
      </c>
      <c r="C129">
        <v>1</v>
      </c>
      <c r="D129" s="1">
        <v>42869.291666666664</v>
      </c>
      <c r="E129" s="1">
        <v>42869.745138888888</v>
      </c>
      <c r="F129">
        <v>43000</v>
      </c>
      <c r="G129">
        <v>9510</v>
      </c>
      <c r="H129">
        <v>0</v>
      </c>
      <c r="I129">
        <v>0</v>
      </c>
      <c r="J129">
        <v>0</v>
      </c>
      <c r="K129">
        <v>0</v>
      </c>
      <c r="L129">
        <v>0</v>
      </c>
      <c r="M129">
        <v>4200</v>
      </c>
      <c r="N129">
        <v>0</v>
      </c>
      <c r="O129">
        <v>0</v>
      </c>
      <c r="P129">
        <v>10530</v>
      </c>
      <c r="Q129">
        <v>0</v>
      </c>
      <c r="R129">
        <v>67240</v>
      </c>
      <c r="S129">
        <v>0</v>
      </c>
      <c r="T129">
        <v>0</v>
      </c>
      <c r="U129">
        <v>0</v>
      </c>
      <c r="V129">
        <v>3</v>
      </c>
      <c r="W129">
        <v>0</v>
      </c>
      <c r="X129">
        <v>0</v>
      </c>
      <c r="Y129">
        <v>59</v>
      </c>
      <c r="Z129">
        <v>33</v>
      </c>
      <c r="AA129">
        <v>88</v>
      </c>
      <c r="AB129">
        <v>10</v>
      </c>
      <c r="AC129">
        <v>235</v>
      </c>
      <c r="AD129">
        <v>7</v>
      </c>
      <c r="AE129">
        <v>55</v>
      </c>
      <c r="AF129">
        <v>0</v>
      </c>
      <c r="AG129">
        <v>117240</v>
      </c>
      <c r="AH129">
        <v>50000</v>
      </c>
      <c r="AI129">
        <v>0</v>
      </c>
      <c r="AJ129">
        <v>16</v>
      </c>
      <c r="AK129" t="s">
        <v>11</v>
      </c>
      <c r="AL129">
        <v>0</v>
      </c>
      <c r="AM129">
        <v>0</v>
      </c>
      <c r="AN129">
        <v>0</v>
      </c>
      <c r="AO129">
        <v>0</v>
      </c>
      <c r="AP129">
        <v>0</v>
      </c>
      <c r="AQ129">
        <v>0</v>
      </c>
      <c r="AR129">
        <v>0</v>
      </c>
      <c r="AS129">
        <v>0</v>
      </c>
      <c r="AT129">
        <v>0</v>
      </c>
      <c r="AU129">
        <v>0</v>
      </c>
      <c r="AV129">
        <v>0</v>
      </c>
      <c r="AW129">
        <v>0</v>
      </c>
      <c r="AX129">
        <v>-1350</v>
      </c>
      <c r="AY129">
        <v>44</v>
      </c>
      <c r="AZ129">
        <v>101</v>
      </c>
      <c r="BA129">
        <v>6966</v>
      </c>
    </row>
    <row r="130" spans="1:53" x14ac:dyDescent="0.4">
      <c r="A130">
        <v>174</v>
      </c>
      <c r="B130" s="1">
        <v>42869</v>
      </c>
      <c r="C130">
        <v>2</v>
      </c>
      <c r="D130" s="1">
        <v>42869.745138888888</v>
      </c>
      <c r="E130" s="1">
        <v>42869.948611111111</v>
      </c>
      <c r="F130">
        <v>1075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860</v>
      </c>
      <c r="N130">
        <v>0</v>
      </c>
      <c r="O130">
        <v>0</v>
      </c>
      <c r="P130">
        <v>8802</v>
      </c>
      <c r="Q130">
        <v>0</v>
      </c>
      <c r="R130">
        <v>20412</v>
      </c>
      <c r="S130">
        <v>0</v>
      </c>
      <c r="T130">
        <v>0</v>
      </c>
      <c r="U130">
        <v>0</v>
      </c>
      <c r="V130">
        <v>3</v>
      </c>
      <c r="W130">
        <v>2</v>
      </c>
      <c r="X130">
        <v>0</v>
      </c>
      <c r="Y130">
        <v>70</v>
      </c>
      <c r="Z130">
        <v>32</v>
      </c>
      <c r="AA130">
        <v>87</v>
      </c>
      <c r="AB130">
        <v>10</v>
      </c>
      <c r="AC130">
        <v>238</v>
      </c>
      <c r="AD130">
        <v>4</v>
      </c>
      <c r="AE130">
        <v>52</v>
      </c>
      <c r="AF130">
        <v>0</v>
      </c>
      <c r="AG130">
        <v>137652</v>
      </c>
      <c r="AH130">
        <v>50000</v>
      </c>
      <c r="AI130">
        <v>0</v>
      </c>
      <c r="AJ130">
        <v>85</v>
      </c>
      <c r="AK130" t="s">
        <v>18</v>
      </c>
      <c r="AL130">
        <v>0</v>
      </c>
      <c r="AM130">
        <v>0</v>
      </c>
      <c r="AN130">
        <v>0</v>
      </c>
      <c r="AO130">
        <v>0</v>
      </c>
      <c r="AP130">
        <v>0</v>
      </c>
      <c r="AQ130">
        <v>0</v>
      </c>
      <c r="AR130">
        <v>0</v>
      </c>
      <c r="AS130">
        <v>0</v>
      </c>
      <c r="AT130">
        <v>0</v>
      </c>
      <c r="AU130">
        <v>0</v>
      </c>
      <c r="AV130">
        <v>0</v>
      </c>
      <c r="AW130">
        <v>0</v>
      </c>
      <c r="AX130">
        <v>15001</v>
      </c>
      <c r="AY130">
        <v>9</v>
      </c>
      <c r="AZ130">
        <v>34</v>
      </c>
      <c r="BA130">
        <v>1941</v>
      </c>
    </row>
    <row r="131" spans="1:53" x14ac:dyDescent="0.4">
      <c r="A131">
        <v>175</v>
      </c>
      <c r="B131" s="1">
        <v>42870</v>
      </c>
      <c r="C131">
        <v>1</v>
      </c>
      <c r="D131" s="1">
        <v>42870.291666666664</v>
      </c>
      <c r="E131" s="1">
        <v>42870.458333333336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0</v>
      </c>
      <c r="O131">
        <v>0</v>
      </c>
      <c r="P131">
        <v>0</v>
      </c>
      <c r="Q131">
        <v>0</v>
      </c>
      <c r="R131">
        <v>0</v>
      </c>
      <c r="S131">
        <v>0</v>
      </c>
      <c r="T131">
        <v>0</v>
      </c>
      <c r="U131">
        <v>0</v>
      </c>
      <c r="V131">
        <v>0</v>
      </c>
      <c r="W131">
        <v>1</v>
      </c>
      <c r="X131">
        <v>0</v>
      </c>
      <c r="Y131">
        <v>25</v>
      </c>
      <c r="Z131">
        <v>15</v>
      </c>
      <c r="AA131">
        <v>96</v>
      </c>
      <c r="AB131">
        <v>12</v>
      </c>
      <c r="AC131">
        <v>224</v>
      </c>
      <c r="AD131">
        <v>3</v>
      </c>
      <c r="AE131">
        <v>45</v>
      </c>
      <c r="AF131">
        <v>0</v>
      </c>
      <c r="AG131">
        <v>50000</v>
      </c>
      <c r="AH131">
        <v>0</v>
      </c>
      <c r="AI131">
        <v>50000</v>
      </c>
      <c r="AJ131">
        <v>96</v>
      </c>
      <c r="AK131" t="s">
        <v>4</v>
      </c>
      <c r="AL131">
        <v>0</v>
      </c>
      <c r="AM131">
        <v>0</v>
      </c>
      <c r="AN131">
        <v>0</v>
      </c>
      <c r="AO131">
        <v>0</v>
      </c>
      <c r="AP131">
        <v>0</v>
      </c>
      <c r="AQ131">
        <v>0</v>
      </c>
      <c r="AR131">
        <v>0</v>
      </c>
      <c r="AS131">
        <v>0</v>
      </c>
      <c r="AT131">
        <v>0</v>
      </c>
      <c r="AU131">
        <v>0</v>
      </c>
      <c r="AV131">
        <v>0</v>
      </c>
      <c r="AW131">
        <v>0</v>
      </c>
      <c r="AX131">
        <v>0</v>
      </c>
      <c r="AY131">
        <v>0</v>
      </c>
      <c r="AZ131">
        <v>0</v>
      </c>
      <c r="BA131">
        <v>0</v>
      </c>
    </row>
    <row r="132" spans="1:53" x14ac:dyDescent="0.4">
      <c r="A132">
        <v>176</v>
      </c>
      <c r="B132" s="1">
        <v>42870</v>
      </c>
      <c r="C132">
        <v>2</v>
      </c>
      <c r="D132" s="1">
        <v>42870.458333333336</v>
      </c>
      <c r="E132" s="1">
        <v>42870.749305555553</v>
      </c>
      <c r="F132">
        <v>16500</v>
      </c>
      <c r="G132">
        <v>3020</v>
      </c>
      <c r="H132">
        <v>0</v>
      </c>
      <c r="I132">
        <v>0</v>
      </c>
      <c r="J132">
        <v>0</v>
      </c>
      <c r="K132">
        <v>0</v>
      </c>
      <c r="L132">
        <v>0</v>
      </c>
      <c r="M132">
        <v>1561</v>
      </c>
      <c r="N132">
        <v>0</v>
      </c>
      <c r="O132">
        <v>0</v>
      </c>
      <c r="P132">
        <v>10800</v>
      </c>
      <c r="Q132">
        <v>0</v>
      </c>
      <c r="R132">
        <v>31881</v>
      </c>
      <c r="S132">
        <v>0</v>
      </c>
      <c r="T132">
        <v>0</v>
      </c>
      <c r="U132">
        <v>0</v>
      </c>
      <c r="V132">
        <v>0</v>
      </c>
      <c r="W132">
        <v>2</v>
      </c>
      <c r="X132">
        <v>0</v>
      </c>
      <c r="Y132">
        <v>38</v>
      </c>
      <c r="Z132">
        <v>28</v>
      </c>
      <c r="AA132">
        <v>131</v>
      </c>
      <c r="AB132">
        <v>17</v>
      </c>
      <c r="AC132">
        <v>265</v>
      </c>
      <c r="AD132">
        <v>4</v>
      </c>
      <c r="AE132">
        <v>42</v>
      </c>
      <c r="AF132">
        <v>3219</v>
      </c>
      <c r="AG132">
        <v>81881</v>
      </c>
      <c r="AH132">
        <v>50000</v>
      </c>
      <c r="AI132">
        <v>0</v>
      </c>
      <c r="AJ132">
        <v>16</v>
      </c>
      <c r="AK132" t="s">
        <v>11</v>
      </c>
      <c r="AL132">
        <v>0</v>
      </c>
      <c r="AM132">
        <v>0</v>
      </c>
      <c r="AN132">
        <v>0</v>
      </c>
      <c r="AO132">
        <v>0</v>
      </c>
      <c r="AP132">
        <v>0</v>
      </c>
      <c r="AQ132">
        <v>0</v>
      </c>
      <c r="AR132">
        <v>0</v>
      </c>
      <c r="AS132">
        <v>0</v>
      </c>
      <c r="AT132">
        <v>0</v>
      </c>
      <c r="AU132">
        <v>0</v>
      </c>
      <c r="AV132">
        <v>0</v>
      </c>
      <c r="AW132">
        <v>0</v>
      </c>
      <c r="AX132">
        <v>5130</v>
      </c>
      <c r="AY132">
        <v>33</v>
      </c>
      <c r="AZ132">
        <v>55</v>
      </c>
      <c r="BA132">
        <v>4574</v>
      </c>
    </row>
    <row r="133" spans="1:53" x14ac:dyDescent="0.4">
      <c r="A133">
        <v>177</v>
      </c>
      <c r="B133" s="1">
        <v>42870</v>
      </c>
      <c r="C133">
        <v>3</v>
      </c>
      <c r="D133" s="1">
        <v>42870.749305555553</v>
      </c>
      <c r="E133" s="1">
        <v>42870.966666666667</v>
      </c>
      <c r="F133">
        <v>70260</v>
      </c>
      <c r="G133">
        <v>3300</v>
      </c>
      <c r="H133">
        <v>0</v>
      </c>
      <c r="I133">
        <v>0</v>
      </c>
      <c r="J133">
        <v>500</v>
      </c>
      <c r="K133">
        <v>0</v>
      </c>
      <c r="L133">
        <v>0</v>
      </c>
      <c r="M133">
        <v>5845</v>
      </c>
      <c r="N133">
        <v>0</v>
      </c>
      <c r="O133">
        <v>0</v>
      </c>
      <c r="P133">
        <v>-9072</v>
      </c>
      <c r="Q133">
        <v>0</v>
      </c>
      <c r="R133">
        <v>69833</v>
      </c>
      <c r="S133">
        <v>0</v>
      </c>
      <c r="T133">
        <v>0</v>
      </c>
      <c r="U133">
        <v>0</v>
      </c>
      <c r="V133">
        <v>1</v>
      </c>
      <c r="W133">
        <v>1</v>
      </c>
      <c r="X133">
        <v>0</v>
      </c>
      <c r="Y133">
        <v>53</v>
      </c>
      <c r="Z133">
        <v>33</v>
      </c>
      <c r="AA133">
        <v>137</v>
      </c>
      <c r="AB133">
        <v>14</v>
      </c>
      <c r="AC133">
        <v>271</v>
      </c>
      <c r="AD133">
        <v>5</v>
      </c>
      <c r="AE133">
        <v>42</v>
      </c>
      <c r="AF133">
        <v>50037</v>
      </c>
      <c r="AG133">
        <v>151714</v>
      </c>
      <c r="AH133">
        <v>50000</v>
      </c>
      <c r="AI133">
        <v>0</v>
      </c>
      <c r="AJ133">
        <v>1</v>
      </c>
      <c r="AK133" t="s">
        <v>3</v>
      </c>
      <c r="AL133">
        <v>0</v>
      </c>
      <c r="AM133">
        <v>0</v>
      </c>
      <c r="AN133">
        <v>0</v>
      </c>
      <c r="AO133">
        <v>0</v>
      </c>
      <c r="AP133">
        <v>0</v>
      </c>
      <c r="AQ133">
        <v>0</v>
      </c>
      <c r="AR133">
        <v>0</v>
      </c>
      <c r="AS133">
        <v>0</v>
      </c>
      <c r="AT133">
        <v>0</v>
      </c>
      <c r="AU133">
        <v>0</v>
      </c>
      <c r="AV133">
        <v>0</v>
      </c>
      <c r="AW133">
        <v>0</v>
      </c>
      <c r="AX133">
        <v>8384</v>
      </c>
      <c r="AY133">
        <v>14</v>
      </c>
      <c r="AZ133">
        <v>44</v>
      </c>
      <c r="BA133">
        <v>2263</v>
      </c>
    </row>
    <row r="134" spans="1:53" x14ac:dyDescent="0.4">
      <c r="A134">
        <v>178</v>
      </c>
      <c r="B134" s="1">
        <v>42870</v>
      </c>
      <c r="C134">
        <v>4</v>
      </c>
      <c r="D134" s="1">
        <v>42870.966666666667</v>
      </c>
      <c r="E134" s="1">
        <v>42871.104861111111</v>
      </c>
      <c r="F134">
        <v>1190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952</v>
      </c>
      <c r="N134">
        <v>0</v>
      </c>
      <c r="O134">
        <v>0</v>
      </c>
      <c r="P134">
        <v>8208</v>
      </c>
      <c r="Q134">
        <v>0</v>
      </c>
      <c r="R134">
        <v>21060</v>
      </c>
      <c r="S134">
        <v>0</v>
      </c>
      <c r="T134">
        <v>0</v>
      </c>
      <c r="U134">
        <v>0</v>
      </c>
      <c r="V134">
        <v>5</v>
      </c>
      <c r="W134">
        <v>0</v>
      </c>
      <c r="X134">
        <v>0</v>
      </c>
      <c r="Y134">
        <v>33</v>
      </c>
      <c r="Z134">
        <v>32</v>
      </c>
      <c r="AA134">
        <v>132</v>
      </c>
      <c r="AB134">
        <v>19</v>
      </c>
      <c r="AC134">
        <v>266</v>
      </c>
      <c r="AD134">
        <v>8</v>
      </c>
      <c r="AE134">
        <v>43</v>
      </c>
      <c r="AF134">
        <v>56881</v>
      </c>
      <c r="AG134">
        <v>172774</v>
      </c>
      <c r="AH134">
        <v>50000</v>
      </c>
      <c r="AI134">
        <v>0</v>
      </c>
      <c r="AJ134">
        <v>104</v>
      </c>
      <c r="AK134" t="s">
        <v>10</v>
      </c>
      <c r="AL134">
        <v>0</v>
      </c>
      <c r="AM134">
        <v>0</v>
      </c>
      <c r="AN134">
        <v>0</v>
      </c>
      <c r="AO134">
        <v>0</v>
      </c>
      <c r="AP134">
        <v>0</v>
      </c>
      <c r="AQ134">
        <v>0</v>
      </c>
      <c r="AR134">
        <v>0</v>
      </c>
      <c r="AS134">
        <v>0</v>
      </c>
      <c r="AT134">
        <v>0</v>
      </c>
      <c r="AU134">
        <v>0</v>
      </c>
      <c r="AV134">
        <v>0</v>
      </c>
      <c r="AW134">
        <v>0</v>
      </c>
      <c r="AX134">
        <v>1360</v>
      </c>
      <c r="AY134">
        <v>7</v>
      </c>
      <c r="AZ134">
        <v>11</v>
      </c>
      <c r="BA134">
        <v>879</v>
      </c>
    </row>
    <row r="135" spans="1:53" x14ac:dyDescent="0.4">
      <c r="A135">
        <v>179</v>
      </c>
      <c r="B135" s="1">
        <v>42871</v>
      </c>
      <c r="C135">
        <v>1</v>
      </c>
      <c r="D135" s="1">
        <v>42871.291666666664</v>
      </c>
      <c r="E135" s="1">
        <v>42871.45416666667</v>
      </c>
      <c r="F135">
        <v>0</v>
      </c>
      <c r="G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>
        <v>0</v>
      </c>
      <c r="N135">
        <v>0</v>
      </c>
      <c r="O135">
        <v>0</v>
      </c>
      <c r="P135">
        <v>0</v>
      </c>
      <c r="Q135">
        <v>0</v>
      </c>
      <c r="R135">
        <v>0</v>
      </c>
      <c r="S135">
        <v>0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30</v>
      </c>
      <c r="Z135">
        <v>10</v>
      </c>
      <c r="AA135">
        <v>118</v>
      </c>
      <c r="AB135">
        <v>19</v>
      </c>
      <c r="AC135">
        <v>217</v>
      </c>
      <c r="AD135">
        <v>8</v>
      </c>
      <c r="AE135">
        <v>40</v>
      </c>
      <c r="AF135">
        <v>0</v>
      </c>
      <c r="AG135">
        <v>50000</v>
      </c>
      <c r="AH135">
        <v>0</v>
      </c>
      <c r="AI135">
        <v>50000</v>
      </c>
      <c r="AJ135">
        <v>0</v>
      </c>
      <c r="AK135" t="s">
        <v>6</v>
      </c>
      <c r="AL135">
        <v>0</v>
      </c>
      <c r="AM135">
        <v>0</v>
      </c>
      <c r="AN135">
        <v>0</v>
      </c>
      <c r="AO135">
        <v>0</v>
      </c>
      <c r="AP135">
        <v>0</v>
      </c>
      <c r="AQ135">
        <v>0</v>
      </c>
      <c r="AR135">
        <v>0</v>
      </c>
      <c r="AS135">
        <v>0</v>
      </c>
      <c r="AT135">
        <v>0</v>
      </c>
      <c r="AU135">
        <v>0</v>
      </c>
      <c r="AV135">
        <v>0</v>
      </c>
      <c r="AW135">
        <v>0</v>
      </c>
      <c r="AX135">
        <v>0</v>
      </c>
      <c r="AY135">
        <v>0</v>
      </c>
      <c r="AZ135">
        <v>0</v>
      </c>
      <c r="BA135">
        <v>0</v>
      </c>
    </row>
    <row r="136" spans="1:53" x14ac:dyDescent="0.4">
      <c r="A136">
        <v>180</v>
      </c>
      <c r="B136" s="1">
        <v>42871</v>
      </c>
      <c r="C136">
        <v>2</v>
      </c>
      <c r="D136" s="1">
        <v>42871.45416666667</v>
      </c>
      <c r="E136" s="1">
        <v>42871.779166666667</v>
      </c>
      <c r="F136">
        <v>21250</v>
      </c>
      <c r="G136">
        <v>6430</v>
      </c>
      <c r="H136">
        <v>0</v>
      </c>
      <c r="I136">
        <v>0</v>
      </c>
      <c r="J136">
        <v>0</v>
      </c>
      <c r="K136">
        <v>0</v>
      </c>
      <c r="L136">
        <v>0</v>
      </c>
      <c r="M136">
        <v>2214</v>
      </c>
      <c r="N136">
        <v>0</v>
      </c>
      <c r="O136">
        <v>0</v>
      </c>
      <c r="P136">
        <v>12420</v>
      </c>
      <c r="Q136">
        <v>0</v>
      </c>
      <c r="R136">
        <v>42314</v>
      </c>
      <c r="S136">
        <v>0</v>
      </c>
      <c r="T136">
        <v>0</v>
      </c>
      <c r="U136">
        <v>0</v>
      </c>
      <c r="V136">
        <v>0</v>
      </c>
      <c r="W136">
        <v>4</v>
      </c>
      <c r="X136">
        <v>0</v>
      </c>
      <c r="Y136">
        <v>39</v>
      </c>
      <c r="Z136">
        <v>28</v>
      </c>
      <c r="AA136">
        <v>109</v>
      </c>
      <c r="AB136">
        <v>19</v>
      </c>
      <c r="AC136">
        <v>263</v>
      </c>
      <c r="AD136">
        <v>13</v>
      </c>
      <c r="AE136">
        <v>39</v>
      </c>
      <c r="AF136">
        <v>4730</v>
      </c>
      <c r="AG136">
        <v>92314</v>
      </c>
      <c r="AH136">
        <v>50000</v>
      </c>
      <c r="AI136">
        <v>0</v>
      </c>
      <c r="AJ136">
        <v>100</v>
      </c>
      <c r="AK136" t="s">
        <v>0</v>
      </c>
      <c r="AL136">
        <v>0</v>
      </c>
      <c r="AM136">
        <v>0</v>
      </c>
      <c r="AN136">
        <v>0</v>
      </c>
      <c r="AO136">
        <v>0</v>
      </c>
      <c r="AP136">
        <v>0</v>
      </c>
      <c r="AQ136">
        <v>0</v>
      </c>
      <c r="AR136">
        <v>0</v>
      </c>
      <c r="AS136">
        <v>0</v>
      </c>
      <c r="AT136">
        <v>0</v>
      </c>
      <c r="AU136">
        <v>0</v>
      </c>
      <c r="AV136">
        <v>0</v>
      </c>
      <c r="AW136">
        <v>0</v>
      </c>
      <c r="AX136">
        <v>1868</v>
      </c>
      <c r="AY136">
        <v>40</v>
      </c>
      <c r="AZ136">
        <v>68</v>
      </c>
      <c r="BA136">
        <v>5749</v>
      </c>
    </row>
    <row r="137" spans="1:53" x14ac:dyDescent="0.4">
      <c r="A137">
        <v>181</v>
      </c>
      <c r="B137" s="1">
        <v>42871</v>
      </c>
      <c r="C137">
        <v>3</v>
      </c>
      <c r="D137" s="1">
        <v>42871.779166666667</v>
      </c>
      <c r="E137" s="1">
        <v>42871.963194444441</v>
      </c>
      <c r="F137">
        <v>29440</v>
      </c>
      <c r="G137">
        <v>850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2423</v>
      </c>
      <c r="N137">
        <v>0</v>
      </c>
      <c r="O137">
        <v>0</v>
      </c>
      <c r="P137">
        <v>13954</v>
      </c>
      <c r="Q137">
        <v>0</v>
      </c>
      <c r="R137">
        <v>46667</v>
      </c>
      <c r="S137">
        <v>0</v>
      </c>
      <c r="T137">
        <v>0</v>
      </c>
      <c r="U137">
        <v>0</v>
      </c>
      <c r="V137">
        <v>4</v>
      </c>
      <c r="W137">
        <v>4</v>
      </c>
      <c r="X137">
        <v>0</v>
      </c>
      <c r="Y137">
        <v>43</v>
      </c>
      <c r="Z137">
        <v>31</v>
      </c>
      <c r="AA137">
        <v>110</v>
      </c>
      <c r="AB137">
        <v>19</v>
      </c>
      <c r="AC137">
        <v>275</v>
      </c>
      <c r="AD137">
        <v>13</v>
      </c>
      <c r="AE137">
        <v>36</v>
      </c>
      <c r="AF137">
        <v>5680</v>
      </c>
      <c r="AG137">
        <v>138981</v>
      </c>
      <c r="AH137">
        <v>50000</v>
      </c>
      <c r="AI137">
        <v>0</v>
      </c>
      <c r="AJ137">
        <v>1</v>
      </c>
      <c r="AK137" t="s">
        <v>3</v>
      </c>
      <c r="AL137">
        <v>0</v>
      </c>
      <c r="AM137">
        <v>0</v>
      </c>
      <c r="AN137">
        <v>0</v>
      </c>
      <c r="AO137">
        <v>0</v>
      </c>
      <c r="AP137">
        <v>0</v>
      </c>
      <c r="AQ137">
        <v>0</v>
      </c>
      <c r="AR137">
        <v>0</v>
      </c>
      <c r="AS137">
        <v>0</v>
      </c>
      <c r="AT137">
        <v>0</v>
      </c>
      <c r="AU137">
        <v>0</v>
      </c>
      <c r="AV137">
        <v>0</v>
      </c>
      <c r="AW137">
        <v>0</v>
      </c>
      <c r="AX137">
        <v>45370</v>
      </c>
      <c r="AY137">
        <v>18</v>
      </c>
      <c r="AZ137">
        <v>63</v>
      </c>
      <c r="BA137">
        <v>2278</v>
      </c>
    </row>
    <row r="138" spans="1:53" x14ac:dyDescent="0.4">
      <c r="A138">
        <v>182</v>
      </c>
      <c r="B138" s="1">
        <v>42872</v>
      </c>
      <c r="C138">
        <v>1</v>
      </c>
      <c r="D138" s="1">
        <v>42872.291666666664</v>
      </c>
      <c r="E138" s="1">
        <v>42872.451388888891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0</v>
      </c>
      <c r="O138">
        <v>0</v>
      </c>
      <c r="P138">
        <v>0</v>
      </c>
      <c r="Q138">
        <v>0</v>
      </c>
      <c r="R138">
        <v>0</v>
      </c>
      <c r="S138">
        <v>0</v>
      </c>
      <c r="T138">
        <v>0</v>
      </c>
      <c r="U138">
        <v>0</v>
      </c>
      <c r="V138">
        <v>0</v>
      </c>
      <c r="W138">
        <v>1</v>
      </c>
      <c r="X138">
        <v>0</v>
      </c>
      <c r="Y138">
        <v>25</v>
      </c>
      <c r="Z138">
        <v>14</v>
      </c>
      <c r="AA138">
        <v>105</v>
      </c>
      <c r="AB138">
        <v>17</v>
      </c>
      <c r="AC138">
        <v>154</v>
      </c>
      <c r="AD138">
        <v>15</v>
      </c>
      <c r="AE138">
        <v>35</v>
      </c>
      <c r="AF138">
        <v>0</v>
      </c>
      <c r="AG138">
        <v>50000</v>
      </c>
      <c r="AH138">
        <v>0</v>
      </c>
      <c r="AI138">
        <v>50000</v>
      </c>
      <c r="AJ138">
        <v>0</v>
      </c>
      <c r="AK138" t="s">
        <v>6</v>
      </c>
      <c r="AL138">
        <v>0</v>
      </c>
      <c r="AM138">
        <v>0</v>
      </c>
      <c r="AN138">
        <v>0</v>
      </c>
      <c r="AO138">
        <v>0</v>
      </c>
      <c r="AP138">
        <v>0</v>
      </c>
      <c r="AQ138">
        <v>0</v>
      </c>
      <c r="AR138">
        <v>0</v>
      </c>
      <c r="AS138">
        <v>0</v>
      </c>
      <c r="AT138">
        <v>0</v>
      </c>
      <c r="AU138">
        <v>0</v>
      </c>
      <c r="AV138">
        <v>0</v>
      </c>
      <c r="AW138">
        <v>0</v>
      </c>
      <c r="AX138">
        <v>0</v>
      </c>
      <c r="AY138">
        <v>0</v>
      </c>
      <c r="AZ138">
        <v>0</v>
      </c>
      <c r="BA138">
        <v>0</v>
      </c>
    </row>
    <row r="139" spans="1:53" x14ac:dyDescent="0.4">
      <c r="A139">
        <v>183</v>
      </c>
      <c r="B139" s="1">
        <v>42872</v>
      </c>
      <c r="C139">
        <v>2</v>
      </c>
      <c r="D139" s="1">
        <v>42872.451388888891</v>
      </c>
      <c r="E139" s="1">
        <v>42872.750694444447</v>
      </c>
      <c r="F139">
        <v>15500</v>
      </c>
      <c r="G139">
        <v>380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1270</v>
      </c>
      <c r="N139">
        <v>0</v>
      </c>
      <c r="O139">
        <v>0</v>
      </c>
      <c r="P139">
        <v>14580</v>
      </c>
      <c r="Q139">
        <v>0</v>
      </c>
      <c r="R139">
        <v>31730</v>
      </c>
      <c r="S139">
        <v>0</v>
      </c>
      <c r="T139">
        <v>0</v>
      </c>
      <c r="U139">
        <v>0</v>
      </c>
      <c r="V139">
        <v>0</v>
      </c>
      <c r="W139">
        <v>2</v>
      </c>
      <c r="X139">
        <v>0</v>
      </c>
      <c r="Y139">
        <v>46</v>
      </c>
      <c r="Z139">
        <v>15</v>
      </c>
      <c r="AA139">
        <v>137</v>
      </c>
      <c r="AB139">
        <v>33</v>
      </c>
      <c r="AC139">
        <v>223</v>
      </c>
      <c r="AD139">
        <v>15</v>
      </c>
      <c r="AE139">
        <v>35</v>
      </c>
      <c r="AF139">
        <v>540</v>
      </c>
      <c r="AG139">
        <v>81730</v>
      </c>
      <c r="AH139">
        <v>50000</v>
      </c>
      <c r="AI139">
        <v>0</v>
      </c>
      <c r="AJ139">
        <v>95</v>
      </c>
      <c r="AK139" t="s">
        <v>13</v>
      </c>
      <c r="AL139">
        <v>0</v>
      </c>
      <c r="AM139">
        <v>0</v>
      </c>
      <c r="AN139">
        <v>0</v>
      </c>
      <c r="AO139">
        <v>0</v>
      </c>
      <c r="AP139">
        <v>0</v>
      </c>
      <c r="AQ139">
        <v>0</v>
      </c>
      <c r="AR139">
        <v>0</v>
      </c>
      <c r="AS139">
        <v>0</v>
      </c>
      <c r="AT139">
        <v>0</v>
      </c>
      <c r="AU139">
        <v>0</v>
      </c>
      <c r="AV139">
        <v>0</v>
      </c>
      <c r="AW139">
        <v>0</v>
      </c>
      <c r="AX139">
        <v>-1620</v>
      </c>
      <c r="AY139">
        <v>30</v>
      </c>
      <c r="AZ139">
        <v>58</v>
      </c>
      <c r="BA139">
        <v>3572</v>
      </c>
    </row>
    <row r="140" spans="1:53" x14ac:dyDescent="0.4">
      <c r="A140">
        <v>184</v>
      </c>
      <c r="B140" s="1">
        <v>42873</v>
      </c>
      <c r="C140">
        <v>1</v>
      </c>
      <c r="D140" s="1">
        <v>42873.291666666664</v>
      </c>
      <c r="E140" s="1">
        <v>42873.45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0</v>
      </c>
      <c r="O140">
        <v>0</v>
      </c>
      <c r="P140">
        <v>0</v>
      </c>
      <c r="Q140">
        <v>0</v>
      </c>
      <c r="R140">
        <v>0</v>
      </c>
      <c r="S140">
        <v>0</v>
      </c>
      <c r="T140">
        <v>0</v>
      </c>
      <c r="U140">
        <v>0</v>
      </c>
      <c r="V140">
        <v>0</v>
      </c>
      <c r="W140">
        <v>1</v>
      </c>
      <c r="X140">
        <v>0</v>
      </c>
      <c r="Y140">
        <v>26</v>
      </c>
      <c r="Z140">
        <v>13</v>
      </c>
      <c r="AA140">
        <v>95</v>
      </c>
      <c r="AB140">
        <v>33</v>
      </c>
      <c r="AC140">
        <v>126</v>
      </c>
      <c r="AD140">
        <v>13</v>
      </c>
      <c r="AE140">
        <v>25</v>
      </c>
      <c r="AF140">
        <v>0</v>
      </c>
      <c r="AG140">
        <v>50000</v>
      </c>
      <c r="AH140">
        <v>0</v>
      </c>
      <c r="AI140">
        <v>50000</v>
      </c>
      <c r="AJ140">
        <v>0</v>
      </c>
      <c r="AK140" t="s">
        <v>6</v>
      </c>
      <c r="AL140">
        <v>0</v>
      </c>
      <c r="AM140">
        <v>0</v>
      </c>
      <c r="AN140">
        <v>0</v>
      </c>
      <c r="AO140">
        <v>0</v>
      </c>
      <c r="AP140">
        <v>0</v>
      </c>
      <c r="AQ140">
        <v>0</v>
      </c>
      <c r="AR140">
        <v>0</v>
      </c>
      <c r="AS140">
        <v>0</v>
      </c>
      <c r="AT140">
        <v>0</v>
      </c>
      <c r="AU140">
        <v>0</v>
      </c>
      <c r="AV140">
        <v>0</v>
      </c>
      <c r="AW140">
        <v>0</v>
      </c>
      <c r="AX140">
        <v>0</v>
      </c>
      <c r="AY140">
        <v>0</v>
      </c>
      <c r="AZ140">
        <v>0</v>
      </c>
      <c r="BA140">
        <v>0</v>
      </c>
    </row>
    <row r="141" spans="1:53" x14ac:dyDescent="0.4">
      <c r="A141">
        <v>185</v>
      </c>
      <c r="B141" s="1">
        <v>42873</v>
      </c>
      <c r="C141">
        <v>2</v>
      </c>
      <c r="D141" s="1">
        <v>42873.45</v>
      </c>
      <c r="E141" s="1">
        <v>42873.758333333331</v>
      </c>
      <c r="F141">
        <v>25500</v>
      </c>
      <c r="G141">
        <v>155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2164</v>
      </c>
      <c r="N141">
        <v>0</v>
      </c>
      <c r="O141">
        <v>0</v>
      </c>
      <c r="P141">
        <v>16632</v>
      </c>
      <c r="Q141">
        <v>0</v>
      </c>
      <c r="R141">
        <v>45846</v>
      </c>
      <c r="S141">
        <v>0</v>
      </c>
      <c r="T141">
        <v>0</v>
      </c>
      <c r="U141">
        <v>0</v>
      </c>
      <c r="V141">
        <v>1</v>
      </c>
      <c r="W141">
        <v>1</v>
      </c>
      <c r="X141">
        <v>0</v>
      </c>
      <c r="Y141">
        <v>53</v>
      </c>
      <c r="Z141">
        <v>25</v>
      </c>
      <c r="AA141">
        <v>110</v>
      </c>
      <c r="AB141">
        <v>48</v>
      </c>
      <c r="AC141">
        <v>195</v>
      </c>
      <c r="AD141">
        <v>13</v>
      </c>
      <c r="AE141">
        <v>31</v>
      </c>
      <c r="AF141">
        <v>0</v>
      </c>
      <c r="AG141">
        <v>95946</v>
      </c>
      <c r="AH141">
        <v>50000</v>
      </c>
      <c r="AI141">
        <v>100</v>
      </c>
      <c r="AJ141">
        <v>102</v>
      </c>
      <c r="AK141" t="s">
        <v>8</v>
      </c>
      <c r="AL141">
        <v>0</v>
      </c>
      <c r="AM141">
        <v>0</v>
      </c>
      <c r="AN141">
        <v>0</v>
      </c>
      <c r="AO141">
        <v>0</v>
      </c>
      <c r="AP141">
        <v>0</v>
      </c>
      <c r="AQ141">
        <v>0</v>
      </c>
      <c r="AR141">
        <v>0</v>
      </c>
      <c r="AS141">
        <v>0</v>
      </c>
      <c r="AT141">
        <v>0</v>
      </c>
      <c r="AU141">
        <v>0</v>
      </c>
      <c r="AV141">
        <v>0</v>
      </c>
      <c r="AW141">
        <v>0</v>
      </c>
      <c r="AX141">
        <v>-2592</v>
      </c>
      <c r="AY141">
        <v>37</v>
      </c>
      <c r="AZ141">
        <v>77</v>
      </c>
      <c r="BA141">
        <v>5468</v>
      </c>
    </row>
    <row r="142" spans="1:53" x14ac:dyDescent="0.4">
      <c r="A142">
        <v>186</v>
      </c>
      <c r="B142" s="1">
        <v>42873</v>
      </c>
      <c r="C142">
        <v>3</v>
      </c>
      <c r="D142" s="1">
        <v>42873.758333333331</v>
      </c>
      <c r="E142" s="1">
        <v>42873.947222222225</v>
      </c>
      <c r="F142">
        <v>3142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2514</v>
      </c>
      <c r="N142">
        <v>0</v>
      </c>
      <c r="O142">
        <v>0</v>
      </c>
      <c r="P142">
        <v>-14040</v>
      </c>
      <c r="Q142">
        <v>0</v>
      </c>
      <c r="R142">
        <v>19894</v>
      </c>
      <c r="S142">
        <v>0</v>
      </c>
      <c r="T142">
        <v>0</v>
      </c>
      <c r="U142">
        <v>0</v>
      </c>
      <c r="V142">
        <v>2</v>
      </c>
      <c r="W142">
        <v>1</v>
      </c>
      <c r="X142">
        <v>0</v>
      </c>
      <c r="Y142">
        <v>63</v>
      </c>
      <c r="Z142">
        <v>26</v>
      </c>
      <c r="AA142">
        <v>104</v>
      </c>
      <c r="AB142">
        <v>48</v>
      </c>
      <c r="AC142">
        <v>194</v>
      </c>
      <c r="AD142">
        <v>13</v>
      </c>
      <c r="AE142">
        <v>35</v>
      </c>
      <c r="AF142">
        <v>0</v>
      </c>
      <c r="AG142">
        <v>115840</v>
      </c>
      <c r="AH142">
        <v>50000</v>
      </c>
      <c r="AI142">
        <v>100</v>
      </c>
      <c r="AJ142">
        <v>102</v>
      </c>
      <c r="AK142" t="s">
        <v>8</v>
      </c>
      <c r="AL142">
        <v>0</v>
      </c>
      <c r="AM142">
        <v>0</v>
      </c>
      <c r="AN142">
        <v>0</v>
      </c>
      <c r="AO142">
        <v>0</v>
      </c>
      <c r="AP142">
        <v>0</v>
      </c>
      <c r="AQ142">
        <v>0</v>
      </c>
      <c r="AR142">
        <v>0</v>
      </c>
      <c r="AS142">
        <v>0</v>
      </c>
      <c r="AT142">
        <v>0</v>
      </c>
      <c r="AU142">
        <v>0</v>
      </c>
      <c r="AV142">
        <v>0</v>
      </c>
      <c r="AW142">
        <v>0</v>
      </c>
      <c r="AX142">
        <v>37260</v>
      </c>
      <c r="AY142">
        <v>14</v>
      </c>
      <c r="AZ142">
        <v>40</v>
      </c>
      <c r="BA142">
        <v>1956</v>
      </c>
    </row>
    <row r="143" spans="1:53" x14ac:dyDescent="0.4">
      <c r="A143">
        <v>187</v>
      </c>
      <c r="B143" s="1">
        <v>42874</v>
      </c>
      <c r="C143">
        <v>1</v>
      </c>
      <c r="D143" s="1">
        <v>42874.291666666664</v>
      </c>
      <c r="E143" s="1">
        <v>42874.456250000003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0</v>
      </c>
      <c r="O143">
        <v>0</v>
      </c>
      <c r="P143">
        <v>0</v>
      </c>
      <c r="Q143">
        <v>0</v>
      </c>
      <c r="R143">
        <v>0</v>
      </c>
      <c r="S143">
        <v>0</v>
      </c>
      <c r="T143">
        <v>0</v>
      </c>
      <c r="U143">
        <v>0</v>
      </c>
      <c r="V143">
        <v>0</v>
      </c>
      <c r="W143">
        <v>1</v>
      </c>
      <c r="X143">
        <v>0</v>
      </c>
      <c r="Y143">
        <v>25</v>
      </c>
      <c r="Z143">
        <v>8</v>
      </c>
      <c r="AA143">
        <v>118</v>
      </c>
      <c r="AB143">
        <v>48</v>
      </c>
      <c r="AC143">
        <v>172</v>
      </c>
      <c r="AD143">
        <v>12</v>
      </c>
      <c r="AE143">
        <v>20</v>
      </c>
      <c r="AF143">
        <v>0</v>
      </c>
      <c r="AG143">
        <v>50000</v>
      </c>
      <c r="AH143">
        <v>0</v>
      </c>
      <c r="AI143">
        <v>50000</v>
      </c>
      <c r="AJ143">
        <v>0</v>
      </c>
      <c r="AK143" t="s">
        <v>6</v>
      </c>
      <c r="AL143">
        <v>0</v>
      </c>
      <c r="AM143">
        <v>0</v>
      </c>
      <c r="AN143">
        <v>0</v>
      </c>
      <c r="AO143">
        <v>0</v>
      </c>
      <c r="AP143">
        <v>0</v>
      </c>
      <c r="AQ143">
        <v>0</v>
      </c>
      <c r="AR143">
        <v>0</v>
      </c>
      <c r="AS143">
        <v>0</v>
      </c>
      <c r="AT143">
        <v>0</v>
      </c>
      <c r="AU143">
        <v>0</v>
      </c>
      <c r="AV143">
        <v>0</v>
      </c>
      <c r="AW143">
        <v>0</v>
      </c>
      <c r="AX143">
        <v>0</v>
      </c>
      <c r="AY143">
        <v>0</v>
      </c>
      <c r="AZ143">
        <v>0</v>
      </c>
      <c r="BA143">
        <v>0</v>
      </c>
    </row>
    <row r="144" spans="1:53" x14ac:dyDescent="0.4">
      <c r="A144">
        <v>188</v>
      </c>
      <c r="B144" s="1">
        <v>42874</v>
      </c>
      <c r="C144">
        <v>2</v>
      </c>
      <c r="D144" s="1">
        <v>42874.456250000003</v>
      </c>
      <c r="E144" s="1">
        <v>42874.750694444447</v>
      </c>
      <c r="F144">
        <v>16000</v>
      </c>
      <c r="G144">
        <v>80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1344</v>
      </c>
      <c r="N144">
        <v>0</v>
      </c>
      <c r="O144">
        <v>0</v>
      </c>
      <c r="P144">
        <v>22140</v>
      </c>
      <c r="Q144">
        <v>0</v>
      </c>
      <c r="R144">
        <v>40284</v>
      </c>
      <c r="S144">
        <v>0</v>
      </c>
      <c r="T144">
        <v>0</v>
      </c>
      <c r="U144">
        <v>0</v>
      </c>
      <c r="V144">
        <v>1</v>
      </c>
      <c r="W144">
        <v>1</v>
      </c>
      <c r="X144">
        <v>0</v>
      </c>
      <c r="Y144">
        <v>41</v>
      </c>
      <c r="Z144">
        <v>28</v>
      </c>
      <c r="AA144">
        <v>142</v>
      </c>
      <c r="AB144">
        <v>59</v>
      </c>
      <c r="AC144">
        <v>251</v>
      </c>
      <c r="AD144">
        <v>12</v>
      </c>
      <c r="AE144">
        <v>24</v>
      </c>
      <c r="AF144">
        <v>540</v>
      </c>
      <c r="AG144">
        <v>90284</v>
      </c>
      <c r="AH144">
        <v>50000</v>
      </c>
      <c r="AI144">
        <v>0</v>
      </c>
      <c r="AJ144">
        <v>95</v>
      </c>
      <c r="AK144" t="s">
        <v>13</v>
      </c>
      <c r="AL144">
        <v>0</v>
      </c>
      <c r="AM144">
        <v>0</v>
      </c>
      <c r="AN144">
        <v>0</v>
      </c>
      <c r="AO144">
        <v>0</v>
      </c>
      <c r="AP144">
        <v>0</v>
      </c>
      <c r="AQ144">
        <v>0</v>
      </c>
      <c r="AR144">
        <v>0</v>
      </c>
      <c r="AS144">
        <v>0</v>
      </c>
      <c r="AT144">
        <v>0</v>
      </c>
      <c r="AU144">
        <v>0</v>
      </c>
      <c r="AV144">
        <v>0</v>
      </c>
      <c r="AW144">
        <v>0</v>
      </c>
      <c r="AX144">
        <v>-1080</v>
      </c>
      <c r="AY144">
        <v>38</v>
      </c>
      <c r="AZ144">
        <v>73</v>
      </c>
      <c r="BA144">
        <v>5851</v>
      </c>
    </row>
    <row r="145" spans="1:53" x14ac:dyDescent="0.4">
      <c r="A145">
        <v>189</v>
      </c>
      <c r="B145" s="1">
        <v>42874</v>
      </c>
      <c r="C145">
        <v>3</v>
      </c>
      <c r="D145" s="1">
        <v>42874.750694444447</v>
      </c>
      <c r="E145" s="1">
        <v>42874.944444444445</v>
      </c>
      <c r="F145">
        <v>39400</v>
      </c>
      <c r="G145">
        <v>6220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3649</v>
      </c>
      <c r="N145">
        <v>0</v>
      </c>
      <c r="O145">
        <v>0</v>
      </c>
      <c r="P145">
        <v>-8748</v>
      </c>
      <c r="Q145">
        <v>0</v>
      </c>
      <c r="R145">
        <v>40521</v>
      </c>
      <c r="S145">
        <v>0</v>
      </c>
      <c r="T145">
        <v>0</v>
      </c>
      <c r="U145">
        <v>0</v>
      </c>
      <c r="V145">
        <v>3</v>
      </c>
      <c r="W145">
        <v>2</v>
      </c>
      <c r="X145">
        <v>0</v>
      </c>
      <c r="Y145">
        <v>57</v>
      </c>
      <c r="Z145">
        <v>27</v>
      </c>
      <c r="AA145">
        <v>136</v>
      </c>
      <c r="AB145">
        <v>58</v>
      </c>
      <c r="AC145">
        <v>254</v>
      </c>
      <c r="AD145">
        <v>10</v>
      </c>
      <c r="AE145">
        <v>27</v>
      </c>
      <c r="AF145">
        <v>1188</v>
      </c>
      <c r="AG145">
        <v>130805</v>
      </c>
      <c r="AH145">
        <v>50000</v>
      </c>
      <c r="AI145">
        <v>0</v>
      </c>
      <c r="AJ145">
        <v>91</v>
      </c>
      <c r="AK145" t="s">
        <v>14</v>
      </c>
      <c r="AL145">
        <v>0</v>
      </c>
      <c r="AM145">
        <v>0</v>
      </c>
      <c r="AN145">
        <v>0</v>
      </c>
      <c r="AO145">
        <v>0</v>
      </c>
      <c r="AP145">
        <v>0</v>
      </c>
      <c r="AQ145">
        <v>0</v>
      </c>
      <c r="AR145">
        <v>0</v>
      </c>
      <c r="AS145">
        <v>0</v>
      </c>
      <c r="AT145">
        <v>0</v>
      </c>
      <c r="AU145">
        <v>0</v>
      </c>
      <c r="AV145">
        <v>0</v>
      </c>
      <c r="AW145">
        <v>0</v>
      </c>
      <c r="AX145">
        <v>130925</v>
      </c>
      <c r="AY145">
        <v>25</v>
      </c>
      <c r="AZ145">
        <v>139</v>
      </c>
      <c r="BA145">
        <v>2715</v>
      </c>
    </row>
    <row r="146" spans="1:53" x14ac:dyDescent="0.4">
      <c r="A146">
        <v>190</v>
      </c>
      <c r="B146" s="1">
        <v>42875</v>
      </c>
      <c r="C146">
        <v>1</v>
      </c>
      <c r="D146" s="1">
        <v>42875.291666666664</v>
      </c>
      <c r="E146" s="1">
        <v>42875.406944444447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0</v>
      </c>
      <c r="O146">
        <v>0</v>
      </c>
      <c r="P146">
        <v>0</v>
      </c>
      <c r="Q146">
        <v>0</v>
      </c>
      <c r="R146">
        <v>0</v>
      </c>
      <c r="S146">
        <v>0</v>
      </c>
      <c r="T146">
        <v>0</v>
      </c>
      <c r="U146">
        <v>0</v>
      </c>
      <c r="V146">
        <v>0</v>
      </c>
      <c r="W146">
        <v>1</v>
      </c>
      <c r="X146">
        <v>0</v>
      </c>
      <c r="Y146">
        <v>25</v>
      </c>
      <c r="Z146">
        <v>21</v>
      </c>
      <c r="AA146">
        <v>56</v>
      </c>
      <c r="AB146">
        <v>50</v>
      </c>
      <c r="AC146">
        <v>132</v>
      </c>
      <c r="AD146">
        <v>5</v>
      </c>
      <c r="AE146">
        <v>55</v>
      </c>
      <c r="AF146">
        <v>0</v>
      </c>
      <c r="AG146">
        <v>50000</v>
      </c>
      <c r="AH146">
        <v>0</v>
      </c>
      <c r="AI146">
        <v>50000</v>
      </c>
      <c r="AJ146">
        <v>0</v>
      </c>
      <c r="AK146" t="s">
        <v>6</v>
      </c>
      <c r="AL146">
        <v>0</v>
      </c>
      <c r="AM146">
        <v>0</v>
      </c>
      <c r="AN146">
        <v>0</v>
      </c>
      <c r="AO146">
        <v>0</v>
      </c>
      <c r="AP146">
        <v>0</v>
      </c>
      <c r="AQ146">
        <v>0</v>
      </c>
      <c r="AR146">
        <v>0</v>
      </c>
      <c r="AS146">
        <v>0</v>
      </c>
      <c r="AT146">
        <v>0</v>
      </c>
      <c r="AU146">
        <v>0</v>
      </c>
      <c r="AV146">
        <v>0</v>
      </c>
      <c r="AW146">
        <v>0</v>
      </c>
      <c r="AX146">
        <v>0</v>
      </c>
      <c r="AY146">
        <v>0</v>
      </c>
      <c r="AZ146">
        <v>0</v>
      </c>
      <c r="BA146">
        <v>0</v>
      </c>
    </row>
    <row r="147" spans="1:53" x14ac:dyDescent="0.4">
      <c r="A147">
        <v>191</v>
      </c>
      <c r="B147" s="1">
        <v>42875</v>
      </c>
      <c r="C147">
        <v>2</v>
      </c>
      <c r="D147" s="1">
        <v>42875.406944444447</v>
      </c>
      <c r="E147" s="1">
        <v>42875.773611111108</v>
      </c>
      <c r="F147">
        <v>40000</v>
      </c>
      <c r="G147">
        <v>3420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3472</v>
      </c>
      <c r="N147">
        <v>0</v>
      </c>
      <c r="O147">
        <v>0</v>
      </c>
      <c r="P147">
        <v>15930</v>
      </c>
      <c r="Q147">
        <v>0</v>
      </c>
      <c r="R147">
        <v>62822</v>
      </c>
      <c r="S147">
        <v>0</v>
      </c>
      <c r="T147">
        <v>0</v>
      </c>
      <c r="U147">
        <v>0</v>
      </c>
      <c r="V147">
        <v>1</v>
      </c>
      <c r="W147">
        <v>2</v>
      </c>
      <c r="X147">
        <v>0</v>
      </c>
      <c r="Y147">
        <v>46</v>
      </c>
      <c r="Z147">
        <v>43</v>
      </c>
      <c r="AA147">
        <v>94</v>
      </c>
      <c r="AB147">
        <v>59</v>
      </c>
      <c r="AC147">
        <v>229</v>
      </c>
      <c r="AD147">
        <v>4</v>
      </c>
      <c r="AE147">
        <v>46</v>
      </c>
      <c r="AF147">
        <v>10616</v>
      </c>
      <c r="AG147">
        <v>112822</v>
      </c>
      <c r="AH147">
        <v>0</v>
      </c>
      <c r="AI147">
        <v>50000</v>
      </c>
      <c r="AJ147">
        <v>100</v>
      </c>
      <c r="AK147" t="s">
        <v>0</v>
      </c>
      <c r="AL147">
        <v>0</v>
      </c>
      <c r="AM147">
        <v>0</v>
      </c>
      <c r="AN147">
        <v>0</v>
      </c>
      <c r="AO147">
        <v>0</v>
      </c>
      <c r="AP147">
        <v>0</v>
      </c>
      <c r="AQ147">
        <v>0</v>
      </c>
      <c r="AR147">
        <v>0</v>
      </c>
      <c r="AS147">
        <v>0</v>
      </c>
      <c r="AT147">
        <v>0</v>
      </c>
      <c r="AU147">
        <v>0</v>
      </c>
      <c r="AV147">
        <v>0</v>
      </c>
      <c r="AW147">
        <v>0</v>
      </c>
      <c r="AX147">
        <v>7420</v>
      </c>
      <c r="AY147">
        <v>46</v>
      </c>
      <c r="AZ147">
        <v>105</v>
      </c>
      <c r="BA147">
        <v>7289</v>
      </c>
    </row>
    <row r="148" spans="1:53" x14ac:dyDescent="0.4">
      <c r="A148">
        <v>192</v>
      </c>
      <c r="B148" s="1">
        <v>42875</v>
      </c>
      <c r="C148">
        <v>3</v>
      </c>
      <c r="D148" s="1">
        <v>42875.773611111108</v>
      </c>
      <c r="E148" s="1">
        <v>42875.774305555555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0</v>
      </c>
      <c r="O148">
        <v>0</v>
      </c>
      <c r="P148">
        <v>0</v>
      </c>
      <c r="Q148">
        <v>0</v>
      </c>
      <c r="R148">
        <v>0</v>
      </c>
      <c r="S148">
        <v>0</v>
      </c>
      <c r="T148">
        <v>0</v>
      </c>
      <c r="U148">
        <v>0</v>
      </c>
      <c r="V148">
        <v>1</v>
      </c>
      <c r="W148">
        <v>2</v>
      </c>
      <c r="X148">
        <v>0</v>
      </c>
      <c r="Y148">
        <v>46</v>
      </c>
      <c r="Z148">
        <v>43</v>
      </c>
      <c r="AA148">
        <v>94</v>
      </c>
      <c r="AB148">
        <v>59</v>
      </c>
      <c r="AC148">
        <v>229</v>
      </c>
      <c r="AD148">
        <v>4</v>
      </c>
      <c r="AE148">
        <v>46</v>
      </c>
      <c r="AF148">
        <v>10616</v>
      </c>
      <c r="AG148">
        <v>112822</v>
      </c>
      <c r="AH148">
        <v>50000</v>
      </c>
      <c r="AI148">
        <v>0</v>
      </c>
      <c r="AJ148">
        <v>100</v>
      </c>
      <c r="AK148" t="s">
        <v>0</v>
      </c>
      <c r="AL148">
        <v>0</v>
      </c>
      <c r="AM148">
        <v>0</v>
      </c>
      <c r="AN148">
        <v>0</v>
      </c>
      <c r="AO148">
        <v>0</v>
      </c>
      <c r="AP148">
        <v>0</v>
      </c>
      <c r="AQ148">
        <v>0</v>
      </c>
      <c r="AR148">
        <v>0</v>
      </c>
      <c r="AS148">
        <v>0</v>
      </c>
      <c r="AT148">
        <v>0</v>
      </c>
      <c r="AU148">
        <v>0</v>
      </c>
      <c r="AV148">
        <v>0</v>
      </c>
      <c r="AW148">
        <v>0</v>
      </c>
      <c r="AX148">
        <v>7722</v>
      </c>
      <c r="AY148">
        <v>0</v>
      </c>
      <c r="AZ148">
        <v>0</v>
      </c>
      <c r="BA148">
        <v>16</v>
      </c>
    </row>
    <row r="149" spans="1:53" x14ac:dyDescent="0.4">
      <c r="A149">
        <v>193</v>
      </c>
      <c r="B149" s="1">
        <v>42875</v>
      </c>
      <c r="C149">
        <v>4</v>
      </c>
      <c r="D149" s="1">
        <v>42875.774305555555</v>
      </c>
      <c r="E149" s="1">
        <v>42875.948611111111</v>
      </c>
      <c r="F149">
        <v>87800</v>
      </c>
      <c r="G149">
        <v>6610</v>
      </c>
      <c r="H149">
        <v>0</v>
      </c>
      <c r="I149">
        <v>0</v>
      </c>
      <c r="J149">
        <v>1600</v>
      </c>
      <c r="K149">
        <v>0</v>
      </c>
      <c r="L149">
        <v>0</v>
      </c>
      <c r="M149">
        <v>7425</v>
      </c>
      <c r="N149">
        <v>0</v>
      </c>
      <c r="O149">
        <v>0</v>
      </c>
      <c r="P149">
        <v>-15930</v>
      </c>
      <c r="Q149">
        <v>0</v>
      </c>
      <c r="R149">
        <v>84305</v>
      </c>
      <c r="S149">
        <v>0</v>
      </c>
      <c r="T149">
        <v>0</v>
      </c>
      <c r="U149">
        <v>0</v>
      </c>
      <c r="V149">
        <v>13</v>
      </c>
      <c r="W149">
        <v>0</v>
      </c>
      <c r="X149">
        <v>0</v>
      </c>
      <c r="Y149">
        <v>19</v>
      </c>
      <c r="Z149">
        <v>44</v>
      </c>
      <c r="AA149">
        <v>81</v>
      </c>
      <c r="AB149">
        <v>54</v>
      </c>
      <c r="AC149">
        <v>217</v>
      </c>
      <c r="AD149">
        <v>2</v>
      </c>
      <c r="AE149">
        <v>25</v>
      </c>
      <c r="AF149">
        <v>13122</v>
      </c>
      <c r="AG149">
        <v>197127</v>
      </c>
      <c r="AH149">
        <v>50000</v>
      </c>
      <c r="AI149">
        <v>0</v>
      </c>
      <c r="AJ149">
        <v>91</v>
      </c>
      <c r="AK149" t="s">
        <v>14</v>
      </c>
      <c r="AL149">
        <v>0</v>
      </c>
      <c r="AM149">
        <v>0</v>
      </c>
      <c r="AN149">
        <v>0</v>
      </c>
      <c r="AO149">
        <v>0</v>
      </c>
      <c r="AP149">
        <v>0</v>
      </c>
      <c r="AQ149">
        <v>0</v>
      </c>
      <c r="AR149">
        <v>0</v>
      </c>
      <c r="AS149">
        <v>0</v>
      </c>
      <c r="AT149">
        <v>0</v>
      </c>
      <c r="AU149">
        <v>0</v>
      </c>
      <c r="AV149">
        <v>0</v>
      </c>
      <c r="AW149">
        <v>0</v>
      </c>
      <c r="AX149">
        <v>139362</v>
      </c>
      <c r="AY149">
        <v>28</v>
      </c>
      <c r="AZ149">
        <v>165</v>
      </c>
      <c r="BA149">
        <v>3040</v>
      </c>
    </row>
    <row r="150" spans="1:53" x14ac:dyDescent="0.4">
      <c r="A150">
        <v>194</v>
      </c>
      <c r="B150" s="1">
        <v>42876</v>
      </c>
      <c r="C150">
        <v>1</v>
      </c>
      <c r="D150" s="1">
        <v>42876.291666666664</v>
      </c>
      <c r="E150" s="1">
        <v>42876.407638888886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0</v>
      </c>
      <c r="R150">
        <v>0</v>
      </c>
      <c r="S150">
        <v>0</v>
      </c>
      <c r="T150">
        <v>0</v>
      </c>
      <c r="U150">
        <v>0</v>
      </c>
      <c r="V150">
        <v>0</v>
      </c>
      <c r="W150">
        <v>1</v>
      </c>
      <c r="X150">
        <v>0</v>
      </c>
      <c r="Y150">
        <v>25</v>
      </c>
      <c r="Z150">
        <v>15</v>
      </c>
      <c r="AA150">
        <v>88</v>
      </c>
      <c r="AB150">
        <v>50</v>
      </c>
      <c r="AC150">
        <v>125</v>
      </c>
      <c r="AD150">
        <v>0</v>
      </c>
      <c r="AE150">
        <v>0</v>
      </c>
      <c r="AF150">
        <v>0</v>
      </c>
      <c r="AG150">
        <v>50050</v>
      </c>
      <c r="AH150">
        <v>0</v>
      </c>
      <c r="AI150">
        <v>50050</v>
      </c>
      <c r="AJ150">
        <v>0</v>
      </c>
      <c r="AK150" t="s">
        <v>6</v>
      </c>
      <c r="AL150">
        <v>0</v>
      </c>
      <c r="AM150">
        <v>0</v>
      </c>
      <c r="AN150">
        <v>0</v>
      </c>
      <c r="AO150">
        <v>0</v>
      </c>
      <c r="AP150">
        <v>0</v>
      </c>
      <c r="AQ150">
        <v>0</v>
      </c>
      <c r="AR150">
        <v>0</v>
      </c>
      <c r="AS150">
        <v>0</v>
      </c>
      <c r="AT150">
        <v>0</v>
      </c>
      <c r="AU150">
        <v>0</v>
      </c>
      <c r="AV150">
        <v>0</v>
      </c>
      <c r="AW150">
        <v>0</v>
      </c>
      <c r="AX150">
        <v>0</v>
      </c>
      <c r="AY150">
        <v>0</v>
      </c>
      <c r="AZ150">
        <v>0</v>
      </c>
      <c r="BA150">
        <v>0</v>
      </c>
    </row>
    <row r="151" spans="1:53" x14ac:dyDescent="0.4">
      <c r="A151">
        <v>195</v>
      </c>
      <c r="B151" s="1">
        <v>42876</v>
      </c>
      <c r="C151">
        <v>2</v>
      </c>
      <c r="D151" s="1">
        <v>42876.407638888886</v>
      </c>
      <c r="E151" s="1">
        <v>42876.40902777778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0</v>
      </c>
      <c r="O151">
        <v>0</v>
      </c>
      <c r="P151">
        <v>0</v>
      </c>
      <c r="Q151">
        <v>0</v>
      </c>
      <c r="R151">
        <v>0</v>
      </c>
      <c r="S151">
        <v>0</v>
      </c>
      <c r="T151">
        <v>0</v>
      </c>
      <c r="U151">
        <v>0</v>
      </c>
      <c r="V151">
        <v>0</v>
      </c>
      <c r="W151">
        <v>1</v>
      </c>
      <c r="X151">
        <v>0</v>
      </c>
      <c r="Y151">
        <v>25</v>
      </c>
      <c r="Z151">
        <v>15</v>
      </c>
      <c r="AA151">
        <v>88</v>
      </c>
      <c r="AB151">
        <v>50</v>
      </c>
      <c r="AC151">
        <v>125</v>
      </c>
      <c r="AD151">
        <v>0</v>
      </c>
      <c r="AE151">
        <v>0</v>
      </c>
      <c r="AF151">
        <v>0</v>
      </c>
      <c r="AG151">
        <v>50050</v>
      </c>
      <c r="AH151">
        <v>50000</v>
      </c>
      <c r="AI151">
        <v>50</v>
      </c>
      <c r="AJ151">
        <v>0</v>
      </c>
      <c r="AK151" t="s">
        <v>6</v>
      </c>
      <c r="AL151">
        <v>0</v>
      </c>
      <c r="AM151">
        <v>0</v>
      </c>
      <c r="AN151">
        <v>0</v>
      </c>
      <c r="AO151">
        <v>0</v>
      </c>
      <c r="AP151">
        <v>0</v>
      </c>
      <c r="AQ151">
        <v>0</v>
      </c>
      <c r="AR151">
        <v>0</v>
      </c>
      <c r="AS151">
        <v>0</v>
      </c>
      <c r="AT151">
        <v>0</v>
      </c>
      <c r="AU151">
        <v>0</v>
      </c>
      <c r="AV151">
        <v>0</v>
      </c>
      <c r="AW151">
        <v>0</v>
      </c>
      <c r="AX151">
        <v>0</v>
      </c>
      <c r="AY151">
        <v>0</v>
      </c>
      <c r="AZ151">
        <v>0</v>
      </c>
      <c r="BA151">
        <v>0</v>
      </c>
    </row>
    <row r="152" spans="1:53" x14ac:dyDescent="0.4">
      <c r="A152">
        <v>196</v>
      </c>
      <c r="B152" s="1">
        <v>42876</v>
      </c>
      <c r="C152">
        <v>3</v>
      </c>
      <c r="D152" s="1">
        <v>42876.40902777778</v>
      </c>
      <c r="E152" s="1">
        <v>42876.750694444447</v>
      </c>
      <c r="F152">
        <v>43500</v>
      </c>
      <c r="G152">
        <v>714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4049</v>
      </c>
      <c r="N152">
        <v>0</v>
      </c>
      <c r="O152">
        <v>0</v>
      </c>
      <c r="P152">
        <v>23760</v>
      </c>
      <c r="Q152">
        <v>0</v>
      </c>
      <c r="R152">
        <v>78449</v>
      </c>
      <c r="S152">
        <v>0</v>
      </c>
      <c r="T152">
        <v>0</v>
      </c>
      <c r="U152">
        <v>0</v>
      </c>
      <c r="V152">
        <v>0</v>
      </c>
      <c r="W152">
        <v>4</v>
      </c>
      <c r="X152">
        <v>0</v>
      </c>
      <c r="Y152">
        <v>73</v>
      </c>
      <c r="Z152">
        <v>38</v>
      </c>
      <c r="AA152">
        <v>108</v>
      </c>
      <c r="AB152">
        <v>63</v>
      </c>
      <c r="AC152">
        <v>245</v>
      </c>
      <c r="AD152">
        <v>4</v>
      </c>
      <c r="AE152">
        <v>29</v>
      </c>
      <c r="AF152">
        <v>0</v>
      </c>
      <c r="AG152">
        <v>128449</v>
      </c>
      <c r="AH152">
        <v>50000</v>
      </c>
      <c r="AI152">
        <v>0</v>
      </c>
      <c r="AJ152">
        <v>100</v>
      </c>
      <c r="AK152" t="s">
        <v>0</v>
      </c>
      <c r="AL152">
        <v>0</v>
      </c>
      <c r="AM152">
        <v>0</v>
      </c>
      <c r="AN152">
        <v>0</v>
      </c>
      <c r="AO152">
        <v>0</v>
      </c>
      <c r="AP152">
        <v>0</v>
      </c>
      <c r="AQ152">
        <v>0</v>
      </c>
      <c r="AR152">
        <v>0</v>
      </c>
      <c r="AS152">
        <v>0</v>
      </c>
      <c r="AT152">
        <v>0</v>
      </c>
      <c r="AU152">
        <v>0</v>
      </c>
      <c r="AV152">
        <v>0</v>
      </c>
      <c r="AW152">
        <v>0</v>
      </c>
      <c r="AX152">
        <v>2894</v>
      </c>
      <c r="AY152">
        <v>53</v>
      </c>
      <c r="AZ152">
        <v>126</v>
      </c>
      <c r="BA152">
        <v>7599</v>
      </c>
    </row>
    <row r="153" spans="1:53" x14ac:dyDescent="0.4">
      <c r="A153">
        <v>197</v>
      </c>
      <c r="B153" s="1">
        <v>42876</v>
      </c>
      <c r="C153">
        <v>4</v>
      </c>
      <c r="D153" s="1">
        <v>42876.750694444447</v>
      </c>
      <c r="E153" s="1">
        <v>42876.947222222225</v>
      </c>
      <c r="F153">
        <v>40500</v>
      </c>
      <c r="G153">
        <v>3200</v>
      </c>
      <c r="H153">
        <v>0</v>
      </c>
      <c r="I153">
        <v>0</v>
      </c>
      <c r="J153">
        <v>0</v>
      </c>
      <c r="K153">
        <v>0</v>
      </c>
      <c r="L153">
        <v>0</v>
      </c>
      <c r="M153">
        <v>3496</v>
      </c>
      <c r="N153">
        <v>0</v>
      </c>
      <c r="O153">
        <v>0</v>
      </c>
      <c r="P153">
        <v>4752</v>
      </c>
      <c r="Q153">
        <v>0</v>
      </c>
      <c r="R153">
        <v>51948</v>
      </c>
      <c r="S153">
        <v>0</v>
      </c>
      <c r="T153">
        <v>0</v>
      </c>
      <c r="U153">
        <v>0</v>
      </c>
      <c r="V153">
        <v>1</v>
      </c>
      <c r="W153">
        <v>4</v>
      </c>
      <c r="X153">
        <v>0</v>
      </c>
      <c r="Y153">
        <v>113</v>
      </c>
      <c r="Z153">
        <v>39</v>
      </c>
      <c r="AA153">
        <v>121</v>
      </c>
      <c r="AB153">
        <v>64</v>
      </c>
      <c r="AC153">
        <v>255</v>
      </c>
      <c r="AD153">
        <v>3</v>
      </c>
      <c r="AE153">
        <v>32</v>
      </c>
      <c r="AF153">
        <v>0</v>
      </c>
      <c r="AG153">
        <v>180397</v>
      </c>
      <c r="AH153">
        <v>50000</v>
      </c>
      <c r="AI153">
        <v>0</v>
      </c>
      <c r="AJ153">
        <v>91</v>
      </c>
      <c r="AK153" t="s">
        <v>14</v>
      </c>
      <c r="AL153">
        <v>0</v>
      </c>
      <c r="AM153">
        <v>0</v>
      </c>
      <c r="AN153">
        <v>0</v>
      </c>
      <c r="AO153">
        <v>0</v>
      </c>
      <c r="AP153">
        <v>0</v>
      </c>
      <c r="AQ153">
        <v>0</v>
      </c>
      <c r="AR153">
        <v>0</v>
      </c>
      <c r="AS153">
        <v>0</v>
      </c>
      <c r="AT153">
        <v>0</v>
      </c>
      <c r="AU153">
        <v>0</v>
      </c>
      <c r="AV153">
        <v>0</v>
      </c>
      <c r="AW153">
        <v>0</v>
      </c>
      <c r="AX153">
        <v>-1000</v>
      </c>
      <c r="AY153">
        <v>9</v>
      </c>
      <c r="AZ153">
        <v>33</v>
      </c>
      <c r="BA153">
        <v>2859</v>
      </c>
    </row>
    <row r="154" spans="1:53" x14ac:dyDescent="0.4">
      <c r="A154">
        <v>198</v>
      </c>
      <c r="B154" s="1">
        <v>42877</v>
      </c>
      <c r="C154">
        <v>1</v>
      </c>
      <c r="D154" s="1">
        <v>42877.291666666664</v>
      </c>
      <c r="E154" s="1">
        <v>42877.447222222225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0</v>
      </c>
      <c r="O154">
        <v>0</v>
      </c>
      <c r="P154">
        <v>0</v>
      </c>
      <c r="Q154">
        <v>0</v>
      </c>
      <c r="R154">
        <v>0</v>
      </c>
      <c r="S154">
        <v>0</v>
      </c>
      <c r="T154">
        <v>0</v>
      </c>
      <c r="U154">
        <v>0</v>
      </c>
      <c r="V154">
        <v>0</v>
      </c>
      <c r="W154">
        <v>2</v>
      </c>
      <c r="X154">
        <v>0</v>
      </c>
      <c r="Y154">
        <v>21</v>
      </c>
      <c r="Z154">
        <v>11</v>
      </c>
      <c r="AA154">
        <v>86</v>
      </c>
      <c r="AB154">
        <v>65</v>
      </c>
      <c r="AC154">
        <v>160</v>
      </c>
      <c r="AD154">
        <v>3</v>
      </c>
      <c r="AE154">
        <v>35</v>
      </c>
      <c r="AF154">
        <v>0</v>
      </c>
      <c r="AG154">
        <v>50000</v>
      </c>
      <c r="AH154">
        <v>0</v>
      </c>
      <c r="AI154">
        <v>50000</v>
      </c>
      <c r="AJ154">
        <v>0</v>
      </c>
      <c r="AK154" t="s">
        <v>6</v>
      </c>
      <c r="AL154">
        <v>0</v>
      </c>
      <c r="AM154">
        <v>0</v>
      </c>
      <c r="AN154">
        <v>0</v>
      </c>
      <c r="AO154">
        <v>0</v>
      </c>
      <c r="AP154">
        <v>0</v>
      </c>
      <c r="AQ154">
        <v>0</v>
      </c>
      <c r="AR154">
        <v>0</v>
      </c>
      <c r="AS154">
        <v>0</v>
      </c>
      <c r="AT154">
        <v>0</v>
      </c>
      <c r="AU154">
        <v>0</v>
      </c>
      <c r="AV154">
        <v>0</v>
      </c>
      <c r="AW154">
        <v>0</v>
      </c>
      <c r="AX154">
        <v>0</v>
      </c>
      <c r="AY154">
        <v>0</v>
      </c>
      <c r="AZ154">
        <v>0</v>
      </c>
      <c r="BA154">
        <v>0</v>
      </c>
    </row>
    <row r="155" spans="1:53" x14ac:dyDescent="0.4">
      <c r="A155">
        <v>199</v>
      </c>
      <c r="B155" s="1">
        <v>42877</v>
      </c>
      <c r="C155">
        <v>2</v>
      </c>
      <c r="D155" s="1">
        <v>42877.447222222225</v>
      </c>
      <c r="E155" s="1">
        <v>42877.745833333334</v>
      </c>
      <c r="F155">
        <v>31000</v>
      </c>
      <c r="G155">
        <v>10140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3290</v>
      </c>
      <c r="N155">
        <v>0</v>
      </c>
      <c r="O155">
        <v>0</v>
      </c>
      <c r="P155">
        <v>14580</v>
      </c>
      <c r="Q155">
        <v>0</v>
      </c>
      <c r="R155">
        <v>59010</v>
      </c>
      <c r="S155">
        <v>0</v>
      </c>
      <c r="T155">
        <v>0</v>
      </c>
      <c r="U155">
        <v>0</v>
      </c>
      <c r="V155">
        <v>1</v>
      </c>
      <c r="W155">
        <v>4</v>
      </c>
      <c r="X155">
        <v>0</v>
      </c>
      <c r="Y155">
        <v>52</v>
      </c>
      <c r="Z155">
        <v>19</v>
      </c>
      <c r="AA155">
        <v>118</v>
      </c>
      <c r="AB155">
        <v>67</v>
      </c>
      <c r="AC155">
        <v>231</v>
      </c>
      <c r="AD155">
        <v>3</v>
      </c>
      <c r="AE155">
        <v>35</v>
      </c>
      <c r="AF155">
        <v>0</v>
      </c>
      <c r="AG155">
        <v>109010</v>
      </c>
      <c r="AH155">
        <v>50000</v>
      </c>
      <c r="AI155">
        <v>0</v>
      </c>
      <c r="AJ155">
        <v>96</v>
      </c>
      <c r="AK155" t="s">
        <v>4</v>
      </c>
      <c r="AL155">
        <v>0</v>
      </c>
      <c r="AM155">
        <v>0</v>
      </c>
      <c r="AN155">
        <v>0</v>
      </c>
      <c r="AO155">
        <v>0</v>
      </c>
      <c r="AP155">
        <v>0</v>
      </c>
      <c r="AQ155">
        <v>0</v>
      </c>
      <c r="AR155">
        <v>0</v>
      </c>
      <c r="AS155">
        <v>0</v>
      </c>
      <c r="AT155">
        <v>0</v>
      </c>
      <c r="AU155">
        <v>0</v>
      </c>
      <c r="AV155">
        <v>0</v>
      </c>
      <c r="AW155">
        <v>0</v>
      </c>
      <c r="AX155">
        <v>410</v>
      </c>
      <c r="AY155">
        <v>38</v>
      </c>
      <c r="AZ155">
        <v>82</v>
      </c>
      <c r="BA155">
        <v>6008</v>
      </c>
    </row>
    <row r="156" spans="1:53" x14ac:dyDescent="0.4">
      <c r="A156">
        <v>200</v>
      </c>
      <c r="B156" s="1">
        <v>42877</v>
      </c>
      <c r="C156">
        <v>3</v>
      </c>
      <c r="D156" s="1">
        <v>42877.745833333334</v>
      </c>
      <c r="E156" s="1">
        <v>42877.96597222222</v>
      </c>
      <c r="F156">
        <v>48300</v>
      </c>
      <c r="G156">
        <v>2310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4049</v>
      </c>
      <c r="N156">
        <v>0</v>
      </c>
      <c r="O156">
        <v>0</v>
      </c>
      <c r="P156">
        <v>1188</v>
      </c>
      <c r="Q156">
        <v>0</v>
      </c>
      <c r="R156">
        <v>55847</v>
      </c>
      <c r="S156">
        <v>0</v>
      </c>
      <c r="T156">
        <v>0</v>
      </c>
      <c r="U156">
        <v>0</v>
      </c>
      <c r="V156">
        <v>4</v>
      </c>
      <c r="W156">
        <v>0</v>
      </c>
      <c r="X156">
        <v>0</v>
      </c>
      <c r="Y156">
        <v>89</v>
      </c>
      <c r="Z156">
        <v>19</v>
      </c>
      <c r="AA156">
        <v>120</v>
      </c>
      <c r="AB156">
        <v>62</v>
      </c>
      <c r="AC156">
        <v>215</v>
      </c>
      <c r="AD156">
        <v>3</v>
      </c>
      <c r="AE156">
        <v>8</v>
      </c>
      <c r="AF156">
        <v>9084</v>
      </c>
      <c r="AG156">
        <v>164857</v>
      </c>
      <c r="AH156">
        <v>50000</v>
      </c>
      <c r="AI156">
        <v>0</v>
      </c>
      <c r="AJ156">
        <v>16</v>
      </c>
      <c r="AK156" t="s">
        <v>11</v>
      </c>
      <c r="AL156">
        <v>0</v>
      </c>
      <c r="AM156">
        <v>0</v>
      </c>
      <c r="AN156">
        <v>0</v>
      </c>
      <c r="AO156">
        <v>0</v>
      </c>
      <c r="AP156">
        <v>0</v>
      </c>
      <c r="AQ156">
        <v>0</v>
      </c>
      <c r="AR156">
        <v>0</v>
      </c>
      <c r="AS156">
        <v>0</v>
      </c>
      <c r="AT156">
        <v>0</v>
      </c>
      <c r="AU156">
        <v>0</v>
      </c>
      <c r="AV156">
        <v>0</v>
      </c>
      <c r="AW156">
        <v>0</v>
      </c>
      <c r="AX156">
        <v>14580</v>
      </c>
      <c r="AY156">
        <v>16</v>
      </c>
      <c r="AZ156">
        <v>53</v>
      </c>
      <c r="BA156">
        <v>2836</v>
      </c>
    </row>
    <row r="157" spans="1:53" x14ac:dyDescent="0.4">
      <c r="A157">
        <v>201</v>
      </c>
      <c r="B157" s="1">
        <v>42877</v>
      </c>
      <c r="C157">
        <v>4</v>
      </c>
      <c r="D157" s="1">
        <v>42877.96597222222</v>
      </c>
      <c r="E157" s="1">
        <v>42878.113194444442</v>
      </c>
      <c r="F157">
        <v>39100</v>
      </c>
      <c r="G157">
        <v>1950</v>
      </c>
      <c r="H157">
        <v>0</v>
      </c>
      <c r="I157">
        <v>0</v>
      </c>
      <c r="J157">
        <v>0</v>
      </c>
      <c r="K157">
        <v>2640</v>
      </c>
      <c r="L157">
        <v>0</v>
      </c>
      <c r="M157">
        <v>3495</v>
      </c>
      <c r="N157">
        <v>0</v>
      </c>
      <c r="O157">
        <v>0</v>
      </c>
      <c r="P157">
        <v>3672</v>
      </c>
      <c r="Q157">
        <v>0</v>
      </c>
      <c r="R157">
        <v>50857</v>
      </c>
      <c r="S157">
        <v>0</v>
      </c>
      <c r="T157">
        <v>0</v>
      </c>
      <c r="U157">
        <v>0</v>
      </c>
      <c r="V157">
        <v>7</v>
      </c>
      <c r="W157">
        <v>2</v>
      </c>
      <c r="X157">
        <v>0</v>
      </c>
      <c r="Y157">
        <v>101</v>
      </c>
      <c r="Z157">
        <v>18</v>
      </c>
      <c r="AA157">
        <v>111</v>
      </c>
      <c r="AB157">
        <v>67</v>
      </c>
      <c r="AC157">
        <v>214</v>
      </c>
      <c r="AD157">
        <v>7</v>
      </c>
      <c r="AE157">
        <v>5</v>
      </c>
      <c r="AF157">
        <v>9084</v>
      </c>
      <c r="AG157">
        <v>215714</v>
      </c>
      <c r="AH157">
        <v>50000</v>
      </c>
      <c r="AI157">
        <v>0</v>
      </c>
      <c r="AJ157">
        <v>104</v>
      </c>
      <c r="AK157" t="s">
        <v>10</v>
      </c>
      <c r="AL157">
        <v>0</v>
      </c>
      <c r="AM157">
        <v>0</v>
      </c>
      <c r="AN157">
        <v>0</v>
      </c>
      <c r="AO157">
        <v>0</v>
      </c>
      <c r="AP157">
        <v>0</v>
      </c>
      <c r="AQ157">
        <v>0</v>
      </c>
      <c r="AR157">
        <v>0</v>
      </c>
      <c r="AS157">
        <v>0</v>
      </c>
      <c r="AT157">
        <v>0</v>
      </c>
      <c r="AU157">
        <v>0</v>
      </c>
      <c r="AV157">
        <v>0</v>
      </c>
      <c r="AW157">
        <v>0</v>
      </c>
      <c r="AX157">
        <v>7193</v>
      </c>
      <c r="AY157">
        <v>8</v>
      </c>
      <c r="AZ157">
        <v>15</v>
      </c>
      <c r="BA157">
        <v>1227</v>
      </c>
    </row>
    <row r="158" spans="1:53" x14ac:dyDescent="0.4">
      <c r="A158">
        <v>202</v>
      </c>
      <c r="B158" s="1">
        <v>42878</v>
      </c>
      <c r="C158">
        <v>1</v>
      </c>
      <c r="D158" s="1">
        <v>42878.291666666664</v>
      </c>
      <c r="E158" s="1">
        <v>42878.444444444445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0</v>
      </c>
      <c r="O158">
        <v>0</v>
      </c>
      <c r="P158">
        <v>0</v>
      </c>
      <c r="Q158">
        <v>0</v>
      </c>
      <c r="R158">
        <v>0</v>
      </c>
      <c r="S158">
        <v>0</v>
      </c>
      <c r="T158">
        <v>0</v>
      </c>
      <c r="U158">
        <v>0</v>
      </c>
      <c r="V158">
        <v>0</v>
      </c>
      <c r="W158">
        <v>1</v>
      </c>
      <c r="X158">
        <v>0</v>
      </c>
      <c r="Y158">
        <v>22</v>
      </c>
      <c r="Z158">
        <v>9</v>
      </c>
      <c r="AA158">
        <v>91</v>
      </c>
      <c r="AB158">
        <v>66</v>
      </c>
      <c r="AC158">
        <v>107</v>
      </c>
      <c r="AD158">
        <v>5</v>
      </c>
      <c r="AE158">
        <v>5</v>
      </c>
      <c r="AF158">
        <v>0</v>
      </c>
      <c r="AG158">
        <v>45000</v>
      </c>
      <c r="AH158">
        <v>50000</v>
      </c>
      <c r="AI158">
        <v>-5000</v>
      </c>
      <c r="AJ158">
        <v>0</v>
      </c>
      <c r="AK158" t="s">
        <v>6</v>
      </c>
      <c r="AL158">
        <v>0</v>
      </c>
      <c r="AM158">
        <v>0</v>
      </c>
      <c r="AN158">
        <v>0</v>
      </c>
      <c r="AO158">
        <v>0</v>
      </c>
      <c r="AP158">
        <v>0</v>
      </c>
      <c r="AQ158">
        <v>0</v>
      </c>
      <c r="AR158">
        <v>0</v>
      </c>
      <c r="AS158">
        <v>0</v>
      </c>
      <c r="AT158">
        <v>0</v>
      </c>
      <c r="AU158">
        <v>0</v>
      </c>
      <c r="AV158">
        <v>0</v>
      </c>
      <c r="AW158">
        <v>0</v>
      </c>
      <c r="AX158">
        <v>0</v>
      </c>
      <c r="AY158">
        <v>0</v>
      </c>
      <c r="AZ158">
        <v>0</v>
      </c>
      <c r="BA158">
        <v>0</v>
      </c>
    </row>
    <row r="159" spans="1:53" x14ac:dyDescent="0.4">
      <c r="A159">
        <v>203</v>
      </c>
      <c r="B159" s="1">
        <v>42878</v>
      </c>
      <c r="C159">
        <v>2</v>
      </c>
      <c r="D159" s="1">
        <v>42878.444444444445</v>
      </c>
      <c r="E159" s="1">
        <v>42878.759722222225</v>
      </c>
      <c r="F159">
        <v>21500</v>
      </c>
      <c r="G159">
        <v>2990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1959</v>
      </c>
      <c r="N159">
        <v>0</v>
      </c>
      <c r="O159">
        <v>0</v>
      </c>
      <c r="P159">
        <v>14580</v>
      </c>
      <c r="Q159">
        <v>0</v>
      </c>
      <c r="R159">
        <v>41029</v>
      </c>
      <c r="S159">
        <v>0</v>
      </c>
      <c r="T159">
        <v>0</v>
      </c>
      <c r="U159">
        <v>0</v>
      </c>
      <c r="V159">
        <v>2</v>
      </c>
      <c r="W159">
        <v>2</v>
      </c>
      <c r="X159">
        <v>0</v>
      </c>
      <c r="Y159">
        <v>30</v>
      </c>
      <c r="Z159">
        <v>24</v>
      </c>
      <c r="AA159">
        <v>90</v>
      </c>
      <c r="AB159">
        <v>68</v>
      </c>
      <c r="AC159">
        <v>157</v>
      </c>
      <c r="AD159">
        <v>9</v>
      </c>
      <c r="AE159">
        <v>14</v>
      </c>
      <c r="AF159">
        <v>0</v>
      </c>
      <c r="AG159">
        <v>86029</v>
      </c>
      <c r="AH159">
        <v>50000</v>
      </c>
      <c r="AI159">
        <v>-5000</v>
      </c>
      <c r="AJ159">
        <v>89</v>
      </c>
      <c r="AK159" t="s">
        <v>12</v>
      </c>
      <c r="AL159">
        <v>0</v>
      </c>
      <c r="AM159">
        <v>0</v>
      </c>
      <c r="AN159">
        <v>0</v>
      </c>
      <c r="AO159">
        <v>0</v>
      </c>
      <c r="AP159">
        <v>0</v>
      </c>
      <c r="AQ159">
        <v>0</v>
      </c>
      <c r="AR159">
        <v>0</v>
      </c>
      <c r="AS159">
        <v>0</v>
      </c>
      <c r="AT159">
        <v>0</v>
      </c>
      <c r="AU159">
        <v>0</v>
      </c>
      <c r="AV159">
        <v>0</v>
      </c>
      <c r="AW159">
        <v>0</v>
      </c>
      <c r="AX159">
        <v>0</v>
      </c>
      <c r="AY159">
        <v>40</v>
      </c>
      <c r="AZ159">
        <v>70</v>
      </c>
      <c r="BA159">
        <v>5738</v>
      </c>
    </row>
    <row r="160" spans="1:53" x14ac:dyDescent="0.4">
      <c r="A160">
        <v>204</v>
      </c>
      <c r="B160" s="1">
        <v>42878</v>
      </c>
      <c r="C160">
        <v>3</v>
      </c>
      <c r="D160" s="1">
        <v>42878.759722222225</v>
      </c>
      <c r="E160" s="1">
        <v>42878.995833333334</v>
      </c>
      <c r="F160">
        <v>33120</v>
      </c>
      <c r="G160">
        <v>380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2680</v>
      </c>
      <c r="N160">
        <v>0</v>
      </c>
      <c r="O160">
        <v>0</v>
      </c>
      <c r="P160">
        <v>-9396</v>
      </c>
      <c r="Q160">
        <v>0</v>
      </c>
      <c r="R160">
        <v>26784</v>
      </c>
      <c r="S160">
        <v>0</v>
      </c>
      <c r="T160">
        <v>0</v>
      </c>
      <c r="U160">
        <v>0</v>
      </c>
      <c r="V160">
        <v>5</v>
      </c>
      <c r="W160">
        <v>1</v>
      </c>
      <c r="X160">
        <v>0</v>
      </c>
      <c r="Y160">
        <v>33</v>
      </c>
      <c r="Z160">
        <v>27</v>
      </c>
      <c r="AA160">
        <v>88</v>
      </c>
      <c r="AB160">
        <v>70</v>
      </c>
      <c r="AC160">
        <v>155</v>
      </c>
      <c r="AD160">
        <v>9</v>
      </c>
      <c r="AE160">
        <v>12</v>
      </c>
      <c r="AF160">
        <v>2406</v>
      </c>
      <c r="AG160">
        <v>117813</v>
      </c>
      <c r="AH160">
        <v>50000</v>
      </c>
      <c r="AI160">
        <v>0</v>
      </c>
      <c r="AJ160">
        <v>103</v>
      </c>
      <c r="AK160" t="s">
        <v>19</v>
      </c>
      <c r="AL160">
        <v>0</v>
      </c>
      <c r="AM160">
        <v>0</v>
      </c>
      <c r="AN160">
        <v>0</v>
      </c>
      <c r="AO160">
        <v>0</v>
      </c>
      <c r="AP160">
        <v>0</v>
      </c>
      <c r="AQ160">
        <v>0</v>
      </c>
      <c r="AR160">
        <v>0</v>
      </c>
      <c r="AS160">
        <v>0</v>
      </c>
      <c r="AT160">
        <v>0</v>
      </c>
      <c r="AU160">
        <v>0</v>
      </c>
      <c r="AV160">
        <v>0</v>
      </c>
      <c r="AW160">
        <v>0</v>
      </c>
      <c r="AX160">
        <v>60922</v>
      </c>
      <c r="AY160">
        <v>15</v>
      </c>
      <c r="AZ160">
        <v>52</v>
      </c>
      <c r="BA160">
        <v>2544</v>
      </c>
    </row>
    <row r="161" spans="1:53" x14ac:dyDescent="0.4">
      <c r="A161">
        <v>205</v>
      </c>
      <c r="B161" s="1">
        <v>42879</v>
      </c>
      <c r="C161">
        <v>1</v>
      </c>
      <c r="D161" s="1">
        <v>42879.291666666664</v>
      </c>
      <c r="E161" s="1">
        <v>42879.452777777777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0</v>
      </c>
      <c r="O161">
        <v>0</v>
      </c>
      <c r="P161">
        <v>0</v>
      </c>
      <c r="Q161">
        <v>0</v>
      </c>
      <c r="R161">
        <v>0</v>
      </c>
      <c r="S161">
        <v>0</v>
      </c>
      <c r="T161">
        <v>0</v>
      </c>
      <c r="U161">
        <v>0</v>
      </c>
      <c r="V161">
        <v>0</v>
      </c>
      <c r="W161">
        <v>0</v>
      </c>
      <c r="X161">
        <v>0</v>
      </c>
      <c r="Y161">
        <v>30</v>
      </c>
      <c r="Z161">
        <v>19</v>
      </c>
      <c r="AA161">
        <v>88</v>
      </c>
      <c r="AB161">
        <v>20</v>
      </c>
      <c r="AC161">
        <v>62</v>
      </c>
      <c r="AD161">
        <v>11</v>
      </c>
      <c r="AE161">
        <v>25</v>
      </c>
      <c r="AF161">
        <v>0</v>
      </c>
      <c r="AG161">
        <v>50000</v>
      </c>
      <c r="AH161">
        <v>0</v>
      </c>
      <c r="AI161">
        <v>50000</v>
      </c>
      <c r="AJ161">
        <v>0</v>
      </c>
      <c r="AK161" t="s">
        <v>6</v>
      </c>
      <c r="AL161">
        <v>0</v>
      </c>
      <c r="AM161">
        <v>0</v>
      </c>
      <c r="AN161">
        <v>0</v>
      </c>
      <c r="AO161">
        <v>0</v>
      </c>
      <c r="AP161">
        <v>0</v>
      </c>
      <c r="AQ161">
        <v>0</v>
      </c>
      <c r="AR161">
        <v>0</v>
      </c>
      <c r="AS161">
        <v>0</v>
      </c>
      <c r="AT161">
        <v>0</v>
      </c>
      <c r="AU161">
        <v>0</v>
      </c>
      <c r="AV161">
        <v>0</v>
      </c>
      <c r="AW161">
        <v>0</v>
      </c>
      <c r="AX161">
        <v>0</v>
      </c>
      <c r="AY161">
        <v>0</v>
      </c>
      <c r="AZ161">
        <v>0</v>
      </c>
      <c r="BA161">
        <v>0</v>
      </c>
    </row>
    <row r="162" spans="1:53" x14ac:dyDescent="0.4">
      <c r="A162">
        <v>206</v>
      </c>
      <c r="B162" s="1">
        <v>42879</v>
      </c>
      <c r="C162">
        <v>2</v>
      </c>
      <c r="D162" s="1">
        <v>42879.452777777777</v>
      </c>
      <c r="E162" s="1">
        <v>42879.740972222222</v>
      </c>
      <c r="F162">
        <v>16500</v>
      </c>
      <c r="G162">
        <v>1060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1404</v>
      </c>
      <c r="N162">
        <v>0</v>
      </c>
      <c r="O162">
        <v>0</v>
      </c>
      <c r="P162">
        <v>7020</v>
      </c>
      <c r="Q162">
        <v>0</v>
      </c>
      <c r="R162">
        <v>25984</v>
      </c>
      <c r="S162">
        <v>0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49</v>
      </c>
      <c r="Z162">
        <v>28</v>
      </c>
      <c r="AA162">
        <v>103</v>
      </c>
      <c r="AB162">
        <v>30</v>
      </c>
      <c r="AC162">
        <v>109</v>
      </c>
      <c r="AD162">
        <v>14</v>
      </c>
      <c r="AE162">
        <v>24</v>
      </c>
      <c r="AF162">
        <v>0</v>
      </c>
      <c r="AG162">
        <v>75984</v>
      </c>
      <c r="AH162">
        <v>50000</v>
      </c>
      <c r="AI162">
        <v>0</v>
      </c>
      <c r="AJ162">
        <v>95</v>
      </c>
      <c r="AK162" t="s">
        <v>13</v>
      </c>
      <c r="AL162">
        <v>0</v>
      </c>
      <c r="AM162">
        <v>0</v>
      </c>
      <c r="AN162">
        <v>0</v>
      </c>
      <c r="AO162">
        <v>0</v>
      </c>
      <c r="AP162">
        <v>0</v>
      </c>
      <c r="AQ162">
        <v>0</v>
      </c>
      <c r="AR162">
        <v>0</v>
      </c>
      <c r="AS162">
        <v>0</v>
      </c>
      <c r="AT162">
        <v>0</v>
      </c>
      <c r="AU162">
        <v>0</v>
      </c>
      <c r="AV162">
        <v>0</v>
      </c>
      <c r="AW162">
        <v>0</v>
      </c>
      <c r="AX162">
        <v>-1620</v>
      </c>
      <c r="AY162">
        <v>28</v>
      </c>
      <c r="AZ162">
        <v>46</v>
      </c>
      <c r="BA162">
        <v>3757</v>
      </c>
    </row>
    <row r="163" spans="1:53" x14ac:dyDescent="0.4">
      <c r="A163">
        <v>207</v>
      </c>
      <c r="B163" s="1">
        <v>42879</v>
      </c>
      <c r="C163">
        <v>3</v>
      </c>
      <c r="D163" s="1">
        <v>42879.740972222222</v>
      </c>
      <c r="E163" s="1">
        <v>42879.973611111112</v>
      </c>
      <c r="F163">
        <v>33500</v>
      </c>
      <c r="G163">
        <v>178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2822</v>
      </c>
      <c r="N163">
        <v>0</v>
      </c>
      <c r="O163">
        <v>0</v>
      </c>
      <c r="P163">
        <v>18576</v>
      </c>
      <c r="Q163">
        <v>0</v>
      </c>
      <c r="R163">
        <v>56678</v>
      </c>
      <c r="S163">
        <v>0</v>
      </c>
      <c r="T163">
        <v>0</v>
      </c>
      <c r="U163">
        <v>0</v>
      </c>
      <c r="V163">
        <v>2</v>
      </c>
      <c r="W163">
        <v>2</v>
      </c>
      <c r="X163">
        <v>0</v>
      </c>
      <c r="Y163">
        <v>51</v>
      </c>
      <c r="Z163">
        <v>27</v>
      </c>
      <c r="AA163">
        <v>114</v>
      </c>
      <c r="AB163">
        <v>30</v>
      </c>
      <c r="AC163">
        <v>128</v>
      </c>
      <c r="AD163">
        <v>15</v>
      </c>
      <c r="AE163">
        <v>22</v>
      </c>
      <c r="AF163">
        <v>23900</v>
      </c>
      <c r="AG163">
        <v>132677</v>
      </c>
      <c r="AH163">
        <v>50000</v>
      </c>
      <c r="AI163">
        <v>15</v>
      </c>
      <c r="AJ163">
        <v>1</v>
      </c>
      <c r="AK163" t="s">
        <v>3</v>
      </c>
      <c r="AL163">
        <v>0</v>
      </c>
      <c r="AM163">
        <v>0</v>
      </c>
      <c r="AN163">
        <v>0</v>
      </c>
      <c r="AO163">
        <v>0</v>
      </c>
      <c r="AP163">
        <v>0</v>
      </c>
      <c r="AQ163">
        <v>0</v>
      </c>
      <c r="AR163">
        <v>0</v>
      </c>
      <c r="AS163">
        <v>0</v>
      </c>
      <c r="AT163">
        <v>0</v>
      </c>
      <c r="AU163">
        <v>0</v>
      </c>
      <c r="AV163">
        <v>0</v>
      </c>
      <c r="AW163">
        <v>0</v>
      </c>
      <c r="AX163">
        <v>-562</v>
      </c>
      <c r="AY163">
        <v>16</v>
      </c>
      <c r="AZ163">
        <v>43</v>
      </c>
      <c r="BA163">
        <v>2024</v>
      </c>
    </row>
    <row r="164" spans="1:53" x14ac:dyDescent="0.4">
      <c r="A164">
        <v>208</v>
      </c>
      <c r="B164" s="1">
        <v>42879</v>
      </c>
      <c r="C164">
        <v>4</v>
      </c>
      <c r="D164" s="1">
        <v>42879.973611111112</v>
      </c>
      <c r="E164" s="1">
        <v>42880.160416666666</v>
      </c>
      <c r="F164">
        <v>30700</v>
      </c>
      <c r="G164">
        <v>380</v>
      </c>
      <c r="H164">
        <v>0</v>
      </c>
      <c r="I164">
        <v>0</v>
      </c>
      <c r="J164">
        <v>0</v>
      </c>
      <c r="K164">
        <v>0</v>
      </c>
      <c r="L164">
        <v>0</v>
      </c>
      <c r="M164">
        <v>2486</v>
      </c>
      <c r="N164">
        <v>0</v>
      </c>
      <c r="O164">
        <v>0</v>
      </c>
      <c r="P164">
        <v>-6480</v>
      </c>
      <c r="Q164">
        <v>0</v>
      </c>
      <c r="R164">
        <v>27086</v>
      </c>
      <c r="S164">
        <v>0</v>
      </c>
      <c r="T164">
        <v>0</v>
      </c>
      <c r="U164">
        <v>0</v>
      </c>
      <c r="V164">
        <v>7</v>
      </c>
      <c r="W164">
        <v>0</v>
      </c>
      <c r="X164">
        <v>0</v>
      </c>
      <c r="Y164">
        <v>38</v>
      </c>
      <c r="Z164">
        <v>25</v>
      </c>
      <c r="AA164">
        <v>115</v>
      </c>
      <c r="AB164">
        <v>29</v>
      </c>
      <c r="AC164">
        <v>131</v>
      </c>
      <c r="AD164">
        <v>13</v>
      </c>
      <c r="AE164">
        <v>23</v>
      </c>
      <c r="AF164">
        <v>24900</v>
      </c>
      <c r="AG164">
        <v>159748</v>
      </c>
      <c r="AH164">
        <v>50000</v>
      </c>
      <c r="AI164">
        <v>0</v>
      </c>
      <c r="AJ164">
        <v>1</v>
      </c>
      <c r="AK164" t="s">
        <v>3</v>
      </c>
      <c r="AL164">
        <v>0</v>
      </c>
      <c r="AM164">
        <v>0</v>
      </c>
      <c r="AN164">
        <v>0</v>
      </c>
      <c r="AO164">
        <v>0</v>
      </c>
      <c r="AP164">
        <v>0</v>
      </c>
      <c r="AQ164">
        <v>0</v>
      </c>
      <c r="AR164">
        <v>0</v>
      </c>
      <c r="AS164">
        <v>0</v>
      </c>
      <c r="AT164">
        <v>0</v>
      </c>
      <c r="AU164">
        <v>0</v>
      </c>
      <c r="AV164">
        <v>0</v>
      </c>
      <c r="AW164">
        <v>0</v>
      </c>
      <c r="AX164">
        <v>2635</v>
      </c>
      <c r="AY164">
        <v>5</v>
      </c>
      <c r="AZ164">
        <v>13</v>
      </c>
      <c r="BA164">
        <v>1352</v>
      </c>
    </row>
    <row r="165" spans="1:53" x14ac:dyDescent="0.4">
      <c r="A165">
        <v>209</v>
      </c>
      <c r="B165" s="1">
        <v>42880</v>
      </c>
      <c r="C165">
        <v>1</v>
      </c>
      <c r="D165" s="1">
        <v>42880.291666666664</v>
      </c>
      <c r="E165" s="1">
        <v>42880.45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0</v>
      </c>
      <c r="O165">
        <v>0</v>
      </c>
      <c r="P165">
        <v>0</v>
      </c>
      <c r="Q165">
        <v>0</v>
      </c>
      <c r="R165">
        <v>0</v>
      </c>
      <c r="S165">
        <v>0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31</v>
      </c>
      <c r="Z165">
        <v>11</v>
      </c>
      <c r="AA165">
        <v>108</v>
      </c>
      <c r="AB165">
        <v>27</v>
      </c>
      <c r="AC165">
        <v>126</v>
      </c>
      <c r="AD165">
        <v>13</v>
      </c>
      <c r="AE165">
        <v>25</v>
      </c>
      <c r="AF165">
        <v>0</v>
      </c>
      <c r="AG165">
        <v>50000</v>
      </c>
      <c r="AH165">
        <v>0</v>
      </c>
      <c r="AI165">
        <v>50000</v>
      </c>
      <c r="AJ165">
        <v>0</v>
      </c>
      <c r="AK165" t="s">
        <v>6</v>
      </c>
      <c r="AL165">
        <v>0</v>
      </c>
      <c r="AM165">
        <v>0</v>
      </c>
      <c r="AN165">
        <v>0</v>
      </c>
      <c r="AO165">
        <v>0</v>
      </c>
      <c r="AP165">
        <v>0</v>
      </c>
      <c r="AQ165">
        <v>0</v>
      </c>
      <c r="AR165">
        <v>0</v>
      </c>
      <c r="AS165">
        <v>0</v>
      </c>
      <c r="AT165">
        <v>0</v>
      </c>
      <c r="AU165">
        <v>0</v>
      </c>
      <c r="AV165">
        <v>0</v>
      </c>
      <c r="AW165">
        <v>0</v>
      </c>
      <c r="AX165">
        <v>0</v>
      </c>
      <c r="AY165">
        <v>0</v>
      </c>
      <c r="AZ165">
        <v>0</v>
      </c>
      <c r="BA165">
        <v>0</v>
      </c>
    </row>
    <row r="166" spans="1:53" x14ac:dyDescent="0.4">
      <c r="A166">
        <v>210</v>
      </c>
      <c r="B166" s="1">
        <v>42880</v>
      </c>
      <c r="C166">
        <v>2</v>
      </c>
      <c r="D166" s="1">
        <v>42880.45</v>
      </c>
      <c r="E166" s="1">
        <v>42880.77847222222</v>
      </c>
      <c r="F166">
        <v>16000</v>
      </c>
      <c r="G166">
        <v>1500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1400</v>
      </c>
      <c r="N166">
        <v>0</v>
      </c>
      <c r="O166">
        <v>0</v>
      </c>
      <c r="P166">
        <v>12852</v>
      </c>
      <c r="Q166">
        <v>0</v>
      </c>
      <c r="R166">
        <v>31752</v>
      </c>
      <c r="S166">
        <v>0</v>
      </c>
      <c r="T166">
        <v>0</v>
      </c>
      <c r="U166">
        <v>0</v>
      </c>
      <c r="V166">
        <v>1</v>
      </c>
      <c r="W166">
        <v>1</v>
      </c>
      <c r="X166">
        <v>0</v>
      </c>
      <c r="Y166">
        <v>35</v>
      </c>
      <c r="Z166">
        <v>28</v>
      </c>
      <c r="AA166">
        <v>121</v>
      </c>
      <c r="AB166">
        <v>19</v>
      </c>
      <c r="AC166">
        <v>193</v>
      </c>
      <c r="AD166">
        <v>17</v>
      </c>
      <c r="AE166">
        <v>20</v>
      </c>
      <c r="AF166">
        <v>2667</v>
      </c>
      <c r="AG166">
        <v>81752</v>
      </c>
      <c r="AH166">
        <v>50000</v>
      </c>
      <c r="AI166">
        <v>0</v>
      </c>
      <c r="AJ166">
        <v>100</v>
      </c>
      <c r="AK166" t="s">
        <v>0</v>
      </c>
      <c r="AL166">
        <v>0</v>
      </c>
      <c r="AM166">
        <v>0</v>
      </c>
      <c r="AN166">
        <v>0</v>
      </c>
      <c r="AO166">
        <v>0</v>
      </c>
      <c r="AP166">
        <v>0</v>
      </c>
      <c r="AQ166">
        <v>0</v>
      </c>
      <c r="AR166">
        <v>0</v>
      </c>
      <c r="AS166">
        <v>0</v>
      </c>
      <c r="AT166">
        <v>0</v>
      </c>
      <c r="AU166">
        <v>0</v>
      </c>
      <c r="AV166">
        <v>0</v>
      </c>
      <c r="AW166">
        <v>0</v>
      </c>
      <c r="AX166">
        <v>-918</v>
      </c>
      <c r="AY166">
        <v>36</v>
      </c>
      <c r="AZ166">
        <v>56</v>
      </c>
      <c r="BA166">
        <v>4799</v>
      </c>
    </row>
    <row r="167" spans="1:53" x14ac:dyDescent="0.4">
      <c r="A167">
        <v>211</v>
      </c>
      <c r="B167" s="1">
        <v>42880</v>
      </c>
      <c r="C167">
        <v>3</v>
      </c>
      <c r="D167" s="1">
        <v>42880.77847222222</v>
      </c>
      <c r="E167" s="1">
        <v>42881.101388888892</v>
      </c>
      <c r="F167">
        <v>75890</v>
      </c>
      <c r="G167">
        <v>7770</v>
      </c>
      <c r="H167">
        <v>0</v>
      </c>
      <c r="I167">
        <v>0</v>
      </c>
      <c r="J167">
        <v>2000</v>
      </c>
      <c r="K167">
        <v>0</v>
      </c>
      <c r="L167">
        <v>0</v>
      </c>
      <c r="M167">
        <v>6532</v>
      </c>
      <c r="N167">
        <v>0</v>
      </c>
      <c r="O167">
        <v>0</v>
      </c>
      <c r="P167">
        <v>540</v>
      </c>
      <c r="Q167">
        <v>0</v>
      </c>
      <c r="R167">
        <v>88732</v>
      </c>
      <c r="S167">
        <v>0</v>
      </c>
      <c r="T167">
        <v>0</v>
      </c>
      <c r="U167">
        <v>0</v>
      </c>
      <c r="V167">
        <v>7</v>
      </c>
      <c r="W167">
        <v>6</v>
      </c>
      <c r="X167">
        <v>0</v>
      </c>
      <c r="Y167">
        <v>32</v>
      </c>
      <c r="Z167">
        <v>25</v>
      </c>
      <c r="AA167">
        <v>83</v>
      </c>
      <c r="AB167">
        <v>16</v>
      </c>
      <c r="AC167">
        <v>180</v>
      </c>
      <c r="AD167">
        <v>15</v>
      </c>
      <c r="AE167">
        <v>2</v>
      </c>
      <c r="AF167">
        <v>15007</v>
      </c>
      <c r="AG167">
        <v>170484</v>
      </c>
      <c r="AH167">
        <v>50000</v>
      </c>
      <c r="AI167">
        <v>0</v>
      </c>
      <c r="AJ167">
        <v>104</v>
      </c>
      <c r="AK167" t="s">
        <v>10</v>
      </c>
      <c r="AL167">
        <v>0</v>
      </c>
      <c r="AM167">
        <v>0</v>
      </c>
      <c r="AN167">
        <v>0</v>
      </c>
      <c r="AO167">
        <v>0</v>
      </c>
      <c r="AP167">
        <v>0</v>
      </c>
      <c r="AQ167">
        <v>0</v>
      </c>
      <c r="AR167">
        <v>0</v>
      </c>
      <c r="AS167">
        <v>0</v>
      </c>
      <c r="AT167">
        <v>0</v>
      </c>
      <c r="AU167">
        <v>0</v>
      </c>
      <c r="AV167">
        <v>0</v>
      </c>
      <c r="AW167">
        <v>0</v>
      </c>
      <c r="AX167">
        <v>3035</v>
      </c>
      <c r="AY167">
        <v>24</v>
      </c>
      <c r="AZ167">
        <v>58</v>
      </c>
      <c r="BA167">
        <v>3496</v>
      </c>
    </row>
    <row r="168" spans="1:53" x14ac:dyDescent="0.4">
      <c r="A168">
        <v>212</v>
      </c>
      <c r="B168" s="1">
        <v>42881</v>
      </c>
      <c r="C168">
        <v>1</v>
      </c>
      <c r="D168" s="1">
        <v>42881.291666666664</v>
      </c>
      <c r="E168" s="1">
        <v>42881.447916666664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0</v>
      </c>
      <c r="O168">
        <v>0</v>
      </c>
      <c r="P168">
        <v>0</v>
      </c>
      <c r="Q168">
        <v>0</v>
      </c>
      <c r="R168">
        <v>0</v>
      </c>
      <c r="S168">
        <v>0</v>
      </c>
      <c r="T168">
        <v>0</v>
      </c>
      <c r="U168">
        <v>0</v>
      </c>
      <c r="V168">
        <v>0</v>
      </c>
      <c r="W168">
        <v>1</v>
      </c>
      <c r="X168">
        <v>0</v>
      </c>
      <c r="Y168">
        <v>25</v>
      </c>
      <c r="Z168">
        <v>18</v>
      </c>
      <c r="AA168">
        <v>83</v>
      </c>
      <c r="AB168">
        <v>16</v>
      </c>
      <c r="AC168">
        <v>182</v>
      </c>
      <c r="AD168">
        <v>16</v>
      </c>
      <c r="AE168">
        <v>4</v>
      </c>
      <c r="AF168">
        <v>0</v>
      </c>
      <c r="AG168">
        <v>50004</v>
      </c>
      <c r="AH168">
        <v>0</v>
      </c>
      <c r="AI168">
        <v>50004</v>
      </c>
      <c r="AJ168">
        <v>0</v>
      </c>
      <c r="AK168" t="s">
        <v>6</v>
      </c>
      <c r="AL168">
        <v>0</v>
      </c>
      <c r="AM168">
        <v>0</v>
      </c>
      <c r="AN168">
        <v>0</v>
      </c>
      <c r="AO168">
        <v>0</v>
      </c>
      <c r="AP168">
        <v>0</v>
      </c>
      <c r="AQ168">
        <v>0</v>
      </c>
      <c r="AR168">
        <v>0</v>
      </c>
      <c r="AS168">
        <v>0</v>
      </c>
      <c r="AT168">
        <v>0</v>
      </c>
      <c r="AU168">
        <v>0</v>
      </c>
      <c r="AV168">
        <v>0</v>
      </c>
      <c r="AW168">
        <v>0</v>
      </c>
      <c r="AX168">
        <v>0</v>
      </c>
      <c r="AY168">
        <v>0</v>
      </c>
      <c r="AZ168">
        <v>0</v>
      </c>
      <c r="BA168">
        <v>0</v>
      </c>
    </row>
    <row r="169" spans="1:53" x14ac:dyDescent="0.4">
      <c r="A169">
        <v>213</v>
      </c>
      <c r="B169" s="1">
        <v>42881</v>
      </c>
      <c r="C169">
        <v>2</v>
      </c>
      <c r="D169" s="1">
        <v>42881.447916666664</v>
      </c>
      <c r="E169" s="1">
        <v>42881.746527777781</v>
      </c>
      <c r="F169">
        <v>1250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1000</v>
      </c>
      <c r="N169">
        <v>0</v>
      </c>
      <c r="O169">
        <v>0</v>
      </c>
      <c r="P169">
        <v>8910</v>
      </c>
      <c r="Q169">
        <v>0</v>
      </c>
      <c r="R169">
        <v>22410</v>
      </c>
      <c r="S169">
        <v>0</v>
      </c>
      <c r="T169">
        <v>0</v>
      </c>
      <c r="U169">
        <v>0</v>
      </c>
      <c r="V169">
        <v>1</v>
      </c>
      <c r="W169">
        <v>1</v>
      </c>
      <c r="X169">
        <v>0</v>
      </c>
      <c r="Y169">
        <v>35</v>
      </c>
      <c r="Z169">
        <v>24</v>
      </c>
      <c r="AA169">
        <v>69</v>
      </c>
      <c r="AB169">
        <v>21</v>
      </c>
      <c r="AC169">
        <v>237</v>
      </c>
      <c r="AD169">
        <v>18</v>
      </c>
      <c r="AE169">
        <v>4</v>
      </c>
      <c r="AF169">
        <v>0</v>
      </c>
      <c r="AG169">
        <v>72414</v>
      </c>
      <c r="AH169">
        <v>50000</v>
      </c>
      <c r="AI169">
        <v>4</v>
      </c>
      <c r="AJ169">
        <v>96</v>
      </c>
      <c r="AK169" t="s">
        <v>4</v>
      </c>
      <c r="AL169">
        <v>0</v>
      </c>
      <c r="AM169">
        <v>0</v>
      </c>
      <c r="AN169">
        <v>0</v>
      </c>
      <c r="AO169">
        <v>0</v>
      </c>
      <c r="AP169">
        <v>0</v>
      </c>
      <c r="AQ169">
        <v>0</v>
      </c>
      <c r="AR169">
        <v>0</v>
      </c>
      <c r="AS169">
        <v>0</v>
      </c>
      <c r="AT169">
        <v>0</v>
      </c>
      <c r="AU169">
        <v>0</v>
      </c>
      <c r="AV169">
        <v>0</v>
      </c>
      <c r="AW169">
        <v>0</v>
      </c>
      <c r="AX169">
        <v>799</v>
      </c>
      <c r="AY169">
        <v>29</v>
      </c>
      <c r="AZ169">
        <v>42</v>
      </c>
      <c r="BA169">
        <v>3878</v>
      </c>
    </row>
    <row r="170" spans="1:53" x14ac:dyDescent="0.4">
      <c r="A170">
        <v>214</v>
      </c>
      <c r="B170" s="1">
        <v>42881</v>
      </c>
      <c r="C170">
        <v>3</v>
      </c>
      <c r="D170" s="1">
        <v>42881.746527777781</v>
      </c>
      <c r="E170" s="1">
        <v>42882.051388888889</v>
      </c>
      <c r="F170">
        <v>257450</v>
      </c>
      <c r="G170">
        <v>15920</v>
      </c>
      <c r="H170">
        <v>0</v>
      </c>
      <c r="I170">
        <v>0</v>
      </c>
      <c r="J170">
        <v>1700</v>
      </c>
      <c r="K170">
        <v>1200</v>
      </c>
      <c r="L170">
        <v>0</v>
      </c>
      <c r="M170">
        <v>21829</v>
      </c>
      <c r="N170">
        <v>0</v>
      </c>
      <c r="O170">
        <v>0</v>
      </c>
      <c r="P170">
        <v>92826</v>
      </c>
      <c r="Q170">
        <v>0</v>
      </c>
      <c r="R170">
        <v>387525</v>
      </c>
      <c r="S170">
        <v>0</v>
      </c>
      <c r="T170">
        <v>0</v>
      </c>
      <c r="U170">
        <v>0</v>
      </c>
      <c r="V170">
        <v>32</v>
      </c>
      <c r="W170">
        <v>0</v>
      </c>
      <c r="X170">
        <v>0</v>
      </c>
      <c r="Y170">
        <v>36</v>
      </c>
      <c r="Z170">
        <v>22</v>
      </c>
      <c r="AA170">
        <v>62</v>
      </c>
      <c r="AB170">
        <v>24</v>
      </c>
      <c r="AC170">
        <v>255</v>
      </c>
      <c r="AD170">
        <v>16</v>
      </c>
      <c r="AE170">
        <v>20</v>
      </c>
      <c r="AF170">
        <v>82901</v>
      </c>
      <c r="AG170">
        <v>459951</v>
      </c>
      <c r="AH170">
        <v>50000</v>
      </c>
      <c r="AI170">
        <v>16</v>
      </c>
      <c r="AJ170">
        <v>102</v>
      </c>
      <c r="AK170" t="s">
        <v>8</v>
      </c>
      <c r="AL170">
        <v>0</v>
      </c>
      <c r="AM170">
        <v>0</v>
      </c>
      <c r="AN170">
        <v>0</v>
      </c>
      <c r="AO170">
        <v>0</v>
      </c>
      <c r="AP170">
        <v>0</v>
      </c>
      <c r="AQ170">
        <v>0</v>
      </c>
      <c r="AR170">
        <v>0</v>
      </c>
      <c r="AS170">
        <v>0</v>
      </c>
      <c r="AT170">
        <v>0</v>
      </c>
      <c r="AU170">
        <v>0</v>
      </c>
      <c r="AV170">
        <v>0</v>
      </c>
      <c r="AW170">
        <v>0</v>
      </c>
      <c r="AX170">
        <v>31212</v>
      </c>
      <c r="AY170">
        <v>43</v>
      </c>
      <c r="AZ170">
        <v>196</v>
      </c>
      <c r="BA170">
        <v>5773</v>
      </c>
    </row>
    <row r="171" spans="1:53" x14ac:dyDescent="0.4">
      <c r="A171">
        <v>215</v>
      </c>
      <c r="B171" s="1">
        <v>42882</v>
      </c>
      <c r="C171">
        <v>1</v>
      </c>
      <c r="D171" s="1">
        <v>42882.291666666664</v>
      </c>
      <c r="E171" s="1">
        <v>42882.407638888886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0</v>
      </c>
      <c r="O171">
        <v>0</v>
      </c>
      <c r="P171">
        <v>0</v>
      </c>
      <c r="Q171">
        <v>0</v>
      </c>
      <c r="R171">
        <v>0</v>
      </c>
      <c r="S171">
        <v>0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35</v>
      </c>
      <c r="Z171">
        <v>12</v>
      </c>
      <c r="AA171">
        <v>60</v>
      </c>
      <c r="AB171">
        <v>26</v>
      </c>
      <c r="AC171">
        <v>161</v>
      </c>
      <c r="AD171">
        <v>16</v>
      </c>
      <c r="AE171">
        <v>10</v>
      </c>
      <c r="AF171">
        <v>0</v>
      </c>
      <c r="AG171">
        <v>50000</v>
      </c>
      <c r="AH171">
        <v>0</v>
      </c>
      <c r="AI171">
        <v>50000</v>
      </c>
      <c r="AJ171">
        <v>0</v>
      </c>
      <c r="AK171" t="s">
        <v>6</v>
      </c>
      <c r="AL171">
        <v>0</v>
      </c>
      <c r="AM171">
        <v>0</v>
      </c>
      <c r="AN171">
        <v>0</v>
      </c>
      <c r="AO171">
        <v>0</v>
      </c>
      <c r="AP171">
        <v>0</v>
      </c>
      <c r="AQ171">
        <v>0</v>
      </c>
      <c r="AR171">
        <v>0</v>
      </c>
      <c r="AS171">
        <v>0</v>
      </c>
      <c r="AT171">
        <v>0</v>
      </c>
      <c r="AU171">
        <v>0</v>
      </c>
      <c r="AV171">
        <v>0</v>
      </c>
      <c r="AW171">
        <v>0</v>
      </c>
      <c r="AX171">
        <v>0</v>
      </c>
      <c r="AY171">
        <v>0</v>
      </c>
      <c r="AZ171">
        <v>0</v>
      </c>
      <c r="BA171">
        <v>0</v>
      </c>
    </row>
    <row r="172" spans="1:53" x14ac:dyDescent="0.4">
      <c r="A172">
        <v>216</v>
      </c>
      <c r="B172" s="1">
        <v>42882</v>
      </c>
      <c r="C172">
        <v>2</v>
      </c>
      <c r="D172" s="1">
        <v>42882.407638888886</v>
      </c>
      <c r="E172" s="1">
        <v>42882.75277777778</v>
      </c>
      <c r="F172">
        <v>41500</v>
      </c>
      <c r="G172">
        <v>840</v>
      </c>
      <c r="H172">
        <v>0</v>
      </c>
      <c r="I172">
        <v>0</v>
      </c>
      <c r="J172">
        <v>0</v>
      </c>
      <c r="K172">
        <v>0</v>
      </c>
      <c r="L172">
        <v>0</v>
      </c>
      <c r="M172">
        <v>3387</v>
      </c>
      <c r="N172">
        <v>0</v>
      </c>
      <c r="O172">
        <v>0</v>
      </c>
      <c r="P172">
        <v>18360</v>
      </c>
      <c r="Q172">
        <v>0</v>
      </c>
      <c r="R172">
        <v>64087</v>
      </c>
      <c r="S172">
        <v>0</v>
      </c>
      <c r="T172">
        <v>0</v>
      </c>
      <c r="U172">
        <v>0</v>
      </c>
      <c r="V172">
        <v>0</v>
      </c>
      <c r="W172">
        <v>1</v>
      </c>
      <c r="X172">
        <v>0</v>
      </c>
      <c r="Y172">
        <v>73</v>
      </c>
      <c r="Z172">
        <v>45</v>
      </c>
      <c r="AA172">
        <v>94</v>
      </c>
      <c r="AB172">
        <v>39</v>
      </c>
      <c r="AC172">
        <v>209</v>
      </c>
      <c r="AD172">
        <v>17</v>
      </c>
      <c r="AE172">
        <v>12</v>
      </c>
      <c r="AF172">
        <v>0</v>
      </c>
      <c r="AG172">
        <v>114037</v>
      </c>
      <c r="AH172">
        <v>50000</v>
      </c>
      <c r="AI172">
        <v>-50</v>
      </c>
      <c r="AJ172">
        <v>93</v>
      </c>
      <c r="AK172" t="s">
        <v>20</v>
      </c>
      <c r="AL172">
        <v>0</v>
      </c>
      <c r="AM172">
        <v>0</v>
      </c>
      <c r="AN172">
        <v>0</v>
      </c>
      <c r="AO172">
        <v>0</v>
      </c>
      <c r="AP172">
        <v>0</v>
      </c>
      <c r="AQ172">
        <v>0</v>
      </c>
      <c r="AR172">
        <v>0</v>
      </c>
      <c r="AS172">
        <v>0</v>
      </c>
      <c r="AT172">
        <v>0</v>
      </c>
      <c r="AU172">
        <v>0</v>
      </c>
      <c r="AV172">
        <v>0</v>
      </c>
      <c r="AW172">
        <v>0</v>
      </c>
      <c r="AX172">
        <v>0</v>
      </c>
      <c r="AY172">
        <v>48</v>
      </c>
      <c r="AZ172">
        <v>111</v>
      </c>
      <c r="BA172">
        <v>7615</v>
      </c>
    </row>
    <row r="173" spans="1:53" x14ac:dyDescent="0.4">
      <c r="A173">
        <v>217</v>
      </c>
      <c r="B173" s="1">
        <v>42882</v>
      </c>
      <c r="C173">
        <v>3</v>
      </c>
      <c r="D173" s="1">
        <v>42882.75277777778</v>
      </c>
      <c r="E173" s="1">
        <v>42883.196527777778</v>
      </c>
      <c r="F173">
        <v>367200</v>
      </c>
      <c r="G173">
        <v>15790</v>
      </c>
      <c r="H173">
        <v>0</v>
      </c>
      <c r="I173">
        <v>0</v>
      </c>
      <c r="J173">
        <v>3900</v>
      </c>
      <c r="K173">
        <v>8000</v>
      </c>
      <c r="L173">
        <v>0</v>
      </c>
      <c r="M173">
        <v>30965</v>
      </c>
      <c r="N173">
        <v>0</v>
      </c>
      <c r="O173">
        <v>0</v>
      </c>
      <c r="P173">
        <v>84024</v>
      </c>
      <c r="Q173">
        <v>0</v>
      </c>
      <c r="R173">
        <v>502079</v>
      </c>
      <c r="S173">
        <v>0</v>
      </c>
      <c r="T173">
        <v>0</v>
      </c>
      <c r="U173">
        <v>0</v>
      </c>
      <c r="V173">
        <v>28</v>
      </c>
      <c r="W173">
        <v>10</v>
      </c>
      <c r="X173">
        <v>0</v>
      </c>
      <c r="Y173">
        <v>177</v>
      </c>
      <c r="Z173">
        <v>45</v>
      </c>
      <c r="AA173">
        <v>100</v>
      </c>
      <c r="AB173">
        <v>30</v>
      </c>
      <c r="AC173">
        <v>196</v>
      </c>
      <c r="AD173">
        <v>22</v>
      </c>
      <c r="AE173">
        <v>51</v>
      </c>
      <c r="AF173">
        <v>72995</v>
      </c>
      <c r="AG173">
        <v>616116</v>
      </c>
      <c r="AH173">
        <v>50000</v>
      </c>
      <c r="AI173">
        <v>-50</v>
      </c>
      <c r="AJ173">
        <v>105</v>
      </c>
      <c r="AL173">
        <v>0</v>
      </c>
      <c r="AM173">
        <v>0</v>
      </c>
      <c r="AN173">
        <v>0</v>
      </c>
      <c r="AO173">
        <v>0</v>
      </c>
      <c r="AP173">
        <v>0</v>
      </c>
      <c r="AQ173">
        <v>0</v>
      </c>
      <c r="AR173">
        <v>0</v>
      </c>
      <c r="AS173">
        <v>0</v>
      </c>
      <c r="AT173">
        <v>0</v>
      </c>
      <c r="AU173">
        <v>0</v>
      </c>
      <c r="AV173">
        <v>0</v>
      </c>
      <c r="AW173">
        <v>0</v>
      </c>
      <c r="AX173">
        <v>26546</v>
      </c>
      <c r="AY173">
        <v>53</v>
      </c>
      <c r="AZ173">
        <v>262</v>
      </c>
      <c r="BA173">
        <v>9532</v>
      </c>
    </row>
    <row r="174" spans="1:53" x14ac:dyDescent="0.4">
      <c r="A174">
        <v>218</v>
      </c>
      <c r="B174" s="1">
        <v>42883</v>
      </c>
      <c r="C174">
        <v>1</v>
      </c>
      <c r="D174" s="1">
        <v>42883.291666666664</v>
      </c>
      <c r="E174" s="1">
        <v>42883.415277777778</v>
      </c>
      <c r="F174">
        <v>0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0</v>
      </c>
      <c r="O174">
        <v>0</v>
      </c>
      <c r="P174">
        <v>0</v>
      </c>
      <c r="Q174">
        <v>0</v>
      </c>
      <c r="R174">
        <v>0</v>
      </c>
      <c r="S174">
        <v>0</v>
      </c>
      <c r="T174">
        <v>0</v>
      </c>
      <c r="U174">
        <v>0</v>
      </c>
      <c r="V174">
        <v>0</v>
      </c>
      <c r="W174">
        <v>1</v>
      </c>
      <c r="X174">
        <v>0</v>
      </c>
      <c r="Y174">
        <v>25</v>
      </c>
      <c r="Z174">
        <v>14</v>
      </c>
      <c r="AA174">
        <v>97</v>
      </c>
      <c r="AB174">
        <v>31</v>
      </c>
      <c r="AC174">
        <v>160</v>
      </c>
      <c r="AD174">
        <v>20</v>
      </c>
      <c r="AE174">
        <v>50</v>
      </c>
      <c r="AF174">
        <v>0</v>
      </c>
      <c r="AG174">
        <v>50000</v>
      </c>
      <c r="AH174">
        <v>0</v>
      </c>
      <c r="AI174">
        <v>50000</v>
      </c>
      <c r="AJ174">
        <v>0</v>
      </c>
      <c r="AK174" t="s">
        <v>6</v>
      </c>
      <c r="AL174">
        <v>0</v>
      </c>
      <c r="AM174">
        <v>0</v>
      </c>
      <c r="AN174">
        <v>0</v>
      </c>
      <c r="AO174">
        <v>0</v>
      </c>
      <c r="AP174">
        <v>0</v>
      </c>
      <c r="AQ174">
        <v>0</v>
      </c>
      <c r="AR174">
        <v>0</v>
      </c>
      <c r="AS174">
        <v>0</v>
      </c>
      <c r="AT174">
        <v>0</v>
      </c>
      <c r="AU174">
        <v>0</v>
      </c>
      <c r="AV174">
        <v>0</v>
      </c>
      <c r="AW174">
        <v>0</v>
      </c>
      <c r="AX174">
        <v>0</v>
      </c>
      <c r="AY174">
        <v>0</v>
      </c>
      <c r="AZ174">
        <v>0</v>
      </c>
      <c r="BA174">
        <v>0</v>
      </c>
    </row>
    <row r="175" spans="1:53" x14ac:dyDescent="0.4">
      <c r="A175">
        <v>219</v>
      </c>
      <c r="B175" s="1">
        <v>42883</v>
      </c>
      <c r="C175">
        <v>2</v>
      </c>
      <c r="D175" s="1">
        <v>42883.415277777778</v>
      </c>
      <c r="E175" s="1">
        <v>42883.784722222219</v>
      </c>
      <c r="F175">
        <v>49750</v>
      </c>
      <c r="G175">
        <v>591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4451</v>
      </c>
      <c r="N175">
        <v>0</v>
      </c>
      <c r="O175">
        <v>0</v>
      </c>
      <c r="P175">
        <v>20520</v>
      </c>
      <c r="Q175">
        <v>0</v>
      </c>
      <c r="R175">
        <v>80631</v>
      </c>
      <c r="S175">
        <v>0</v>
      </c>
      <c r="T175">
        <v>0</v>
      </c>
      <c r="U175">
        <v>0</v>
      </c>
      <c r="V175">
        <v>2</v>
      </c>
      <c r="W175">
        <v>3</v>
      </c>
      <c r="X175">
        <v>0</v>
      </c>
      <c r="Y175">
        <v>58</v>
      </c>
      <c r="Z175">
        <v>39</v>
      </c>
      <c r="AA175">
        <v>106</v>
      </c>
      <c r="AB175">
        <v>33</v>
      </c>
      <c r="AC175">
        <v>223</v>
      </c>
      <c r="AD175">
        <v>23</v>
      </c>
      <c r="AE175">
        <v>53</v>
      </c>
      <c r="AF175">
        <v>3483</v>
      </c>
      <c r="AG175">
        <v>130631</v>
      </c>
      <c r="AH175">
        <v>50000</v>
      </c>
      <c r="AI175">
        <v>0</v>
      </c>
      <c r="AJ175">
        <v>100</v>
      </c>
      <c r="AK175" t="s">
        <v>0</v>
      </c>
      <c r="AL175">
        <v>0</v>
      </c>
      <c r="AM175">
        <v>0</v>
      </c>
      <c r="AN175">
        <v>0</v>
      </c>
      <c r="AO175">
        <v>0</v>
      </c>
      <c r="AP175">
        <v>0</v>
      </c>
      <c r="AQ175">
        <v>0</v>
      </c>
      <c r="AR175">
        <v>0</v>
      </c>
      <c r="AS175">
        <v>0</v>
      </c>
      <c r="AT175">
        <v>0</v>
      </c>
      <c r="AU175">
        <v>0</v>
      </c>
      <c r="AV175">
        <v>0</v>
      </c>
      <c r="AW175">
        <v>0</v>
      </c>
      <c r="AX175">
        <v>-22</v>
      </c>
      <c r="AY175">
        <v>54</v>
      </c>
      <c r="AZ175">
        <v>123</v>
      </c>
      <c r="BA175">
        <v>8670</v>
      </c>
    </row>
    <row r="176" spans="1:53" x14ac:dyDescent="0.4">
      <c r="A176">
        <v>220</v>
      </c>
      <c r="B176" s="1">
        <v>42883</v>
      </c>
      <c r="C176">
        <v>3</v>
      </c>
      <c r="D176" s="1">
        <v>42883.784722222219</v>
      </c>
      <c r="E176" s="1">
        <v>42883.959722222222</v>
      </c>
      <c r="F176">
        <v>36800</v>
      </c>
      <c r="G176">
        <v>2330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3130</v>
      </c>
      <c r="N176">
        <v>0</v>
      </c>
      <c r="O176">
        <v>0</v>
      </c>
      <c r="P176">
        <v>4601</v>
      </c>
      <c r="Q176">
        <v>0</v>
      </c>
      <c r="R176">
        <v>46861</v>
      </c>
      <c r="S176">
        <v>0</v>
      </c>
      <c r="T176">
        <v>0</v>
      </c>
      <c r="U176">
        <v>0</v>
      </c>
      <c r="V176">
        <v>6</v>
      </c>
      <c r="W176">
        <v>1</v>
      </c>
      <c r="X176">
        <v>0</v>
      </c>
      <c r="Y176">
        <v>73</v>
      </c>
      <c r="Z176">
        <v>38</v>
      </c>
      <c r="AA176">
        <v>118</v>
      </c>
      <c r="AB176">
        <v>35</v>
      </c>
      <c r="AC176">
        <v>221</v>
      </c>
      <c r="AD176">
        <v>23</v>
      </c>
      <c r="AE176">
        <v>54</v>
      </c>
      <c r="AF176">
        <v>4563</v>
      </c>
      <c r="AG176">
        <v>177492</v>
      </c>
      <c r="AH176">
        <v>50000</v>
      </c>
      <c r="AI176">
        <v>0</v>
      </c>
      <c r="AJ176">
        <v>100</v>
      </c>
      <c r="AK176" t="s">
        <v>0</v>
      </c>
      <c r="AL176">
        <v>0</v>
      </c>
      <c r="AM176">
        <v>0</v>
      </c>
      <c r="AN176">
        <v>0</v>
      </c>
      <c r="AO176">
        <v>0</v>
      </c>
      <c r="AP176">
        <v>0</v>
      </c>
      <c r="AQ176">
        <v>0</v>
      </c>
      <c r="AR176">
        <v>0</v>
      </c>
      <c r="AS176">
        <v>0</v>
      </c>
      <c r="AT176">
        <v>0</v>
      </c>
      <c r="AU176">
        <v>0</v>
      </c>
      <c r="AV176">
        <v>0</v>
      </c>
      <c r="AW176">
        <v>0</v>
      </c>
      <c r="AX176">
        <v>12095</v>
      </c>
      <c r="AY176">
        <v>17</v>
      </c>
      <c r="AZ176">
        <v>45</v>
      </c>
      <c r="BA176">
        <v>2395</v>
      </c>
    </row>
    <row r="177" spans="1:53" x14ac:dyDescent="0.4">
      <c r="A177">
        <v>221</v>
      </c>
      <c r="B177" s="1">
        <v>42884</v>
      </c>
      <c r="C177">
        <v>1</v>
      </c>
      <c r="D177" s="1">
        <v>42884.291666666664</v>
      </c>
      <c r="E177" s="1">
        <v>42884.45416666667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0</v>
      </c>
      <c r="O177">
        <v>0</v>
      </c>
      <c r="P177">
        <v>0</v>
      </c>
      <c r="Q177">
        <v>0</v>
      </c>
      <c r="R177">
        <v>0</v>
      </c>
      <c r="S177">
        <v>0</v>
      </c>
      <c r="T177">
        <v>0</v>
      </c>
      <c r="U177">
        <v>0</v>
      </c>
      <c r="V177">
        <v>0</v>
      </c>
      <c r="W177">
        <v>1</v>
      </c>
      <c r="X177">
        <v>0</v>
      </c>
      <c r="Y177">
        <v>25</v>
      </c>
      <c r="Z177">
        <v>12</v>
      </c>
      <c r="AA177">
        <v>108</v>
      </c>
      <c r="AB177">
        <v>26</v>
      </c>
      <c r="AC177">
        <v>172</v>
      </c>
      <c r="AD177">
        <v>23</v>
      </c>
      <c r="AE177">
        <v>65</v>
      </c>
      <c r="AF177">
        <v>0</v>
      </c>
      <c r="AG177">
        <v>50000</v>
      </c>
      <c r="AH177">
        <v>0</v>
      </c>
      <c r="AI177">
        <v>50000</v>
      </c>
      <c r="AJ177">
        <v>0</v>
      </c>
      <c r="AK177" t="s">
        <v>6</v>
      </c>
      <c r="AL177">
        <v>0</v>
      </c>
      <c r="AM177">
        <v>0</v>
      </c>
      <c r="AN177">
        <v>0</v>
      </c>
      <c r="AO177">
        <v>0</v>
      </c>
      <c r="AP177">
        <v>0</v>
      </c>
      <c r="AQ177">
        <v>0</v>
      </c>
      <c r="AR177">
        <v>0</v>
      </c>
      <c r="AS177">
        <v>0</v>
      </c>
      <c r="AT177">
        <v>0</v>
      </c>
      <c r="AU177">
        <v>0</v>
      </c>
      <c r="AV177">
        <v>0</v>
      </c>
      <c r="AW177">
        <v>0</v>
      </c>
      <c r="AX177">
        <v>0</v>
      </c>
      <c r="AY177">
        <v>0</v>
      </c>
      <c r="AZ177">
        <v>0</v>
      </c>
      <c r="BA177">
        <v>0</v>
      </c>
    </row>
    <row r="178" spans="1:53" x14ac:dyDescent="0.4">
      <c r="A178">
        <v>222</v>
      </c>
      <c r="B178" s="1">
        <v>42884</v>
      </c>
      <c r="C178">
        <v>2</v>
      </c>
      <c r="D178" s="1">
        <v>42884.45416666667</v>
      </c>
      <c r="E178" s="1">
        <v>42884.754166666666</v>
      </c>
      <c r="F178">
        <v>24750</v>
      </c>
      <c r="G178">
        <v>805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2622</v>
      </c>
      <c r="N178">
        <v>0</v>
      </c>
      <c r="O178">
        <v>0</v>
      </c>
      <c r="P178">
        <v>8100</v>
      </c>
      <c r="Q178">
        <v>0</v>
      </c>
      <c r="R178">
        <v>43522</v>
      </c>
      <c r="S178">
        <v>0</v>
      </c>
      <c r="T178">
        <v>0</v>
      </c>
      <c r="U178">
        <v>0</v>
      </c>
      <c r="V178">
        <v>0</v>
      </c>
      <c r="W178">
        <v>4</v>
      </c>
      <c r="X178">
        <v>0</v>
      </c>
      <c r="Y178">
        <v>47</v>
      </c>
      <c r="Z178">
        <v>22</v>
      </c>
      <c r="AA178">
        <v>82</v>
      </c>
      <c r="AB178">
        <v>20</v>
      </c>
      <c r="AC178">
        <v>210</v>
      </c>
      <c r="AD178">
        <v>26</v>
      </c>
      <c r="AE178">
        <v>74</v>
      </c>
      <c r="AF178">
        <v>3478</v>
      </c>
      <c r="AG178">
        <v>92982</v>
      </c>
      <c r="AH178">
        <v>50000</v>
      </c>
      <c r="AI178">
        <v>-540</v>
      </c>
      <c r="AJ178">
        <v>16</v>
      </c>
      <c r="AK178" t="s">
        <v>11</v>
      </c>
      <c r="AL178">
        <v>0</v>
      </c>
      <c r="AM178">
        <v>0</v>
      </c>
      <c r="AN178">
        <v>0</v>
      </c>
      <c r="AO178">
        <v>0</v>
      </c>
      <c r="AP178">
        <v>0</v>
      </c>
      <c r="AQ178">
        <v>0</v>
      </c>
      <c r="AR178">
        <v>0</v>
      </c>
      <c r="AS178">
        <v>0</v>
      </c>
      <c r="AT178">
        <v>0</v>
      </c>
      <c r="AU178">
        <v>0</v>
      </c>
      <c r="AV178">
        <v>0</v>
      </c>
      <c r="AW178">
        <v>0</v>
      </c>
      <c r="AX178">
        <v>1555</v>
      </c>
      <c r="AY178">
        <v>33</v>
      </c>
      <c r="AZ178">
        <v>65</v>
      </c>
      <c r="BA178">
        <v>4989</v>
      </c>
    </row>
    <row r="179" spans="1:53" x14ac:dyDescent="0.4">
      <c r="A179">
        <v>223</v>
      </c>
      <c r="B179" s="1">
        <v>42884</v>
      </c>
      <c r="C179">
        <v>3</v>
      </c>
      <c r="D179" s="1">
        <v>42884.754166666666</v>
      </c>
      <c r="E179" s="1">
        <v>42884.949305555558</v>
      </c>
      <c r="F179">
        <v>32820</v>
      </c>
      <c r="G179">
        <v>2620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2835</v>
      </c>
      <c r="N179">
        <v>0</v>
      </c>
      <c r="O179">
        <v>0</v>
      </c>
      <c r="P179">
        <v>-8100</v>
      </c>
      <c r="Q179">
        <v>0</v>
      </c>
      <c r="R179">
        <v>30175</v>
      </c>
      <c r="S179">
        <v>0</v>
      </c>
      <c r="T179">
        <v>0</v>
      </c>
      <c r="U179">
        <v>0</v>
      </c>
      <c r="V179">
        <v>3</v>
      </c>
      <c r="W179">
        <v>3</v>
      </c>
      <c r="X179">
        <v>0</v>
      </c>
      <c r="Y179">
        <v>45</v>
      </c>
      <c r="Z179">
        <v>23</v>
      </c>
      <c r="AA179">
        <v>84</v>
      </c>
      <c r="AB179">
        <v>22</v>
      </c>
      <c r="AC179">
        <v>223</v>
      </c>
      <c r="AD179">
        <v>33</v>
      </c>
      <c r="AE179">
        <v>87</v>
      </c>
      <c r="AF179">
        <v>9675</v>
      </c>
      <c r="AG179">
        <v>123157</v>
      </c>
      <c r="AH179">
        <v>50000</v>
      </c>
      <c r="AI179">
        <v>-540</v>
      </c>
      <c r="AJ179">
        <v>82</v>
      </c>
      <c r="AK179" t="s">
        <v>17</v>
      </c>
      <c r="AL179">
        <v>0</v>
      </c>
      <c r="AM179">
        <v>0</v>
      </c>
      <c r="AN179">
        <v>0</v>
      </c>
      <c r="AO179">
        <v>0</v>
      </c>
      <c r="AP179">
        <v>0</v>
      </c>
      <c r="AQ179">
        <v>0</v>
      </c>
      <c r="AR179">
        <v>0</v>
      </c>
      <c r="AS179">
        <v>0</v>
      </c>
      <c r="AT179">
        <v>0</v>
      </c>
      <c r="AU179">
        <v>0</v>
      </c>
      <c r="AV179">
        <v>0</v>
      </c>
      <c r="AW179">
        <v>0</v>
      </c>
      <c r="AX179">
        <v>15422</v>
      </c>
      <c r="AY179">
        <v>10</v>
      </c>
      <c r="AZ179">
        <v>30</v>
      </c>
      <c r="BA179">
        <v>1417</v>
      </c>
    </row>
    <row r="180" spans="1:53" x14ac:dyDescent="0.4">
      <c r="A180">
        <v>224</v>
      </c>
      <c r="B180" s="1">
        <v>42884</v>
      </c>
      <c r="C180">
        <v>4</v>
      </c>
      <c r="D180" s="1">
        <v>42884.949305555558</v>
      </c>
      <c r="E180" s="1">
        <v>42885.103472222225</v>
      </c>
      <c r="F180">
        <v>25600</v>
      </c>
      <c r="G180">
        <v>3350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2316</v>
      </c>
      <c r="N180">
        <v>0</v>
      </c>
      <c r="O180">
        <v>0</v>
      </c>
      <c r="P180">
        <v>22680</v>
      </c>
      <c r="Q180">
        <v>0</v>
      </c>
      <c r="R180">
        <v>53946</v>
      </c>
      <c r="S180">
        <v>0</v>
      </c>
      <c r="T180">
        <v>0</v>
      </c>
      <c r="U180">
        <v>0</v>
      </c>
      <c r="V180">
        <v>5</v>
      </c>
      <c r="W180">
        <v>6</v>
      </c>
      <c r="X180">
        <v>0</v>
      </c>
      <c r="Y180">
        <v>46</v>
      </c>
      <c r="Z180">
        <v>27</v>
      </c>
      <c r="AA180">
        <v>87</v>
      </c>
      <c r="AB180">
        <v>20</v>
      </c>
      <c r="AC180">
        <v>231</v>
      </c>
      <c r="AD180">
        <v>35</v>
      </c>
      <c r="AE180">
        <v>83</v>
      </c>
      <c r="AF180">
        <v>25875</v>
      </c>
      <c r="AG180">
        <v>177643</v>
      </c>
      <c r="AH180">
        <v>50000</v>
      </c>
      <c r="AI180">
        <v>0</v>
      </c>
      <c r="AJ180">
        <v>1</v>
      </c>
      <c r="AK180" t="s">
        <v>3</v>
      </c>
      <c r="AL180">
        <v>0</v>
      </c>
      <c r="AM180">
        <v>0</v>
      </c>
      <c r="AN180">
        <v>0</v>
      </c>
      <c r="AO180">
        <v>0</v>
      </c>
      <c r="AP180">
        <v>0</v>
      </c>
      <c r="AQ180">
        <v>0</v>
      </c>
      <c r="AR180">
        <v>0</v>
      </c>
      <c r="AS180">
        <v>0</v>
      </c>
      <c r="AT180">
        <v>0</v>
      </c>
      <c r="AU180">
        <v>0</v>
      </c>
      <c r="AV180">
        <v>0</v>
      </c>
      <c r="AW180">
        <v>0</v>
      </c>
      <c r="AX180">
        <v>5918</v>
      </c>
      <c r="AY180">
        <v>6</v>
      </c>
      <c r="AZ180">
        <v>19</v>
      </c>
      <c r="BA180">
        <v>711</v>
      </c>
    </row>
    <row r="181" spans="1:53" x14ac:dyDescent="0.4">
      <c r="A181">
        <v>225</v>
      </c>
      <c r="B181" s="1">
        <v>42885</v>
      </c>
      <c r="C181">
        <v>1</v>
      </c>
      <c r="D181" s="1">
        <v>42885.291666666664</v>
      </c>
      <c r="E181" s="1">
        <v>42885.450694444444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0</v>
      </c>
      <c r="O181">
        <v>0</v>
      </c>
      <c r="P181">
        <v>0</v>
      </c>
      <c r="Q181">
        <v>0</v>
      </c>
      <c r="R181">
        <v>0</v>
      </c>
      <c r="S181">
        <v>0</v>
      </c>
      <c r="T181">
        <v>0</v>
      </c>
      <c r="U181">
        <v>0</v>
      </c>
      <c r="V181">
        <v>0</v>
      </c>
      <c r="W181">
        <v>1</v>
      </c>
      <c r="X181">
        <v>0</v>
      </c>
      <c r="Y181">
        <v>25</v>
      </c>
      <c r="Z181">
        <v>17</v>
      </c>
      <c r="AA181">
        <v>85</v>
      </c>
      <c r="AB181">
        <v>20</v>
      </c>
      <c r="AC181">
        <v>175</v>
      </c>
      <c r="AD181">
        <v>33</v>
      </c>
      <c r="AE181">
        <v>85</v>
      </c>
      <c r="AF181">
        <v>0</v>
      </c>
      <c r="AG181">
        <v>50000</v>
      </c>
      <c r="AH181">
        <v>0</v>
      </c>
      <c r="AI181">
        <v>50000</v>
      </c>
      <c r="AJ181">
        <v>0</v>
      </c>
      <c r="AK181" t="s">
        <v>6</v>
      </c>
      <c r="AL181">
        <v>0</v>
      </c>
      <c r="AM181">
        <v>0</v>
      </c>
      <c r="AN181">
        <v>0</v>
      </c>
      <c r="AO181">
        <v>0</v>
      </c>
      <c r="AP181">
        <v>0</v>
      </c>
      <c r="AQ181">
        <v>0</v>
      </c>
      <c r="AR181">
        <v>0</v>
      </c>
      <c r="AS181">
        <v>0</v>
      </c>
      <c r="AT181">
        <v>0</v>
      </c>
      <c r="AU181">
        <v>0</v>
      </c>
      <c r="AV181">
        <v>0</v>
      </c>
      <c r="AW181">
        <v>0</v>
      </c>
      <c r="AX181">
        <v>0</v>
      </c>
      <c r="AY181">
        <v>0</v>
      </c>
      <c r="AZ181">
        <v>0</v>
      </c>
      <c r="BA181">
        <v>0</v>
      </c>
    </row>
    <row r="182" spans="1:53" x14ac:dyDescent="0.4">
      <c r="A182">
        <v>226</v>
      </c>
      <c r="B182" s="1">
        <v>42885</v>
      </c>
      <c r="C182">
        <v>2</v>
      </c>
      <c r="D182" s="1">
        <v>42885.450694444444</v>
      </c>
      <c r="E182" s="1">
        <v>42885.749305555553</v>
      </c>
      <c r="F182">
        <v>1150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920</v>
      </c>
      <c r="N182">
        <v>0</v>
      </c>
      <c r="O182">
        <v>0</v>
      </c>
      <c r="P182">
        <v>14580</v>
      </c>
      <c r="Q182">
        <v>0</v>
      </c>
      <c r="R182">
        <v>27000</v>
      </c>
      <c r="S182">
        <v>0</v>
      </c>
      <c r="T182">
        <v>0</v>
      </c>
      <c r="U182">
        <v>0</v>
      </c>
      <c r="V182">
        <v>0</v>
      </c>
      <c r="W182">
        <v>3</v>
      </c>
      <c r="X182">
        <v>0</v>
      </c>
      <c r="Y182">
        <v>39</v>
      </c>
      <c r="Z182">
        <v>22</v>
      </c>
      <c r="AA182">
        <v>89</v>
      </c>
      <c r="AB182">
        <v>16</v>
      </c>
      <c r="AC182">
        <v>205</v>
      </c>
      <c r="AD182">
        <v>33</v>
      </c>
      <c r="AE182">
        <v>85</v>
      </c>
      <c r="AF182">
        <v>0</v>
      </c>
      <c r="AG182">
        <v>77000</v>
      </c>
      <c r="AH182">
        <v>50000</v>
      </c>
      <c r="AI182">
        <v>0</v>
      </c>
      <c r="AJ182">
        <v>96</v>
      </c>
      <c r="AK182" t="s">
        <v>4</v>
      </c>
      <c r="AL182">
        <v>0</v>
      </c>
      <c r="AM182">
        <v>0</v>
      </c>
      <c r="AN182">
        <v>0</v>
      </c>
      <c r="AO182">
        <v>0</v>
      </c>
      <c r="AP182">
        <v>0</v>
      </c>
      <c r="AQ182">
        <v>0</v>
      </c>
      <c r="AR182">
        <v>0</v>
      </c>
      <c r="AS182">
        <v>0</v>
      </c>
      <c r="AT182">
        <v>0</v>
      </c>
      <c r="AU182">
        <v>0</v>
      </c>
      <c r="AV182">
        <v>0</v>
      </c>
      <c r="AW182">
        <v>0</v>
      </c>
      <c r="AX182">
        <v>0</v>
      </c>
      <c r="AY182">
        <v>30</v>
      </c>
      <c r="AZ182">
        <v>50</v>
      </c>
      <c r="BA182">
        <v>3855</v>
      </c>
    </row>
    <row r="183" spans="1:53" x14ac:dyDescent="0.4">
      <c r="A183">
        <v>227</v>
      </c>
      <c r="B183" s="1">
        <v>42885</v>
      </c>
      <c r="C183">
        <v>3</v>
      </c>
      <c r="D183" s="1">
        <v>42885.749305555553</v>
      </c>
      <c r="E183" s="1">
        <v>42885.963888888888</v>
      </c>
      <c r="F183">
        <v>43920</v>
      </c>
      <c r="G183">
        <v>142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3627</v>
      </c>
      <c r="N183">
        <v>0</v>
      </c>
      <c r="O183">
        <v>0</v>
      </c>
      <c r="P183">
        <v>-5681</v>
      </c>
      <c r="Q183">
        <v>0</v>
      </c>
      <c r="R183">
        <v>43286</v>
      </c>
      <c r="S183">
        <v>0</v>
      </c>
      <c r="T183">
        <v>0</v>
      </c>
      <c r="U183">
        <v>0</v>
      </c>
      <c r="V183">
        <v>2</v>
      </c>
      <c r="W183">
        <v>7</v>
      </c>
      <c r="X183">
        <v>0</v>
      </c>
      <c r="Y183">
        <v>40</v>
      </c>
      <c r="Z183">
        <v>24</v>
      </c>
      <c r="AA183">
        <v>100</v>
      </c>
      <c r="AB183">
        <v>18</v>
      </c>
      <c r="AC183">
        <v>215</v>
      </c>
      <c r="AD183">
        <v>31</v>
      </c>
      <c r="AE183">
        <v>31</v>
      </c>
      <c r="AF183">
        <v>0</v>
      </c>
      <c r="AG183">
        <v>120236</v>
      </c>
      <c r="AH183">
        <v>50000</v>
      </c>
      <c r="AI183">
        <v>-50</v>
      </c>
      <c r="AJ183">
        <v>89</v>
      </c>
      <c r="AK183" t="s">
        <v>12</v>
      </c>
      <c r="AL183">
        <v>0</v>
      </c>
      <c r="AM183">
        <v>0</v>
      </c>
      <c r="AN183">
        <v>0</v>
      </c>
      <c r="AO183">
        <v>0</v>
      </c>
      <c r="AP183">
        <v>0</v>
      </c>
      <c r="AQ183">
        <v>0</v>
      </c>
      <c r="AR183">
        <v>0</v>
      </c>
      <c r="AS183">
        <v>0</v>
      </c>
      <c r="AT183">
        <v>0</v>
      </c>
      <c r="AU183">
        <v>0</v>
      </c>
      <c r="AV183">
        <v>0</v>
      </c>
      <c r="AW183">
        <v>0</v>
      </c>
      <c r="AX183">
        <v>14354</v>
      </c>
      <c r="AY183">
        <v>16</v>
      </c>
      <c r="AZ183">
        <v>39</v>
      </c>
      <c r="BA183">
        <v>2767</v>
      </c>
    </row>
    <row r="184" spans="1:53" x14ac:dyDescent="0.4">
      <c r="A184">
        <v>228</v>
      </c>
      <c r="B184" s="1">
        <v>42886</v>
      </c>
      <c r="C184">
        <v>1</v>
      </c>
      <c r="D184" s="1">
        <v>42886.291666666664</v>
      </c>
      <c r="E184" s="1">
        <v>42886.435416666667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0</v>
      </c>
      <c r="O184">
        <v>0</v>
      </c>
      <c r="P184">
        <v>0</v>
      </c>
      <c r="Q184">
        <v>0</v>
      </c>
      <c r="R184">
        <v>0</v>
      </c>
      <c r="S184">
        <v>0</v>
      </c>
      <c r="T184">
        <v>0</v>
      </c>
      <c r="U184">
        <v>0</v>
      </c>
      <c r="V184">
        <v>0</v>
      </c>
      <c r="W184">
        <v>1</v>
      </c>
      <c r="X184">
        <v>0</v>
      </c>
      <c r="Y184">
        <v>25</v>
      </c>
      <c r="Z184">
        <v>15</v>
      </c>
      <c r="AA184">
        <v>101</v>
      </c>
      <c r="AB184">
        <v>21</v>
      </c>
      <c r="AC184">
        <v>111</v>
      </c>
      <c r="AD184">
        <v>31</v>
      </c>
      <c r="AE184">
        <v>85</v>
      </c>
      <c r="AF184">
        <v>0</v>
      </c>
      <c r="AG184">
        <v>50000</v>
      </c>
      <c r="AH184">
        <v>0</v>
      </c>
      <c r="AI184">
        <v>50000</v>
      </c>
      <c r="AJ184">
        <v>0</v>
      </c>
      <c r="AK184" t="s">
        <v>6</v>
      </c>
      <c r="AL184">
        <v>0</v>
      </c>
      <c r="AM184">
        <v>0</v>
      </c>
      <c r="AN184">
        <v>0</v>
      </c>
      <c r="AO184">
        <v>0</v>
      </c>
      <c r="AP184">
        <v>0</v>
      </c>
      <c r="AQ184">
        <v>0</v>
      </c>
      <c r="AR184">
        <v>0</v>
      </c>
      <c r="AS184">
        <v>0</v>
      </c>
      <c r="AT184">
        <v>0</v>
      </c>
      <c r="AU184">
        <v>0</v>
      </c>
      <c r="AV184">
        <v>0</v>
      </c>
      <c r="AW184">
        <v>0</v>
      </c>
      <c r="AX184">
        <v>0</v>
      </c>
      <c r="AY184">
        <v>0</v>
      </c>
      <c r="AZ184">
        <v>0</v>
      </c>
      <c r="BA184">
        <v>0</v>
      </c>
    </row>
    <row r="185" spans="1:53" x14ac:dyDescent="0.4">
      <c r="A185">
        <v>229</v>
      </c>
      <c r="B185" s="1">
        <v>42886</v>
      </c>
      <c r="C185">
        <v>2</v>
      </c>
      <c r="D185" s="1">
        <v>42886.435416666667</v>
      </c>
      <c r="E185" s="1">
        <v>42886.731944444444</v>
      </c>
      <c r="F185">
        <v>650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520</v>
      </c>
      <c r="N185">
        <v>0</v>
      </c>
      <c r="O185">
        <v>0</v>
      </c>
      <c r="P185">
        <v>9720</v>
      </c>
      <c r="Q185">
        <v>0</v>
      </c>
      <c r="R185">
        <v>16740</v>
      </c>
      <c r="S185">
        <v>0</v>
      </c>
      <c r="T185">
        <v>0</v>
      </c>
      <c r="U185">
        <v>0</v>
      </c>
      <c r="V185">
        <v>2</v>
      </c>
      <c r="W185">
        <v>1</v>
      </c>
      <c r="X185">
        <v>0</v>
      </c>
      <c r="Y185">
        <v>19</v>
      </c>
      <c r="Z185">
        <v>18</v>
      </c>
      <c r="AA185">
        <v>111</v>
      </c>
      <c r="AB185">
        <v>20</v>
      </c>
      <c r="AC185">
        <v>139</v>
      </c>
      <c r="AD185">
        <v>33</v>
      </c>
      <c r="AE185">
        <v>85</v>
      </c>
      <c r="AF185">
        <v>0</v>
      </c>
      <c r="AG185">
        <v>66740</v>
      </c>
      <c r="AH185">
        <v>50000</v>
      </c>
      <c r="AI185">
        <v>0</v>
      </c>
      <c r="AJ185">
        <v>96</v>
      </c>
      <c r="AK185" t="s">
        <v>4</v>
      </c>
      <c r="AL185">
        <v>0</v>
      </c>
      <c r="AM185">
        <v>0</v>
      </c>
      <c r="AN185">
        <v>0</v>
      </c>
      <c r="AO185">
        <v>0</v>
      </c>
      <c r="AP185">
        <v>0</v>
      </c>
      <c r="AQ185">
        <v>0</v>
      </c>
      <c r="AR185">
        <v>0</v>
      </c>
      <c r="AS185">
        <v>0</v>
      </c>
      <c r="AT185">
        <v>0</v>
      </c>
      <c r="AU185">
        <v>0</v>
      </c>
      <c r="AV185">
        <v>0</v>
      </c>
      <c r="AW185">
        <v>0</v>
      </c>
      <c r="AX185">
        <v>950</v>
      </c>
      <c r="AY185">
        <v>20</v>
      </c>
      <c r="AZ185">
        <v>30</v>
      </c>
      <c r="BA185">
        <v>2588</v>
      </c>
    </row>
    <row r="186" spans="1:53" x14ac:dyDescent="0.4">
      <c r="A186">
        <v>230</v>
      </c>
      <c r="B186" s="1">
        <v>42886</v>
      </c>
      <c r="C186">
        <v>3</v>
      </c>
      <c r="D186" s="1">
        <v>42886.731944444444</v>
      </c>
      <c r="E186" s="1">
        <v>42886.759027777778</v>
      </c>
      <c r="F186">
        <v>250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200</v>
      </c>
      <c r="N186">
        <v>0</v>
      </c>
      <c r="O186">
        <v>0</v>
      </c>
      <c r="P186">
        <v>-1080</v>
      </c>
      <c r="Q186">
        <v>0</v>
      </c>
      <c r="R186">
        <v>1620</v>
      </c>
      <c r="S186">
        <v>0</v>
      </c>
      <c r="T186">
        <v>0</v>
      </c>
      <c r="U186">
        <v>0</v>
      </c>
      <c r="V186">
        <v>2</v>
      </c>
      <c r="W186">
        <v>1</v>
      </c>
      <c r="X186">
        <v>0</v>
      </c>
      <c r="Y186">
        <v>19</v>
      </c>
      <c r="Z186">
        <v>21</v>
      </c>
      <c r="AA186">
        <v>111</v>
      </c>
      <c r="AB186">
        <v>22</v>
      </c>
      <c r="AC186">
        <v>141</v>
      </c>
      <c r="AD186">
        <v>33</v>
      </c>
      <c r="AE186">
        <v>85</v>
      </c>
      <c r="AF186">
        <v>0</v>
      </c>
      <c r="AG186">
        <v>68360</v>
      </c>
      <c r="AH186">
        <v>50000</v>
      </c>
      <c r="AI186">
        <v>0</v>
      </c>
      <c r="AJ186">
        <v>96</v>
      </c>
      <c r="AK186" t="s">
        <v>4</v>
      </c>
      <c r="AL186">
        <v>0</v>
      </c>
      <c r="AM186">
        <v>0</v>
      </c>
      <c r="AN186">
        <v>0</v>
      </c>
      <c r="AO186">
        <v>0</v>
      </c>
      <c r="AP186">
        <v>0</v>
      </c>
      <c r="AQ186">
        <v>0</v>
      </c>
      <c r="AR186">
        <v>0</v>
      </c>
      <c r="AS186">
        <v>0</v>
      </c>
      <c r="AT186">
        <v>0</v>
      </c>
      <c r="AU186">
        <v>0</v>
      </c>
      <c r="AV186">
        <v>0</v>
      </c>
      <c r="AW186">
        <v>0</v>
      </c>
      <c r="AX186">
        <v>1706</v>
      </c>
      <c r="AY186">
        <v>3</v>
      </c>
      <c r="AZ186">
        <v>3</v>
      </c>
      <c r="BA186">
        <v>435</v>
      </c>
    </row>
    <row r="187" spans="1:53" x14ac:dyDescent="0.4">
      <c r="A187">
        <v>231</v>
      </c>
      <c r="B187" s="1">
        <v>42886</v>
      </c>
      <c r="C187">
        <v>4</v>
      </c>
      <c r="D187" s="1">
        <v>42886.759027777778</v>
      </c>
      <c r="E187" s="1">
        <v>42886.957638888889</v>
      </c>
      <c r="F187">
        <v>41180</v>
      </c>
      <c r="G187">
        <v>2140</v>
      </c>
      <c r="H187">
        <v>0</v>
      </c>
      <c r="I187">
        <v>0</v>
      </c>
      <c r="J187">
        <v>0</v>
      </c>
      <c r="K187">
        <v>0</v>
      </c>
      <c r="L187">
        <v>0</v>
      </c>
      <c r="M187">
        <v>3465</v>
      </c>
      <c r="N187">
        <v>0</v>
      </c>
      <c r="O187">
        <v>0</v>
      </c>
      <c r="P187">
        <v>-4752</v>
      </c>
      <c r="Q187">
        <v>0</v>
      </c>
      <c r="R187">
        <v>42033</v>
      </c>
      <c r="S187">
        <v>0</v>
      </c>
      <c r="T187">
        <v>0</v>
      </c>
      <c r="U187">
        <v>0</v>
      </c>
      <c r="V187">
        <v>6</v>
      </c>
      <c r="W187">
        <v>0</v>
      </c>
      <c r="X187">
        <v>0</v>
      </c>
      <c r="Y187">
        <v>15</v>
      </c>
      <c r="Z187">
        <v>20</v>
      </c>
      <c r="AA187">
        <v>111</v>
      </c>
      <c r="AB187">
        <v>23</v>
      </c>
      <c r="AC187">
        <v>141</v>
      </c>
      <c r="AD187">
        <v>32</v>
      </c>
      <c r="AE187">
        <v>91</v>
      </c>
      <c r="AF187">
        <v>11482</v>
      </c>
      <c r="AG187">
        <v>110393</v>
      </c>
      <c r="AH187">
        <v>50000</v>
      </c>
      <c r="AI187">
        <v>0</v>
      </c>
      <c r="AJ187">
        <v>16</v>
      </c>
      <c r="AK187" t="s">
        <v>11</v>
      </c>
      <c r="AL187">
        <v>0</v>
      </c>
      <c r="AM187">
        <v>0</v>
      </c>
      <c r="AN187">
        <v>0</v>
      </c>
      <c r="AO187">
        <v>0</v>
      </c>
      <c r="AP187">
        <v>0</v>
      </c>
      <c r="AQ187">
        <v>0</v>
      </c>
      <c r="AR187">
        <v>0</v>
      </c>
      <c r="AS187">
        <v>0</v>
      </c>
      <c r="AT187">
        <v>0</v>
      </c>
      <c r="AU187">
        <v>0</v>
      </c>
      <c r="AV187">
        <v>0</v>
      </c>
      <c r="AW187">
        <v>0</v>
      </c>
      <c r="AX187">
        <v>25250</v>
      </c>
      <c r="AY187">
        <v>16</v>
      </c>
      <c r="AZ187">
        <v>41</v>
      </c>
      <c r="BA187">
        <v>2696</v>
      </c>
    </row>
    <row r="188" spans="1:53" x14ac:dyDescent="0.4">
      <c r="A188">
        <v>232</v>
      </c>
      <c r="B188" s="1">
        <v>42887</v>
      </c>
      <c r="C188">
        <v>1</v>
      </c>
      <c r="D188" s="1">
        <v>42887.291666666664</v>
      </c>
      <c r="E188" s="1">
        <v>42887.446527777778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0</v>
      </c>
      <c r="O188">
        <v>0</v>
      </c>
      <c r="P188">
        <v>0</v>
      </c>
      <c r="Q188">
        <v>0</v>
      </c>
      <c r="R188">
        <v>0</v>
      </c>
      <c r="S188">
        <v>0</v>
      </c>
      <c r="T188">
        <v>0</v>
      </c>
      <c r="U188">
        <v>0</v>
      </c>
      <c r="V188">
        <v>0</v>
      </c>
      <c r="W188">
        <v>1</v>
      </c>
      <c r="X188">
        <v>0</v>
      </c>
      <c r="Y188">
        <v>25</v>
      </c>
      <c r="Z188">
        <v>14</v>
      </c>
      <c r="AA188">
        <v>107</v>
      </c>
      <c r="AB188">
        <v>20</v>
      </c>
      <c r="AC188">
        <v>108</v>
      </c>
      <c r="AD188">
        <v>30</v>
      </c>
      <c r="AE188">
        <v>70</v>
      </c>
      <c r="AF188">
        <v>0</v>
      </c>
      <c r="AG188">
        <v>50000</v>
      </c>
      <c r="AH188">
        <v>0</v>
      </c>
      <c r="AI188">
        <v>50000</v>
      </c>
      <c r="AJ188">
        <v>0</v>
      </c>
      <c r="AK188" t="s">
        <v>6</v>
      </c>
      <c r="AL188">
        <v>0</v>
      </c>
      <c r="AM188">
        <v>0</v>
      </c>
      <c r="AN188">
        <v>0</v>
      </c>
      <c r="AO188">
        <v>0</v>
      </c>
      <c r="AP188">
        <v>0</v>
      </c>
      <c r="AQ188">
        <v>0</v>
      </c>
      <c r="AR188">
        <v>0</v>
      </c>
      <c r="AS188">
        <v>0</v>
      </c>
      <c r="AT188">
        <v>0</v>
      </c>
      <c r="AU188">
        <v>0</v>
      </c>
      <c r="AV188">
        <v>0</v>
      </c>
      <c r="AW188">
        <v>0</v>
      </c>
      <c r="AX188">
        <v>0</v>
      </c>
      <c r="AY188">
        <v>0</v>
      </c>
      <c r="AZ188">
        <v>0</v>
      </c>
      <c r="BA188">
        <v>0</v>
      </c>
    </row>
    <row r="189" spans="1:53" x14ac:dyDescent="0.4">
      <c r="A189">
        <v>233</v>
      </c>
      <c r="B189" s="1">
        <v>42887</v>
      </c>
      <c r="C189">
        <v>2</v>
      </c>
      <c r="D189" s="1">
        <v>42887.446527777778</v>
      </c>
      <c r="E189" s="1">
        <v>42887.761805555558</v>
      </c>
      <c r="F189">
        <v>11000</v>
      </c>
      <c r="G189">
        <v>2900</v>
      </c>
      <c r="H189">
        <v>0</v>
      </c>
      <c r="I189">
        <v>0</v>
      </c>
      <c r="J189">
        <v>0</v>
      </c>
      <c r="K189">
        <v>0</v>
      </c>
      <c r="L189">
        <v>0</v>
      </c>
      <c r="M189">
        <v>1112</v>
      </c>
      <c r="N189">
        <v>0</v>
      </c>
      <c r="O189">
        <v>0</v>
      </c>
      <c r="P189">
        <v>8640</v>
      </c>
      <c r="Q189">
        <v>0</v>
      </c>
      <c r="R189">
        <v>23652</v>
      </c>
      <c r="S189">
        <v>0</v>
      </c>
      <c r="T189">
        <v>0</v>
      </c>
      <c r="U189">
        <v>0</v>
      </c>
      <c r="V189">
        <v>1</v>
      </c>
      <c r="W189">
        <v>3</v>
      </c>
      <c r="X189">
        <v>0</v>
      </c>
      <c r="Y189">
        <v>29</v>
      </c>
      <c r="Z189">
        <v>16</v>
      </c>
      <c r="AA189">
        <v>90</v>
      </c>
      <c r="AB189">
        <v>16</v>
      </c>
      <c r="AC189">
        <v>109</v>
      </c>
      <c r="AD189">
        <v>31</v>
      </c>
      <c r="AE189">
        <v>67</v>
      </c>
      <c r="AF189">
        <v>540</v>
      </c>
      <c r="AG189">
        <v>73652</v>
      </c>
      <c r="AH189">
        <v>50000</v>
      </c>
      <c r="AI189">
        <v>0</v>
      </c>
      <c r="AJ189">
        <v>102</v>
      </c>
      <c r="AK189" t="s">
        <v>8</v>
      </c>
      <c r="AL189">
        <v>0</v>
      </c>
      <c r="AM189">
        <v>0</v>
      </c>
      <c r="AN189">
        <v>0</v>
      </c>
      <c r="AO189">
        <v>0</v>
      </c>
      <c r="AP189">
        <v>0</v>
      </c>
      <c r="AQ189">
        <v>0</v>
      </c>
      <c r="AR189">
        <v>0</v>
      </c>
      <c r="AS189">
        <v>0</v>
      </c>
      <c r="AT189">
        <v>0</v>
      </c>
      <c r="AU189">
        <v>0</v>
      </c>
      <c r="AV189">
        <v>0</v>
      </c>
      <c r="AW189">
        <v>0</v>
      </c>
      <c r="AX189">
        <v>410</v>
      </c>
      <c r="AY189">
        <v>26</v>
      </c>
      <c r="AZ189">
        <v>40</v>
      </c>
      <c r="BA189">
        <v>3381</v>
      </c>
    </row>
    <row r="190" spans="1:53" x14ac:dyDescent="0.4">
      <c r="A190">
        <v>234</v>
      </c>
      <c r="B190" s="1">
        <v>42887</v>
      </c>
      <c r="C190">
        <v>3</v>
      </c>
      <c r="D190" s="1">
        <v>42887.761805555558</v>
      </c>
      <c r="E190" s="1">
        <v>42887.955555555556</v>
      </c>
      <c r="F190">
        <v>26140</v>
      </c>
      <c r="G190">
        <v>2360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2279</v>
      </c>
      <c r="N190">
        <v>0</v>
      </c>
      <c r="O190">
        <v>0</v>
      </c>
      <c r="P190">
        <v>-6048</v>
      </c>
      <c r="Q190">
        <v>0</v>
      </c>
      <c r="R190">
        <v>24731</v>
      </c>
      <c r="S190">
        <v>0</v>
      </c>
      <c r="T190">
        <v>0</v>
      </c>
      <c r="U190">
        <v>0</v>
      </c>
      <c r="V190">
        <v>2</v>
      </c>
      <c r="W190">
        <v>5</v>
      </c>
      <c r="X190">
        <v>0</v>
      </c>
      <c r="Y190">
        <v>34</v>
      </c>
      <c r="Z190">
        <v>18</v>
      </c>
      <c r="AA190">
        <v>79</v>
      </c>
      <c r="AB190">
        <v>13</v>
      </c>
      <c r="AC190">
        <v>106</v>
      </c>
      <c r="AD190">
        <v>32</v>
      </c>
      <c r="AE190">
        <v>73</v>
      </c>
      <c r="AF190">
        <v>540</v>
      </c>
      <c r="AG190">
        <v>98383</v>
      </c>
      <c r="AH190">
        <v>50000</v>
      </c>
      <c r="AI190">
        <v>0</v>
      </c>
      <c r="AJ190">
        <v>94</v>
      </c>
      <c r="AK190" t="s">
        <v>21</v>
      </c>
      <c r="AL190">
        <v>0</v>
      </c>
      <c r="AM190">
        <v>0</v>
      </c>
      <c r="AN190">
        <v>0</v>
      </c>
      <c r="AO190">
        <v>0</v>
      </c>
      <c r="AP190">
        <v>0</v>
      </c>
      <c r="AQ190">
        <v>0</v>
      </c>
      <c r="AR190">
        <v>0</v>
      </c>
      <c r="AS190">
        <v>0</v>
      </c>
      <c r="AT190">
        <v>0</v>
      </c>
      <c r="AU190">
        <v>0</v>
      </c>
      <c r="AV190">
        <v>0</v>
      </c>
      <c r="AW190">
        <v>0</v>
      </c>
      <c r="AX190">
        <v>25380</v>
      </c>
      <c r="AY190">
        <v>10</v>
      </c>
      <c r="AZ190">
        <v>33</v>
      </c>
      <c r="BA190">
        <v>1553</v>
      </c>
    </row>
    <row r="191" spans="1:53" x14ac:dyDescent="0.4">
      <c r="A191">
        <v>235</v>
      </c>
      <c r="B191" s="1">
        <v>42888</v>
      </c>
      <c r="C191">
        <v>1</v>
      </c>
      <c r="D191" s="1">
        <v>42888.291666666664</v>
      </c>
      <c r="E191" s="1">
        <v>42888.445833333331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0</v>
      </c>
      <c r="O191">
        <v>0</v>
      </c>
      <c r="P191">
        <v>0</v>
      </c>
      <c r="Q191">
        <v>0</v>
      </c>
      <c r="R191">
        <v>0</v>
      </c>
      <c r="S191">
        <v>0</v>
      </c>
      <c r="T191">
        <v>0</v>
      </c>
      <c r="U191">
        <v>0</v>
      </c>
      <c r="V191">
        <v>0</v>
      </c>
      <c r="W191">
        <v>1</v>
      </c>
      <c r="X191">
        <v>0</v>
      </c>
      <c r="Y191">
        <v>26</v>
      </c>
      <c r="Z191">
        <v>17</v>
      </c>
      <c r="AA191">
        <v>84</v>
      </c>
      <c r="AB191">
        <v>16</v>
      </c>
      <c r="AC191">
        <v>106</v>
      </c>
      <c r="AD191">
        <v>33</v>
      </c>
      <c r="AE191">
        <v>75</v>
      </c>
      <c r="AF191">
        <v>0</v>
      </c>
      <c r="AG191">
        <v>50000</v>
      </c>
      <c r="AH191">
        <v>0</v>
      </c>
      <c r="AI191">
        <v>50000</v>
      </c>
      <c r="AJ191">
        <v>0</v>
      </c>
      <c r="AK191" t="s">
        <v>6</v>
      </c>
      <c r="AL191">
        <v>0</v>
      </c>
      <c r="AM191">
        <v>0</v>
      </c>
      <c r="AN191">
        <v>0</v>
      </c>
      <c r="AO191">
        <v>0</v>
      </c>
      <c r="AP191">
        <v>0</v>
      </c>
      <c r="AQ191">
        <v>0</v>
      </c>
      <c r="AR191">
        <v>0</v>
      </c>
      <c r="AS191">
        <v>0</v>
      </c>
      <c r="AT191">
        <v>0</v>
      </c>
      <c r="AU191">
        <v>0</v>
      </c>
      <c r="AV191">
        <v>0</v>
      </c>
      <c r="AW191">
        <v>0</v>
      </c>
      <c r="AX191">
        <v>0</v>
      </c>
      <c r="AY191">
        <v>0</v>
      </c>
      <c r="AZ191">
        <v>0</v>
      </c>
      <c r="BA191">
        <v>0</v>
      </c>
    </row>
    <row r="192" spans="1:53" x14ac:dyDescent="0.4">
      <c r="A192">
        <v>236</v>
      </c>
      <c r="B192" s="1">
        <v>42888</v>
      </c>
      <c r="C192">
        <v>2</v>
      </c>
      <c r="D192" s="1">
        <v>42888.445833333331</v>
      </c>
      <c r="E192" s="1">
        <v>42888.738888888889</v>
      </c>
      <c r="F192">
        <v>15000</v>
      </c>
      <c r="G192">
        <v>145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1316</v>
      </c>
      <c r="N192">
        <v>0</v>
      </c>
      <c r="O192">
        <v>0</v>
      </c>
      <c r="P192">
        <v>10800</v>
      </c>
      <c r="Q192">
        <v>0</v>
      </c>
      <c r="R192">
        <v>28566</v>
      </c>
      <c r="S192">
        <v>0</v>
      </c>
      <c r="T192">
        <v>0</v>
      </c>
      <c r="U192">
        <v>0</v>
      </c>
      <c r="V192">
        <v>1</v>
      </c>
      <c r="W192">
        <v>3</v>
      </c>
      <c r="X192">
        <v>0</v>
      </c>
      <c r="Y192">
        <v>27</v>
      </c>
      <c r="Z192">
        <v>31</v>
      </c>
      <c r="AA192">
        <v>85</v>
      </c>
      <c r="AB192">
        <v>17</v>
      </c>
      <c r="AC192">
        <v>148</v>
      </c>
      <c r="AD192">
        <v>32</v>
      </c>
      <c r="AE192">
        <v>76</v>
      </c>
      <c r="AF192">
        <v>0</v>
      </c>
      <c r="AG192">
        <v>78566</v>
      </c>
      <c r="AH192">
        <v>50000</v>
      </c>
      <c r="AI192">
        <v>0</v>
      </c>
      <c r="AJ192">
        <v>96</v>
      </c>
      <c r="AK192" t="s">
        <v>4</v>
      </c>
      <c r="AL192">
        <v>0</v>
      </c>
      <c r="AM192">
        <v>0</v>
      </c>
      <c r="AN192">
        <v>0</v>
      </c>
      <c r="AO192">
        <v>0</v>
      </c>
      <c r="AP192">
        <v>0</v>
      </c>
      <c r="AQ192">
        <v>0</v>
      </c>
      <c r="AR192">
        <v>0</v>
      </c>
      <c r="AS192">
        <v>0</v>
      </c>
      <c r="AT192">
        <v>0</v>
      </c>
      <c r="AU192">
        <v>0</v>
      </c>
      <c r="AV192">
        <v>0</v>
      </c>
      <c r="AW192">
        <v>0</v>
      </c>
      <c r="AX192">
        <v>0</v>
      </c>
      <c r="AY192">
        <v>34</v>
      </c>
      <c r="AZ192">
        <v>50</v>
      </c>
      <c r="BA192">
        <v>4643</v>
      </c>
    </row>
    <row r="193" spans="1:53" x14ac:dyDescent="0.4">
      <c r="A193">
        <v>237</v>
      </c>
      <c r="B193" s="1">
        <v>42889</v>
      </c>
      <c r="C193">
        <v>1</v>
      </c>
      <c r="D193" s="1">
        <v>42889.291666666664</v>
      </c>
      <c r="E193" s="1">
        <v>42889.410416666666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0</v>
      </c>
      <c r="O193">
        <v>0</v>
      </c>
      <c r="P193">
        <v>0</v>
      </c>
      <c r="Q193">
        <v>0</v>
      </c>
      <c r="R193">
        <v>0</v>
      </c>
      <c r="S193">
        <v>0</v>
      </c>
      <c r="T193">
        <v>0</v>
      </c>
      <c r="U193">
        <v>0</v>
      </c>
      <c r="V193">
        <v>0</v>
      </c>
      <c r="W193">
        <v>1</v>
      </c>
      <c r="X193">
        <v>0</v>
      </c>
      <c r="Y193">
        <v>25</v>
      </c>
      <c r="Z193">
        <v>21</v>
      </c>
      <c r="AA193">
        <v>78</v>
      </c>
      <c r="AB193">
        <v>9</v>
      </c>
      <c r="AC193">
        <v>106</v>
      </c>
      <c r="AD193">
        <v>28</v>
      </c>
      <c r="AE193">
        <v>50</v>
      </c>
      <c r="AF193">
        <v>0</v>
      </c>
      <c r="AG193">
        <v>50000</v>
      </c>
      <c r="AH193">
        <v>0</v>
      </c>
      <c r="AI193">
        <v>50000</v>
      </c>
      <c r="AJ193">
        <v>0</v>
      </c>
      <c r="AK193" t="s">
        <v>6</v>
      </c>
      <c r="AL193">
        <v>0</v>
      </c>
      <c r="AM193">
        <v>0</v>
      </c>
      <c r="AN193">
        <v>0</v>
      </c>
      <c r="AO193">
        <v>0</v>
      </c>
      <c r="AP193">
        <v>0</v>
      </c>
      <c r="AQ193">
        <v>0</v>
      </c>
      <c r="AR193">
        <v>0</v>
      </c>
      <c r="AS193">
        <v>0</v>
      </c>
      <c r="AT193">
        <v>0</v>
      </c>
      <c r="AU193">
        <v>0</v>
      </c>
      <c r="AV193">
        <v>0</v>
      </c>
      <c r="AW193">
        <v>0</v>
      </c>
      <c r="AX193">
        <v>0</v>
      </c>
      <c r="AY193">
        <v>0</v>
      </c>
      <c r="AZ193">
        <v>0</v>
      </c>
      <c r="BA193">
        <v>0</v>
      </c>
    </row>
    <row r="194" spans="1:53" x14ac:dyDescent="0.4">
      <c r="A194">
        <v>238</v>
      </c>
      <c r="B194" s="1">
        <v>42889</v>
      </c>
      <c r="C194">
        <v>2</v>
      </c>
      <c r="D194" s="1">
        <v>42889.410416666666</v>
      </c>
      <c r="E194" s="1">
        <v>42889.747916666667</v>
      </c>
      <c r="F194">
        <v>29000</v>
      </c>
      <c r="G194">
        <v>418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2653</v>
      </c>
      <c r="N194">
        <v>0</v>
      </c>
      <c r="O194">
        <v>0</v>
      </c>
      <c r="P194">
        <v>23760</v>
      </c>
      <c r="Q194">
        <v>0</v>
      </c>
      <c r="R194">
        <v>59593</v>
      </c>
      <c r="S194">
        <v>0</v>
      </c>
      <c r="T194">
        <v>0</v>
      </c>
      <c r="U194">
        <v>0</v>
      </c>
      <c r="V194">
        <v>1</v>
      </c>
      <c r="W194">
        <v>2</v>
      </c>
      <c r="X194">
        <v>0</v>
      </c>
      <c r="Y194">
        <v>46</v>
      </c>
      <c r="Z194">
        <v>57</v>
      </c>
      <c r="AA194">
        <v>73</v>
      </c>
      <c r="AB194">
        <v>7</v>
      </c>
      <c r="AC194">
        <v>135</v>
      </c>
      <c r="AD194">
        <v>29</v>
      </c>
      <c r="AE194">
        <v>43</v>
      </c>
      <c r="AF194">
        <v>5906</v>
      </c>
      <c r="AG194">
        <v>109594</v>
      </c>
      <c r="AH194">
        <v>50000</v>
      </c>
      <c r="AI194">
        <v>1</v>
      </c>
      <c r="AJ194">
        <v>96</v>
      </c>
      <c r="AK194" t="s">
        <v>4</v>
      </c>
      <c r="AL194">
        <v>0</v>
      </c>
      <c r="AM194">
        <v>0</v>
      </c>
      <c r="AN194">
        <v>0</v>
      </c>
      <c r="AO194">
        <v>0</v>
      </c>
      <c r="AP194">
        <v>0</v>
      </c>
      <c r="AQ194">
        <v>0</v>
      </c>
      <c r="AR194">
        <v>0</v>
      </c>
      <c r="AS194">
        <v>0</v>
      </c>
      <c r="AT194">
        <v>0</v>
      </c>
      <c r="AU194">
        <v>0</v>
      </c>
      <c r="AV194">
        <v>0</v>
      </c>
      <c r="AW194">
        <v>0</v>
      </c>
      <c r="AX194">
        <v>2094</v>
      </c>
      <c r="AY194">
        <v>42</v>
      </c>
      <c r="AZ194">
        <v>99</v>
      </c>
      <c r="BA194">
        <v>6142</v>
      </c>
    </row>
    <row r="195" spans="1:53" x14ac:dyDescent="0.4">
      <c r="A195">
        <v>239</v>
      </c>
      <c r="B195" s="1">
        <v>42889</v>
      </c>
      <c r="C195">
        <v>3</v>
      </c>
      <c r="D195" s="1">
        <v>42889.747916666667</v>
      </c>
      <c r="E195" s="1">
        <v>42889.951388888891</v>
      </c>
      <c r="F195">
        <v>130200</v>
      </c>
      <c r="G195">
        <v>529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10838</v>
      </c>
      <c r="N195">
        <v>0</v>
      </c>
      <c r="O195">
        <v>0</v>
      </c>
      <c r="P195">
        <v>-23760</v>
      </c>
      <c r="Q195">
        <v>0</v>
      </c>
      <c r="R195">
        <v>122568</v>
      </c>
      <c r="S195">
        <v>0</v>
      </c>
      <c r="T195">
        <v>0</v>
      </c>
      <c r="U195">
        <v>0</v>
      </c>
      <c r="V195">
        <v>9</v>
      </c>
      <c r="W195">
        <v>8</v>
      </c>
      <c r="X195">
        <v>0</v>
      </c>
      <c r="Y195">
        <v>56</v>
      </c>
      <c r="Z195">
        <v>58</v>
      </c>
      <c r="AA195">
        <v>93</v>
      </c>
      <c r="AB195">
        <v>9</v>
      </c>
      <c r="AC195">
        <v>134</v>
      </c>
      <c r="AD195">
        <v>27</v>
      </c>
      <c r="AE195">
        <v>40</v>
      </c>
      <c r="AF195">
        <v>5906</v>
      </c>
      <c r="AG195">
        <v>232171</v>
      </c>
      <c r="AH195">
        <v>50000</v>
      </c>
      <c r="AI195">
        <v>10</v>
      </c>
      <c r="AJ195">
        <v>16</v>
      </c>
      <c r="AK195" t="s">
        <v>11</v>
      </c>
      <c r="AL195">
        <v>0</v>
      </c>
      <c r="AM195">
        <v>0</v>
      </c>
      <c r="AN195">
        <v>0</v>
      </c>
      <c r="AO195">
        <v>0</v>
      </c>
      <c r="AP195">
        <v>0</v>
      </c>
      <c r="AQ195">
        <v>0</v>
      </c>
      <c r="AR195">
        <v>0</v>
      </c>
      <c r="AS195">
        <v>0</v>
      </c>
      <c r="AT195">
        <v>0</v>
      </c>
      <c r="AU195">
        <v>0</v>
      </c>
      <c r="AV195">
        <v>0</v>
      </c>
      <c r="AW195">
        <v>0</v>
      </c>
      <c r="AX195">
        <v>77674</v>
      </c>
      <c r="AY195">
        <v>24</v>
      </c>
      <c r="AZ195">
        <v>116</v>
      </c>
      <c r="BA195">
        <v>3520</v>
      </c>
    </row>
    <row r="196" spans="1:53" x14ac:dyDescent="0.4">
      <c r="A196">
        <v>240</v>
      </c>
      <c r="B196" s="1">
        <v>42889</v>
      </c>
      <c r="C196">
        <v>4</v>
      </c>
      <c r="D196" s="1">
        <v>42889.951388888891</v>
      </c>
      <c r="E196" s="1">
        <v>42890.084722222222</v>
      </c>
      <c r="F196">
        <v>112900</v>
      </c>
      <c r="G196">
        <v>2220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9210</v>
      </c>
      <c r="N196">
        <v>0</v>
      </c>
      <c r="O196">
        <v>0</v>
      </c>
      <c r="P196">
        <v>90072</v>
      </c>
      <c r="Q196">
        <v>0</v>
      </c>
      <c r="R196">
        <v>214402</v>
      </c>
      <c r="S196">
        <v>0</v>
      </c>
      <c r="T196">
        <v>0</v>
      </c>
      <c r="U196">
        <v>0</v>
      </c>
      <c r="V196">
        <v>20</v>
      </c>
      <c r="W196">
        <v>13</v>
      </c>
      <c r="X196">
        <v>0</v>
      </c>
      <c r="Y196">
        <v>107</v>
      </c>
      <c r="Z196">
        <v>61</v>
      </c>
      <c r="AA196">
        <v>104</v>
      </c>
      <c r="AB196">
        <v>8</v>
      </c>
      <c r="AC196">
        <v>125</v>
      </c>
      <c r="AD196">
        <v>31</v>
      </c>
      <c r="AE196">
        <v>32</v>
      </c>
      <c r="AF196">
        <v>31826</v>
      </c>
      <c r="AG196">
        <v>446563</v>
      </c>
      <c r="AH196">
        <v>50000</v>
      </c>
      <c r="AI196">
        <v>0</v>
      </c>
      <c r="AJ196">
        <v>1</v>
      </c>
      <c r="AK196" t="s">
        <v>3</v>
      </c>
      <c r="AL196">
        <v>0</v>
      </c>
      <c r="AM196">
        <v>0</v>
      </c>
      <c r="AN196">
        <v>0</v>
      </c>
      <c r="AO196">
        <v>0</v>
      </c>
      <c r="AP196">
        <v>0</v>
      </c>
      <c r="AQ196">
        <v>0</v>
      </c>
      <c r="AR196">
        <v>0</v>
      </c>
      <c r="AS196">
        <v>0</v>
      </c>
      <c r="AT196">
        <v>0</v>
      </c>
      <c r="AU196">
        <v>0</v>
      </c>
      <c r="AV196">
        <v>0</v>
      </c>
      <c r="AW196">
        <v>0</v>
      </c>
      <c r="AX196">
        <v>51904</v>
      </c>
      <c r="AY196">
        <v>19</v>
      </c>
      <c r="AZ196">
        <v>79</v>
      </c>
      <c r="BA196">
        <v>2681</v>
      </c>
    </row>
    <row r="197" spans="1:53" x14ac:dyDescent="0.4">
      <c r="A197">
        <v>241</v>
      </c>
      <c r="B197" s="1">
        <v>42890</v>
      </c>
      <c r="C197">
        <v>1</v>
      </c>
      <c r="D197" s="1">
        <v>42890.291666666664</v>
      </c>
      <c r="E197" s="1">
        <v>42890.750694444447</v>
      </c>
      <c r="F197">
        <v>47750</v>
      </c>
      <c r="G197">
        <v>1018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4634</v>
      </c>
      <c r="N197">
        <v>0</v>
      </c>
      <c r="O197">
        <v>0</v>
      </c>
      <c r="P197">
        <v>19343</v>
      </c>
      <c r="Q197">
        <v>0</v>
      </c>
      <c r="R197">
        <v>81907</v>
      </c>
      <c r="S197">
        <v>0</v>
      </c>
      <c r="T197">
        <v>0</v>
      </c>
      <c r="U197">
        <v>0</v>
      </c>
      <c r="V197">
        <v>3</v>
      </c>
      <c r="W197">
        <v>2</v>
      </c>
      <c r="X197">
        <v>0</v>
      </c>
      <c r="Y197">
        <v>65</v>
      </c>
      <c r="Z197">
        <v>27</v>
      </c>
      <c r="AA197">
        <v>102</v>
      </c>
      <c r="AB197">
        <v>9</v>
      </c>
      <c r="AC197">
        <v>179</v>
      </c>
      <c r="AD197">
        <v>26</v>
      </c>
      <c r="AE197">
        <v>27</v>
      </c>
      <c r="AF197">
        <v>810</v>
      </c>
      <c r="AG197">
        <v>131907</v>
      </c>
      <c r="AH197">
        <v>50000</v>
      </c>
      <c r="AI197">
        <v>0</v>
      </c>
      <c r="AJ197">
        <v>16</v>
      </c>
      <c r="AK197" t="s">
        <v>11</v>
      </c>
      <c r="AL197">
        <v>0</v>
      </c>
      <c r="AM197">
        <v>0</v>
      </c>
      <c r="AN197">
        <v>0</v>
      </c>
      <c r="AO197">
        <v>0</v>
      </c>
      <c r="AP197">
        <v>0</v>
      </c>
      <c r="AQ197">
        <v>0</v>
      </c>
      <c r="AR197">
        <v>0</v>
      </c>
      <c r="AS197">
        <v>0</v>
      </c>
      <c r="AT197">
        <v>0</v>
      </c>
      <c r="AU197">
        <v>0</v>
      </c>
      <c r="AV197">
        <v>0</v>
      </c>
      <c r="AW197">
        <v>0</v>
      </c>
      <c r="AX197">
        <v>2797</v>
      </c>
      <c r="AY197">
        <v>51</v>
      </c>
      <c r="AZ197">
        <v>123</v>
      </c>
      <c r="BA197">
        <v>7889</v>
      </c>
    </row>
    <row r="198" spans="1:53" x14ac:dyDescent="0.4">
      <c r="A198">
        <v>242</v>
      </c>
      <c r="B198" s="1">
        <v>42890</v>
      </c>
      <c r="C198">
        <v>2</v>
      </c>
      <c r="D198" s="1">
        <v>42890.750694444447</v>
      </c>
      <c r="E198" s="1">
        <v>42890.956250000003</v>
      </c>
      <c r="F198">
        <v>55400</v>
      </c>
      <c r="G198">
        <v>510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4840</v>
      </c>
      <c r="N198">
        <v>0</v>
      </c>
      <c r="O198">
        <v>0</v>
      </c>
      <c r="P198">
        <v>-7031</v>
      </c>
      <c r="Q198">
        <v>0</v>
      </c>
      <c r="R198">
        <v>58309</v>
      </c>
      <c r="S198">
        <v>0</v>
      </c>
      <c r="T198">
        <v>0</v>
      </c>
      <c r="U198">
        <v>0</v>
      </c>
      <c r="V198">
        <v>7</v>
      </c>
      <c r="W198">
        <v>0</v>
      </c>
      <c r="X198">
        <v>0</v>
      </c>
      <c r="Y198">
        <v>83</v>
      </c>
      <c r="Z198">
        <v>29</v>
      </c>
      <c r="AA198">
        <v>113</v>
      </c>
      <c r="AB198">
        <v>13</v>
      </c>
      <c r="AC198">
        <v>204</v>
      </c>
      <c r="AD198">
        <v>24</v>
      </c>
      <c r="AE198">
        <v>20</v>
      </c>
      <c r="AF198">
        <v>8586</v>
      </c>
      <c r="AG198">
        <v>190216</v>
      </c>
      <c r="AH198">
        <v>50000</v>
      </c>
      <c r="AI198">
        <v>0</v>
      </c>
      <c r="AJ198">
        <v>102</v>
      </c>
      <c r="AK198" t="s">
        <v>8</v>
      </c>
      <c r="AL198">
        <v>0</v>
      </c>
      <c r="AM198">
        <v>0</v>
      </c>
      <c r="AN198">
        <v>0</v>
      </c>
      <c r="AO198">
        <v>0</v>
      </c>
      <c r="AP198">
        <v>0</v>
      </c>
      <c r="AQ198">
        <v>0</v>
      </c>
      <c r="AR198">
        <v>0</v>
      </c>
      <c r="AS198">
        <v>0</v>
      </c>
      <c r="AT198">
        <v>0</v>
      </c>
      <c r="AU198">
        <v>0</v>
      </c>
      <c r="AV198">
        <v>0</v>
      </c>
      <c r="AW198">
        <v>0</v>
      </c>
      <c r="AX198">
        <v>28966</v>
      </c>
      <c r="AY198">
        <v>17</v>
      </c>
      <c r="AZ198">
        <v>64</v>
      </c>
      <c r="BA198">
        <v>2880</v>
      </c>
    </row>
    <row r="199" spans="1:53" x14ac:dyDescent="0.4">
      <c r="A199">
        <v>243</v>
      </c>
      <c r="B199" s="1">
        <v>42890</v>
      </c>
      <c r="C199">
        <v>3</v>
      </c>
      <c r="D199" s="1">
        <v>42890.956250000003</v>
      </c>
      <c r="E199" s="1">
        <v>42891.092361111114</v>
      </c>
      <c r="F199">
        <v>54600</v>
      </c>
      <c r="G199">
        <v>350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4648</v>
      </c>
      <c r="N199">
        <v>0</v>
      </c>
      <c r="O199">
        <v>0</v>
      </c>
      <c r="P199">
        <v>12312</v>
      </c>
      <c r="Q199">
        <v>0</v>
      </c>
      <c r="R199">
        <v>75060</v>
      </c>
      <c r="S199">
        <v>0</v>
      </c>
      <c r="T199">
        <v>0</v>
      </c>
      <c r="U199">
        <v>0</v>
      </c>
      <c r="V199">
        <v>14</v>
      </c>
      <c r="W199">
        <v>0</v>
      </c>
      <c r="X199">
        <v>0</v>
      </c>
      <c r="Y199">
        <v>84</v>
      </c>
      <c r="Z199">
        <v>28</v>
      </c>
      <c r="AA199">
        <v>125</v>
      </c>
      <c r="AB199">
        <v>13</v>
      </c>
      <c r="AC199">
        <v>197</v>
      </c>
      <c r="AD199">
        <v>22</v>
      </c>
      <c r="AE199">
        <v>4</v>
      </c>
      <c r="AF199">
        <v>12042</v>
      </c>
      <c r="AG199">
        <v>265276</v>
      </c>
      <c r="AH199">
        <v>50000</v>
      </c>
      <c r="AI199">
        <v>0</v>
      </c>
      <c r="AJ199">
        <v>102</v>
      </c>
      <c r="AK199" t="s">
        <v>8</v>
      </c>
      <c r="AL199">
        <v>0</v>
      </c>
      <c r="AM199">
        <v>0</v>
      </c>
      <c r="AN199">
        <v>0</v>
      </c>
      <c r="AO199">
        <v>0</v>
      </c>
      <c r="AP199">
        <v>0</v>
      </c>
      <c r="AQ199">
        <v>0</v>
      </c>
      <c r="AR199">
        <v>0</v>
      </c>
      <c r="AS199">
        <v>0</v>
      </c>
      <c r="AT199">
        <v>0</v>
      </c>
      <c r="AU199">
        <v>0</v>
      </c>
      <c r="AV199">
        <v>0</v>
      </c>
      <c r="AW199">
        <v>0</v>
      </c>
      <c r="AX199">
        <v>486</v>
      </c>
      <c r="AY199">
        <v>7</v>
      </c>
      <c r="AZ199">
        <v>19</v>
      </c>
      <c r="BA199">
        <v>1021</v>
      </c>
    </row>
    <row r="200" spans="1:53" x14ac:dyDescent="0.4">
      <c r="A200">
        <v>244</v>
      </c>
      <c r="B200" s="1">
        <v>42891</v>
      </c>
      <c r="C200">
        <v>1</v>
      </c>
      <c r="D200" s="1">
        <v>42891.291666666664</v>
      </c>
      <c r="E200" s="1">
        <v>42891.447916666664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0</v>
      </c>
      <c r="O200">
        <v>0</v>
      </c>
      <c r="P200">
        <v>0</v>
      </c>
      <c r="Q200">
        <v>0</v>
      </c>
      <c r="R200">
        <v>0</v>
      </c>
      <c r="S200">
        <v>0</v>
      </c>
      <c r="T200">
        <v>0</v>
      </c>
      <c r="U200">
        <v>0</v>
      </c>
      <c r="V200">
        <v>0</v>
      </c>
      <c r="W200">
        <v>0</v>
      </c>
      <c r="X200">
        <v>0</v>
      </c>
      <c r="Y200">
        <v>30</v>
      </c>
      <c r="Z200">
        <v>10</v>
      </c>
      <c r="AA200">
        <v>125</v>
      </c>
      <c r="AB200">
        <v>10</v>
      </c>
      <c r="AC200">
        <v>191</v>
      </c>
      <c r="AD200">
        <v>17</v>
      </c>
      <c r="AE200">
        <v>13</v>
      </c>
      <c r="AF200">
        <v>0</v>
      </c>
      <c r="AG200">
        <v>50008</v>
      </c>
      <c r="AH200">
        <v>0</v>
      </c>
      <c r="AI200">
        <v>50008</v>
      </c>
      <c r="AJ200">
        <v>0</v>
      </c>
      <c r="AK200" t="s">
        <v>6</v>
      </c>
      <c r="AL200">
        <v>0</v>
      </c>
      <c r="AM200">
        <v>0</v>
      </c>
      <c r="AN200">
        <v>0</v>
      </c>
      <c r="AO200">
        <v>0</v>
      </c>
      <c r="AP200">
        <v>0</v>
      </c>
      <c r="AQ200">
        <v>0</v>
      </c>
      <c r="AR200">
        <v>0</v>
      </c>
      <c r="AS200">
        <v>0</v>
      </c>
      <c r="AT200">
        <v>0</v>
      </c>
      <c r="AU200">
        <v>0</v>
      </c>
      <c r="AV200">
        <v>0</v>
      </c>
      <c r="AW200">
        <v>0</v>
      </c>
      <c r="AX200">
        <v>0</v>
      </c>
      <c r="AY200">
        <v>0</v>
      </c>
      <c r="AZ200">
        <v>0</v>
      </c>
      <c r="BA200">
        <v>0</v>
      </c>
    </row>
    <row r="201" spans="1:53" x14ac:dyDescent="0.4">
      <c r="A201">
        <v>245</v>
      </c>
      <c r="B201" s="1">
        <v>42891</v>
      </c>
      <c r="C201">
        <v>2</v>
      </c>
      <c r="D201" s="1">
        <v>42891.447916666664</v>
      </c>
      <c r="E201" s="1">
        <v>42891.736111111109</v>
      </c>
      <c r="F201">
        <v>9500</v>
      </c>
      <c r="G201">
        <v>2740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979</v>
      </c>
      <c r="N201">
        <v>0</v>
      </c>
      <c r="O201">
        <v>0</v>
      </c>
      <c r="P201">
        <v>11340</v>
      </c>
      <c r="Q201">
        <v>0</v>
      </c>
      <c r="R201">
        <v>24559</v>
      </c>
      <c r="S201">
        <v>0</v>
      </c>
      <c r="T201">
        <v>0</v>
      </c>
      <c r="U201">
        <v>0</v>
      </c>
      <c r="V201">
        <v>3</v>
      </c>
      <c r="W201">
        <v>0</v>
      </c>
      <c r="X201">
        <v>0</v>
      </c>
      <c r="Y201">
        <v>26</v>
      </c>
      <c r="Z201">
        <v>14</v>
      </c>
      <c r="AA201">
        <v>92</v>
      </c>
      <c r="AB201">
        <v>0</v>
      </c>
      <c r="AC201">
        <v>226</v>
      </c>
      <c r="AD201">
        <v>18</v>
      </c>
      <c r="AE201">
        <v>17</v>
      </c>
      <c r="AF201">
        <v>0</v>
      </c>
      <c r="AG201">
        <v>74567</v>
      </c>
      <c r="AH201">
        <v>50000</v>
      </c>
      <c r="AI201">
        <v>8</v>
      </c>
      <c r="AJ201">
        <v>96</v>
      </c>
      <c r="AK201" t="s">
        <v>4</v>
      </c>
      <c r="AL201">
        <v>0</v>
      </c>
      <c r="AM201">
        <v>0</v>
      </c>
      <c r="AN201">
        <v>0</v>
      </c>
      <c r="AO201">
        <v>0</v>
      </c>
      <c r="AP201">
        <v>0</v>
      </c>
      <c r="AQ201">
        <v>0</v>
      </c>
      <c r="AR201">
        <v>0</v>
      </c>
      <c r="AS201">
        <v>0</v>
      </c>
      <c r="AT201">
        <v>0</v>
      </c>
      <c r="AU201">
        <v>0</v>
      </c>
      <c r="AV201">
        <v>0</v>
      </c>
      <c r="AW201">
        <v>0</v>
      </c>
      <c r="AX201">
        <v>-270</v>
      </c>
      <c r="AY201">
        <v>25</v>
      </c>
      <c r="AZ201">
        <v>40</v>
      </c>
      <c r="BA201">
        <v>3527</v>
      </c>
    </row>
    <row r="202" spans="1:53" x14ac:dyDescent="0.4">
      <c r="A202">
        <v>246</v>
      </c>
      <c r="B202" s="1">
        <v>42891</v>
      </c>
      <c r="C202">
        <v>3</v>
      </c>
      <c r="D202" s="1">
        <v>42891.736111111109</v>
      </c>
      <c r="E202" s="1">
        <v>42891.960416666669</v>
      </c>
      <c r="F202">
        <v>52850</v>
      </c>
      <c r="G202">
        <v>2010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4388</v>
      </c>
      <c r="N202">
        <v>0</v>
      </c>
      <c r="O202">
        <v>0</v>
      </c>
      <c r="P202">
        <v>10908</v>
      </c>
      <c r="Q202">
        <v>0</v>
      </c>
      <c r="R202">
        <v>70156</v>
      </c>
      <c r="S202">
        <v>0</v>
      </c>
      <c r="T202">
        <v>0</v>
      </c>
      <c r="U202">
        <v>0</v>
      </c>
      <c r="V202">
        <v>9</v>
      </c>
      <c r="W202">
        <v>2</v>
      </c>
      <c r="X202">
        <v>0</v>
      </c>
      <c r="Y202">
        <v>21</v>
      </c>
      <c r="Z202">
        <v>6</v>
      </c>
      <c r="AA202">
        <v>86</v>
      </c>
      <c r="AB202">
        <v>1</v>
      </c>
      <c r="AC202">
        <v>224</v>
      </c>
      <c r="AD202">
        <v>18</v>
      </c>
      <c r="AE202">
        <v>15</v>
      </c>
      <c r="AF202">
        <v>9720</v>
      </c>
      <c r="AG202">
        <v>144715</v>
      </c>
      <c r="AH202">
        <v>50000</v>
      </c>
      <c r="AI202">
        <v>0</v>
      </c>
      <c r="AJ202">
        <v>1</v>
      </c>
      <c r="AK202" t="s">
        <v>3</v>
      </c>
      <c r="AL202">
        <v>0</v>
      </c>
      <c r="AM202">
        <v>0</v>
      </c>
      <c r="AN202">
        <v>0</v>
      </c>
      <c r="AO202">
        <v>0</v>
      </c>
      <c r="AP202">
        <v>0</v>
      </c>
      <c r="AQ202">
        <v>0</v>
      </c>
      <c r="AR202">
        <v>0</v>
      </c>
      <c r="AS202">
        <v>0</v>
      </c>
      <c r="AT202">
        <v>0</v>
      </c>
      <c r="AU202">
        <v>0</v>
      </c>
      <c r="AV202">
        <v>0</v>
      </c>
      <c r="AW202">
        <v>0</v>
      </c>
      <c r="AX202">
        <v>3408</v>
      </c>
      <c r="AY202">
        <v>21</v>
      </c>
      <c r="AZ202">
        <v>50</v>
      </c>
      <c r="BA202">
        <v>3175</v>
      </c>
    </row>
    <row r="203" spans="1:53" x14ac:dyDescent="0.4">
      <c r="A203">
        <v>247</v>
      </c>
      <c r="B203" s="1">
        <v>42891</v>
      </c>
      <c r="C203">
        <v>4</v>
      </c>
      <c r="D203" s="1">
        <v>42891.960416666669</v>
      </c>
      <c r="E203" s="1">
        <v>42892.083333333336</v>
      </c>
      <c r="F203">
        <v>28800</v>
      </c>
      <c r="G203">
        <v>1430</v>
      </c>
      <c r="H203">
        <v>0</v>
      </c>
      <c r="I203">
        <v>0</v>
      </c>
      <c r="J203">
        <v>2400</v>
      </c>
      <c r="K203">
        <v>0</v>
      </c>
      <c r="L203">
        <v>0</v>
      </c>
      <c r="M203">
        <v>2226</v>
      </c>
      <c r="N203">
        <v>0</v>
      </c>
      <c r="O203">
        <v>0</v>
      </c>
      <c r="P203">
        <v>-15228</v>
      </c>
      <c r="Q203">
        <v>0</v>
      </c>
      <c r="R203">
        <v>14828</v>
      </c>
      <c r="S203">
        <v>0</v>
      </c>
      <c r="T203">
        <v>0</v>
      </c>
      <c r="U203">
        <v>0</v>
      </c>
      <c r="V203">
        <v>9</v>
      </c>
      <c r="W203">
        <v>2</v>
      </c>
      <c r="X203">
        <v>0</v>
      </c>
      <c r="Y203">
        <v>29</v>
      </c>
      <c r="Z203">
        <v>6</v>
      </c>
      <c r="AA203">
        <v>88</v>
      </c>
      <c r="AB203">
        <v>3</v>
      </c>
      <c r="AC203">
        <v>223</v>
      </c>
      <c r="AD203">
        <v>19</v>
      </c>
      <c r="AE203">
        <v>14</v>
      </c>
      <c r="AF203">
        <v>16254</v>
      </c>
      <c r="AG203">
        <v>159543</v>
      </c>
      <c r="AH203">
        <v>50000</v>
      </c>
      <c r="AI203">
        <v>0</v>
      </c>
      <c r="AJ203">
        <v>104</v>
      </c>
      <c r="AK203" t="s">
        <v>10</v>
      </c>
      <c r="AL203">
        <v>0</v>
      </c>
      <c r="AM203">
        <v>0</v>
      </c>
      <c r="AN203">
        <v>0</v>
      </c>
      <c r="AO203">
        <v>0</v>
      </c>
      <c r="AP203">
        <v>0</v>
      </c>
      <c r="AQ203">
        <v>0</v>
      </c>
      <c r="AR203">
        <v>0</v>
      </c>
      <c r="AS203">
        <v>0</v>
      </c>
      <c r="AT203">
        <v>0</v>
      </c>
      <c r="AU203">
        <v>0</v>
      </c>
      <c r="AV203">
        <v>0</v>
      </c>
      <c r="AW203">
        <v>0</v>
      </c>
      <c r="AX203">
        <v>0</v>
      </c>
      <c r="AY203">
        <v>3</v>
      </c>
      <c r="AZ203">
        <v>7</v>
      </c>
      <c r="BA203">
        <v>679</v>
      </c>
    </row>
    <row r="204" spans="1:53" x14ac:dyDescent="0.4">
      <c r="A204">
        <v>248</v>
      </c>
      <c r="B204" s="1">
        <v>42892</v>
      </c>
      <c r="C204">
        <v>1</v>
      </c>
      <c r="D204" s="1">
        <v>42892.291666666664</v>
      </c>
      <c r="E204" s="1">
        <v>42892.45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0</v>
      </c>
      <c r="O204">
        <v>0</v>
      </c>
      <c r="P204">
        <v>0</v>
      </c>
      <c r="Q204">
        <v>0</v>
      </c>
      <c r="R204">
        <v>0</v>
      </c>
      <c r="S204">
        <v>0</v>
      </c>
      <c r="T204">
        <v>0</v>
      </c>
      <c r="U204">
        <v>0</v>
      </c>
      <c r="V204">
        <v>0</v>
      </c>
      <c r="W204">
        <v>1</v>
      </c>
      <c r="X204">
        <v>0</v>
      </c>
      <c r="Y204">
        <v>31</v>
      </c>
      <c r="Z204">
        <v>6</v>
      </c>
      <c r="AA204">
        <v>92</v>
      </c>
      <c r="AB204">
        <v>3</v>
      </c>
      <c r="AC204">
        <v>154</v>
      </c>
      <c r="AD204">
        <v>19</v>
      </c>
      <c r="AE204">
        <v>15</v>
      </c>
      <c r="AF204">
        <v>0</v>
      </c>
      <c r="AG204">
        <v>50000</v>
      </c>
      <c r="AH204">
        <v>0</v>
      </c>
      <c r="AI204">
        <v>50000</v>
      </c>
      <c r="AJ204">
        <v>0</v>
      </c>
      <c r="AK204" t="s">
        <v>6</v>
      </c>
      <c r="AL204">
        <v>0</v>
      </c>
      <c r="AM204">
        <v>0</v>
      </c>
      <c r="AN204">
        <v>0</v>
      </c>
      <c r="AO204">
        <v>0</v>
      </c>
      <c r="AP204">
        <v>0</v>
      </c>
      <c r="AQ204">
        <v>0</v>
      </c>
      <c r="AR204">
        <v>0</v>
      </c>
      <c r="AS204">
        <v>0</v>
      </c>
      <c r="AT204">
        <v>0</v>
      </c>
      <c r="AU204">
        <v>0</v>
      </c>
      <c r="AV204">
        <v>0</v>
      </c>
      <c r="AW204">
        <v>0</v>
      </c>
      <c r="AX204">
        <v>0</v>
      </c>
      <c r="AY204">
        <v>0</v>
      </c>
      <c r="AZ204">
        <v>0</v>
      </c>
      <c r="BA204">
        <v>0</v>
      </c>
    </row>
    <row r="205" spans="1:53" x14ac:dyDescent="0.4">
      <c r="A205">
        <v>249</v>
      </c>
      <c r="B205" s="1">
        <v>42892</v>
      </c>
      <c r="C205">
        <v>2</v>
      </c>
      <c r="D205" s="1">
        <v>42892.45</v>
      </c>
      <c r="E205" s="1">
        <v>42892.784722222219</v>
      </c>
      <c r="F205">
        <v>21000</v>
      </c>
      <c r="G205">
        <v>2390</v>
      </c>
      <c r="H205">
        <v>0</v>
      </c>
      <c r="I205">
        <v>0</v>
      </c>
      <c r="J205">
        <v>0</v>
      </c>
      <c r="K205">
        <v>0</v>
      </c>
      <c r="L205">
        <v>0</v>
      </c>
      <c r="M205">
        <v>1871</v>
      </c>
      <c r="N205">
        <v>0</v>
      </c>
      <c r="O205">
        <v>0</v>
      </c>
      <c r="P205">
        <v>7560</v>
      </c>
      <c r="Q205">
        <v>0</v>
      </c>
      <c r="R205">
        <v>32821</v>
      </c>
      <c r="S205">
        <v>0</v>
      </c>
      <c r="T205">
        <v>0</v>
      </c>
      <c r="U205">
        <v>0</v>
      </c>
      <c r="V205">
        <v>0</v>
      </c>
      <c r="W205">
        <v>3</v>
      </c>
      <c r="X205">
        <v>0</v>
      </c>
      <c r="Y205">
        <v>47</v>
      </c>
      <c r="Z205">
        <v>11</v>
      </c>
      <c r="AA205">
        <v>88</v>
      </c>
      <c r="AB205">
        <v>0</v>
      </c>
      <c r="AC205">
        <v>138</v>
      </c>
      <c r="AD205">
        <v>18</v>
      </c>
      <c r="AE205">
        <v>10</v>
      </c>
      <c r="AF205">
        <v>5041</v>
      </c>
      <c r="AG205">
        <v>82821</v>
      </c>
      <c r="AH205">
        <v>50000</v>
      </c>
      <c r="AI205">
        <v>0</v>
      </c>
      <c r="AJ205">
        <v>93</v>
      </c>
      <c r="AK205" t="s">
        <v>20</v>
      </c>
      <c r="AL205">
        <v>0</v>
      </c>
      <c r="AM205">
        <v>0</v>
      </c>
      <c r="AN205">
        <v>0</v>
      </c>
      <c r="AO205">
        <v>0</v>
      </c>
      <c r="AP205">
        <v>0</v>
      </c>
      <c r="AQ205">
        <v>0</v>
      </c>
      <c r="AR205">
        <v>0</v>
      </c>
      <c r="AS205">
        <v>0</v>
      </c>
      <c r="AT205">
        <v>0</v>
      </c>
      <c r="AU205">
        <v>0</v>
      </c>
      <c r="AV205">
        <v>0</v>
      </c>
      <c r="AW205">
        <v>0</v>
      </c>
      <c r="AX205">
        <v>2516</v>
      </c>
      <c r="AY205">
        <v>31</v>
      </c>
      <c r="AZ205">
        <v>58</v>
      </c>
      <c r="BA205">
        <v>4826</v>
      </c>
    </row>
    <row r="206" spans="1:53" x14ac:dyDescent="0.4">
      <c r="A206">
        <v>250</v>
      </c>
      <c r="B206" s="1">
        <v>42892</v>
      </c>
      <c r="C206">
        <v>3</v>
      </c>
      <c r="D206" s="1">
        <v>42892.784722222219</v>
      </c>
      <c r="E206" s="1">
        <v>42892.939583333333</v>
      </c>
      <c r="F206">
        <v>30880</v>
      </c>
      <c r="G206">
        <v>241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2662</v>
      </c>
      <c r="N206">
        <v>0</v>
      </c>
      <c r="O206">
        <v>0</v>
      </c>
      <c r="P206">
        <v>-2376</v>
      </c>
      <c r="Q206">
        <v>0</v>
      </c>
      <c r="R206">
        <v>33576</v>
      </c>
      <c r="S206">
        <v>0</v>
      </c>
      <c r="T206">
        <v>0</v>
      </c>
      <c r="U206">
        <v>0</v>
      </c>
      <c r="V206">
        <v>1</v>
      </c>
      <c r="W206">
        <v>3</v>
      </c>
      <c r="X206">
        <v>0</v>
      </c>
      <c r="Y206">
        <v>45</v>
      </c>
      <c r="Z206">
        <v>15</v>
      </c>
      <c r="AA206">
        <v>98</v>
      </c>
      <c r="AB206">
        <v>1</v>
      </c>
      <c r="AC206">
        <v>139</v>
      </c>
      <c r="AD206">
        <v>17</v>
      </c>
      <c r="AE206">
        <v>3</v>
      </c>
      <c r="AF206">
        <v>27569</v>
      </c>
      <c r="AG206">
        <v>116397</v>
      </c>
      <c r="AH206">
        <v>50000</v>
      </c>
      <c r="AI206">
        <v>0</v>
      </c>
      <c r="AJ206">
        <v>105</v>
      </c>
      <c r="AL206">
        <v>0</v>
      </c>
      <c r="AM206">
        <v>0</v>
      </c>
      <c r="AN206">
        <v>0</v>
      </c>
      <c r="AO206">
        <v>0</v>
      </c>
      <c r="AP206">
        <v>0</v>
      </c>
      <c r="AQ206">
        <v>0</v>
      </c>
      <c r="AR206">
        <v>0</v>
      </c>
      <c r="AS206">
        <v>0</v>
      </c>
      <c r="AT206">
        <v>0</v>
      </c>
      <c r="AU206">
        <v>0</v>
      </c>
      <c r="AV206">
        <v>0</v>
      </c>
      <c r="AW206">
        <v>0</v>
      </c>
      <c r="AX206">
        <v>10260</v>
      </c>
      <c r="AY206">
        <v>10</v>
      </c>
      <c r="AZ206">
        <v>30</v>
      </c>
      <c r="BA206">
        <v>1576</v>
      </c>
    </row>
    <row r="207" spans="1:53" x14ac:dyDescent="0.4">
      <c r="A207">
        <v>251</v>
      </c>
      <c r="B207" s="1">
        <v>42893</v>
      </c>
      <c r="C207">
        <v>1</v>
      </c>
      <c r="D207" s="1">
        <v>42893.291666666664</v>
      </c>
      <c r="E207" s="1">
        <v>42893.444444444445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0</v>
      </c>
      <c r="O207">
        <v>0</v>
      </c>
      <c r="P207">
        <v>0</v>
      </c>
      <c r="Q207">
        <v>0</v>
      </c>
      <c r="R207">
        <v>0</v>
      </c>
      <c r="S207">
        <v>0</v>
      </c>
      <c r="T207">
        <v>0</v>
      </c>
      <c r="U207">
        <v>0</v>
      </c>
      <c r="V207">
        <v>0</v>
      </c>
      <c r="W207">
        <v>1</v>
      </c>
      <c r="X207">
        <v>0</v>
      </c>
      <c r="Y207">
        <v>30</v>
      </c>
      <c r="Z207">
        <v>11</v>
      </c>
      <c r="AA207">
        <v>80</v>
      </c>
      <c r="AB207">
        <v>2</v>
      </c>
      <c r="AC207">
        <v>131</v>
      </c>
      <c r="AD207">
        <v>17</v>
      </c>
      <c r="AE207">
        <v>5</v>
      </c>
      <c r="AF207">
        <v>0</v>
      </c>
      <c r="AG207">
        <v>50000</v>
      </c>
      <c r="AH207">
        <v>0</v>
      </c>
      <c r="AI207">
        <v>50000</v>
      </c>
      <c r="AJ207">
        <v>0</v>
      </c>
      <c r="AK207" t="s">
        <v>6</v>
      </c>
      <c r="AL207">
        <v>0</v>
      </c>
      <c r="AM207">
        <v>0</v>
      </c>
      <c r="AN207">
        <v>0</v>
      </c>
      <c r="AO207">
        <v>0</v>
      </c>
      <c r="AP207">
        <v>0</v>
      </c>
      <c r="AQ207">
        <v>0</v>
      </c>
      <c r="AR207">
        <v>0</v>
      </c>
      <c r="AS207">
        <v>0</v>
      </c>
      <c r="AT207">
        <v>0</v>
      </c>
      <c r="AU207">
        <v>0</v>
      </c>
      <c r="AV207">
        <v>0</v>
      </c>
      <c r="AW207">
        <v>0</v>
      </c>
      <c r="AX207">
        <v>0</v>
      </c>
      <c r="AY207">
        <v>0</v>
      </c>
      <c r="AZ207">
        <v>0</v>
      </c>
      <c r="BA207">
        <v>0</v>
      </c>
    </row>
    <row r="208" spans="1:53" x14ac:dyDescent="0.4">
      <c r="A208">
        <v>252</v>
      </c>
      <c r="B208" s="1">
        <v>42893</v>
      </c>
      <c r="C208">
        <v>2</v>
      </c>
      <c r="D208" s="1">
        <v>42893.444444444445</v>
      </c>
      <c r="E208" s="1">
        <v>42893.773611111108</v>
      </c>
      <c r="F208">
        <v>18500</v>
      </c>
      <c r="G208">
        <v>156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1604</v>
      </c>
      <c r="N208">
        <v>0</v>
      </c>
      <c r="O208">
        <v>0</v>
      </c>
      <c r="P208">
        <v>11340</v>
      </c>
      <c r="Q208">
        <v>0</v>
      </c>
      <c r="R208">
        <v>33004</v>
      </c>
      <c r="S208">
        <v>0</v>
      </c>
      <c r="T208">
        <v>0</v>
      </c>
      <c r="U208">
        <v>0</v>
      </c>
      <c r="V208">
        <v>2</v>
      </c>
      <c r="W208">
        <v>1</v>
      </c>
      <c r="X208">
        <v>0</v>
      </c>
      <c r="Y208">
        <v>38</v>
      </c>
      <c r="Z208">
        <v>22</v>
      </c>
      <c r="AA208">
        <v>71</v>
      </c>
      <c r="AB208">
        <v>5</v>
      </c>
      <c r="AC208">
        <v>156</v>
      </c>
      <c r="AD208">
        <v>18</v>
      </c>
      <c r="AE208">
        <v>4</v>
      </c>
      <c r="AF208">
        <v>0</v>
      </c>
      <c r="AG208">
        <v>83004</v>
      </c>
      <c r="AH208">
        <v>50000</v>
      </c>
      <c r="AI208">
        <v>0</v>
      </c>
      <c r="AJ208">
        <v>103</v>
      </c>
      <c r="AK208" t="s">
        <v>19</v>
      </c>
      <c r="AL208">
        <v>0</v>
      </c>
      <c r="AM208">
        <v>0</v>
      </c>
      <c r="AN208">
        <v>0</v>
      </c>
      <c r="AO208">
        <v>0</v>
      </c>
      <c r="AP208">
        <v>0</v>
      </c>
      <c r="AQ208">
        <v>0</v>
      </c>
      <c r="AR208">
        <v>0</v>
      </c>
      <c r="AS208">
        <v>0</v>
      </c>
      <c r="AT208">
        <v>0</v>
      </c>
      <c r="AU208">
        <v>0</v>
      </c>
      <c r="AV208">
        <v>0</v>
      </c>
      <c r="AW208">
        <v>0</v>
      </c>
      <c r="AX208">
        <v>734</v>
      </c>
      <c r="AY208">
        <v>32</v>
      </c>
      <c r="AZ208">
        <v>58</v>
      </c>
      <c r="BA208">
        <v>4633</v>
      </c>
    </row>
    <row r="209" spans="1:53" x14ac:dyDescent="0.4">
      <c r="A209">
        <v>253</v>
      </c>
      <c r="B209" s="1">
        <v>42893</v>
      </c>
      <c r="C209">
        <v>3</v>
      </c>
      <c r="D209" s="1">
        <v>42893.773611111108</v>
      </c>
      <c r="E209" s="1">
        <v>42893.967361111114</v>
      </c>
      <c r="F209">
        <v>54740</v>
      </c>
      <c r="G209">
        <v>7460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4975</v>
      </c>
      <c r="N209">
        <v>0</v>
      </c>
      <c r="O209">
        <v>0</v>
      </c>
      <c r="P209">
        <v>-11340</v>
      </c>
      <c r="Q209">
        <v>0</v>
      </c>
      <c r="R209">
        <v>55835</v>
      </c>
      <c r="S209">
        <v>0</v>
      </c>
      <c r="T209">
        <v>0</v>
      </c>
      <c r="U209">
        <v>0</v>
      </c>
      <c r="V209">
        <v>6</v>
      </c>
      <c r="W209">
        <v>1</v>
      </c>
      <c r="X209">
        <v>0</v>
      </c>
      <c r="Y209">
        <v>51</v>
      </c>
      <c r="Z209">
        <v>22</v>
      </c>
      <c r="AA209">
        <v>79</v>
      </c>
      <c r="AB209">
        <v>6</v>
      </c>
      <c r="AC209">
        <v>156</v>
      </c>
      <c r="AD209">
        <v>14</v>
      </c>
      <c r="AE209">
        <v>6</v>
      </c>
      <c r="AF209">
        <v>2093</v>
      </c>
      <c r="AG209">
        <v>138929</v>
      </c>
      <c r="AH209">
        <v>50000</v>
      </c>
      <c r="AI209">
        <v>90</v>
      </c>
      <c r="AJ209">
        <v>1</v>
      </c>
      <c r="AK209" t="s">
        <v>3</v>
      </c>
      <c r="AL209">
        <v>0</v>
      </c>
      <c r="AM209">
        <v>0</v>
      </c>
      <c r="AN209">
        <v>0</v>
      </c>
      <c r="AO209">
        <v>0</v>
      </c>
      <c r="AP209">
        <v>0</v>
      </c>
      <c r="AQ209">
        <v>0</v>
      </c>
      <c r="AR209">
        <v>0</v>
      </c>
      <c r="AS209">
        <v>0</v>
      </c>
      <c r="AT209">
        <v>0</v>
      </c>
      <c r="AU209">
        <v>0</v>
      </c>
      <c r="AV209">
        <v>0</v>
      </c>
      <c r="AW209">
        <v>0</v>
      </c>
      <c r="AX209">
        <v>30272</v>
      </c>
      <c r="AY209">
        <v>15</v>
      </c>
      <c r="AZ209">
        <v>63</v>
      </c>
      <c r="BA209">
        <v>2256</v>
      </c>
    </row>
    <row r="210" spans="1:53" x14ac:dyDescent="0.4">
      <c r="A210">
        <v>254</v>
      </c>
      <c r="B210" s="1">
        <v>42893</v>
      </c>
      <c r="C210">
        <v>4</v>
      </c>
      <c r="D210" s="1">
        <v>42893.967361111114</v>
      </c>
      <c r="E210" s="1">
        <v>42894.117361111108</v>
      </c>
      <c r="F210">
        <v>42000</v>
      </c>
      <c r="G210">
        <v>103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3442</v>
      </c>
      <c r="N210">
        <v>0</v>
      </c>
      <c r="O210">
        <v>0</v>
      </c>
      <c r="P210">
        <v>12852</v>
      </c>
      <c r="Q210">
        <v>0</v>
      </c>
      <c r="R210">
        <v>59324</v>
      </c>
      <c r="S210">
        <v>0</v>
      </c>
      <c r="T210">
        <v>0</v>
      </c>
      <c r="U210">
        <v>0</v>
      </c>
      <c r="V210">
        <v>10</v>
      </c>
      <c r="W210">
        <v>1</v>
      </c>
      <c r="X210">
        <v>0</v>
      </c>
      <c r="Y210">
        <v>54</v>
      </c>
      <c r="Z210">
        <v>24</v>
      </c>
      <c r="AA210">
        <v>73</v>
      </c>
      <c r="AB210">
        <v>3</v>
      </c>
      <c r="AC210">
        <v>137</v>
      </c>
      <c r="AD210">
        <v>10</v>
      </c>
      <c r="AE210">
        <v>0</v>
      </c>
      <c r="AF210">
        <v>18293</v>
      </c>
      <c r="AG210">
        <v>198163</v>
      </c>
      <c r="AH210">
        <v>50000</v>
      </c>
      <c r="AI210">
        <v>0</v>
      </c>
      <c r="AJ210">
        <v>104</v>
      </c>
      <c r="AK210" t="s">
        <v>10</v>
      </c>
      <c r="AL210">
        <v>0</v>
      </c>
      <c r="AM210">
        <v>0</v>
      </c>
      <c r="AN210">
        <v>0</v>
      </c>
      <c r="AO210">
        <v>0</v>
      </c>
      <c r="AP210">
        <v>0</v>
      </c>
      <c r="AQ210">
        <v>0</v>
      </c>
      <c r="AR210">
        <v>0</v>
      </c>
      <c r="AS210">
        <v>0</v>
      </c>
      <c r="AT210">
        <v>0</v>
      </c>
      <c r="AU210">
        <v>0</v>
      </c>
      <c r="AV210">
        <v>0</v>
      </c>
      <c r="AW210">
        <v>0</v>
      </c>
      <c r="AX210">
        <v>5421</v>
      </c>
      <c r="AY210">
        <v>4</v>
      </c>
      <c r="AZ210">
        <v>9</v>
      </c>
      <c r="BA210">
        <v>576</v>
      </c>
    </row>
    <row r="211" spans="1:53" x14ac:dyDescent="0.4">
      <c r="A211">
        <v>255</v>
      </c>
      <c r="B211" s="1">
        <v>42894</v>
      </c>
      <c r="C211">
        <v>1</v>
      </c>
      <c r="D211" s="1">
        <v>42894.291666666664</v>
      </c>
      <c r="E211" s="1">
        <v>42894.451388888891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0</v>
      </c>
      <c r="O211">
        <v>0</v>
      </c>
      <c r="P211">
        <v>0</v>
      </c>
      <c r="Q211">
        <v>0</v>
      </c>
      <c r="R211">
        <v>0</v>
      </c>
      <c r="S211">
        <v>0</v>
      </c>
      <c r="T211">
        <v>0</v>
      </c>
      <c r="U211">
        <v>0</v>
      </c>
      <c r="V211">
        <v>0</v>
      </c>
      <c r="W211">
        <v>1</v>
      </c>
      <c r="X211">
        <v>0</v>
      </c>
      <c r="Y211">
        <v>26</v>
      </c>
      <c r="Z211">
        <v>20</v>
      </c>
      <c r="AA211">
        <v>74</v>
      </c>
      <c r="AB211">
        <v>5</v>
      </c>
      <c r="AC211">
        <v>130</v>
      </c>
      <c r="AD211">
        <v>9</v>
      </c>
      <c r="AE211">
        <v>5</v>
      </c>
      <c r="AF211">
        <v>0</v>
      </c>
      <c r="AG211">
        <v>50000</v>
      </c>
      <c r="AH211">
        <v>0</v>
      </c>
      <c r="AI211">
        <v>50000</v>
      </c>
      <c r="AJ211">
        <v>0</v>
      </c>
      <c r="AK211" t="s">
        <v>6</v>
      </c>
      <c r="AL211">
        <v>0</v>
      </c>
      <c r="AM211">
        <v>0</v>
      </c>
      <c r="AN211">
        <v>0</v>
      </c>
      <c r="AO211">
        <v>0</v>
      </c>
      <c r="AP211">
        <v>0</v>
      </c>
      <c r="AQ211">
        <v>0</v>
      </c>
      <c r="AR211">
        <v>0</v>
      </c>
      <c r="AS211">
        <v>0</v>
      </c>
      <c r="AT211">
        <v>0</v>
      </c>
      <c r="AU211">
        <v>0</v>
      </c>
      <c r="AV211">
        <v>0</v>
      </c>
      <c r="AW211">
        <v>0</v>
      </c>
      <c r="AX211">
        <v>0</v>
      </c>
      <c r="AY211">
        <v>0</v>
      </c>
      <c r="AZ211">
        <v>0</v>
      </c>
      <c r="BA211">
        <v>0</v>
      </c>
    </row>
    <row r="212" spans="1:53" x14ac:dyDescent="0.4">
      <c r="A212">
        <v>256</v>
      </c>
      <c r="B212" s="1">
        <v>42894</v>
      </c>
      <c r="C212">
        <v>2</v>
      </c>
      <c r="D212" s="1">
        <v>42894.451388888891</v>
      </c>
      <c r="E212" s="1">
        <v>42894.751388888886</v>
      </c>
      <c r="F212">
        <v>18500</v>
      </c>
      <c r="G212">
        <v>120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1576</v>
      </c>
      <c r="N212">
        <v>0</v>
      </c>
      <c r="O212">
        <v>0</v>
      </c>
      <c r="P212">
        <v>7020</v>
      </c>
      <c r="Q212">
        <v>0</v>
      </c>
      <c r="R212">
        <v>28296</v>
      </c>
      <c r="S212">
        <v>0</v>
      </c>
      <c r="T212">
        <v>0</v>
      </c>
      <c r="U212">
        <v>0</v>
      </c>
      <c r="V212">
        <v>1</v>
      </c>
      <c r="W212">
        <v>2</v>
      </c>
      <c r="X212">
        <v>0</v>
      </c>
      <c r="Y212">
        <v>36</v>
      </c>
      <c r="Z212">
        <v>25</v>
      </c>
      <c r="AA212">
        <v>79</v>
      </c>
      <c r="AB212">
        <v>6</v>
      </c>
      <c r="AC212">
        <v>155</v>
      </c>
      <c r="AD212">
        <v>9</v>
      </c>
      <c r="AE212">
        <v>1</v>
      </c>
      <c r="AF212">
        <v>0</v>
      </c>
      <c r="AG212">
        <v>78296</v>
      </c>
      <c r="AH212">
        <v>50000</v>
      </c>
      <c r="AI212">
        <v>0</v>
      </c>
      <c r="AJ212">
        <v>100</v>
      </c>
      <c r="AK212" t="s">
        <v>0</v>
      </c>
      <c r="AL212">
        <v>0</v>
      </c>
      <c r="AM212">
        <v>0</v>
      </c>
      <c r="AN212">
        <v>0</v>
      </c>
      <c r="AO212">
        <v>0</v>
      </c>
      <c r="AP212">
        <v>0</v>
      </c>
      <c r="AQ212">
        <v>0</v>
      </c>
      <c r="AR212">
        <v>0</v>
      </c>
      <c r="AS212">
        <v>0</v>
      </c>
      <c r="AT212">
        <v>0</v>
      </c>
      <c r="AU212">
        <v>0</v>
      </c>
      <c r="AV212">
        <v>0</v>
      </c>
      <c r="AW212">
        <v>0</v>
      </c>
      <c r="AX212">
        <v>0</v>
      </c>
      <c r="AY212">
        <v>26</v>
      </c>
      <c r="AZ212">
        <v>50</v>
      </c>
      <c r="BA212">
        <v>3605</v>
      </c>
    </row>
    <row r="213" spans="1:53" x14ac:dyDescent="0.4">
      <c r="A213">
        <v>257</v>
      </c>
      <c r="B213" s="1">
        <v>42894</v>
      </c>
      <c r="C213">
        <v>3</v>
      </c>
      <c r="D213" s="1">
        <v>42894.751388888886</v>
      </c>
      <c r="E213" s="1">
        <v>42894.961111111108</v>
      </c>
      <c r="F213">
        <v>2380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1904</v>
      </c>
      <c r="N213">
        <v>0</v>
      </c>
      <c r="O213">
        <v>0</v>
      </c>
      <c r="P213">
        <v>-3132</v>
      </c>
      <c r="Q213">
        <v>0</v>
      </c>
      <c r="R213">
        <v>22572</v>
      </c>
      <c r="S213">
        <v>0</v>
      </c>
      <c r="T213">
        <v>0</v>
      </c>
      <c r="U213">
        <v>0</v>
      </c>
      <c r="V213">
        <v>2</v>
      </c>
      <c r="W213">
        <v>3</v>
      </c>
      <c r="X213">
        <v>0</v>
      </c>
      <c r="Y213">
        <v>41</v>
      </c>
      <c r="Z213">
        <v>25</v>
      </c>
      <c r="AA213">
        <v>79</v>
      </c>
      <c r="AB213">
        <v>5</v>
      </c>
      <c r="AC213">
        <v>154</v>
      </c>
      <c r="AD213">
        <v>15</v>
      </c>
      <c r="AE213">
        <v>11</v>
      </c>
      <c r="AF213">
        <v>2592</v>
      </c>
      <c r="AG213">
        <v>100868</v>
      </c>
      <c r="AH213">
        <v>50000</v>
      </c>
      <c r="AI213">
        <v>0</v>
      </c>
      <c r="AJ213">
        <v>100</v>
      </c>
      <c r="AK213" t="s">
        <v>0</v>
      </c>
      <c r="AL213">
        <v>0</v>
      </c>
      <c r="AM213">
        <v>0</v>
      </c>
      <c r="AN213">
        <v>0</v>
      </c>
      <c r="AO213">
        <v>0</v>
      </c>
      <c r="AP213">
        <v>0</v>
      </c>
      <c r="AQ213">
        <v>0</v>
      </c>
      <c r="AR213">
        <v>0</v>
      </c>
      <c r="AS213">
        <v>0</v>
      </c>
      <c r="AT213">
        <v>0</v>
      </c>
      <c r="AU213">
        <v>0</v>
      </c>
      <c r="AV213">
        <v>0</v>
      </c>
      <c r="AW213">
        <v>0</v>
      </c>
      <c r="AX213">
        <v>5638</v>
      </c>
      <c r="AY213">
        <v>13</v>
      </c>
      <c r="AZ213">
        <v>29</v>
      </c>
      <c r="BA213">
        <v>1581</v>
      </c>
    </row>
    <row r="214" spans="1:53" x14ac:dyDescent="0.4">
      <c r="A214">
        <v>258</v>
      </c>
      <c r="B214" s="1">
        <v>42894</v>
      </c>
      <c r="C214">
        <v>4</v>
      </c>
      <c r="D214" s="1">
        <v>42894.961111111108</v>
      </c>
      <c r="E214" s="1">
        <v>42895.097916666666</v>
      </c>
      <c r="F214">
        <v>29660</v>
      </c>
      <c r="G214">
        <v>840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2441</v>
      </c>
      <c r="N214">
        <v>0</v>
      </c>
      <c r="O214">
        <v>0</v>
      </c>
      <c r="P214">
        <v>5940</v>
      </c>
      <c r="Q214">
        <v>0</v>
      </c>
      <c r="R214">
        <v>38881</v>
      </c>
      <c r="S214">
        <v>0</v>
      </c>
      <c r="T214">
        <v>0</v>
      </c>
      <c r="U214">
        <v>0</v>
      </c>
      <c r="V214">
        <v>5</v>
      </c>
      <c r="W214">
        <v>4</v>
      </c>
      <c r="X214">
        <v>0</v>
      </c>
      <c r="Y214">
        <v>46</v>
      </c>
      <c r="Z214">
        <v>23</v>
      </c>
      <c r="AA214">
        <v>80</v>
      </c>
      <c r="AB214">
        <v>3</v>
      </c>
      <c r="AC214">
        <v>142</v>
      </c>
      <c r="AD214">
        <v>13</v>
      </c>
      <c r="AE214">
        <v>22</v>
      </c>
      <c r="AF214">
        <v>2592</v>
      </c>
      <c r="AG214">
        <v>139749</v>
      </c>
      <c r="AH214">
        <v>50000</v>
      </c>
      <c r="AI214">
        <v>0</v>
      </c>
      <c r="AJ214">
        <v>74</v>
      </c>
      <c r="AK214" t="s">
        <v>5</v>
      </c>
      <c r="AL214">
        <v>0</v>
      </c>
      <c r="AM214">
        <v>0</v>
      </c>
      <c r="AN214">
        <v>0</v>
      </c>
      <c r="AO214">
        <v>0</v>
      </c>
      <c r="AP214">
        <v>0</v>
      </c>
      <c r="AQ214">
        <v>0</v>
      </c>
      <c r="AR214">
        <v>0</v>
      </c>
      <c r="AS214">
        <v>0</v>
      </c>
      <c r="AT214">
        <v>0</v>
      </c>
      <c r="AU214">
        <v>0</v>
      </c>
      <c r="AV214">
        <v>0</v>
      </c>
      <c r="AW214">
        <v>0</v>
      </c>
      <c r="AX214">
        <v>1436</v>
      </c>
      <c r="AY214">
        <v>5</v>
      </c>
      <c r="AZ214">
        <v>16</v>
      </c>
      <c r="BA214">
        <v>868</v>
      </c>
    </row>
    <row r="215" spans="1:53" x14ac:dyDescent="0.4">
      <c r="A215">
        <v>259</v>
      </c>
      <c r="B215" s="1">
        <v>42895</v>
      </c>
      <c r="C215">
        <v>1</v>
      </c>
      <c r="D215" s="1">
        <v>42895.291666666664</v>
      </c>
      <c r="E215" s="1">
        <v>42895.451388888891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0</v>
      </c>
      <c r="O215">
        <v>0</v>
      </c>
      <c r="P215">
        <v>0</v>
      </c>
      <c r="Q215">
        <v>0</v>
      </c>
      <c r="R215">
        <v>0</v>
      </c>
      <c r="S215">
        <v>0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34</v>
      </c>
      <c r="Z215">
        <v>14</v>
      </c>
      <c r="AA215">
        <v>75</v>
      </c>
      <c r="AB215">
        <v>2</v>
      </c>
      <c r="AC215">
        <v>133</v>
      </c>
      <c r="AD215">
        <v>12</v>
      </c>
      <c r="AE215">
        <v>10</v>
      </c>
      <c r="AF215">
        <v>0</v>
      </c>
      <c r="AG215">
        <v>50000</v>
      </c>
      <c r="AH215">
        <v>0</v>
      </c>
      <c r="AI215">
        <v>50000</v>
      </c>
      <c r="AJ215">
        <v>0</v>
      </c>
      <c r="AK215" t="s">
        <v>6</v>
      </c>
      <c r="AL215">
        <v>0</v>
      </c>
      <c r="AM215">
        <v>0</v>
      </c>
      <c r="AN215">
        <v>0</v>
      </c>
      <c r="AO215">
        <v>0</v>
      </c>
      <c r="AP215">
        <v>0</v>
      </c>
      <c r="AQ215">
        <v>0</v>
      </c>
      <c r="AR215">
        <v>0</v>
      </c>
      <c r="AS215">
        <v>0</v>
      </c>
      <c r="AT215">
        <v>0</v>
      </c>
      <c r="AU215">
        <v>0</v>
      </c>
      <c r="AV215">
        <v>0</v>
      </c>
      <c r="AW215">
        <v>0</v>
      </c>
      <c r="AX215">
        <v>0</v>
      </c>
      <c r="AY215">
        <v>0</v>
      </c>
      <c r="AZ215">
        <v>0</v>
      </c>
      <c r="BA215">
        <v>0</v>
      </c>
    </row>
    <row r="216" spans="1:53" x14ac:dyDescent="0.4">
      <c r="A216">
        <v>260</v>
      </c>
      <c r="B216" s="1">
        <v>42895</v>
      </c>
      <c r="C216">
        <v>2</v>
      </c>
      <c r="D216" s="1">
        <v>42895.451388888891</v>
      </c>
      <c r="E216" s="1">
        <v>42895.745138888888</v>
      </c>
      <c r="F216">
        <v>20500</v>
      </c>
      <c r="G216">
        <v>269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1854</v>
      </c>
      <c r="N216">
        <v>0</v>
      </c>
      <c r="O216">
        <v>0</v>
      </c>
      <c r="P216">
        <v>17280</v>
      </c>
      <c r="Q216">
        <v>0</v>
      </c>
      <c r="R216">
        <v>42324</v>
      </c>
      <c r="S216">
        <v>0</v>
      </c>
      <c r="T216">
        <v>0</v>
      </c>
      <c r="U216">
        <v>0</v>
      </c>
      <c r="V216">
        <v>2</v>
      </c>
      <c r="W216">
        <v>2</v>
      </c>
      <c r="X216">
        <v>0</v>
      </c>
      <c r="Y216">
        <v>30</v>
      </c>
      <c r="Z216">
        <v>23</v>
      </c>
      <c r="AA216">
        <v>114</v>
      </c>
      <c r="AB216">
        <v>12</v>
      </c>
      <c r="AC216">
        <v>233</v>
      </c>
      <c r="AD216">
        <v>14</v>
      </c>
      <c r="AE216">
        <v>68</v>
      </c>
      <c r="AF216">
        <v>6356</v>
      </c>
      <c r="AG216">
        <v>92324</v>
      </c>
      <c r="AH216">
        <v>50000</v>
      </c>
      <c r="AI216">
        <v>0</v>
      </c>
      <c r="AJ216">
        <v>100</v>
      </c>
      <c r="AK216" t="s">
        <v>0</v>
      </c>
      <c r="AL216">
        <v>0</v>
      </c>
      <c r="AM216">
        <v>0</v>
      </c>
      <c r="AN216">
        <v>0</v>
      </c>
      <c r="AO216">
        <v>0</v>
      </c>
      <c r="AP216">
        <v>0</v>
      </c>
      <c r="AQ216">
        <v>0</v>
      </c>
      <c r="AR216">
        <v>0</v>
      </c>
      <c r="AS216">
        <v>0</v>
      </c>
      <c r="AT216">
        <v>0</v>
      </c>
      <c r="AU216">
        <v>0</v>
      </c>
      <c r="AV216">
        <v>0</v>
      </c>
      <c r="AW216">
        <v>0</v>
      </c>
      <c r="AX216">
        <v>0</v>
      </c>
      <c r="AY216">
        <v>36</v>
      </c>
      <c r="AZ216">
        <v>73</v>
      </c>
      <c r="BA216">
        <v>5099</v>
      </c>
    </row>
    <row r="217" spans="1:53" x14ac:dyDescent="0.4">
      <c r="A217">
        <v>261</v>
      </c>
      <c r="B217" s="1">
        <v>42895</v>
      </c>
      <c r="C217">
        <v>3</v>
      </c>
      <c r="D217" s="1">
        <v>42895.745138888888</v>
      </c>
      <c r="E217" s="1">
        <v>42895.945833333331</v>
      </c>
      <c r="F217">
        <v>77900</v>
      </c>
      <c r="G217">
        <v>461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6600</v>
      </c>
      <c r="N217">
        <v>0</v>
      </c>
      <c r="O217">
        <v>0</v>
      </c>
      <c r="P217">
        <v>-17280</v>
      </c>
      <c r="Q217">
        <v>0</v>
      </c>
      <c r="R217">
        <v>71830</v>
      </c>
      <c r="S217">
        <v>0</v>
      </c>
      <c r="T217">
        <v>0</v>
      </c>
      <c r="U217">
        <v>0</v>
      </c>
      <c r="V217">
        <v>8</v>
      </c>
      <c r="W217">
        <v>1</v>
      </c>
      <c r="X217">
        <v>0</v>
      </c>
      <c r="Y217">
        <v>49</v>
      </c>
      <c r="Z217">
        <v>23</v>
      </c>
      <c r="AA217">
        <v>97</v>
      </c>
      <c r="AB217">
        <v>4</v>
      </c>
      <c r="AC217">
        <v>230</v>
      </c>
      <c r="AD217">
        <v>11</v>
      </c>
      <c r="AE217">
        <v>53</v>
      </c>
      <c r="AF217">
        <v>6356</v>
      </c>
      <c r="AG217">
        <v>164164</v>
      </c>
      <c r="AH217">
        <v>50000</v>
      </c>
      <c r="AI217">
        <v>10</v>
      </c>
      <c r="AJ217">
        <v>100</v>
      </c>
      <c r="AK217" t="s">
        <v>0</v>
      </c>
      <c r="AL217">
        <v>0</v>
      </c>
      <c r="AM217">
        <v>0</v>
      </c>
      <c r="AN217">
        <v>0</v>
      </c>
      <c r="AO217">
        <v>0</v>
      </c>
      <c r="AP217">
        <v>0</v>
      </c>
      <c r="AQ217">
        <v>0</v>
      </c>
      <c r="AR217">
        <v>0</v>
      </c>
      <c r="AS217">
        <v>0</v>
      </c>
      <c r="AT217">
        <v>0</v>
      </c>
      <c r="AU217">
        <v>0</v>
      </c>
      <c r="AV217">
        <v>0</v>
      </c>
      <c r="AW217">
        <v>0</v>
      </c>
      <c r="AX217">
        <v>64390</v>
      </c>
      <c r="AY217">
        <v>26</v>
      </c>
      <c r="AZ217">
        <v>100</v>
      </c>
      <c r="BA217">
        <v>2858</v>
      </c>
    </row>
    <row r="218" spans="1:53" x14ac:dyDescent="0.4">
      <c r="A218">
        <v>262</v>
      </c>
      <c r="B218" s="1">
        <v>42895</v>
      </c>
      <c r="C218">
        <v>4</v>
      </c>
      <c r="D218" s="1">
        <v>42895.945833333331</v>
      </c>
      <c r="E218" s="1">
        <v>42896.086111111108</v>
      </c>
      <c r="F218">
        <v>119300</v>
      </c>
      <c r="G218">
        <v>420</v>
      </c>
      <c r="H218">
        <v>0</v>
      </c>
      <c r="I218">
        <v>0</v>
      </c>
      <c r="J218">
        <v>0</v>
      </c>
      <c r="K218">
        <v>900</v>
      </c>
      <c r="L218">
        <v>0</v>
      </c>
      <c r="M218">
        <v>9650</v>
      </c>
      <c r="N218">
        <v>0</v>
      </c>
      <c r="O218">
        <v>0</v>
      </c>
      <c r="P218">
        <v>22032</v>
      </c>
      <c r="Q218">
        <v>0</v>
      </c>
      <c r="R218">
        <v>152302</v>
      </c>
      <c r="S218">
        <v>0</v>
      </c>
      <c r="T218">
        <v>0</v>
      </c>
      <c r="U218">
        <v>0</v>
      </c>
      <c r="V218">
        <v>16</v>
      </c>
      <c r="W218">
        <v>1</v>
      </c>
      <c r="X218">
        <v>0</v>
      </c>
      <c r="Y218">
        <v>93</v>
      </c>
      <c r="Z218">
        <v>21</v>
      </c>
      <c r="AA218">
        <v>91</v>
      </c>
      <c r="AB218">
        <v>3</v>
      </c>
      <c r="AC218">
        <v>219</v>
      </c>
      <c r="AD218">
        <v>10</v>
      </c>
      <c r="AE218">
        <v>58</v>
      </c>
      <c r="AF218">
        <v>36488</v>
      </c>
      <c r="AG218">
        <v>316536</v>
      </c>
      <c r="AH218">
        <v>50000</v>
      </c>
      <c r="AI218">
        <v>80</v>
      </c>
      <c r="AJ218">
        <v>105</v>
      </c>
      <c r="AL218">
        <v>0</v>
      </c>
      <c r="AM218">
        <v>0</v>
      </c>
      <c r="AN218">
        <v>0</v>
      </c>
      <c r="AO218">
        <v>0</v>
      </c>
      <c r="AP218">
        <v>0</v>
      </c>
      <c r="AQ218">
        <v>0</v>
      </c>
      <c r="AR218">
        <v>0</v>
      </c>
      <c r="AS218">
        <v>0</v>
      </c>
      <c r="AT218">
        <v>0</v>
      </c>
      <c r="AU218">
        <v>0</v>
      </c>
      <c r="AV218">
        <v>0</v>
      </c>
      <c r="AW218">
        <v>0</v>
      </c>
      <c r="AX218">
        <v>1512</v>
      </c>
      <c r="AY218">
        <v>11</v>
      </c>
      <c r="AZ218">
        <v>43</v>
      </c>
      <c r="BA218">
        <v>1368</v>
      </c>
    </row>
    <row r="219" spans="1:53" x14ac:dyDescent="0.4">
      <c r="A219">
        <v>263</v>
      </c>
      <c r="B219" s="1">
        <v>42896</v>
      </c>
      <c r="C219">
        <v>1</v>
      </c>
      <c r="D219" s="1">
        <v>42896.291666666664</v>
      </c>
      <c r="E219" s="1">
        <v>42896.410416666666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0</v>
      </c>
      <c r="O219">
        <v>0</v>
      </c>
      <c r="P219">
        <v>0</v>
      </c>
      <c r="Q219">
        <v>0</v>
      </c>
      <c r="R219">
        <v>0</v>
      </c>
      <c r="S219">
        <v>0</v>
      </c>
      <c r="T219">
        <v>0</v>
      </c>
      <c r="U219">
        <v>0</v>
      </c>
      <c r="V219">
        <v>0</v>
      </c>
      <c r="W219">
        <v>1</v>
      </c>
      <c r="X219">
        <v>0</v>
      </c>
      <c r="Y219">
        <v>25</v>
      </c>
      <c r="Z219">
        <v>19</v>
      </c>
      <c r="AA219">
        <v>81</v>
      </c>
      <c r="AB219">
        <v>4</v>
      </c>
      <c r="AC219">
        <v>209</v>
      </c>
      <c r="AD219">
        <v>10</v>
      </c>
      <c r="AE219">
        <v>60</v>
      </c>
      <c r="AF219">
        <v>0</v>
      </c>
      <c r="AG219">
        <v>50000</v>
      </c>
      <c r="AH219">
        <v>0</v>
      </c>
      <c r="AI219">
        <v>50000</v>
      </c>
      <c r="AJ219">
        <v>0</v>
      </c>
      <c r="AK219" t="s">
        <v>6</v>
      </c>
      <c r="AL219">
        <v>0</v>
      </c>
      <c r="AM219">
        <v>0</v>
      </c>
      <c r="AN219">
        <v>0</v>
      </c>
      <c r="AO219">
        <v>0</v>
      </c>
      <c r="AP219">
        <v>0</v>
      </c>
      <c r="AQ219">
        <v>0</v>
      </c>
      <c r="AR219">
        <v>0</v>
      </c>
      <c r="AS219">
        <v>0</v>
      </c>
      <c r="AT219">
        <v>0</v>
      </c>
      <c r="AU219">
        <v>0</v>
      </c>
      <c r="AV219">
        <v>0</v>
      </c>
      <c r="AW219">
        <v>0</v>
      </c>
      <c r="AX219">
        <v>0</v>
      </c>
      <c r="AY219">
        <v>0</v>
      </c>
      <c r="AZ219">
        <v>0</v>
      </c>
      <c r="BA219">
        <v>0</v>
      </c>
    </row>
    <row r="220" spans="1:53" x14ac:dyDescent="0.4">
      <c r="A220">
        <v>264</v>
      </c>
      <c r="B220" s="1">
        <v>42896</v>
      </c>
      <c r="C220">
        <v>2</v>
      </c>
      <c r="D220" s="1">
        <v>42896.410416666666</v>
      </c>
      <c r="E220" s="1">
        <v>42896.745138888888</v>
      </c>
      <c r="F220">
        <v>36000</v>
      </c>
      <c r="G220">
        <v>4680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3253</v>
      </c>
      <c r="N220">
        <v>0</v>
      </c>
      <c r="O220">
        <v>0</v>
      </c>
      <c r="P220">
        <v>22410</v>
      </c>
      <c r="Q220">
        <v>0</v>
      </c>
      <c r="R220">
        <v>66343</v>
      </c>
      <c r="S220">
        <v>0</v>
      </c>
      <c r="T220">
        <v>0</v>
      </c>
      <c r="U220">
        <v>0</v>
      </c>
      <c r="V220">
        <v>1</v>
      </c>
      <c r="W220">
        <v>1</v>
      </c>
      <c r="X220">
        <v>0</v>
      </c>
      <c r="Y220">
        <v>51</v>
      </c>
      <c r="Z220">
        <v>56</v>
      </c>
      <c r="AA220">
        <v>120</v>
      </c>
      <c r="AB220">
        <v>15</v>
      </c>
      <c r="AC220">
        <v>332</v>
      </c>
      <c r="AD220">
        <v>15</v>
      </c>
      <c r="AE220">
        <v>71</v>
      </c>
      <c r="AF220">
        <v>5127</v>
      </c>
      <c r="AG220">
        <v>115343</v>
      </c>
      <c r="AH220">
        <v>50000</v>
      </c>
      <c r="AI220">
        <v>-1000</v>
      </c>
      <c r="AJ220">
        <v>96</v>
      </c>
      <c r="AK220" t="s">
        <v>4</v>
      </c>
      <c r="AL220">
        <v>0</v>
      </c>
      <c r="AM220">
        <v>0</v>
      </c>
      <c r="AN220">
        <v>0</v>
      </c>
      <c r="AO220">
        <v>0</v>
      </c>
      <c r="AP220">
        <v>0</v>
      </c>
      <c r="AQ220">
        <v>0</v>
      </c>
      <c r="AR220">
        <v>0</v>
      </c>
      <c r="AS220">
        <v>0</v>
      </c>
      <c r="AT220">
        <v>0</v>
      </c>
      <c r="AU220">
        <v>0</v>
      </c>
      <c r="AV220">
        <v>0</v>
      </c>
      <c r="AW220">
        <v>0</v>
      </c>
      <c r="AX220">
        <v>0</v>
      </c>
      <c r="AY220">
        <v>51</v>
      </c>
      <c r="AZ220">
        <v>113</v>
      </c>
      <c r="BA220">
        <v>7466</v>
      </c>
    </row>
    <row r="221" spans="1:53" x14ac:dyDescent="0.4">
      <c r="A221">
        <v>265</v>
      </c>
      <c r="B221" s="1">
        <v>42896</v>
      </c>
      <c r="C221">
        <v>3</v>
      </c>
      <c r="D221" s="1">
        <v>42896.745138888888</v>
      </c>
      <c r="E221" s="1">
        <v>42897.088888888888</v>
      </c>
      <c r="F221">
        <v>335340</v>
      </c>
      <c r="G221">
        <v>17150</v>
      </c>
      <c r="H221">
        <v>0</v>
      </c>
      <c r="I221">
        <v>0</v>
      </c>
      <c r="J221">
        <v>1200</v>
      </c>
      <c r="K221">
        <v>1000</v>
      </c>
      <c r="L221">
        <v>0</v>
      </c>
      <c r="M221">
        <v>28180</v>
      </c>
      <c r="N221">
        <v>0</v>
      </c>
      <c r="O221">
        <v>0</v>
      </c>
      <c r="P221">
        <v>120906</v>
      </c>
      <c r="Q221">
        <v>0</v>
      </c>
      <c r="R221">
        <v>501376</v>
      </c>
      <c r="S221">
        <v>0</v>
      </c>
      <c r="T221">
        <v>0</v>
      </c>
      <c r="U221">
        <v>0</v>
      </c>
      <c r="V221">
        <v>32</v>
      </c>
      <c r="W221">
        <v>11</v>
      </c>
      <c r="X221">
        <v>0</v>
      </c>
      <c r="Y221">
        <v>94</v>
      </c>
      <c r="Z221">
        <v>59</v>
      </c>
      <c r="AA221">
        <v>120</v>
      </c>
      <c r="AB221">
        <v>13</v>
      </c>
      <c r="AC221">
        <v>318</v>
      </c>
      <c r="AD221">
        <v>11</v>
      </c>
      <c r="AE221">
        <v>44</v>
      </c>
      <c r="AF221">
        <v>101290</v>
      </c>
      <c r="AG221">
        <v>615719</v>
      </c>
      <c r="AH221">
        <v>50000</v>
      </c>
      <c r="AI221">
        <v>-2000</v>
      </c>
      <c r="AJ221">
        <v>99</v>
      </c>
      <c r="AK221" t="s">
        <v>9</v>
      </c>
      <c r="AL221">
        <v>0</v>
      </c>
      <c r="AM221">
        <v>0</v>
      </c>
      <c r="AN221">
        <v>0</v>
      </c>
      <c r="AO221">
        <v>0</v>
      </c>
      <c r="AP221">
        <v>0</v>
      </c>
      <c r="AQ221">
        <v>0</v>
      </c>
      <c r="AR221">
        <v>0</v>
      </c>
      <c r="AS221">
        <v>0</v>
      </c>
      <c r="AT221">
        <v>0</v>
      </c>
      <c r="AU221">
        <v>0</v>
      </c>
      <c r="AV221">
        <v>0</v>
      </c>
      <c r="AW221">
        <v>0</v>
      </c>
      <c r="AX221">
        <v>1782</v>
      </c>
      <c r="AY221">
        <v>51</v>
      </c>
      <c r="AZ221">
        <v>244</v>
      </c>
      <c r="BA221">
        <v>7055</v>
      </c>
    </row>
    <row r="222" spans="1:53" x14ac:dyDescent="0.4">
      <c r="A222">
        <v>266</v>
      </c>
      <c r="B222" s="1">
        <v>42897</v>
      </c>
      <c r="C222">
        <v>1</v>
      </c>
      <c r="D222" s="1">
        <v>42897.291666666664</v>
      </c>
      <c r="E222" s="1">
        <v>42897.75</v>
      </c>
      <c r="F222">
        <v>40500</v>
      </c>
      <c r="G222">
        <v>234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3427</v>
      </c>
      <c r="N222">
        <v>0</v>
      </c>
      <c r="O222">
        <v>0</v>
      </c>
      <c r="P222">
        <v>22680</v>
      </c>
      <c r="Q222">
        <v>0</v>
      </c>
      <c r="R222">
        <v>68947</v>
      </c>
      <c r="S222">
        <v>0</v>
      </c>
      <c r="T222">
        <v>0</v>
      </c>
      <c r="U222">
        <v>0</v>
      </c>
      <c r="V222">
        <v>0</v>
      </c>
      <c r="W222">
        <v>3</v>
      </c>
      <c r="X222">
        <v>0</v>
      </c>
      <c r="Y222">
        <v>70</v>
      </c>
      <c r="Z222">
        <v>32</v>
      </c>
      <c r="AA222">
        <v>139</v>
      </c>
      <c r="AB222">
        <v>6</v>
      </c>
      <c r="AC222">
        <v>169</v>
      </c>
      <c r="AD222">
        <v>15</v>
      </c>
      <c r="AE222">
        <v>62</v>
      </c>
      <c r="AF222">
        <v>1920</v>
      </c>
      <c r="AG222">
        <v>118947</v>
      </c>
      <c r="AH222">
        <v>50000</v>
      </c>
      <c r="AI222">
        <v>0</v>
      </c>
      <c r="AJ222">
        <v>92</v>
      </c>
      <c r="AK222" t="s">
        <v>22</v>
      </c>
      <c r="AL222">
        <v>0</v>
      </c>
      <c r="AM222">
        <v>0</v>
      </c>
      <c r="AN222">
        <v>0</v>
      </c>
      <c r="AO222">
        <v>0</v>
      </c>
      <c r="AP222">
        <v>0</v>
      </c>
      <c r="AQ222">
        <v>0</v>
      </c>
      <c r="AR222">
        <v>0</v>
      </c>
      <c r="AS222">
        <v>0</v>
      </c>
      <c r="AT222">
        <v>0</v>
      </c>
      <c r="AU222">
        <v>0</v>
      </c>
      <c r="AV222">
        <v>0</v>
      </c>
      <c r="AW222">
        <v>0</v>
      </c>
      <c r="AX222">
        <v>0</v>
      </c>
      <c r="AY222">
        <v>54</v>
      </c>
      <c r="AZ222">
        <v>120</v>
      </c>
      <c r="BA222">
        <v>8041</v>
      </c>
    </row>
    <row r="223" spans="1:53" x14ac:dyDescent="0.4">
      <c r="A223">
        <v>267</v>
      </c>
      <c r="B223" s="1">
        <v>42897</v>
      </c>
      <c r="C223">
        <v>2</v>
      </c>
      <c r="D223" s="1">
        <v>42897.75</v>
      </c>
      <c r="E223" s="1">
        <v>42897.934027777781</v>
      </c>
      <c r="F223">
        <v>31000</v>
      </c>
      <c r="G223">
        <v>250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2680</v>
      </c>
      <c r="N223">
        <v>0</v>
      </c>
      <c r="O223">
        <v>0</v>
      </c>
      <c r="P223">
        <v>4968</v>
      </c>
      <c r="Q223">
        <v>0</v>
      </c>
      <c r="R223">
        <v>41148</v>
      </c>
      <c r="S223">
        <v>0</v>
      </c>
      <c r="T223">
        <v>0</v>
      </c>
      <c r="U223">
        <v>0</v>
      </c>
      <c r="V223">
        <v>5</v>
      </c>
      <c r="W223">
        <v>1</v>
      </c>
      <c r="X223">
        <v>0</v>
      </c>
      <c r="Y223">
        <v>71</v>
      </c>
      <c r="Z223">
        <v>32</v>
      </c>
      <c r="AA223">
        <v>139</v>
      </c>
      <c r="AB223">
        <v>7</v>
      </c>
      <c r="AC223">
        <v>178</v>
      </c>
      <c r="AD223">
        <v>15</v>
      </c>
      <c r="AE223">
        <v>70</v>
      </c>
      <c r="AF223">
        <v>1920</v>
      </c>
      <c r="AG223">
        <v>160095</v>
      </c>
      <c r="AH223">
        <v>50000</v>
      </c>
      <c r="AI223">
        <v>0</v>
      </c>
      <c r="AJ223">
        <v>91</v>
      </c>
      <c r="AK223" t="s">
        <v>14</v>
      </c>
      <c r="AL223">
        <v>0</v>
      </c>
      <c r="AM223">
        <v>0</v>
      </c>
      <c r="AN223">
        <v>0</v>
      </c>
      <c r="AO223">
        <v>0</v>
      </c>
      <c r="AP223">
        <v>0</v>
      </c>
      <c r="AQ223">
        <v>0</v>
      </c>
      <c r="AR223">
        <v>0</v>
      </c>
      <c r="AS223">
        <v>0</v>
      </c>
      <c r="AT223">
        <v>0</v>
      </c>
      <c r="AU223">
        <v>0</v>
      </c>
      <c r="AV223">
        <v>0</v>
      </c>
      <c r="AW223">
        <v>0</v>
      </c>
      <c r="AX223">
        <v>6134</v>
      </c>
      <c r="AY223">
        <v>13</v>
      </c>
      <c r="AZ223">
        <v>37</v>
      </c>
      <c r="BA223">
        <v>2907</v>
      </c>
    </row>
    <row r="224" spans="1:53" x14ac:dyDescent="0.4">
      <c r="A224">
        <v>268</v>
      </c>
      <c r="B224" s="1">
        <v>42897</v>
      </c>
      <c r="C224">
        <v>3</v>
      </c>
      <c r="D224" s="1">
        <v>42897.934027777781</v>
      </c>
      <c r="E224" s="1">
        <v>42898.125</v>
      </c>
      <c r="F224">
        <v>58820</v>
      </c>
      <c r="G224">
        <v>2630</v>
      </c>
      <c r="H224">
        <v>0</v>
      </c>
      <c r="I224">
        <v>0</v>
      </c>
      <c r="J224">
        <v>1260</v>
      </c>
      <c r="K224">
        <v>0</v>
      </c>
      <c r="L224">
        <v>0</v>
      </c>
      <c r="M224">
        <v>4815</v>
      </c>
      <c r="N224">
        <v>0</v>
      </c>
      <c r="O224">
        <v>0</v>
      </c>
      <c r="P224">
        <v>4212</v>
      </c>
      <c r="Q224">
        <v>0</v>
      </c>
      <c r="R224">
        <v>69217</v>
      </c>
      <c r="S224">
        <v>0</v>
      </c>
      <c r="T224">
        <v>0</v>
      </c>
      <c r="U224">
        <v>0</v>
      </c>
      <c r="V224">
        <v>8</v>
      </c>
      <c r="W224">
        <v>2</v>
      </c>
      <c r="X224">
        <v>0</v>
      </c>
      <c r="Y224">
        <v>97</v>
      </c>
      <c r="Z224">
        <v>34</v>
      </c>
      <c r="AA224">
        <v>143</v>
      </c>
      <c r="AB224">
        <v>5</v>
      </c>
      <c r="AC224">
        <v>178</v>
      </c>
      <c r="AD224">
        <v>16</v>
      </c>
      <c r="AE224">
        <v>70</v>
      </c>
      <c r="AF224">
        <v>8832</v>
      </c>
      <c r="AG224">
        <v>229312</v>
      </c>
      <c r="AH224">
        <v>50000</v>
      </c>
      <c r="AI224">
        <v>0</v>
      </c>
      <c r="AJ224">
        <v>99</v>
      </c>
      <c r="AK224" t="s">
        <v>9</v>
      </c>
      <c r="AL224">
        <v>0</v>
      </c>
      <c r="AM224">
        <v>0</v>
      </c>
      <c r="AN224">
        <v>0</v>
      </c>
      <c r="AO224">
        <v>0</v>
      </c>
      <c r="AP224">
        <v>0</v>
      </c>
      <c r="AQ224">
        <v>0</v>
      </c>
      <c r="AR224">
        <v>0</v>
      </c>
      <c r="AS224">
        <v>0</v>
      </c>
      <c r="AT224">
        <v>0</v>
      </c>
      <c r="AU224">
        <v>0</v>
      </c>
      <c r="AV224">
        <v>0</v>
      </c>
      <c r="AW224">
        <v>0</v>
      </c>
      <c r="AX224">
        <v>3337</v>
      </c>
      <c r="AY224">
        <v>10</v>
      </c>
      <c r="AZ224">
        <v>30</v>
      </c>
      <c r="BA224">
        <v>1892</v>
      </c>
    </row>
    <row r="225" spans="1:53" x14ac:dyDescent="0.4">
      <c r="A225">
        <v>269</v>
      </c>
      <c r="B225" s="1">
        <v>42898</v>
      </c>
      <c r="C225">
        <v>1</v>
      </c>
      <c r="D225" s="1">
        <v>42898.291666666664</v>
      </c>
      <c r="E225" s="1">
        <v>42898.451388888891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0</v>
      </c>
      <c r="O225">
        <v>0</v>
      </c>
      <c r="P225">
        <v>0</v>
      </c>
      <c r="Q225">
        <v>0</v>
      </c>
      <c r="R225">
        <v>0</v>
      </c>
      <c r="S225">
        <v>0</v>
      </c>
      <c r="T225">
        <v>0</v>
      </c>
      <c r="U225">
        <v>0</v>
      </c>
      <c r="V225">
        <v>0</v>
      </c>
      <c r="W225">
        <v>1</v>
      </c>
      <c r="X225">
        <v>0</v>
      </c>
      <c r="Y225">
        <v>26</v>
      </c>
      <c r="Z225">
        <v>14</v>
      </c>
      <c r="AA225">
        <v>109</v>
      </c>
      <c r="AB225">
        <v>4</v>
      </c>
      <c r="AC225">
        <v>76</v>
      </c>
      <c r="AD225">
        <v>15</v>
      </c>
      <c r="AE225">
        <v>65</v>
      </c>
      <c r="AF225">
        <v>0</v>
      </c>
      <c r="AG225">
        <v>50000</v>
      </c>
      <c r="AH225">
        <v>0</v>
      </c>
      <c r="AI225">
        <v>50000</v>
      </c>
      <c r="AJ225">
        <v>0</v>
      </c>
      <c r="AK225" t="s">
        <v>6</v>
      </c>
      <c r="AL225">
        <v>0</v>
      </c>
      <c r="AM225">
        <v>0</v>
      </c>
      <c r="AN225">
        <v>0</v>
      </c>
      <c r="AO225">
        <v>0</v>
      </c>
      <c r="AP225">
        <v>0</v>
      </c>
      <c r="AQ225">
        <v>0</v>
      </c>
      <c r="AR225">
        <v>0</v>
      </c>
      <c r="AS225">
        <v>0</v>
      </c>
      <c r="AT225">
        <v>0</v>
      </c>
      <c r="AU225">
        <v>0</v>
      </c>
      <c r="AV225">
        <v>0</v>
      </c>
      <c r="AW225">
        <v>0</v>
      </c>
      <c r="AX225">
        <v>0</v>
      </c>
      <c r="AY225">
        <v>0</v>
      </c>
      <c r="AZ225">
        <v>0</v>
      </c>
      <c r="BA225">
        <v>0</v>
      </c>
    </row>
    <row r="226" spans="1:53" x14ac:dyDescent="0.4">
      <c r="A226">
        <v>270</v>
      </c>
      <c r="B226" s="1">
        <v>42898</v>
      </c>
      <c r="C226">
        <v>2</v>
      </c>
      <c r="D226" s="1">
        <v>42898.451388888891</v>
      </c>
      <c r="E226" s="1">
        <v>42898.751388888886</v>
      </c>
      <c r="F226">
        <v>16000</v>
      </c>
      <c r="G226">
        <v>558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1725</v>
      </c>
      <c r="N226">
        <v>0</v>
      </c>
      <c r="O226">
        <v>0</v>
      </c>
      <c r="P226">
        <v>19548</v>
      </c>
      <c r="Q226">
        <v>0</v>
      </c>
      <c r="R226">
        <v>42853</v>
      </c>
      <c r="S226">
        <v>0</v>
      </c>
      <c r="T226">
        <v>0</v>
      </c>
      <c r="U226">
        <v>0</v>
      </c>
      <c r="V226">
        <v>1</v>
      </c>
      <c r="W226">
        <v>5</v>
      </c>
      <c r="X226">
        <v>0</v>
      </c>
      <c r="Y226">
        <v>27</v>
      </c>
      <c r="Z226">
        <v>35</v>
      </c>
      <c r="AA226">
        <v>113</v>
      </c>
      <c r="AB226">
        <v>4</v>
      </c>
      <c r="AC226">
        <v>116</v>
      </c>
      <c r="AD226">
        <v>17</v>
      </c>
      <c r="AE226">
        <v>68</v>
      </c>
      <c r="AF226">
        <v>540</v>
      </c>
      <c r="AG226">
        <v>92853</v>
      </c>
      <c r="AH226">
        <v>50000</v>
      </c>
      <c r="AI226">
        <v>0</v>
      </c>
      <c r="AJ226">
        <v>93</v>
      </c>
      <c r="AK226" t="s">
        <v>20</v>
      </c>
      <c r="AL226">
        <v>0</v>
      </c>
      <c r="AM226">
        <v>0</v>
      </c>
      <c r="AN226">
        <v>0</v>
      </c>
      <c r="AO226">
        <v>0</v>
      </c>
      <c r="AP226">
        <v>0</v>
      </c>
      <c r="AQ226">
        <v>0</v>
      </c>
      <c r="AR226">
        <v>0</v>
      </c>
      <c r="AS226">
        <v>0</v>
      </c>
      <c r="AT226">
        <v>0</v>
      </c>
      <c r="AU226">
        <v>0</v>
      </c>
      <c r="AV226">
        <v>0</v>
      </c>
      <c r="AW226">
        <v>0</v>
      </c>
      <c r="AX226">
        <v>-4936</v>
      </c>
      <c r="AY226">
        <v>32</v>
      </c>
      <c r="AZ226">
        <v>57</v>
      </c>
      <c r="BA226">
        <v>4581</v>
      </c>
    </row>
    <row r="227" spans="1:53" x14ac:dyDescent="0.4">
      <c r="A227">
        <v>271</v>
      </c>
      <c r="B227" s="1">
        <v>42898</v>
      </c>
      <c r="C227">
        <v>3</v>
      </c>
      <c r="D227" s="1">
        <v>42898.751388888886</v>
      </c>
      <c r="E227" s="1">
        <v>42898.984027777777</v>
      </c>
      <c r="F227">
        <v>35770</v>
      </c>
      <c r="G227">
        <v>4810</v>
      </c>
      <c r="H227">
        <v>0</v>
      </c>
      <c r="I227">
        <v>0</v>
      </c>
      <c r="J227">
        <v>2000</v>
      </c>
      <c r="K227">
        <v>0</v>
      </c>
      <c r="L227">
        <v>0</v>
      </c>
      <c r="M227">
        <v>3086</v>
      </c>
      <c r="N227">
        <v>0</v>
      </c>
      <c r="O227">
        <v>0</v>
      </c>
      <c r="P227">
        <v>-18252</v>
      </c>
      <c r="Q227">
        <v>0</v>
      </c>
      <c r="R227">
        <v>23414</v>
      </c>
      <c r="S227">
        <v>0</v>
      </c>
      <c r="T227">
        <v>0</v>
      </c>
      <c r="U227">
        <v>0</v>
      </c>
      <c r="V227">
        <v>2</v>
      </c>
      <c r="W227">
        <v>4</v>
      </c>
      <c r="X227">
        <v>0</v>
      </c>
      <c r="Y227">
        <v>42</v>
      </c>
      <c r="Z227">
        <v>38</v>
      </c>
      <c r="AA227">
        <v>120</v>
      </c>
      <c r="AB227">
        <v>5</v>
      </c>
      <c r="AC227">
        <v>105</v>
      </c>
      <c r="AD227">
        <v>14</v>
      </c>
      <c r="AE227">
        <v>61</v>
      </c>
      <c r="AF227">
        <v>1836</v>
      </c>
      <c r="AG227">
        <v>116267</v>
      </c>
      <c r="AH227">
        <v>50000</v>
      </c>
      <c r="AI227">
        <v>0</v>
      </c>
      <c r="AJ227">
        <v>1</v>
      </c>
      <c r="AK227" t="s">
        <v>3</v>
      </c>
      <c r="AL227">
        <v>0</v>
      </c>
      <c r="AM227">
        <v>0</v>
      </c>
      <c r="AN227">
        <v>0</v>
      </c>
      <c r="AO227">
        <v>0</v>
      </c>
      <c r="AP227">
        <v>0</v>
      </c>
      <c r="AQ227">
        <v>0</v>
      </c>
      <c r="AR227">
        <v>0</v>
      </c>
      <c r="AS227">
        <v>0</v>
      </c>
      <c r="AT227">
        <v>0</v>
      </c>
      <c r="AU227">
        <v>0</v>
      </c>
      <c r="AV227">
        <v>0</v>
      </c>
      <c r="AW227">
        <v>0</v>
      </c>
      <c r="AX227">
        <v>25942</v>
      </c>
      <c r="AY227">
        <v>13</v>
      </c>
      <c r="AZ227">
        <v>39</v>
      </c>
      <c r="BA227">
        <v>2049</v>
      </c>
    </row>
    <row r="228" spans="1:53" x14ac:dyDescent="0.4">
      <c r="A228">
        <v>272</v>
      </c>
      <c r="B228" s="1">
        <v>42898</v>
      </c>
      <c r="C228">
        <v>4</v>
      </c>
      <c r="D228" s="1">
        <v>42898.984027777777</v>
      </c>
      <c r="E228" s="1">
        <v>42899.07916666667</v>
      </c>
      <c r="F228">
        <v>4908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3926</v>
      </c>
      <c r="N228">
        <v>0</v>
      </c>
      <c r="O228">
        <v>0</v>
      </c>
      <c r="P228">
        <v>5940</v>
      </c>
      <c r="Q228">
        <v>0</v>
      </c>
      <c r="R228">
        <v>58946</v>
      </c>
      <c r="S228">
        <v>0</v>
      </c>
      <c r="T228">
        <v>0</v>
      </c>
      <c r="U228">
        <v>0</v>
      </c>
      <c r="V228">
        <v>4</v>
      </c>
      <c r="W228">
        <v>9</v>
      </c>
      <c r="X228">
        <v>0</v>
      </c>
      <c r="Y228">
        <v>55</v>
      </c>
      <c r="Z228">
        <v>36</v>
      </c>
      <c r="AA228">
        <v>139</v>
      </c>
      <c r="AB228">
        <v>6</v>
      </c>
      <c r="AC228">
        <v>104</v>
      </c>
      <c r="AD228">
        <v>15</v>
      </c>
      <c r="AE228">
        <v>62</v>
      </c>
      <c r="AF228">
        <v>1836</v>
      </c>
      <c r="AG228">
        <v>175213</v>
      </c>
      <c r="AH228">
        <v>50000</v>
      </c>
      <c r="AI228">
        <v>0</v>
      </c>
      <c r="AJ228">
        <v>104</v>
      </c>
      <c r="AK228" t="s">
        <v>10</v>
      </c>
      <c r="AL228">
        <v>0</v>
      </c>
      <c r="AM228">
        <v>0</v>
      </c>
      <c r="AN228">
        <v>0</v>
      </c>
      <c r="AO228">
        <v>0</v>
      </c>
      <c r="AP228">
        <v>0</v>
      </c>
      <c r="AQ228">
        <v>0</v>
      </c>
      <c r="AR228">
        <v>0</v>
      </c>
      <c r="AS228">
        <v>0</v>
      </c>
      <c r="AT228">
        <v>0</v>
      </c>
      <c r="AU228">
        <v>0</v>
      </c>
      <c r="AV228">
        <v>0</v>
      </c>
      <c r="AW228">
        <v>0</v>
      </c>
      <c r="AX228">
        <v>0</v>
      </c>
      <c r="AY228">
        <v>2</v>
      </c>
      <c r="AZ228">
        <v>5</v>
      </c>
      <c r="BA228">
        <v>682</v>
      </c>
    </row>
    <row r="229" spans="1:53" x14ac:dyDescent="0.4">
      <c r="A229">
        <v>273</v>
      </c>
      <c r="B229" s="1">
        <v>42899</v>
      </c>
      <c r="C229">
        <v>1</v>
      </c>
      <c r="D229" s="1">
        <v>42899.291666666664</v>
      </c>
      <c r="E229" s="1">
        <v>42899.45416666667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0</v>
      </c>
      <c r="O229">
        <v>0</v>
      </c>
      <c r="P229">
        <v>0</v>
      </c>
      <c r="Q229">
        <v>0</v>
      </c>
      <c r="R229">
        <v>0</v>
      </c>
      <c r="S229">
        <v>0</v>
      </c>
      <c r="T229">
        <v>0</v>
      </c>
      <c r="U229">
        <v>0</v>
      </c>
      <c r="V229">
        <v>0</v>
      </c>
      <c r="W229">
        <v>1</v>
      </c>
      <c r="X229">
        <v>0</v>
      </c>
      <c r="Y229">
        <v>25</v>
      </c>
      <c r="Z229">
        <v>12</v>
      </c>
      <c r="AA229">
        <v>126</v>
      </c>
      <c r="AB229">
        <v>6</v>
      </c>
      <c r="AC229">
        <v>98</v>
      </c>
      <c r="AD229">
        <v>13</v>
      </c>
      <c r="AE229">
        <v>55</v>
      </c>
      <c r="AF229">
        <v>0</v>
      </c>
      <c r="AG229">
        <v>50000</v>
      </c>
      <c r="AH229">
        <v>0</v>
      </c>
      <c r="AI229">
        <v>50000</v>
      </c>
      <c r="AJ229">
        <v>0</v>
      </c>
      <c r="AK229" t="s">
        <v>6</v>
      </c>
      <c r="AL229">
        <v>0</v>
      </c>
      <c r="AM229">
        <v>0</v>
      </c>
      <c r="AN229">
        <v>0</v>
      </c>
      <c r="AO229">
        <v>0</v>
      </c>
      <c r="AP229">
        <v>0</v>
      </c>
      <c r="AQ229">
        <v>0</v>
      </c>
      <c r="AR229">
        <v>0</v>
      </c>
      <c r="AS229">
        <v>0</v>
      </c>
      <c r="AT229">
        <v>0</v>
      </c>
      <c r="AU229">
        <v>0</v>
      </c>
      <c r="AV229">
        <v>0</v>
      </c>
      <c r="AW229">
        <v>0</v>
      </c>
      <c r="AX229">
        <v>0</v>
      </c>
      <c r="AY229">
        <v>0</v>
      </c>
      <c r="AZ229">
        <v>0</v>
      </c>
      <c r="BA229">
        <v>0</v>
      </c>
    </row>
    <row r="230" spans="1:53" x14ac:dyDescent="0.4">
      <c r="A230">
        <v>274</v>
      </c>
      <c r="B230" s="1">
        <v>42899</v>
      </c>
      <c r="C230">
        <v>2</v>
      </c>
      <c r="D230" s="1">
        <v>42899.45416666667</v>
      </c>
      <c r="E230" s="1">
        <v>42899.751388888886</v>
      </c>
      <c r="F230">
        <v>11500</v>
      </c>
      <c r="G230">
        <v>218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1094</v>
      </c>
      <c r="N230">
        <v>0</v>
      </c>
      <c r="O230">
        <v>0</v>
      </c>
      <c r="P230">
        <v>12420</v>
      </c>
      <c r="Q230">
        <v>0</v>
      </c>
      <c r="R230">
        <v>27194</v>
      </c>
      <c r="S230">
        <v>0</v>
      </c>
      <c r="T230">
        <v>0</v>
      </c>
      <c r="U230">
        <v>0</v>
      </c>
      <c r="V230">
        <v>2</v>
      </c>
      <c r="W230">
        <v>0</v>
      </c>
      <c r="X230">
        <v>0</v>
      </c>
      <c r="Y230">
        <v>30</v>
      </c>
      <c r="Z230">
        <v>25</v>
      </c>
      <c r="AA230">
        <v>126</v>
      </c>
      <c r="AB230">
        <v>12</v>
      </c>
      <c r="AC230">
        <v>138</v>
      </c>
      <c r="AD230">
        <v>12</v>
      </c>
      <c r="AE230">
        <v>54</v>
      </c>
      <c r="AF230">
        <v>0</v>
      </c>
      <c r="AG230">
        <v>77194</v>
      </c>
      <c r="AH230">
        <v>50000</v>
      </c>
      <c r="AI230">
        <v>0</v>
      </c>
      <c r="AJ230">
        <v>99</v>
      </c>
      <c r="AK230" t="s">
        <v>9</v>
      </c>
      <c r="AL230">
        <v>0</v>
      </c>
      <c r="AM230">
        <v>0</v>
      </c>
      <c r="AN230">
        <v>0</v>
      </c>
      <c r="AO230">
        <v>0</v>
      </c>
      <c r="AP230">
        <v>0</v>
      </c>
      <c r="AQ230">
        <v>0</v>
      </c>
      <c r="AR230">
        <v>0</v>
      </c>
      <c r="AS230">
        <v>0</v>
      </c>
      <c r="AT230">
        <v>0</v>
      </c>
      <c r="AU230">
        <v>0</v>
      </c>
      <c r="AV230">
        <v>0</v>
      </c>
      <c r="AW230">
        <v>0</v>
      </c>
      <c r="AX230">
        <v>-508</v>
      </c>
      <c r="AY230">
        <v>30</v>
      </c>
      <c r="AZ230">
        <v>46</v>
      </c>
      <c r="BA230">
        <v>3746</v>
      </c>
    </row>
    <row r="231" spans="1:53" x14ac:dyDescent="0.4">
      <c r="A231">
        <v>275</v>
      </c>
      <c r="B231" s="1">
        <v>42899</v>
      </c>
      <c r="C231">
        <v>3</v>
      </c>
      <c r="D231" s="1">
        <v>42899.751388888886</v>
      </c>
      <c r="E231" s="1">
        <v>42899.95416666667</v>
      </c>
      <c r="F231">
        <v>23650</v>
      </c>
      <c r="G231">
        <v>103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1974</v>
      </c>
      <c r="N231">
        <v>0</v>
      </c>
      <c r="O231">
        <v>0</v>
      </c>
      <c r="P231">
        <v>-12420</v>
      </c>
      <c r="Q231">
        <v>0</v>
      </c>
      <c r="R231">
        <v>14234</v>
      </c>
      <c r="S231">
        <v>0</v>
      </c>
      <c r="T231">
        <v>0</v>
      </c>
      <c r="U231">
        <v>0</v>
      </c>
      <c r="V231">
        <v>2</v>
      </c>
      <c r="W231">
        <v>1</v>
      </c>
      <c r="X231">
        <v>0</v>
      </c>
      <c r="Y231">
        <v>29</v>
      </c>
      <c r="Z231">
        <v>25</v>
      </c>
      <c r="AA231">
        <v>116</v>
      </c>
      <c r="AB231">
        <v>9</v>
      </c>
      <c r="AC231">
        <v>133</v>
      </c>
      <c r="AD231">
        <v>12</v>
      </c>
      <c r="AE231">
        <v>62</v>
      </c>
      <c r="AF231">
        <v>11426</v>
      </c>
      <c r="AG231">
        <v>91428</v>
      </c>
      <c r="AH231">
        <v>50000</v>
      </c>
      <c r="AI231">
        <v>0</v>
      </c>
      <c r="AJ231">
        <v>99</v>
      </c>
      <c r="AK231" t="s">
        <v>9</v>
      </c>
      <c r="AL231">
        <v>0</v>
      </c>
      <c r="AM231">
        <v>0</v>
      </c>
      <c r="AN231">
        <v>0</v>
      </c>
      <c r="AO231">
        <v>0</v>
      </c>
      <c r="AP231">
        <v>0</v>
      </c>
      <c r="AQ231">
        <v>0</v>
      </c>
      <c r="AR231">
        <v>0</v>
      </c>
      <c r="AS231">
        <v>0</v>
      </c>
      <c r="AT231">
        <v>0</v>
      </c>
      <c r="AU231">
        <v>0</v>
      </c>
      <c r="AV231">
        <v>0</v>
      </c>
      <c r="AW231">
        <v>0</v>
      </c>
      <c r="AX231">
        <v>8640</v>
      </c>
      <c r="AY231">
        <v>13</v>
      </c>
      <c r="AZ231">
        <v>23</v>
      </c>
      <c r="BA231">
        <v>2210</v>
      </c>
    </row>
    <row r="232" spans="1:53" x14ac:dyDescent="0.4">
      <c r="A232">
        <v>276</v>
      </c>
      <c r="B232" s="1">
        <v>42899</v>
      </c>
      <c r="C232">
        <v>4</v>
      </c>
      <c r="D232" s="1">
        <v>42899.95416666667</v>
      </c>
      <c r="E232" s="1">
        <v>42900.11041666667</v>
      </c>
      <c r="F232">
        <v>17500</v>
      </c>
      <c r="G232">
        <v>73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1458</v>
      </c>
      <c r="N232">
        <v>0</v>
      </c>
      <c r="O232">
        <v>0</v>
      </c>
      <c r="P232">
        <v>1642</v>
      </c>
      <c r="Q232">
        <v>0</v>
      </c>
      <c r="R232">
        <v>21330</v>
      </c>
      <c r="S232">
        <v>0</v>
      </c>
      <c r="T232">
        <v>0</v>
      </c>
      <c r="U232">
        <v>0</v>
      </c>
      <c r="V232">
        <v>2</v>
      </c>
      <c r="W232">
        <v>2</v>
      </c>
      <c r="X232">
        <v>0</v>
      </c>
      <c r="Y232">
        <v>27</v>
      </c>
      <c r="Z232">
        <v>25</v>
      </c>
      <c r="AA232">
        <v>119</v>
      </c>
      <c r="AB232">
        <v>8</v>
      </c>
      <c r="AC232">
        <v>135</v>
      </c>
      <c r="AD232">
        <v>11</v>
      </c>
      <c r="AE232">
        <v>59</v>
      </c>
      <c r="AF232">
        <v>29494</v>
      </c>
      <c r="AG232">
        <v>112758</v>
      </c>
      <c r="AH232">
        <v>50000</v>
      </c>
      <c r="AI232">
        <v>0</v>
      </c>
      <c r="AJ232">
        <v>91</v>
      </c>
      <c r="AK232" t="s">
        <v>14</v>
      </c>
      <c r="AL232">
        <v>0</v>
      </c>
      <c r="AM232">
        <v>0</v>
      </c>
      <c r="AN232">
        <v>0</v>
      </c>
      <c r="AO232">
        <v>0</v>
      </c>
      <c r="AP232">
        <v>0</v>
      </c>
      <c r="AQ232">
        <v>0</v>
      </c>
      <c r="AR232">
        <v>0</v>
      </c>
      <c r="AS232">
        <v>0</v>
      </c>
      <c r="AT232">
        <v>0</v>
      </c>
      <c r="AU232">
        <v>0</v>
      </c>
      <c r="AV232">
        <v>0</v>
      </c>
      <c r="AW232">
        <v>0</v>
      </c>
      <c r="AX232">
        <v>6566</v>
      </c>
      <c r="AY232">
        <v>2</v>
      </c>
      <c r="AZ232">
        <v>6</v>
      </c>
      <c r="BA232">
        <v>264</v>
      </c>
    </row>
    <row r="233" spans="1:53" x14ac:dyDescent="0.4">
      <c r="A233">
        <v>277</v>
      </c>
      <c r="B233" s="1">
        <v>42900</v>
      </c>
      <c r="C233">
        <v>1</v>
      </c>
      <c r="D233" s="1">
        <v>42900.291666666664</v>
      </c>
      <c r="E233" s="1">
        <v>42900.45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0</v>
      </c>
      <c r="O233">
        <v>0</v>
      </c>
      <c r="P233">
        <v>0</v>
      </c>
      <c r="Q233">
        <v>0</v>
      </c>
      <c r="R233">
        <v>0</v>
      </c>
      <c r="S233">
        <v>0</v>
      </c>
      <c r="T233">
        <v>0</v>
      </c>
      <c r="U233">
        <v>0</v>
      </c>
      <c r="V233">
        <v>0</v>
      </c>
      <c r="W233">
        <v>1</v>
      </c>
      <c r="X233">
        <v>0</v>
      </c>
      <c r="Y233">
        <v>24</v>
      </c>
      <c r="Z233">
        <v>17</v>
      </c>
      <c r="AA233">
        <v>107</v>
      </c>
      <c r="AB233">
        <v>8</v>
      </c>
      <c r="AC233">
        <v>129</v>
      </c>
      <c r="AD233">
        <v>11</v>
      </c>
      <c r="AE233">
        <v>55</v>
      </c>
      <c r="AF233">
        <v>0</v>
      </c>
      <c r="AG233">
        <v>50000</v>
      </c>
      <c r="AH233">
        <v>0</v>
      </c>
      <c r="AI233">
        <v>50000</v>
      </c>
      <c r="AJ233">
        <v>0</v>
      </c>
      <c r="AK233" t="s">
        <v>6</v>
      </c>
      <c r="AL233">
        <v>0</v>
      </c>
      <c r="AM233">
        <v>0</v>
      </c>
      <c r="AN233">
        <v>0</v>
      </c>
      <c r="AO233">
        <v>0</v>
      </c>
      <c r="AP233">
        <v>0</v>
      </c>
      <c r="AQ233">
        <v>0</v>
      </c>
      <c r="AR233">
        <v>0</v>
      </c>
      <c r="AS233">
        <v>0</v>
      </c>
      <c r="AT233">
        <v>0</v>
      </c>
      <c r="AU233">
        <v>0</v>
      </c>
      <c r="AV233">
        <v>0</v>
      </c>
      <c r="AW233">
        <v>0</v>
      </c>
      <c r="AX233">
        <v>0</v>
      </c>
      <c r="AY233">
        <v>0</v>
      </c>
      <c r="AZ233">
        <v>0</v>
      </c>
      <c r="BA233">
        <v>0</v>
      </c>
    </row>
    <row r="234" spans="1:53" x14ac:dyDescent="0.4">
      <c r="A234">
        <v>278</v>
      </c>
      <c r="B234" s="1">
        <v>42900</v>
      </c>
      <c r="C234">
        <v>2</v>
      </c>
      <c r="D234" s="1">
        <v>42900.45</v>
      </c>
      <c r="E234" s="1">
        <v>42900.739583333336</v>
      </c>
      <c r="F234">
        <v>16000</v>
      </c>
      <c r="G234">
        <v>38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1310</v>
      </c>
      <c r="N234">
        <v>0</v>
      </c>
      <c r="O234">
        <v>0</v>
      </c>
      <c r="P234">
        <v>16200</v>
      </c>
      <c r="Q234">
        <v>0</v>
      </c>
      <c r="R234">
        <v>33890</v>
      </c>
      <c r="S234">
        <v>0</v>
      </c>
      <c r="T234">
        <v>0</v>
      </c>
      <c r="U234">
        <v>0</v>
      </c>
      <c r="V234">
        <v>1</v>
      </c>
      <c r="W234">
        <v>3</v>
      </c>
      <c r="X234">
        <v>0</v>
      </c>
      <c r="Y234">
        <v>38</v>
      </c>
      <c r="Z234">
        <v>18</v>
      </c>
      <c r="AA234">
        <v>98</v>
      </c>
      <c r="AB234">
        <v>5</v>
      </c>
      <c r="AC234">
        <v>173</v>
      </c>
      <c r="AD234">
        <v>11</v>
      </c>
      <c r="AE234">
        <v>55</v>
      </c>
      <c r="AF234">
        <v>0</v>
      </c>
      <c r="AG234">
        <v>83890</v>
      </c>
      <c r="AH234">
        <v>50000</v>
      </c>
      <c r="AI234">
        <v>0</v>
      </c>
      <c r="AJ234">
        <v>96</v>
      </c>
      <c r="AK234" t="s">
        <v>4</v>
      </c>
      <c r="AL234">
        <v>0</v>
      </c>
      <c r="AM234">
        <v>0</v>
      </c>
      <c r="AN234">
        <v>0</v>
      </c>
      <c r="AO234">
        <v>0</v>
      </c>
      <c r="AP234">
        <v>0</v>
      </c>
      <c r="AQ234">
        <v>0</v>
      </c>
      <c r="AR234">
        <v>0</v>
      </c>
      <c r="AS234">
        <v>0</v>
      </c>
      <c r="AT234">
        <v>0</v>
      </c>
      <c r="AU234">
        <v>0</v>
      </c>
      <c r="AV234">
        <v>0</v>
      </c>
      <c r="AW234">
        <v>0</v>
      </c>
      <c r="AX234">
        <v>-1166</v>
      </c>
      <c r="AY234">
        <v>38</v>
      </c>
      <c r="AZ234">
        <v>60</v>
      </c>
      <c r="BA234">
        <v>5167</v>
      </c>
    </row>
    <row r="235" spans="1:53" x14ac:dyDescent="0.4">
      <c r="A235">
        <v>279</v>
      </c>
      <c r="B235" s="1">
        <v>42900</v>
      </c>
      <c r="C235">
        <v>3</v>
      </c>
      <c r="D235" s="1">
        <v>42900.739583333336</v>
      </c>
      <c r="E235" s="1">
        <v>42900.984027777777</v>
      </c>
      <c r="F235">
        <v>67060</v>
      </c>
      <c r="G235">
        <v>659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5893</v>
      </c>
      <c r="N235">
        <v>0</v>
      </c>
      <c r="O235">
        <v>0</v>
      </c>
      <c r="P235">
        <v>-16200</v>
      </c>
      <c r="Q235">
        <v>0</v>
      </c>
      <c r="R235">
        <v>63343</v>
      </c>
      <c r="S235">
        <v>0</v>
      </c>
      <c r="T235">
        <v>0</v>
      </c>
      <c r="U235">
        <v>0</v>
      </c>
      <c r="V235">
        <v>6</v>
      </c>
      <c r="W235">
        <v>2</v>
      </c>
      <c r="X235">
        <v>0</v>
      </c>
      <c r="Y235">
        <v>41</v>
      </c>
      <c r="Z235">
        <v>20</v>
      </c>
      <c r="AA235">
        <v>92</v>
      </c>
      <c r="AB235">
        <v>3</v>
      </c>
      <c r="AC235">
        <v>155</v>
      </c>
      <c r="AD235">
        <v>11</v>
      </c>
      <c r="AE235">
        <v>52</v>
      </c>
      <c r="AF235">
        <v>15226</v>
      </c>
      <c r="AG235">
        <v>147233</v>
      </c>
      <c r="AH235">
        <v>50000</v>
      </c>
      <c r="AI235">
        <v>0</v>
      </c>
      <c r="AJ235">
        <v>104</v>
      </c>
      <c r="AK235" t="s">
        <v>10</v>
      </c>
      <c r="AL235">
        <v>0</v>
      </c>
      <c r="AM235">
        <v>0</v>
      </c>
      <c r="AN235">
        <v>0</v>
      </c>
      <c r="AO235">
        <v>0</v>
      </c>
      <c r="AP235">
        <v>0</v>
      </c>
      <c r="AQ235">
        <v>0</v>
      </c>
      <c r="AR235">
        <v>0</v>
      </c>
      <c r="AS235">
        <v>0</v>
      </c>
      <c r="AT235">
        <v>0</v>
      </c>
      <c r="AU235">
        <v>0</v>
      </c>
      <c r="AV235">
        <v>0</v>
      </c>
      <c r="AW235">
        <v>0</v>
      </c>
      <c r="AX235">
        <v>16394</v>
      </c>
      <c r="AY235">
        <v>19</v>
      </c>
      <c r="AZ235">
        <v>60</v>
      </c>
      <c r="BA235">
        <v>3464</v>
      </c>
    </row>
    <row r="236" spans="1:53" x14ac:dyDescent="0.4">
      <c r="A236">
        <v>280</v>
      </c>
      <c r="B236" s="1">
        <v>42900</v>
      </c>
      <c r="C236">
        <v>4</v>
      </c>
      <c r="D236" s="1">
        <v>42900.984027777777</v>
      </c>
      <c r="E236" s="1">
        <v>42901.125</v>
      </c>
      <c r="F236">
        <v>22000</v>
      </c>
      <c r="G236">
        <v>118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1854</v>
      </c>
      <c r="N236">
        <v>0</v>
      </c>
      <c r="O236">
        <v>0</v>
      </c>
      <c r="P236">
        <v>7020</v>
      </c>
      <c r="Q236">
        <v>0</v>
      </c>
      <c r="R236">
        <v>32054</v>
      </c>
      <c r="S236">
        <v>0</v>
      </c>
      <c r="T236">
        <v>0</v>
      </c>
      <c r="U236">
        <v>0</v>
      </c>
      <c r="V236">
        <v>10</v>
      </c>
      <c r="W236">
        <v>0</v>
      </c>
      <c r="X236">
        <v>0</v>
      </c>
      <c r="Y236">
        <v>42</v>
      </c>
      <c r="Z236">
        <v>17</v>
      </c>
      <c r="AA236">
        <v>96</v>
      </c>
      <c r="AB236">
        <v>5</v>
      </c>
      <c r="AC236">
        <v>144</v>
      </c>
      <c r="AD236">
        <v>12</v>
      </c>
      <c r="AE236">
        <v>51</v>
      </c>
      <c r="AF236">
        <v>17386</v>
      </c>
      <c r="AG236">
        <v>179287</v>
      </c>
      <c r="AH236">
        <v>50000</v>
      </c>
      <c r="AI236">
        <v>0</v>
      </c>
      <c r="AJ236">
        <v>1</v>
      </c>
      <c r="AK236" t="s">
        <v>3</v>
      </c>
      <c r="AL236">
        <v>0</v>
      </c>
      <c r="AM236">
        <v>0</v>
      </c>
      <c r="AN236">
        <v>0</v>
      </c>
      <c r="AO236">
        <v>0</v>
      </c>
      <c r="AP236">
        <v>0</v>
      </c>
      <c r="AQ236">
        <v>0</v>
      </c>
      <c r="AR236">
        <v>0</v>
      </c>
      <c r="AS236">
        <v>0</v>
      </c>
      <c r="AT236">
        <v>0</v>
      </c>
      <c r="AU236">
        <v>0</v>
      </c>
      <c r="AV236">
        <v>0</v>
      </c>
      <c r="AW236">
        <v>0</v>
      </c>
      <c r="AX236">
        <v>0</v>
      </c>
      <c r="AY236">
        <v>3</v>
      </c>
      <c r="AZ236">
        <v>7</v>
      </c>
      <c r="BA236">
        <v>611</v>
      </c>
    </row>
    <row r="237" spans="1:53" x14ac:dyDescent="0.4">
      <c r="A237">
        <v>281</v>
      </c>
      <c r="B237" s="1">
        <v>42901</v>
      </c>
      <c r="C237">
        <v>1</v>
      </c>
      <c r="D237" s="1">
        <v>42901.291666666664</v>
      </c>
      <c r="E237" s="1">
        <v>42901.447916666664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0</v>
      </c>
      <c r="O237">
        <v>0</v>
      </c>
      <c r="P237">
        <v>0</v>
      </c>
      <c r="Q237">
        <v>0</v>
      </c>
      <c r="R237">
        <v>0</v>
      </c>
      <c r="S237">
        <v>0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30</v>
      </c>
      <c r="Z237">
        <v>18</v>
      </c>
      <c r="AA237">
        <v>92</v>
      </c>
      <c r="AB237">
        <v>5</v>
      </c>
      <c r="AC237">
        <v>144</v>
      </c>
      <c r="AD237">
        <v>12</v>
      </c>
      <c r="AE237">
        <v>50</v>
      </c>
      <c r="AF237">
        <v>0</v>
      </c>
      <c r="AG237">
        <v>50000</v>
      </c>
      <c r="AH237">
        <v>0</v>
      </c>
      <c r="AI237">
        <v>50000</v>
      </c>
      <c r="AJ237">
        <v>0</v>
      </c>
      <c r="AK237" t="s">
        <v>6</v>
      </c>
      <c r="AL237">
        <v>0</v>
      </c>
      <c r="AM237">
        <v>0</v>
      </c>
      <c r="AN237">
        <v>0</v>
      </c>
      <c r="AO237">
        <v>0</v>
      </c>
      <c r="AP237">
        <v>0</v>
      </c>
      <c r="AQ237">
        <v>0</v>
      </c>
      <c r="AR237">
        <v>0</v>
      </c>
      <c r="AS237">
        <v>0</v>
      </c>
      <c r="AT237">
        <v>0</v>
      </c>
      <c r="AU237">
        <v>0</v>
      </c>
      <c r="AV237">
        <v>0</v>
      </c>
      <c r="AW237">
        <v>0</v>
      </c>
      <c r="AX237">
        <v>0</v>
      </c>
      <c r="AY237">
        <v>0</v>
      </c>
      <c r="AZ237">
        <v>0</v>
      </c>
      <c r="BA237">
        <v>0</v>
      </c>
    </row>
    <row r="238" spans="1:53" x14ac:dyDescent="0.4">
      <c r="A238">
        <v>282</v>
      </c>
      <c r="B238" s="1">
        <v>42901</v>
      </c>
      <c r="C238">
        <v>2</v>
      </c>
      <c r="D238" s="1">
        <v>42901.447916666664</v>
      </c>
      <c r="E238" s="1">
        <v>42901.75</v>
      </c>
      <c r="F238">
        <v>15500</v>
      </c>
      <c r="G238">
        <v>260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1447</v>
      </c>
      <c r="N238">
        <v>0</v>
      </c>
      <c r="O238">
        <v>0</v>
      </c>
      <c r="P238">
        <v>10260</v>
      </c>
      <c r="Q238">
        <v>0</v>
      </c>
      <c r="R238">
        <v>29807</v>
      </c>
      <c r="S238">
        <v>0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57</v>
      </c>
      <c r="Z238">
        <v>31</v>
      </c>
      <c r="AA238">
        <v>52</v>
      </c>
      <c r="AB238">
        <v>2</v>
      </c>
      <c r="AC238">
        <v>190</v>
      </c>
      <c r="AD238">
        <v>12</v>
      </c>
      <c r="AE238">
        <v>47</v>
      </c>
      <c r="AF238">
        <v>0</v>
      </c>
      <c r="AG238">
        <v>79807</v>
      </c>
      <c r="AH238">
        <v>50000</v>
      </c>
      <c r="AI238">
        <v>0</v>
      </c>
      <c r="AJ238">
        <v>100</v>
      </c>
      <c r="AK238" t="s">
        <v>0</v>
      </c>
      <c r="AL238">
        <v>0</v>
      </c>
      <c r="AM238">
        <v>0</v>
      </c>
      <c r="AN238">
        <v>0</v>
      </c>
      <c r="AO238">
        <v>0</v>
      </c>
      <c r="AP238">
        <v>0</v>
      </c>
      <c r="AQ238">
        <v>0</v>
      </c>
      <c r="AR238">
        <v>0</v>
      </c>
      <c r="AS238">
        <v>0</v>
      </c>
      <c r="AT238">
        <v>0</v>
      </c>
      <c r="AU238">
        <v>0</v>
      </c>
      <c r="AV238">
        <v>0</v>
      </c>
      <c r="AW238">
        <v>0</v>
      </c>
      <c r="AX238">
        <v>734</v>
      </c>
      <c r="AY238">
        <v>32</v>
      </c>
      <c r="AZ238">
        <v>50</v>
      </c>
      <c r="BA238">
        <v>4419</v>
      </c>
    </row>
    <row r="239" spans="1:53" x14ac:dyDescent="0.4">
      <c r="A239">
        <v>283</v>
      </c>
      <c r="B239" s="1">
        <v>42901</v>
      </c>
      <c r="C239">
        <v>3</v>
      </c>
      <c r="D239" s="1">
        <v>42901.75</v>
      </c>
      <c r="E239" s="1">
        <v>42901.947916666664</v>
      </c>
      <c r="F239">
        <v>35580</v>
      </c>
      <c r="G239">
        <v>118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2940</v>
      </c>
      <c r="N239">
        <v>0</v>
      </c>
      <c r="O239">
        <v>0</v>
      </c>
      <c r="P239">
        <v>17388</v>
      </c>
      <c r="Q239">
        <v>0</v>
      </c>
      <c r="R239">
        <v>57088</v>
      </c>
      <c r="S239">
        <v>0</v>
      </c>
      <c r="T239">
        <v>0</v>
      </c>
      <c r="U239">
        <v>0</v>
      </c>
      <c r="V239">
        <v>3</v>
      </c>
      <c r="W239">
        <v>0</v>
      </c>
      <c r="X239">
        <v>0</v>
      </c>
      <c r="Y239">
        <v>52</v>
      </c>
      <c r="Z239">
        <v>35</v>
      </c>
      <c r="AA239">
        <v>48</v>
      </c>
      <c r="AB239">
        <v>2</v>
      </c>
      <c r="AC239">
        <v>203</v>
      </c>
      <c r="AD239">
        <v>11</v>
      </c>
      <c r="AE239">
        <v>51</v>
      </c>
      <c r="AF239">
        <v>30359</v>
      </c>
      <c r="AG239">
        <v>136895</v>
      </c>
      <c r="AH239">
        <v>50000</v>
      </c>
      <c r="AI239">
        <v>0</v>
      </c>
      <c r="AJ239">
        <v>100</v>
      </c>
      <c r="AK239" t="s">
        <v>0</v>
      </c>
      <c r="AL239">
        <v>0</v>
      </c>
      <c r="AM239">
        <v>0</v>
      </c>
      <c r="AN239">
        <v>0</v>
      </c>
      <c r="AO239">
        <v>0</v>
      </c>
      <c r="AP239">
        <v>0</v>
      </c>
      <c r="AQ239">
        <v>0</v>
      </c>
      <c r="AR239">
        <v>0</v>
      </c>
      <c r="AS239">
        <v>0</v>
      </c>
      <c r="AT239">
        <v>0</v>
      </c>
      <c r="AU239">
        <v>0</v>
      </c>
      <c r="AV239">
        <v>0</v>
      </c>
      <c r="AW239">
        <v>0</v>
      </c>
      <c r="AX239">
        <v>10260</v>
      </c>
      <c r="AY239">
        <v>21</v>
      </c>
      <c r="AZ239">
        <v>58</v>
      </c>
      <c r="BA239">
        <v>2772</v>
      </c>
    </row>
    <row r="240" spans="1:53" x14ac:dyDescent="0.4">
      <c r="A240">
        <v>284</v>
      </c>
      <c r="B240" s="1">
        <v>42901</v>
      </c>
      <c r="C240">
        <v>4</v>
      </c>
      <c r="D240" s="1">
        <v>42901.947916666664</v>
      </c>
      <c r="E240" s="1">
        <v>42902.084027777775</v>
      </c>
      <c r="F240">
        <v>5010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4008</v>
      </c>
      <c r="N240">
        <v>0</v>
      </c>
      <c r="O240">
        <v>0</v>
      </c>
      <c r="P240">
        <v>-15984</v>
      </c>
      <c r="Q240">
        <v>0</v>
      </c>
      <c r="R240">
        <v>38124</v>
      </c>
      <c r="S240">
        <v>0</v>
      </c>
      <c r="T240">
        <v>0</v>
      </c>
      <c r="U240">
        <v>0</v>
      </c>
      <c r="V240">
        <v>4</v>
      </c>
      <c r="W240">
        <v>2</v>
      </c>
      <c r="X240">
        <v>0</v>
      </c>
      <c r="Y240">
        <v>55</v>
      </c>
      <c r="Z240">
        <v>34</v>
      </c>
      <c r="AA240">
        <v>48</v>
      </c>
      <c r="AB240">
        <v>3</v>
      </c>
      <c r="AC240">
        <v>195</v>
      </c>
      <c r="AD240">
        <v>11</v>
      </c>
      <c r="AE240">
        <v>45</v>
      </c>
      <c r="AF240">
        <v>46019</v>
      </c>
      <c r="AG240">
        <v>175019</v>
      </c>
      <c r="AH240">
        <v>50000</v>
      </c>
      <c r="AI240">
        <v>0</v>
      </c>
      <c r="AJ240">
        <v>105</v>
      </c>
      <c r="AL240">
        <v>0</v>
      </c>
      <c r="AM240">
        <v>0</v>
      </c>
      <c r="AN240">
        <v>0</v>
      </c>
      <c r="AO240">
        <v>0</v>
      </c>
      <c r="AP240">
        <v>0</v>
      </c>
      <c r="AQ240">
        <v>0</v>
      </c>
      <c r="AR240">
        <v>0</v>
      </c>
      <c r="AS240">
        <v>0</v>
      </c>
      <c r="AT240">
        <v>0</v>
      </c>
      <c r="AU240">
        <v>0</v>
      </c>
      <c r="AV240">
        <v>0</v>
      </c>
      <c r="AW240">
        <v>0</v>
      </c>
      <c r="AX240">
        <v>410</v>
      </c>
      <c r="AY240">
        <v>3</v>
      </c>
      <c r="AZ240">
        <v>8</v>
      </c>
      <c r="BA240">
        <v>476</v>
      </c>
    </row>
    <row r="241" spans="1:53" x14ac:dyDescent="0.4">
      <c r="A241">
        <v>285</v>
      </c>
      <c r="B241" s="1">
        <v>42902</v>
      </c>
      <c r="C241">
        <v>1</v>
      </c>
      <c r="D241" s="1">
        <v>42902.291666666664</v>
      </c>
      <c r="E241" s="1">
        <v>42902.45208333333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0</v>
      </c>
      <c r="O241">
        <v>0</v>
      </c>
      <c r="P241">
        <v>0</v>
      </c>
      <c r="Q241">
        <v>0</v>
      </c>
      <c r="R241">
        <v>0</v>
      </c>
      <c r="S241">
        <v>0</v>
      </c>
      <c r="T241">
        <v>0</v>
      </c>
      <c r="U241">
        <v>0</v>
      </c>
      <c r="V241">
        <v>0</v>
      </c>
      <c r="W241">
        <v>1</v>
      </c>
      <c r="X241">
        <v>0</v>
      </c>
      <c r="Y241">
        <v>25</v>
      </c>
      <c r="Z241">
        <v>27</v>
      </c>
      <c r="AA241">
        <v>48</v>
      </c>
      <c r="AB241">
        <v>3</v>
      </c>
      <c r="AC241">
        <v>145</v>
      </c>
      <c r="AD241">
        <v>11</v>
      </c>
      <c r="AE241">
        <v>45</v>
      </c>
      <c r="AF241">
        <v>0</v>
      </c>
      <c r="AG241">
        <v>50000</v>
      </c>
      <c r="AH241">
        <v>0</v>
      </c>
      <c r="AI241">
        <v>50000</v>
      </c>
      <c r="AJ241">
        <v>0</v>
      </c>
      <c r="AK241" t="s">
        <v>6</v>
      </c>
      <c r="AL241">
        <v>0</v>
      </c>
      <c r="AM241">
        <v>0</v>
      </c>
      <c r="AN241">
        <v>0</v>
      </c>
      <c r="AO241">
        <v>0</v>
      </c>
      <c r="AP241">
        <v>0</v>
      </c>
      <c r="AQ241">
        <v>0</v>
      </c>
      <c r="AR241">
        <v>0</v>
      </c>
      <c r="AS241">
        <v>0</v>
      </c>
      <c r="AT241">
        <v>0</v>
      </c>
      <c r="AU241">
        <v>0</v>
      </c>
      <c r="AV241">
        <v>0</v>
      </c>
      <c r="AW241">
        <v>0</v>
      </c>
      <c r="AX241">
        <v>0</v>
      </c>
      <c r="AY241">
        <v>0</v>
      </c>
      <c r="AZ241">
        <v>0</v>
      </c>
      <c r="BA241">
        <v>0</v>
      </c>
    </row>
    <row r="242" spans="1:53" x14ac:dyDescent="0.4">
      <c r="A242">
        <v>286</v>
      </c>
      <c r="B242" s="1">
        <v>42902</v>
      </c>
      <c r="C242">
        <v>2</v>
      </c>
      <c r="D242" s="1">
        <v>42902.45208333333</v>
      </c>
      <c r="E242" s="1">
        <v>42902.758333333331</v>
      </c>
      <c r="F242">
        <v>35750</v>
      </c>
      <c r="G242">
        <v>953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3621</v>
      </c>
      <c r="N242">
        <v>0</v>
      </c>
      <c r="O242">
        <v>0</v>
      </c>
      <c r="P242">
        <v>6480</v>
      </c>
      <c r="Q242">
        <v>0</v>
      </c>
      <c r="R242">
        <v>55381</v>
      </c>
      <c r="S242">
        <v>0</v>
      </c>
      <c r="T242">
        <v>0</v>
      </c>
      <c r="U242">
        <v>0</v>
      </c>
      <c r="V242">
        <v>2</v>
      </c>
      <c r="W242">
        <v>1</v>
      </c>
      <c r="X242">
        <v>0</v>
      </c>
      <c r="Y242">
        <v>45</v>
      </c>
      <c r="Z242">
        <v>38</v>
      </c>
      <c r="AA242">
        <v>46</v>
      </c>
      <c r="AB242">
        <v>9</v>
      </c>
      <c r="AC242">
        <v>236</v>
      </c>
      <c r="AD242">
        <v>15</v>
      </c>
      <c r="AE242">
        <v>45</v>
      </c>
      <c r="AF242">
        <v>7771</v>
      </c>
      <c r="AG242">
        <v>104301</v>
      </c>
      <c r="AH242">
        <v>50000</v>
      </c>
      <c r="AI242">
        <v>-1080</v>
      </c>
      <c r="AJ242">
        <v>100</v>
      </c>
      <c r="AK242" t="s">
        <v>0</v>
      </c>
      <c r="AL242">
        <v>0</v>
      </c>
      <c r="AM242">
        <v>0</v>
      </c>
      <c r="AN242">
        <v>0</v>
      </c>
      <c r="AO242">
        <v>0</v>
      </c>
      <c r="AP242">
        <v>0</v>
      </c>
      <c r="AQ242">
        <v>0</v>
      </c>
      <c r="AR242">
        <v>0</v>
      </c>
      <c r="AS242">
        <v>0</v>
      </c>
      <c r="AT242">
        <v>0</v>
      </c>
      <c r="AU242">
        <v>0</v>
      </c>
      <c r="AV242">
        <v>0</v>
      </c>
      <c r="AW242">
        <v>0</v>
      </c>
      <c r="AX242">
        <v>378</v>
      </c>
      <c r="AY242">
        <v>40</v>
      </c>
      <c r="AZ242">
        <v>79</v>
      </c>
      <c r="BA242">
        <v>6164</v>
      </c>
    </row>
    <row r="243" spans="1:53" x14ac:dyDescent="0.4">
      <c r="A243">
        <v>287</v>
      </c>
      <c r="B243" s="1">
        <v>42902</v>
      </c>
      <c r="C243">
        <v>3</v>
      </c>
      <c r="D243" s="1">
        <v>42902.758333333331</v>
      </c>
      <c r="E243" s="1">
        <v>42903.089583333334</v>
      </c>
      <c r="F243">
        <v>258780</v>
      </c>
      <c r="G243">
        <v>7580</v>
      </c>
      <c r="H243">
        <v>0</v>
      </c>
      <c r="I243">
        <v>0</v>
      </c>
      <c r="J243">
        <v>2400</v>
      </c>
      <c r="K243">
        <v>10500</v>
      </c>
      <c r="L243">
        <v>0</v>
      </c>
      <c r="M243">
        <v>21955</v>
      </c>
      <c r="N243">
        <v>0</v>
      </c>
      <c r="O243">
        <v>0</v>
      </c>
      <c r="P243">
        <v>109048</v>
      </c>
      <c r="Q243">
        <v>0</v>
      </c>
      <c r="R243">
        <v>405463</v>
      </c>
      <c r="S243">
        <v>0</v>
      </c>
      <c r="T243">
        <v>0</v>
      </c>
      <c r="U243">
        <v>0</v>
      </c>
      <c r="V243">
        <v>21</v>
      </c>
      <c r="W243">
        <v>12</v>
      </c>
      <c r="X243">
        <v>0</v>
      </c>
      <c r="Y243">
        <v>142</v>
      </c>
      <c r="Z243">
        <v>42</v>
      </c>
      <c r="AA243">
        <v>77</v>
      </c>
      <c r="AB243">
        <v>4</v>
      </c>
      <c r="AC243">
        <v>225</v>
      </c>
      <c r="AD243">
        <v>6</v>
      </c>
      <c r="AE243">
        <v>44</v>
      </c>
      <c r="AF243">
        <v>67970</v>
      </c>
      <c r="AG243">
        <v>511194</v>
      </c>
      <c r="AH243">
        <v>50000</v>
      </c>
      <c r="AI243">
        <v>350</v>
      </c>
      <c r="AJ243">
        <v>99</v>
      </c>
      <c r="AK243" t="s">
        <v>9</v>
      </c>
      <c r="AL243">
        <v>0</v>
      </c>
      <c r="AM243">
        <v>0</v>
      </c>
      <c r="AN243">
        <v>0</v>
      </c>
      <c r="AO243">
        <v>0</v>
      </c>
      <c r="AP243">
        <v>0</v>
      </c>
      <c r="AQ243">
        <v>0</v>
      </c>
      <c r="AR243">
        <v>0</v>
      </c>
      <c r="AS243">
        <v>0</v>
      </c>
      <c r="AT243">
        <v>0</v>
      </c>
      <c r="AU243">
        <v>0</v>
      </c>
      <c r="AV243">
        <v>0</v>
      </c>
      <c r="AW243">
        <v>0</v>
      </c>
      <c r="AX243">
        <v>2030</v>
      </c>
      <c r="AY243">
        <v>49</v>
      </c>
      <c r="AZ243">
        <v>203</v>
      </c>
      <c r="BA243">
        <v>6235</v>
      </c>
    </row>
    <row r="244" spans="1:53" x14ac:dyDescent="0.4">
      <c r="A244">
        <v>288</v>
      </c>
      <c r="B244" s="1">
        <v>42903</v>
      </c>
      <c r="C244">
        <v>1</v>
      </c>
      <c r="D244" s="1">
        <v>42903.291666666664</v>
      </c>
      <c r="E244" s="1">
        <v>42903.411805555559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0</v>
      </c>
      <c r="O244">
        <v>0</v>
      </c>
      <c r="P244">
        <v>0</v>
      </c>
      <c r="Q244">
        <v>0</v>
      </c>
      <c r="R244">
        <v>0</v>
      </c>
      <c r="S244">
        <v>0</v>
      </c>
      <c r="T244">
        <v>0</v>
      </c>
      <c r="U244">
        <v>0</v>
      </c>
      <c r="V244">
        <v>0</v>
      </c>
      <c r="W244">
        <v>1</v>
      </c>
      <c r="X244">
        <v>0</v>
      </c>
      <c r="Y244">
        <v>27</v>
      </c>
      <c r="Z244">
        <v>20</v>
      </c>
      <c r="AA244">
        <v>62</v>
      </c>
      <c r="AB244">
        <v>3</v>
      </c>
      <c r="AC244">
        <v>158</v>
      </c>
      <c r="AD244">
        <v>5</v>
      </c>
      <c r="AE244">
        <v>45</v>
      </c>
      <c r="AF244">
        <v>0</v>
      </c>
      <c r="AG244">
        <v>50000</v>
      </c>
      <c r="AH244">
        <v>0</v>
      </c>
      <c r="AI244">
        <v>50000</v>
      </c>
      <c r="AJ244">
        <v>0</v>
      </c>
      <c r="AK244" t="s">
        <v>6</v>
      </c>
      <c r="AL244">
        <v>0</v>
      </c>
      <c r="AM244">
        <v>0</v>
      </c>
      <c r="AN244">
        <v>0</v>
      </c>
      <c r="AO244">
        <v>0</v>
      </c>
      <c r="AP244">
        <v>0</v>
      </c>
      <c r="AQ244">
        <v>0</v>
      </c>
      <c r="AR244">
        <v>0</v>
      </c>
      <c r="AS244">
        <v>0</v>
      </c>
      <c r="AT244">
        <v>0</v>
      </c>
      <c r="AU244">
        <v>0</v>
      </c>
      <c r="AV244">
        <v>0</v>
      </c>
      <c r="AW244">
        <v>0</v>
      </c>
      <c r="AX244">
        <v>0</v>
      </c>
      <c r="AY244">
        <v>0</v>
      </c>
      <c r="AZ244">
        <v>0</v>
      </c>
      <c r="BA244">
        <v>0</v>
      </c>
    </row>
    <row r="245" spans="1:53" x14ac:dyDescent="0.4">
      <c r="A245">
        <v>289</v>
      </c>
      <c r="B245" s="1">
        <v>42903</v>
      </c>
      <c r="C245">
        <v>2</v>
      </c>
      <c r="D245" s="1">
        <v>42903.411805555559</v>
      </c>
      <c r="E245" s="1">
        <v>42903.725694444445</v>
      </c>
      <c r="F245">
        <v>36500</v>
      </c>
      <c r="G245">
        <v>262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3128</v>
      </c>
      <c r="N245">
        <v>0</v>
      </c>
      <c r="O245">
        <v>0</v>
      </c>
      <c r="P245">
        <v>20520</v>
      </c>
      <c r="Q245">
        <v>0</v>
      </c>
      <c r="R245">
        <v>62768</v>
      </c>
      <c r="S245">
        <v>0</v>
      </c>
      <c r="T245">
        <v>0</v>
      </c>
      <c r="U245">
        <v>0</v>
      </c>
      <c r="V245">
        <v>3</v>
      </c>
      <c r="W245">
        <v>4</v>
      </c>
      <c r="X245">
        <v>0</v>
      </c>
      <c r="Y245">
        <v>35</v>
      </c>
      <c r="Z245">
        <v>30</v>
      </c>
      <c r="AA245">
        <v>94</v>
      </c>
      <c r="AB245">
        <v>15</v>
      </c>
      <c r="AC245">
        <v>253</v>
      </c>
      <c r="AD245">
        <v>8</v>
      </c>
      <c r="AE245">
        <v>48</v>
      </c>
      <c r="AF245">
        <v>0</v>
      </c>
      <c r="AG245">
        <v>112768</v>
      </c>
      <c r="AH245">
        <v>50000</v>
      </c>
      <c r="AI245">
        <v>0</v>
      </c>
      <c r="AJ245">
        <v>96</v>
      </c>
      <c r="AK245" t="s">
        <v>4</v>
      </c>
      <c r="AL245">
        <v>0</v>
      </c>
      <c r="AM245">
        <v>0</v>
      </c>
      <c r="AN245">
        <v>0</v>
      </c>
      <c r="AO245">
        <v>0</v>
      </c>
      <c r="AP245">
        <v>0</v>
      </c>
      <c r="AQ245">
        <v>0</v>
      </c>
      <c r="AR245">
        <v>0</v>
      </c>
      <c r="AS245">
        <v>0</v>
      </c>
      <c r="AT245">
        <v>0</v>
      </c>
      <c r="AU245">
        <v>0</v>
      </c>
      <c r="AV245">
        <v>0</v>
      </c>
      <c r="AW245">
        <v>0</v>
      </c>
      <c r="AX245">
        <v>659</v>
      </c>
      <c r="AY245">
        <v>47</v>
      </c>
      <c r="AZ245">
        <v>111</v>
      </c>
      <c r="BA245">
        <v>6912</v>
      </c>
    </row>
    <row r="246" spans="1:53" x14ac:dyDescent="0.4">
      <c r="A246">
        <v>290</v>
      </c>
      <c r="B246" s="1">
        <v>42903</v>
      </c>
      <c r="C246">
        <v>3</v>
      </c>
      <c r="D246" s="1">
        <v>42903.725694444445</v>
      </c>
      <c r="E246" s="1">
        <v>42903.76458333333</v>
      </c>
      <c r="F246">
        <v>9000</v>
      </c>
      <c r="G246">
        <v>204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883</v>
      </c>
      <c r="N246">
        <v>0</v>
      </c>
      <c r="O246">
        <v>0</v>
      </c>
      <c r="P246">
        <v>-3780</v>
      </c>
      <c r="Q246">
        <v>0</v>
      </c>
      <c r="R246">
        <v>8143</v>
      </c>
      <c r="S246">
        <v>0</v>
      </c>
      <c r="T246">
        <v>0</v>
      </c>
      <c r="U246">
        <v>0</v>
      </c>
      <c r="V246">
        <v>3</v>
      </c>
      <c r="W246">
        <v>5</v>
      </c>
      <c r="X246">
        <v>0</v>
      </c>
      <c r="Y246">
        <v>36</v>
      </c>
      <c r="Z246">
        <v>32</v>
      </c>
      <c r="AA246">
        <v>104</v>
      </c>
      <c r="AB246">
        <v>19</v>
      </c>
      <c r="AC246">
        <v>247</v>
      </c>
      <c r="AD246">
        <v>9</v>
      </c>
      <c r="AE246">
        <v>46</v>
      </c>
      <c r="AF246">
        <v>0</v>
      </c>
      <c r="AG246">
        <v>120911</v>
      </c>
      <c r="AH246">
        <v>50000</v>
      </c>
      <c r="AI246">
        <v>0</v>
      </c>
      <c r="AJ246">
        <v>101</v>
      </c>
      <c r="AK246" t="s">
        <v>23</v>
      </c>
      <c r="AL246">
        <v>0</v>
      </c>
      <c r="AM246">
        <v>0</v>
      </c>
      <c r="AN246">
        <v>0</v>
      </c>
      <c r="AO246">
        <v>0</v>
      </c>
      <c r="AP246">
        <v>0</v>
      </c>
      <c r="AQ246">
        <v>0</v>
      </c>
      <c r="AR246">
        <v>0</v>
      </c>
      <c r="AS246">
        <v>0</v>
      </c>
      <c r="AT246">
        <v>0</v>
      </c>
      <c r="AU246">
        <v>0</v>
      </c>
      <c r="AV246">
        <v>0</v>
      </c>
      <c r="AW246">
        <v>0</v>
      </c>
      <c r="AX246">
        <v>5842</v>
      </c>
      <c r="AY246">
        <v>5</v>
      </c>
      <c r="AZ246">
        <v>14</v>
      </c>
      <c r="BA246">
        <v>823</v>
      </c>
    </row>
    <row r="247" spans="1:53" x14ac:dyDescent="0.4">
      <c r="A247">
        <v>291</v>
      </c>
      <c r="B247" s="1">
        <v>42903</v>
      </c>
      <c r="C247">
        <v>4</v>
      </c>
      <c r="D247" s="1">
        <v>42903.76458333333</v>
      </c>
      <c r="E247" s="1">
        <v>42904.05972222222</v>
      </c>
      <c r="F247">
        <v>295320</v>
      </c>
      <c r="G247">
        <v>19370</v>
      </c>
      <c r="H247">
        <v>0</v>
      </c>
      <c r="I247">
        <v>0</v>
      </c>
      <c r="J247">
        <v>3360</v>
      </c>
      <c r="K247">
        <v>800</v>
      </c>
      <c r="L247">
        <v>0</v>
      </c>
      <c r="M247">
        <v>24970</v>
      </c>
      <c r="N247">
        <v>0</v>
      </c>
      <c r="O247">
        <v>0</v>
      </c>
      <c r="P247">
        <v>120636</v>
      </c>
      <c r="Q247">
        <v>0</v>
      </c>
      <c r="R247">
        <v>457736</v>
      </c>
      <c r="S247">
        <v>0</v>
      </c>
      <c r="T247">
        <v>0</v>
      </c>
      <c r="U247">
        <v>0</v>
      </c>
      <c r="V247">
        <v>35</v>
      </c>
      <c r="W247">
        <v>12</v>
      </c>
      <c r="X247">
        <v>0</v>
      </c>
      <c r="Y247">
        <v>120</v>
      </c>
      <c r="Z247">
        <v>25</v>
      </c>
      <c r="AA247">
        <v>71</v>
      </c>
      <c r="AB247">
        <v>8</v>
      </c>
      <c r="AC247">
        <v>199</v>
      </c>
      <c r="AD247">
        <v>1</v>
      </c>
      <c r="AE247">
        <v>19</v>
      </c>
      <c r="AF247">
        <v>26998</v>
      </c>
      <c r="AG247">
        <v>579012</v>
      </c>
      <c r="AH247">
        <v>50000</v>
      </c>
      <c r="AI247">
        <v>365</v>
      </c>
      <c r="AJ247">
        <v>91</v>
      </c>
      <c r="AK247" t="s">
        <v>14</v>
      </c>
      <c r="AL247">
        <v>0</v>
      </c>
      <c r="AM247">
        <v>0</v>
      </c>
      <c r="AN247">
        <v>0</v>
      </c>
      <c r="AO247">
        <v>0</v>
      </c>
      <c r="AP247">
        <v>0</v>
      </c>
      <c r="AQ247">
        <v>0</v>
      </c>
      <c r="AR247">
        <v>0</v>
      </c>
      <c r="AS247">
        <v>0</v>
      </c>
      <c r="AT247">
        <v>0</v>
      </c>
      <c r="AU247">
        <v>0</v>
      </c>
      <c r="AV247">
        <v>0</v>
      </c>
      <c r="AW247">
        <v>0</v>
      </c>
      <c r="AX247">
        <v>-4450</v>
      </c>
      <c r="AY247">
        <v>43</v>
      </c>
      <c r="AZ247">
        <v>217</v>
      </c>
      <c r="BA247">
        <v>5695</v>
      </c>
    </row>
    <row r="248" spans="1:53" x14ac:dyDescent="0.4">
      <c r="A248">
        <v>292</v>
      </c>
      <c r="B248" s="1">
        <v>42904</v>
      </c>
      <c r="C248">
        <v>1</v>
      </c>
      <c r="D248" s="1">
        <v>42904.291666666664</v>
      </c>
      <c r="E248" s="1">
        <v>42904.40347222222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0</v>
      </c>
      <c r="O248">
        <v>0</v>
      </c>
      <c r="P248">
        <v>0</v>
      </c>
      <c r="Q248">
        <v>0</v>
      </c>
      <c r="R248">
        <v>0</v>
      </c>
      <c r="S248">
        <v>0</v>
      </c>
      <c r="T248">
        <v>0</v>
      </c>
      <c r="U248">
        <v>0</v>
      </c>
      <c r="V248">
        <v>0</v>
      </c>
      <c r="W248">
        <v>1</v>
      </c>
      <c r="X248">
        <v>0</v>
      </c>
      <c r="Y248">
        <v>25</v>
      </c>
      <c r="Z248">
        <v>25</v>
      </c>
      <c r="AA248">
        <v>65</v>
      </c>
      <c r="AB248">
        <v>3</v>
      </c>
      <c r="AC248">
        <v>84</v>
      </c>
      <c r="AD248">
        <v>1</v>
      </c>
      <c r="AE248">
        <v>5</v>
      </c>
      <c r="AF248">
        <v>0</v>
      </c>
      <c r="AG248">
        <v>50000</v>
      </c>
      <c r="AH248">
        <v>0</v>
      </c>
      <c r="AI248">
        <v>50000</v>
      </c>
      <c r="AJ248">
        <v>0</v>
      </c>
      <c r="AK248" t="s">
        <v>6</v>
      </c>
      <c r="AL248">
        <v>0</v>
      </c>
      <c r="AM248">
        <v>0</v>
      </c>
      <c r="AN248">
        <v>0</v>
      </c>
      <c r="AO248">
        <v>0</v>
      </c>
      <c r="AP248">
        <v>0</v>
      </c>
      <c r="AQ248">
        <v>0</v>
      </c>
      <c r="AR248">
        <v>0</v>
      </c>
      <c r="AS248">
        <v>0</v>
      </c>
      <c r="AT248">
        <v>0</v>
      </c>
      <c r="AU248">
        <v>0</v>
      </c>
      <c r="AV248">
        <v>0</v>
      </c>
      <c r="AW248">
        <v>0</v>
      </c>
      <c r="AX248">
        <v>0</v>
      </c>
      <c r="AY248">
        <v>0</v>
      </c>
      <c r="AZ248">
        <v>0</v>
      </c>
      <c r="BA248">
        <v>0</v>
      </c>
    </row>
    <row r="249" spans="1:53" x14ac:dyDescent="0.4">
      <c r="A249">
        <v>293</v>
      </c>
      <c r="B249" s="1">
        <v>42904</v>
      </c>
      <c r="C249">
        <v>2</v>
      </c>
      <c r="D249" s="1">
        <v>42904.40347222222</v>
      </c>
      <c r="E249" s="1">
        <v>42904.404166666667</v>
      </c>
      <c r="F249">
        <v>0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0</v>
      </c>
      <c r="O249">
        <v>0</v>
      </c>
      <c r="P249">
        <v>0</v>
      </c>
      <c r="Q249">
        <v>0</v>
      </c>
      <c r="R249">
        <v>0</v>
      </c>
      <c r="S249">
        <v>0</v>
      </c>
      <c r="T249">
        <v>0</v>
      </c>
      <c r="U249">
        <v>0</v>
      </c>
      <c r="V249">
        <v>0</v>
      </c>
      <c r="W249">
        <v>1</v>
      </c>
      <c r="X249">
        <v>0</v>
      </c>
      <c r="Y249">
        <v>25</v>
      </c>
      <c r="Z249">
        <v>25</v>
      </c>
      <c r="AA249">
        <v>65</v>
      </c>
      <c r="AB249">
        <v>3</v>
      </c>
      <c r="AC249">
        <v>84</v>
      </c>
      <c r="AD249">
        <v>1</v>
      </c>
      <c r="AE249">
        <v>5</v>
      </c>
      <c r="AF249">
        <v>0</v>
      </c>
      <c r="AG249">
        <v>50000</v>
      </c>
      <c r="AH249">
        <v>50000</v>
      </c>
      <c r="AI249">
        <v>0</v>
      </c>
      <c r="AJ249">
        <v>0</v>
      </c>
      <c r="AK249" t="s">
        <v>6</v>
      </c>
      <c r="AL249">
        <v>0</v>
      </c>
      <c r="AM249">
        <v>0</v>
      </c>
      <c r="AN249">
        <v>0</v>
      </c>
      <c r="AO249">
        <v>0</v>
      </c>
      <c r="AP249">
        <v>0</v>
      </c>
      <c r="AQ249">
        <v>0</v>
      </c>
      <c r="AR249">
        <v>0</v>
      </c>
      <c r="AS249">
        <v>0</v>
      </c>
      <c r="AT249">
        <v>0</v>
      </c>
      <c r="AU249">
        <v>0</v>
      </c>
      <c r="AV249">
        <v>0</v>
      </c>
      <c r="AW249">
        <v>0</v>
      </c>
      <c r="AX249">
        <v>0</v>
      </c>
      <c r="AY249">
        <v>0</v>
      </c>
      <c r="AZ249">
        <v>0</v>
      </c>
      <c r="BA249">
        <v>0</v>
      </c>
    </row>
    <row r="250" spans="1:53" x14ac:dyDescent="0.4">
      <c r="A250">
        <v>294</v>
      </c>
      <c r="B250" s="1">
        <v>42904</v>
      </c>
      <c r="C250">
        <v>3</v>
      </c>
      <c r="D250" s="1">
        <v>42904.404166666667</v>
      </c>
      <c r="E250" s="1">
        <v>42904.738888888889</v>
      </c>
      <c r="F250">
        <v>44500</v>
      </c>
      <c r="G250">
        <v>7400</v>
      </c>
      <c r="H250">
        <v>0</v>
      </c>
      <c r="I250">
        <v>0</v>
      </c>
      <c r="J250">
        <v>1500</v>
      </c>
      <c r="K250">
        <v>0</v>
      </c>
      <c r="L250">
        <v>0</v>
      </c>
      <c r="M250">
        <v>4030</v>
      </c>
      <c r="N250">
        <v>0</v>
      </c>
      <c r="O250">
        <v>0</v>
      </c>
      <c r="P250">
        <v>22140</v>
      </c>
      <c r="Q250">
        <v>0</v>
      </c>
      <c r="R250">
        <v>76570</v>
      </c>
      <c r="S250">
        <v>0</v>
      </c>
      <c r="T250">
        <v>0</v>
      </c>
      <c r="U250">
        <v>0</v>
      </c>
      <c r="V250">
        <v>1</v>
      </c>
      <c r="W250">
        <v>2</v>
      </c>
      <c r="X250">
        <v>0</v>
      </c>
      <c r="Y250">
        <v>68</v>
      </c>
      <c r="Z250">
        <v>41</v>
      </c>
      <c r="AA250">
        <v>119</v>
      </c>
      <c r="AB250">
        <v>10</v>
      </c>
      <c r="AC250">
        <v>151</v>
      </c>
      <c r="AD250">
        <v>3</v>
      </c>
      <c r="AE250">
        <v>8</v>
      </c>
      <c r="AF250">
        <v>4147</v>
      </c>
      <c r="AG250">
        <v>126580</v>
      </c>
      <c r="AH250">
        <v>50000</v>
      </c>
      <c r="AI250">
        <v>10</v>
      </c>
      <c r="AJ250">
        <v>91</v>
      </c>
      <c r="AK250" t="s">
        <v>14</v>
      </c>
      <c r="AL250">
        <v>0</v>
      </c>
      <c r="AM250">
        <v>0</v>
      </c>
      <c r="AN250">
        <v>0</v>
      </c>
      <c r="AO250">
        <v>0</v>
      </c>
      <c r="AP250">
        <v>0</v>
      </c>
      <c r="AQ250">
        <v>0</v>
      </c>
      <c r="AR250">
        <v>0</v>
      </c>
      <c r="AS250">
        <v>0</v>
      </c>
      <c r="AT250">
        <v>0</v>
      </c>
      <c r="AU250">
        <v>0</v>
      </c>
      <c r="AV250">
        <v>0</v>
      </c>
      <c r="AW250">
        <v>0</v>
      </c>
      <c r="AX250">
        <v>-1080</v>
      </c>
      <c r="AY250">
        <v>52</v>
      </c>
      <c r="AZ250">
        <v>110</v>
      </c>
      <c r="BA250">
        <v>7936</v>
      </c>
    </row>
    <row r="251" spans="1:53" x14ac:dyDescent="0.4">
      <c r="A251">
        <v>295</v>
      </c>
      <c r="B251" s="1">
        <v>42904</v>
      </c>
      <c r="C251">
        <v>4</v>
      </c>
      <c r="D251" s="1">
        <v>42904.738888888889</v>
      </c>
      <c r="E251" s="1">
        <v>42905.11041666667</v>
      </c>
      <c r="F251">
        <v>115920</v>
      </c>
      <c r="G251">
        <v>835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9941</v>
      </c>
      <c r="N251">
        <v>0</v>
      </c>
      <c r="O251">
        <v>0</v>
      </c>
      <c r="P251">
        <v>4050</v>
      </c>
      <c r="Q251">
        <v>0</v>
      </c>
      <c r="R251">
        <v>138261</v>
      </c>
      <c r="S251">
        <v>0</v>
      </c>
      <c r="T251">
        <v>0</v>
      </c>
      <c r="U251">
        <v>0</v>
      </c>
      <c r="V251">
        <v>13</v>
      </c>
      <c r="W251">
        <v>0</v>
      </c>
      <c r="X251">
        <v>0</v>
      </c>
      <c r="Y251">
        <v>90</v>
      </c>
      <c r="Z251">
        <v>44</v>
      </c>
      <c r="AA251">
        <v>110</v>
      </c>
      <c r="AB251">
        <v>16</v>
      </c>
      <c r="AC251">
        <v>171</v>
      </c>
      <c r="AD251">
        <v>0</v>
      </c>
      <c r="AE251">
        <v>0</v>
      </c>
      <c r="AF251">
        <v>9325</v>
      </c>
      <c r="AG251">
        <v>264835</v>
      </c>
      <c r="AH251">
        <v>50000</v>
      </c>
      <c r="AI251">
        <v>4</v>
      </c>
      <c r="AJ251">
        <v>92</v>
      </c>
      <c r="AK251" t="s">
        <v>22</v>
      </c>
      <c r="AL251">
        <v>0</v>
      </c>
      <c r="AM251">
        <v>0</v>
      </c>
      <c r="AN251">
        <v>0</v>
      </c>
      <c r="AO251">
        <v>0</v>
      </c>
      <c r="AP251">
        <v>0</v>
      </c>
      <c r="AQ251">
        <v>0</v>
      </c>
      <c r="AR251">
        <v>0</v>
      </c>
      <c r="AS251">
        <v>0</v>
      </c>
      <c r="AT251">
        <v>0</v>
      </c>
      <c r="AU251">
        <v>0</v>
      </c>
      <c r="AV251">
        <v>0</v>
      </c>
      <c r="AW251">
        <v>0</v>
      </c>
      <c r="AX251">
        <v>940</v>
      </c>
      <c r="AY251">
        <v>27</v>
      </c>
      <c r="AZ251">
        <v>86</v>
      </c>
      <c r="BA251">
        <v>5243</v>
      </c>
    </row>
    <row r="252" spans="1:53" x14ac:dyDescent="0.4">
      <c r="A252">
        <v>296</v>
      </c>
      <c r="B252" s="1">
        <v>42905</v>
      </c>
      <c r="C252">
        <v>1</v>
      </c>
      <c r="D252" s="1">
        <v>42905.291666666664</v>
      </c>
      <c r="E252" s="1">
        <v>42905.449305555558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0</v>
      </c>
      <c r="O252">
        <v>0</v>
      </c>
      <c r="P252">
        <v>0</v>
      </c>
      <c r="Q252">
        <v>0</v>
      </c>
      <c r="R252">
        <v>0</v>
      </c>
      <c r="S252">
        <v>0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30</v>
      </c>
      <c r="Z252">
        <v>14</v>
      </c>
      <c r="AA252">
        <v>108</v>
      </c>
      <c r="AB252">
        <v>15</v>
      </c>
      <c r="AC252">
        <v>144</v>
      </c>
      <c r="AD252">
        <v>1</v>
      </c>
      <c r="AE252">
        <v>5</v>
      </c>
      <c r="AF252">
        <v>0</v>
      </c>
      <c r="AG252">
        <v>50000</v>
      </c>
      <c r="AH252">
        <v>0</v>
      </c>
      <c r="AI252">
        <v>50000</v>
      </c>
      <c r="AJ252">
        <v>0</v>
      </c>
      <c r="AK252" t="s">
        <v>6</v>
      </c>
      <c r="AL252">
        <v>0</v>
      </c>
      <c r="AM252">
        <v>0</v>
      </c>
      <c r="AN252">
        <v>0</v>
      </c>
      <c r="AO252">
        <v>0</v>
      </c>
      <c r="AP252">
        <v>0</v>
      </c>
      <c r="AQ252">
        <v>0</v>
      </c>
      <c r="AR252">
        <v>0</v>
      </c>
      <c r="AS252">
        <v>0</v>
      </c>
      <c r="AT252">
        <v>0</v>
      </c>
      <c r="AU252">
        <v>0</v>
      </c>
      <c r="AV252">
        <v>0</v>
      </c>
      <c r="AW252">
        <v>0</v>
      </c>
      <c r="AX252">
        <v>0</v>
      </c>
      <c r="AY252">
        <v>0</v>
      </c>
      <c r="AZ252">
        <v>0</v>
      </c>
      <c r="BA252">
        <v>0</v>
      </c>
    </row>
    <row r="253" spans="1:53" x14ac:dyDescent="0.4">
      <c r="A253">
        <v>297</v>
      </c>
      <c r="B253" s="1">
        <v>42905</v>
      </c>
      <c r="C253">
        <v>2</v>
      </c>
      <c r="D253" s="1">
        <v>42905.449305555558</v>
      </c>
      <c r="E253" s="1">
        <v>42905.765972222223</v>
      </c>
      <c r="F253">
        <v>20000</v>
      </c>
      <c r="G253">
        <v>279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1823</v>
      </c>
      <c r="N253">
        <v>0</v>
      </c>
      <c r="O253">
        <v>0</v>
      </c>
      <c r="P253">
        <v>15336</v>
      </c>
      <c r="Q253">
        <v>0</v>
      </c>
      <c r="R253">
        <v>39949</v>
      </c>
      <c r="S253">
        <v>0</v>
      </c>
      <c r="T253">
        <v>0</v>
      </c>
      <c r="U253">
        <v>0</v>
      </c>
      <c r="V253">
        <v>0</v>
      </c>
      <c r="W253">
        <v>2</v>
      </c>
      <c r="X253">
        <v>0</v>
      </c>
      <c r="Y253">
        <v>49</v>
      </c>
      <c r="Z253">
        <v>27</v>
      </c>
      <c r="AA253">
        <v>93</v>
      </c>
      <c r="AB253">
        <v>15</v>
      </c>
      <c r="AC253">
        <v>210</v>
      </c>
      <c r="AD253">
        <v>9</v>
      </c>
      <c r="AE253">
        <v>4</v>
      </c>
      <c r="AF253">
        <v>5250</v>
      </c>
      <c r="AG253">
        <v>89949</v>
      </c>
      <c r="AH253">
        <v>50000</v>
      </c>
      <c r="AI253">
        <v>0</v>
      </c>
      <c r="AJ253">
        <v>106</v>
      </c>
      <c r="AL253">
        <v>0</v>
      </c>
      <c r="AM253">
        <v>0</v>
      </c>
      <c r="AN253">
        <v>0</v>
      </c>
      <c r="AO253">
        <v>0</v>
      </c>
      <c r="AP253">
        <v>0</v>
      </c>
      <c r="AQ253">
        <v>0</v>
      </c>
      <c r="AR253">
        <v>0</v>
      </c>
      <c r="AS253">
        <v>0</v>
      </c>
      <c r="AT253">
        <v>0</v>
      </c>
      <c r="AU253">
        <v>0</v>
      </c>
      <c r="AV253">
        <v>0</v>
      </c>
      <c r="AW253">
        <v>0</v>
      </c>
      <c r="AX253">
        <v>0</v>
      </c>
      <c r="AY253">
        <v>35</v>
      </c>
      <c r="AZ253">
        <v>67</v>
      </c>
      <c r="BA253">
        <v>4180</v>
      </c>
    </row>
    <row r="254" spans="1:53" x14ac:dyDescent="0.4">
      <c r="A254">
        <v>298</v>
      </c>
      <c r="B254" s="1">
        <v>42905</v>
      </c>
      <c r="C254">
        <v>3</v>
      </c>
      <c r="D254" s="1">
        <v>42905.765972222223</v>
      </c>
      <c r="E254" s="1">
        <v>42905.961111111108</v>
      </c>
      <c r="F254">
        <v>49340</v>
      </c>
      <c r="G254">
        <v>96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4024</v>
      </c>
      <c r="N254">
        <v>0</v>
      </c>
      <c r="O254">
        <v>0</v>
      </c>
      <c r="P254">
        <v>-10152</v>
      </c>
      <c r="Q254">
        <v>0</v>
      </c>
      <c r="R254">
        <v>44172</v>
      </c>
      <c r="S254">
        <v>0</v>
      </c>
      <c r="T254">
        <v>0</v>
      </c>
      <c r="U254">
        <v>0</v>
      </c>
      <c r="V254">
        <v>1</v>
      </c>
      <c r="W254">
        <v>6</v>
      </c>
      <c r="X254">
        <v>0</v>
      </c>
      <c r="Y254">
        <v>60</v>
      </c>
      <c r="Z254">
        <v>28</v>
      </c>
      <c r="AA254">
        <v>91</v>
      </c>
      <c r="AB254">
        <v>17</v>
      </c>
      <c r="AC254">
        <v>196</v>
      </c>
      <c r="AD254">
        <v>10</v>
      </c>
      <c r="AE254">
        <v>13</v>
      </c>
      <c r="AF254">
        <v>8148</v>
      </c>
      <c r="AG254">
        <v>134121</v>
      </c>
      <c r="AH254">
        <v>50000</v>
      </c>
      <c r="AI254">
        <v>0</v>
      </c>
      <c r="AJ254">
        <v>1</v>
      </c>
      <c r="AK254" t="s">
        <v>3</v>
      </c>
      <c r="AL254">
        <v>0</v>
      </c>
      <c r="AM254">
        <v>0</v>
      </c>
      <c r="AN254">
        <v>0</v>
      </c>
      <c r="AO254">
        <v>0</v>
      </c>
      <c r="AP254">
        <v>0</v>
      </c>
      <c r="AQ254">
        <v>0</v>
      </c>
      <c r="AR254">
        <v>0</v>
      </c>
      <c r="AS254">
        <v>0</v>
      </c>
      <c r="AT254">
        <v>0</v>
      </c>
      <c r="AU254">
        <v>0</v>
      </c>
      <c r="AV254">
        <v>0</v>
      </c>
      <c r="AW254">
        <v>0</v>
      </c>
      <c r="AX254">
        <v>7603</v>
      </c>
      <c r="AY254">
        <v>11</v>
      </c>
      <c r="AZ254">
        <v>36</v>
      </c>
      <c r="BA254">
        <v>2416</v>
      </c>
    </row>
    <row r="255" spans="1:53" x14ac:dyDescent="0.4">
      <c r="A255">
        <v>299</v>
      </c>
      <c r="B255" s="1">
        <v>42905</v>
      </c>
      <c r="C255">
        <v>4</v>
      </c>
      <c r="D255" s="1">
        <v>42905.961111111108</v>
      </c>
      <c r="E255" s="1">
        <v>42906.087500000001</v>
      </c>
      <c r="F255">
        <v>9440</v>
      </c>
      <c r="G255">
        <v>0</v>
      </c>
      <c r="H255">
        <v>0</v>
      </c>
      <c r="I255">
        <v>0</v>
      </c>
      <c r="J255">
        <v>0</v>
      </c>
      <c r="K255">
        <v>0</v>
      </c>
      <c r="L255">
        <v>0</v>
      </c>
      <c r="M255">
        <v>755</v>
      </c>
      <c r="N255">
        <v>0</v>
      </c>
      <c r="O255">
        <v>0</v>
      </c>
      <c r="P255">
        <v>-1404</v>
      </c>
      <c r="Q255">
        <v>0</v>
      </c>
      <c r="R255">
        <v>8791</v>
      </c>
      <c r="S255">
        <v>0</v>
      </c>
      <c r="T255">
        <v>0</v>
      </c>
      <c r="U255">
        <v>0</v>
      </c>
      <c r="V255">
        <v>2</v>
      </c>
      <c r="W255">
        <v>6</v>
      </c>
      <c r="X255">
        <v>0</v>
      </c>
      <c r="Y255">
        <v>58</v>
      </c>
      <c r="Z255">
        <v>29</v>
      </c>
      <c r="AA255">
        <v>94</v>
      </c>
      <c r="AB255">
        <v>17</v>
      </c>
      <c r="AC255">
        <v>195</v>
      </c>
      <c r="AD255">
        <v>10</v>
      </c>
      <c r="AE255">
        <v>14</v>
      </c>
      <c r="AF255">
        <v>8148</v>
      </c>
      <c r="AG255">
        <v>142912</v>
      </c>
      <c r="AH255">
        <v>50000</v>
      </c>
      <c r="AI255">
        <v>0</v>
      </c>
      <c r="AJ255">
        <v>104</v>
      </c>
      <c r="AK255" t="s">
        <v>10</v>
      </c>
      <c r="AL255">
        <v>0</v>
      </c>
      <c r="AM255">
        <v>0</v>
      </c>
      <c r="AN255">
        <v>0</v>
      </c>
      <c r="AO255">
        <v>0</v>
      </c>
      <c r="AP255">
        <v>0</v>
      </c>
      <c r="AQ255">
        <v>0</v>
      </c>
      <c r="AR255">
        <v>0</v>
      </c>
      <c r="AS255">
        <v>0</v>
      </c>
      <c r="AT255">
        <v>0</v>
      </c>
      <c r="AU255">
        <v>0</v>
      </c>
      <c r="AV255">
        <v>0</v>
      </c>
      <c r="AW255">
        <v>0</v>
      </c>
      <c r="AX255">
        <v>648</v>
      </c>
      <c r="AY255">
        <v>1</v>
      </c>
      <c r="AZ255">
        <v>1</v>
      </c>
      <c r="BA255">
        <v>425</v>
      </c>
    </row>
    <row r="256" spans="1:53" x14ac:dyDescent="0.4">
      <c r="A256">
        <v>300</v>
      </c>
      <c r="B256" s="1">
        <v>42906</v>
      </c>
      <c r="C256">
        <v>1</v>
      </c>
      <c r="D256" s="1">
        <v>42906.291666666664</v>
      </c>
      <c r="E256" s="1">
        <v>42906.44027777778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0</v>
      </c>
      <c r="O256">
        <v>0</v>
      </c>
      <c r="P256">
        <v>0</v>
      </c>
      <c r="Q256">
        <v>0</v>
      </c>
      <c r="R256">
        <v>0</v>
      </c>
      <c r="S256">
        <v>0</v>
      </c>
      <c r="T256">
        <v>0</v>
      </c>
      <c r="U256">
        <v>0</v>
      </c>
      <c r="V256">
        <v>0</v>
      </c>
      <c r="W256">
        <v>1</v>
      </c>
      <c r="X256">
        <v>0</v>
      </c>
      <c r="Y256">
        <v>25</v>
      </c>
      <c r="Z256">
        <v>16</v>
      </c>
      <c r="AA256">
        <v>92</v>
      </c>
      <c r="AB256">
        <v>16</v>
      </c>
      <c r="AC256">
        <v>193</v>
      </c>
      <c r="AD256">
        <v>11</v>
      </c>
      <c r="AE256">
        <v>15</v>
      </c>
      <c r="AF256">
        <v>0</v>
      </c>
      <c r="AG256">
        <v>50000</v>
      </c>
      <c r="AH256">
        <v>50000</v>
      </c>
      <c r="AI256">
        <v>0</v>
      </c>
      <c r="AJ256">
        <v>0</v>
      </c>
      <c r="AK256" t="s">
        <v>6</v>
      </c>
      <c r="AL256">
        <v>0</v>
      </c>
      <c r="AM256">
        <v>0</v>
      </c>
      <c r="AN256">
        <v>0</v>
      </c>
      <c r="AO256">
        <v>0</v>
      </c>
      <c r="AP256">
        <v>0</v>
      </c>
      <c r="AQ256">
        <v>0</v>
      </c>
      <c r="AR256">
        <v>0</v>
      </c>
      <c r="AS256">
        <v>0</v>
      </c>
      <c r="AT256">
        <v>0</v>
      </c>
      <c r="AU256">
        <v>0</v>
      </c>
      <c r="AV256">
        <v>0</v>
      </c>
      <c r="AW256">
        <v>0</v>
      </c>
      <c r="AX256">
        <v>0</v>
      </c>
      <c r="AY256">
        <v>0</v>
      </c>
      <c r="AZ256">
        <v>0</v>
      </c>
      <c r="BA256">
        <v>0</v>
      </c>
    </row>
    <row r="257" spans="1:53" x14ac:dyDescent="0.4">
      <c r="A257">
        <v>301</v>
      </c>
      <c r="B257" s="1">
        <v>42906</v>
      </c>
      <c r="C257">
        <v>2</v>
      </c>
      <c r="D257" s="1">
        <v>42906.44027777778</v>
      </c>
      <c r="E257" s="1">
        <v>42906.762499999997</v>
      </c>
      <c r="F257">
        <v>14500</v>
      </c>
      <c r="G257">
        <v>40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1192</v>
      </c>
      <c r="N257">
        <v>0</v>
      </c>
      <c r="O257">
        <v>0</v>
      </c>
      <c r="P257">
        <v>17280</v>
      </c>
      <c r="Q257">
        <v>0</v>
      </c>
      <c r="R257">
        <v>33372</v>
      </c>
      <c r="S257">
        <v>0</v>
      </c>
      <c r="T257">
        <v>0</v>
      </c>
      <c r="U257">
        <v>0</v>
      </c>
      <c r="V257">
        <v>1</v>
      </c>
      <c r="W257">
        <v>1</v>
      </c>
      <c r="X257">
        <v>0</v>
      </c>
      <c r="Y257">
        <v>45</v>
      </c>
      <c r="Z257">
        <v>21</v>
      </c>
      <c r="AA257">
        <v>95</v>
      </c>
      <c r="AB257">
        <v>10</v>
      </c>
      <c r="AC257">
        <v>224</v>
      </c>
      <c r="AD257">
        <v>14</v>
      </c>
      <c r="AE257">
        <v>22</v>
      </c>
      <c r="AF257">
        <v>540</v>
      </c>
      <c r="AG257">
        <v>83372</v>
      </c>
      <c r="AH257">
        <v>50000</v>
      </c>
      <c r="AI257">
        <v>0</v>
      </c>
      <c r="AJ257">
        <v>100</v>
      </c>
      <c r="AK257" t="s">
        <v>0</v>
      </c>
      <c r="AL257">
        <v>0</v>
      </c>
      <c r="AM257">
        <v>0</v>
      </c>
      <c r="AN257">
        <v>0</v>
      </c>
      <c r="AO257">
        <v>0</v>
      </c>
      <c r="AP257">
        <v>0</v>
      </c>
      <c r="AQ257">
        <v>0</v>
      </c>
      <c r="AR257">
        <v>0</v>
      </c>
      <c r="AS257">
        <v>0</v>
      </c>
      <c r="AT257">
        <v>0</v>
      </c>
      <c r="AU257">
        <v>0</v>
      </c>
      <c r="AV257">
        <v>0</v>
      </c>
      <c r="AW257">
        <v>0</v>
      </c>
      <c r="AX257">
        <v>3024</v>
      </c>
      <c r="AY257">
        <v>37</v>
      </c>
      <c r="AZ257">
        <v>60</v>
      </c>
      <c r="BA257">
        <v>4884</v>
      </c>
    </row>
    <row r="258" spans="1:53" x14ac:dyDescent="0.4">
      <c r="A258">
        <v>302</v>
      </c>
      <c r="B258" s="1">
        <v>42906</v>
      </c>
      <c r="C258">
        <v>3</v>
      </c>
      <c r="D258" s="1">
        <v>42906.762499999997</v>
      </c>
      <c r="E258" s="1">
        <v>42906.959027777775</v>
      </c>
      <c r="F258">
        <v>33450</v>
      </c>
      <c r="G258">
        <v>5010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3076</v>
      </c>
      <c r="N258">
        <v>0</v>
      </c>
      <c r="O258">
        <v>0</v>
      </c>
      <c r="P258">
        <v>-9504</v>
      </c>
      <c r="Q258">
        <v>0</v>
      </c>
      <c r="R258">
        <v>32032</v>
      </c>
      <c r="S258">
        <v>0</v>
      </c>
      <c r="T258">
        <v>0</v>
      </c>
      <c r="U258">
        <v>0</v>
      </c>
      <c r="V258">
        <v>2</v>
      </c>
      <c r="W258">
        <v>2</v>
      </c>
      <c r="X258">
        <v>0</v>
      </c>
      <c r="Y258">
        <v>56</v>
      </c>
      <c r="Z258">
        <v>21</v>
      </c>
      <c r="AA258">
        <v>81</v>
      </c>
      <c r="AB258">
        <v>9</v>
      </c>
      <c r="AC258">
        <v>224</v>
      </c>
      <c r="AD258">
        <v>13</v>
      </c>
      <c r="AE258">
        <v>27</v>
      </c>
      <c r="AF258">
        <v>8022</v>
      </c>
      <c r="AG258">
        <v>115404</v>
      </c>
      <c r="AH258">
        <v>50000</v>
      </c>
      <c r="AI258">
        <v>0</v>
      </c>
      <c r="AJ258">
        <v>93</v>
      </c>
      <c r="AK258" t="s">
        <v>20</v>
      </c>
      <c r="AL258">
        <v>0</v>
      </c>
      <c r="AM258">
        <v>0</v>
      </c>
      <c r="AN258">
        <v>0</v>
      </c>
      <c r="AO258">
        <v>0</v>
      </c>
      <c r="AP258">
        <v>0</v>
      </c>
      <c r="AQ258">
        <v>0</v>
      </c>
      <c r="AR258">
        <v>0</v>
      </c>
      <c r="AS258">
        <v>0</v>
      </c>
      <c r="AT258">
        <v>0</v>
      </c>
      <c r="AU258">
        <v>0</v>
      </c>
      <c r="AV258">
        <v>0</v>
      </c>
      <c r="AW258">
        <v>0</v>
      </c>
      <c r="AX258">
        <v>-1123</v>
      </c>
      <c r="AY258">
        <v>13</v>
      </c>
      <c r="AZ258">
        <v>30</v>
      </c>
      <c r="BA258">
        <v>2518</v>
      </c>
    </row>
    <row r="259" spans="1:53" x14ac:dyDescent="0.4">
      <c r="A259">
        <v>303</v>
      </c>
      <c r="B259" s="1">
        <v>42907</v>
      </c>
      <c r="C259">
        <v>1</v>
      </c>
      <c r="D259" s="1">
        <v>42907.291666666664</v>
      </c>
      <c r="E259" s="1">
        <v>42907.451388888891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0</v>
      </c>
      <c r="O259">
        <v>0</v>
      </c>
      <c r="P259">
        <v>0</v>
      </c>
      <c r="Q259">
        <v>0</v>
      </c>
      <c r="R259">
        <v>0</v>
      </c>
      <c r="S259">
        <v>0</v>
      </c>
      <c r="T259">
        <v>0</v>
      </c>
      <c r="U259">
        <v>0</v>
      </c>
      <c r="V259">
        <v>0</v>
      </c>
      <c r="W259">
        <v>0</v>
      </c>
      <c r="X259">
        <v>0</v>
      </c>
      <c r="Y259">
        <v>30</v>
      </c>
      <c r="Z259">
        <v>20</v>
      </c>
      <c r="AA259">
        <v>85</v>
      </c>
      <c r="AB259">
        <v>7</v>
      </c>
      <c r="AC259">
        <v>107</v>
      </c>
      <c r="AD259">
        <v>10</v>
      </c>
      <c r="AE259">
        <v>30</v>
      </c>
      <c r="AF259">
        <v>0</v>
      </c>
      <c r="AG259">
        <v>50000</v>
      </c>
      <c r="AH259">
        <v>0</v>
      </c>
      <c r="AI259">
        <v>50000</v>
      </c>
      <c r="AJ259">
        <v>0</v>
      </c>
      <c r="AK259" t="s">
        <v>6</v>
      </c>
      <c r="AL259">
        <v>0</v>
      </c>
      <c r="AM259">
        <v>0</v>
      </c>
      <c r="AN259">
        <v>0</v>
      </c>
      <c r="AO259">
        <v>0</v>
      </c>
      <c r="AP259">
        <v>0</v>
      </c>
      <c r="AQ259">
        <v>0</v>
      </c>
      <c r="AR259">
        <v>0</v>
      </c>
      <c r="AS259">
        <v>0</v>
      </c>
      <c r="AT259">
        <v>0</v>
      </c>
      <c r="AU259">
        <v>0</v>
      </c>
      <c r="AV259">
        <v>0</v>
      </c>
      <c r="AW259">
        <v>0</v>
      </c>
      <c r="AX259">
        <v>0</v>
      </c>
      <c r="AY259">
        <v>0</v>
      </c>
      <c r="AZ259">
        <v>0</v>
      </c>
      <c r="BA259">
        <v>0</v>
      </c>
    </row>
    <row r="260" spans="1:53" x14ac:dyDescent="0.4">
      <c r="A260">
        <v>304</v>
      </c>
      <c r="B260" s="1">
        <v>42907</v>
      </c>
      <c r="C260">
        <v>2</v>
      </c>
      <c r="D260" s="1">
        <v>42907.451388888891</v>
      </c>
      <c r="E260" s="1">
        <v>42907.738194444442</v>
      </c>
      <c r="F260">
        <v>10500</v>
      </c>
      <c r="G260">
        <v>253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1042</v>
      </c>
      <c r="N260">
        <v>0</v>
      </c>
      <c r="O260">
        <v>0</v>
      </c>
      <c r="P260">
        <v>10260</v>
      </c>
      <c r="Q260">
        <v>0</v>
      </c>
      <c r="R260">
        <v>24332</v>
      </c>
      <c r="S260">
        <v>0</v>
      </c>
      <c r="T260">
        <v>0</v>
      </c>
      <c r="U260">
        <v>0</v>
      </c>
      <c r="V260">
        <v>1</v>
      </c>
      <c r="W260">
        <v>3</v>
      </c>
      <c r="X260">
        <v>0</v>
      </c>
      <c r="Y260">
        <v>28</v>
      </c>
      <c r="Z260">
        <v>22</v>
      </c>
      <c r="AA260">
        <v>89</v>
      </c>
      <c r="AB260">
        <v>4</v>
      </c>
      <c r="AC260">
        <v>170</v>
      </c>
      <c r="AD260">
        <v>9</v>
      </c>
      <c r="AE260">
        <v>27</v>
      </c>
      <c r="AF260">
        <v>0</v>
      </c>
      <c r="AG260">
        <v>74872</v>
      </c>
      <c r="AH260">
        <v>50000</v>
      </c>
      <c r="AI260">
        <v>540</v>
      </c>
      <c r="AJ260">
        <v>96</v>
      </c>
      <c r="AK260" t="s">
        <v>4</v>
      </c>
      <c r="AL260">
        <v>0</v>
      </c>
      <c r="AM260">
        <v>0</v>
      </c>
      <c r="AN260">
        <v>0</v>
      </c>
      <c r="AO260">
        <v>0</v>
      </c>
      <c r="AP260">
        <v>0</v>
      </c>
      <c r="AQ260">
        <v>0</v>
      </c>
      <c r="AR260">
        <v>0</v>
      </c>
      <c r="AS260">
        <v>0</v>
      </c>
      <c r="AT260">
        <v>0</v>
      </c>
      <c r="AU260">
        <v>0</v>
      </c>
      <c r="AV260">
        <v>0</v>
      </c>
      <c r="AW260">
        <v>0</v>
      </c>
      <c r="AX260">
        <v>302</v>
      </c>
      <c r="AY260">
        <v>24</v>
      </c>
      <c r="AZ260">
        <v>40</v>
      </c>
      <c r="BA260">
        <v>3045</v>
      </c>
    </row>
    <row r="261" spans="1:53" x14ac:dyDescent="0.4">
      <c r="A261">
        <v>305</v>
      </c>
      <c r="B261" s="1">
        <v>42907</v>
      </c>
      <c r="C261">
        <v>3</v>
      </c>
      <c r="D261" s="1">
        <v>42907.738194444442</v>
      </c>
      <c r="E261" s="1">
        <v>42907.963888888888</v>
      </c>
      <c r="F261">
        <v>57400</v>
      </c>
      <c r="G261">
        <v>463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4962</v>
      </c>
      <c r="N261">
        <v>0</v>
      </c>
      <c r="O261">
        <v>0</v>
      </c>
      <c r="P261">
        <v>-8964</v>
      </c>
      <c r="Q261">
        <v>0</v>
      </c>
      <c r="R261">
        <v>58028</v>
      </c>
      <c r="S261">
        <v>0</v>
      </c>
      <c r="T261">
        <v>0</v>
      </c>
      <c r="U261">
        <v>0</v>
      </c>
      <c r="V261">
        <v>5</v>
      </c>
      <c r="W261">
        <v>1</v>
      </c>
      <c r="X261">
        <v>0</v>
      </c>
      <c r="Y261">
        <v>35</v>
      </c>
      <c r="Z261">
        <v>22</v>
      </c>
      <c r="AA261">
        <v>103</v>
      </c>
      <c r="AB261">
        <v>4</v>
      </c>
      <c r="AC261">
        <v>179</v>
      </c>
      <c r="AD261">
        <v>10</v>
      </c>
      <c r="AE261">
        <v>12</v>
      </c>
      <c r="AF261">
        <v>19008</v>
      </c>
      <c r="AG261">
        <v>132360</v>
      </c>
      <c r="AH261">
        <v>50000</v>
      </c>
      <c r="AI261">
        <v>0</v>
      </c>
      <c r="AJ261">
        <v>89</v>
      </c>
      <c r="AK261" t="s">
        <v>12</v>
      </c>
      <c r="AL261">
        <v>0</v>
      </c>
      <c r="AM261">
        <v>0</v>
      </c>
      <c r="AN261">
        <v>0</v>
      </c>
      <c r="AO261">
        <v>0</v>
      </c>
      <c r="AP261">
        <v>0</v>
      </c>
      <c r="AQ261">
        <v>0</v>
      </c>
      <c r="AR261">
        <v>0</v>
      </c>
      <c r="AS261">
        <v>0</v>
      </c>
      <c r="AT261">
        <v>0</v>
      </c>
      <c r="AU261">
        <v>0</v>
      </c>
      <c r="AV261">
        <v>0</v>
      </c>
      <c r="AW261">
        <v>0</v>
      </c>
      <c r="AX261">
        <v>48060</v>
      </c>
      <c r="AY261">
        <v>12</v>
      </c>
      <c r="AZ261">
        <v>47</v>
      </c>
      <c r="BA261">
        <v>2657</v>
      </c>
    </row>
    <row r="262" spans="1:53" x14ac:dyDescent="0.4">
      <c r="A262">
        <v>306</v>
      </c>
      <c r="B262" s="1">
        <v>42908</v>
      </c>
      <c r="C262">
        <v>1</v>
      </c>
      <c r="D262" s="1">
        <v>42908.291666666664</v>
      </c>
      <c r="E262" s="1">
        <v>42908.448611111111</v>
      </c>
      <c r="F262">
        <v>0</v>
      </c>
      <c r="G262">
        <v>0</v>
      </c>
      <c r="H262">
        <v>0</v>
      </c>
      <c r="I262">
        <v>0</v>
      </c>
      <c r="J262">
        <v>0</v>
      </c>
      <c r="K262">
        <v>0</v>
      </c>
      <c r="L262">
        <v>0</v>
      </c>
      <c r="M262">
        <v>0</v>
      </c>
      <c r="N262">
        <v>0</v>
      </c>
      <c r="O262">
        <v>0</v>
      </c>
      <c r="P262">
        <v>0</v>
      </c>
      <c r="Q262">
        <v>0</v>
      </c>
      <c r="R262">
        <v>0</v>
      </c>
      <c r="S262">
        <v>0</v>
      </c>
      <c r="T262">
        <v>0</v>
      </c>
      <c r="U262">
        <v>0</v>
      </c>
      <c r="V262">
        <v>0</v>
      </c>
      <c r="W262">
        <v>1</v>
      </c>
      <c r="X262">
        <v>0</v>
      </c>
      <c r="Y262">
        <v>25</v>
      </c>
      <c r="Z262">
        <v>15</v>
      </c>
      <c r="AA262">
        <v>108</v>
      </c>
      <c r="AB262">
        <v>5</v>
      </c>
      <c r="AC262">
        <v>137</v>
      </c>
      <c r="AD262">
        <v>11</v>
      </c>
      <c r="AE262">
        <v>25</v>
      </c>
      <c r="AF262">
        <v>0</v>
      </c>
      <c r="AG262">
        <v>50000</v>
      </c>
      <c r="AH262">
        <v>0</v>
      </c>
      <c r="AI262">
        <v>50000</v>
      </c>
      <c r="AJ262">
        <v>0</v>
      </c>
      <c r="AK262" t="s">
        <v>6</v>
      </c>
      <c r="AL262">
        <v>0</v>
      </c>
      <c r="AM262">
        <v>0</v>
      </c>
      <c r="AN262">
        <v>0</v>
      </c>
      <c r="AO262">
        <v>0</v>
      </c>
      <c r="AP262">
        <v>0</v>
      </c>
      <c r="AQ262">
        <v>0</v>
      </c>
      <c r="AR262">
        <v>0</v>
      </c>
      <c r="AS262">
        <v>0</v>
      </c>
      <c r="AT262">
        <v>0</v>
      </c>
      <c r="AU262">
        <v>0</v>
      </c>
      <c r="AV262">
        <v>0</v>
      </c>
      <c r="AW262">
        <v>0</v>
      </c>
      <c r="AX262">
        <v>0</v>
      </c>
      <c r="AY262">
        <v>0</v>
      </c>
      <c r="AZ262">
        <v>0</v>
      </c>
      <c r="BA262">
        <v>0</v>
      </c>
    </row>
    <row r="263" spans="1:53" x14ac:dyDescent="0.4">
      <c r="A263">
        <v>307</v>
      </c>
      <c r="B263" s="1">
        <v>42908</v>
      </c>
      <c r="C263">
        <v>2</v>
      </c>
      <c r="D263" s="1">
        <v>42908.448611111111</v>
      </c>
      <c r="E263" s="1">
        <v>42908.748611111114</v>
      </c>
      <c r="F263">
        <v>20500</v>
      </c>
      <c r="G263">
        <v>1360</v>
      </c>
      <c r="H263">
        <v>0</v>
      </c>
      <c r="I263">
        <v>0</v>
      </c>
      <c r="J263">
        <v>0</v>
      </c>
      <c r="K263">
        <v>0</v>
      </c>
      <c r="L263">
        <v>0</v>
      </c>
      <c r="M263">
        <v>1749</v>
      </c>
      <c r="N263">
        <v>0</v>
      </c>
      <c r="O263">
        <v>0</v>
      </c>
      <c r="P263">
        <v>19980</v>
      </c>
      <c r="Q263">
        <v>0</v>
      </c>
      <c r="R263">
        <v>43589</v>
      </c>
      <c r="S263">
        <v>0</v>
      </c>
      <c r="T263">
        <v>0</v>
      </c>
      <c r="U263">
        <v>0</v>
      </c>
      <c r="V263">
        <v>1</v>
      </c>
      <c r="W263">
        <v>1</v>
      </c>
      <c r="X263">
        <v>0</v>
      </c>
      <c r="Y263">
        <v>43</v>
      </c>
      <c r="Z263">
        <v>35</v>
      </c>
      <c r="AA263">
        <v>135</v>
      </c>
      <c r="AB263">
        <v>6</v>
      </c>
      <c r="AC263">
        <v>205</v>
      </c>
      <c r="AD263">
        <v>12</v>
      </c>
      <c r="AE263">
        <v>19</v>
      </c>
      <c r="AF263">
        <v>2160</v>
      </c>
      <c r="AG263">
        <v>93589</v>
      </c>
      <c r="AH263">
        <v>50000</v>
      </c>
      <c r="AI263">
        <v>0</v>
      </c>
      <c r="AJ263">
        <v>102</v>
      </c>
      <c r="AK263" t="s">
        <v>8</v>
      </c>
      <c r="AL263">
        <v>0</v>
      </c>
      <c r="AM263">
        <v>0</v>
      </c>
      <c r="AN263">
        <v>0</v>
      </c>
      <c r="AO263">
        <v>0</v>
      </c>
      <c r="AP263">
        <v>0</v>
      </c>
      <c r="AQ263">
        <v>0</v>
      </c>
      <c r="AR263">
        <v>0</v>
      </c>
      <c r="AS263">
        <v>0</v>
      </c>
      <c r="AT263">
        <v>0</v>
      </c>
      <c r="AU263">
        <v>0</v>
      </c>
      <c r="AV263">
        <v>0</v>
      </c>
      <c r="AW263">
        <v>0</v>
      </c>
      <c r="AX263">
        <v>173</v>
      </c>
      <c r="AY263">
        <v>34</v>
      </c>
      <c r="AZ263">
        <v>77</v>
      </c>
      <c r="BA263">
        <v>4508</v>
      </c>
    </row>
    <row r="264" spans="1:53" x14ac:dyDescent="0.4">
      <c r="A264">
        <v>308</v>
      </c>
      <c r="B264" s="1">
        <v>42908</v>
      </c>
      <c r="C264">
        <v>3</v>
      </c>
      <c r="D264" s="1">
        <v>42908.748611111114</v>
      </c>
      <c r="E264" s="1">
        <v>42908.935416666667</v>
      </c>
      <c r="F264">
        <v>23770</v>
      </c>
      <c r="G264">
        <v>398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2220</v>
      </c>
      <c r="N264">
        <v>0</v>
      </c>
      <c r="O264">
        <v>0</v>
      </c>
      <c r="P264">
        <v>-13500</v>
      </c>
      <c r="Q264">
        <v>0</v>
      </c>
      <c r="R264">
        <v>16470</v>
      </c>
      <c r="S264">
        <v>0</v>
      </c>
      <c r="T264">
        <v>0</v>
      </c>
      <c r="U264">
        <v>0</v>
      </c>
      <c r="V264">
        <v>1</v>
      </c>
      <c r="W264">
        <v>1</v>
      </c>
      <c r="X264">
        <v>0</v>
      </c>
      <c r="Y264">
        <v>56</v>
      </c>
      <c r="Z264">
        <v>35</v>
      </c>
      <c r="AA264">
        <v>132</v>
      </c>
      <c r="AB264">
        <v>4</v>
      </c>
      <c r="AC264">
        <v>203</v>
      </c>
      <c r="AD264">
        <v>12</v>
      </c>
      <c r="AE264">
        <v>21</v>
      </c>
      <c r="AF264">
        <v>6048</v>
      </c>
      <c r="AG264">
        <v>110059</v>
      </c>
      <c r="AH264">
        <v>50000</v>
      </c>
      <c r="AI264">
        <v>0</v>
      </c>
      <c r="AJ264">
        <v>94</v>
      </c>
      <c r="AK264" t="s">
        <v>21</v>
      </c>
      <c r="AL264">
        <v>0</v>
      </c>
      <c r="AM264">
        <v>0</v>
      </c>
      <c r="AN264">
        <v>0</v>
      </c>
      <c r="AO264">
        <v>0</v>
      </c>
      <c r="AP264">
        <v>0</v>
      </c>
      <c r="AQ264">
        <v>0</v>
      </c>
      <c r="AR264">
        <v>0</v>
      </c>
      <c r="AS264">
        <v>0</v>
      </c>
      <c r="AT264">
        <v>0</v>
      </c>
      <c r="AU264">
        <v>0</v>
      </c>
      <c r="AV264">
        <v>0</v>
      </c>
      <c r="AW264">
        <v>0</v>
      </c>
      <c r="AX264">
        <v>11405</v>
      </c>
      <c r="AY264">
        <v>8</v>
      </c>
      <c r="AZ264">
        <v>21</v>
      </c>
      <c r="BA264">
        <v>1826</v>
      </c>
    </row>
    <row r="265" spans="1:53" x14ac:dyDescent="0.4">
      <c r="A265">
        <v>309</v>
      </c>
      <c r="B265" s="1">
        <v>42908</v>
      </c>
      <c r="C265">
        <v>4</v>
      </c>
      <c r="D265" s="1">
        <v>42908.935416666667</v>
      </c>
      <c r="E265" s="1">
        <v>42909.106249999997</v>
      </c>
      <c r="F265">
        <v>49860</v>
      </c>
      <c r="G265">
        <v>28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4012</v>
      </c>
      <c r="N265">
        <v>0</v>
      </c>
      <c r="O265">
        <v>0</v>
      </c>
      <c r="P265">
        <v>26730</v>
      </c>
      <c r="Q265">
        <v>0</v>
      </c>
      <c r="R265">
        <v>80882</v>
      </c>
      <c r="S265">
        <v>0</v>
      </c>
      <c r="T265">
        <v>0</v>
      </c>
      <c r="U265">
        <v>0</v>
      </c>
      <c r="V265">
        <v>7</v>
      </c>
      <c r="W265">
        <v>0</v>
      </c>
      <c r="X265">
        <v>0</v>
      </c>
      <c r="Y265">
        <v>61</v>
      </c>
      <c r="Z265">
        <v>40</v>
      </c>
      <c r="AA265">
        <v>147</v>
      </c>
      <c r="AB265">
        <v>2</v>
      </c>
      <c r="AC265">
        <v>139</v>
      </c>
      <c r="AD265">
        <v>6</v>
      </c>
      <c r="AE265">
        <v>1</v>
      </c>
      <c r="AF265">
        <v>19656</v>
      </c>
      <c r="AG265">
        <v>186877</v>
      </c>
      <c r="AH265">
        <v>50000</v>
      </c>
      <c r="AI265">
        <v>-4064</v>
      </c>
      <c r="AJ265">
        <v>91</v>
      </c>
      <c r="AK265" t="s">
        <v>14</v>
      </c>
      <c r="AL265">
        <v>0</v>
      </c>
      <c r="AM265">
        <v>0</v>
      </c>
      <c r="AN265">
        <v>0</v>
      </c>
      <c r="AO265">
        <v>0</v>
      </c>
      <c r="AP265">
        <v>0</v>
      </c>
      <c r="AQ265">
        <v>0</v>
      </c>
      <c r="AR265">
        <v>0</v>
      </c>
      <c r="AS265">
        <v>0</v>
      </c>
      <c r="AT265">
        <v>0</v>
      </c>
      <c r="AU265">
        <v>0</v>
      </c>
      <c r="AV265">
        <v>0</v>
      </c>
      <c r="AW265">
        <v>0</v>
      </c>
      <c r="AX265">
        <v>-270</v>
      </c>
      <c r="AY265">
        <v>11</v>
      </c>
      <c r="AZ265">
        <v>34</v>
      </c>
      <c r="BA265">
        <v>1446</v>
      </c>
    </row>
    <row r="266" spans="1:53" x14ac:dyDescent="0.4">
      <c r="A266">
        <v>310</v>
      </c>
      <c r="B266" s="1">
        <v>42908</v>
      </c>
      <c r="C266">
        <v>5</v>
      </c>
      <c r="D266" s="1">
        <v>42909.106249999997</v>
      </c>
      <c r="E266" s="1">
        <v>42909.107638888891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0</v>
      </c>
      <c r="O266">
        <v>0</v>
      </c>
      <c r="P266">
        <v>0</v>
      </c>
      <c r="Q266">
        <v>0</v>
      </c>
      <c r="R266">
        <v>0</v>
      </c>
      <c r="S266">
        <v>0</v>
      </c>
      <c r="T266">
        <v>0</v>
      </c>
      <c r="U266">
        <v>0</v>
      </c>
      <c r="V266">
        <v>7</v>
      </c>
      <c r="W266">
        <v>0</v>
      </c>
      <c r="X266">
        <v>0</v>
      </c>
      <c r="Y266">
        <v>61</v>
      </c>
      <c r="Z266">
        <v>40</v>
      </c>
      <c r="AA266">
        <v>147</v>
      </c>
      <c r="AB266">
        <v>2</v>
      </c>
      <c r="AC266">
        <v>148</v>
      </c>
      <c r="AD266">
        <v>6</v>
      </c>
      <c r="AE266">
        <v>1</v>
      </c>
      <c r="AF266">
        <v>23220</v>
      </c>
      <c r="AG266">
        <v>190531</v>
      </c>
      <c r="AH266">
        <v>50000</v>
      </c>
      <c r="AI266">
        <v>-410</v>
      </c>
      <c r="AJ266">
        <v>91</v>
      </c>
      <c r="AK266" t="s">
        <v>14</v>
      </c>
      <c r="AL266">
        <v>0</v>
      </c>
      <c r="AM266">
        <v>0</v>
      </c>
      <c r="AN266">
        <v>0</v>
      </c>
      <c r="AO266">
        <v>0</v>
      </c>
      <c r="AP266">
        <v>0</v>
      </c>
      <c r="AQ266">
        <v>0</v>
      </c>
      <c r="AR266">
        <v>0</v>
      </c>
      <c r="AS266">
        <v>0</v>
      </c>
      <c r="AT266">
        <v>0</v>
      </c>
      <c r="AU266">
        <v>0</v>
      </c>
      <c r="AV266">
        <v>0</v>
      </c>
      <c r="AW266">
        <v>0</v>
      </c>
      <c r="AX266">
        <v>-270</v>
      </c>
      <c r="AY266">
        <v>0</v>
      </c>
      <c r="AZ266">
        <v>0</v>
      </c>
      <c r="BA266">
        <v>16</v>
      </c>
    </row>
    <row r="267" spans="1:53" x14ac:dyDescent="0.4">
      <c r="A267">
        <v>311</v>
      </c>
      <c r="B267" s="1">
        <v>42908</v>
      </c>
      <c r="C267">
        <v>6</v>
      </c>
      <c r="D267" s="1">
        <v>42909.107638888891</v>
      </c>
      <c r="E267" s="1">
        <v>42909.111805555556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0</v>
      </c>
      <c r="O267">
        <v>0</v>
      </c>
      <c r="P267">
        <v>0</v>
      </c>
      <c r="Q267">
        <v>0</v>
      </c>
      <c r="R267">
        <v>0</v>
      </c>
      <c r="S267">
        <v>0</v>
      </c>
      <c r="T267">
        <v>0</v>
      </c>
      <c r="U267">
        <v>0</v>
      </c>
      <c r="V267">
        <v>7</v>
      </c>
      <c r="W267">
        <v>0</v>
      </c>
      <c r="X267">
        <v>0</v>
      </c>
      <c r="Y267">
        <v>61</v>
      </c>
      <c r="Z267">
        <v>40</v>
      </c>
      <c r="AA267">
        <v>147</v>
      </c>
      <c r="AB267">
        <v>2</v>
      </c>
      <c r="AC267">
        <v>189</v>
      </c>
      <c r="AD267">
        <v>6</v>
      </c>
      <c r="AE267">
        <v>1</v>
      </c>
      <c r="AF267">
        <v>23220</v>
      </c>
      <c r="AG267">
        <v>190941</v>
      </c>
      <c r="AH267">
        <v>50000</v>
      </c>
      <c r="AI267">
        <v>0</v>
      </c>
      <c r="AJ267">
        <v>91</v>
      </c>
      <c r="AK267" t="s">
        <v>14</v>
      </c>
      <c r="AL267">
        <v>0</v>
      </c>
      <c r="AM267">
        <v>0</v>
      </c>
      <c r="AN267">
        <v>0</v>
      </c>
      <c r="AO267">
        <v>0</v>
      </c>
      <c r="AP267">
        <v>0</v>
      </c>
      <c r="AQ267">
        <v>0</v>
      </c>
      <c r="AR267">
        <v>0</v>
      </c>
      <c r="AS267">
        <v>0</v>
      </c>
      <c r="AT267">
        <v>0</v>
      </c>
      <c r="AU267">
        <v>0</v>
      </c>
      <c r="AV267">
        <v>0</v>
      </c>
      <c r="AW267">
        <v>0</v>
      </c>
      <c r="AX267">
        <v>-270</v>
      </c>
      <c r="AY267">
        <v>0</v>
      </c>
      <c r="AZ267">
        <v>0</v>
      </c>
      <c r="BA267">
        <v>48</v>
      </c>
    </row>
    <row r="268" spans="1:53" x14ac:dyDescent="0.4">
      <c r="A268">
        <v>312</v>
      </c>
      <c r="B268" s="1">
        <v>42909</v>
      </c>
      <c r="C268">
        <v>1</v>
      </c>
      <c r="D268" s="1">
        <v>42909.291666666664</v>
      </c>
      <c r="E268" s="1">
        <v>42909.456944444442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0</v>
      </c>
      <c r="O268">
        <v>0</v>
      </c>
      <c r="P268">
        <v>0</v>
      </c>
      <c r="Q268">
        <v>0</v>
      </c>
      <c r="R268">
        <v>0</v>
      </c>
      <c r="S268">
        <v>0</v>
      </c>
      <c r="T268">
        <v>0</v>
      </c>
      <c r="U268">
        <v>0</v>
      </c>
      <c r="V268">
        <v>0</v>
      </c>
      <c r="W268">
        <v>0</v>
      </c>
      <c r="X268">
        <v>0</v>
      </c>
      <c r="Y268">
        <v>30</v>
      </c>
      <c r="Z268">
        <v>12</v>
      </c>
      <c r="AA268">
        <v>125</v>
      </c>
      <c r="AB268">
        <v>3</v>
      </c>
      <c r="AC268">
        <v>131</v>
      </c>
      <c r="AD268">
        <v>6</v>
      </c>
      <c r="AE268">
        <v>10</v>
      </c>
      <c r="AF268">
        <v>0</v>
      </c>
      <c r="AG268">
        <v>50000</v>
      </c>
      <c r="AH268">
        <v>0</v>
      </c>
      <c r="AI268">
        <v>50000</v>
      </c>
      <c r="AJ268">
        <v>0</v>
      </c>
      <c r="AK268" t="s">
        <v>6</v>
      </c>
      <c r="AL268">
        <v>0</v>
      </c>
      <c r="AM268">
        <v>0</v>
      </c>
      <c r="AN268">
        <v>0</v>
      </c>
      <c r="AO268">
        <v>0</v>
      </c>
      <c r="AP268">
        <v>0</v>
      </c>
      <c r="AQ268">
        <v>0</v>
      </c>
      <c r="AR268">
        <v>0</v>
      </c>
      <c r="AS268">
        <v>0</v>
      </c>
      <c r="AT268">
        <v>0</v>
      </c>
      <c r="AU268">
        <v>0</v>
      </c>
      <c r="AV268">
        <v>0</v>
      </c>
      <c r="AW268">
        <v>0</v>
      </c>
      <c r="AX268">
        <v>0</v>
      </c>
      <c r="AY268">
        <v>0</v>
      </c>
      <c r="AZ268">
        <v>0</v>
      </c>
      <c r="BA268">
        <v>0</v>
      </c>
    </row>
    <row r="269" spans="1:53" x14ac:dyDescent="0.4">
      <c r="A269">
        <v>313</v>
      </c>
      <c r="B269" s="1">
        <v>42909</v>
      </c>
      <c r="C269">
        <v>2</v>
      </c>
      <c r="D269" s="1">
        <v>42909.456944444442</v>
      </c>
      <c r="E269" s="1">
        <v>42909.752083333333</v>
      </c>
      <c r="F269">
        <v>14000</v>
      </c>
      <c r="G269">
        <v>239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1311</v>
      </c>
      <c r="N269">
        <v>0</v>
      </c>
      <c r="O269">
        <v>0</v>
      </c>
      <c r="P269">
        <v>19440</v>
      </c>
      <c r="Q269">
        <v>0</v>
      </c>
      <c r="R269">
        <v>37141</v>
      </c>
      <c r="S269">
        <v>0</v>
      </c>
      <c r="T269">
        <v>0</v>
      </c>
      <c r="U269">
        <v>0</v>
      </c>
      <c r="V269">
        <v>1</v>
      </c>
      <c r="W269">
        <v>2</v>
      </c>
      <c r="X269">
        <v>0</v>
      </c>
      <c r="Y269">
        <v>39</v>
      </c>
      <c r="Z269">
        <v>21</v>
      </c>
      <c r="AA269">
        <v>148</v>
      </c>
      <c r="AB269">
        <v>7</v>
      </c>
      <c r="AC269">
        <v>204</v>
      </c>
      <c r="AD269">
        <v>8</v>
      </c>
      <c r="AE269">
        <v>9</v>
      </c>
      <c r="AF269">
        <v>402</v>
      </c>
      <c r="AG269">
        <v>87141</v>
      </c>
      <c r="AH269">
        <v>50000</v>
      </c>
      <c r="AI269">
        <v>0</v>
      </c>
      <c r="AJ269">
        <v>95</v>
      </c>
      <c r="AK269" t="s">
        <v>13</v>
      </c>
      <c r="AL269">
        <v>0</v>
      </c>
      <c r="AM269">
        <v>0</v>
      </c>
      <c r="AN269">
        <v>0</v>
      </c>
      <c r="AO269">
        <v>0</v>
      </c>
      <c r="AP269">
        <v>0</v>
      </c>
      <c r="AQ269">
        <v>0</v>
      </c>
      <c r="AR269">
        <v>0</v>
      </c>
      <c r="AS269">
        <v>0</v>
      </c>
      <c r="AT269">
        <v>0</v>
      </c>
      <c r="AU269">
        <v>0</v>
      </c>
      <c r="AV269">
        <v>0</v>
      </c>
      <c r="AW269">
        <v>0</v>
      </c>
      <c r="AX269">
        <v>1468</v>
      </c>
      <c r="AY269">
        <v>37</v>
      </c>
      <c r="AZ269">
        <v>64</v>
      </c>
      <c r="BA269">
        <v>4657</v>
      </c>
    </row>
    <row r="270" spans="1:53" x14ac:dyDescent="0.4">
      <c r="A270">
        <v>314</v>
      </c>
      <c r="B270" s="1">
        <v>42909</v>
      </c>
      <c r="C270">
        <v>3</v>
      </c>
      <c r="D270" s="1">
        <v>42909.752083333333</v>
      </c>
      <c r="E270" s="1">
        <v>42909.95416666667</v>
      </c>
      <c r="F270">
        <v>114360</v>
      </c>
      <c r="G270">
        <v>658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9675</v>
      </c>
      <c r="N270">
        <v>0</v>
      </c>
      <c r="O270">
        <v>0</v>
      </c>
      <c r="P270">
        <v>35208</v>
      </c>
      <c r="Q270">
        <v>0</v>
      </c>
      <c r="R270">
        <v>165823</v>
      </c>
      <c r="S270">
        <v>0</v>
      </c>
      <c r="T270">
        <v>0</v>
      </c>
      <c r="U270">
        <v>0</v>
      </c>
      <c r="V270">
        <v>13</v>
      </c>
      <c r="W270">
        <v>0</v>
      </c>
      <c r="X270">
        <v>0</v>
      </c>
      <c r="Y270">
        <v>25</v>
      </c>
      <c r="Z270">
        <v>22</v>
      </c>
      <c r="AA270">
        <v>149</v>
      </c>
      <c r="AB270">
        <v>9</v>
      </c>
      <c r="AC270">
        <v>192</v>
      </c>
      <c r="AD270">
        <v>8</v>
      </c>
      <c r="AE270">
        <v>2</v>
      </c>
      <c r="AF270">
        <v>54532</v>
      </c>
      <c r="AG270">
        <v>237844</v>
      </c>
      <c r="AH270">
        <v>50000</v>
      </c>
      <c r="AI270">
        <v>-15120</v>
      </c>
      <c r="AJ270">
        <v>91</v>
      </c>
      <c r="AK270" t="s">
        <v>14</v>
      </c>
      <c r="AL270">
        <v>0</v>
      </c>
      <c r="AM270">
        <v>0</v>
      </c>
      <c r="AN270">
        <v>0</v>
      </c>
      <c r="AO270">
        <v>0</v>
      </c>
      <c r="AP270">
        <v>0</v>
      </c>
      <c r="AQ270">
        <v>0</v>
      </c>
      <c r="AR270">
        <v>0</v>
      </c>
      <c r="AS270">
        <v>0</v>
      </c>
      <c r="AT270">
        <v>0</v>
      </c>
      <c r="AU270">
        <v>0</v>
      </c>
      <c r="AV270">
        <v>0</v>
      </c>
      <c r="AW270">
        <v>0</v>
      </c>
      <c r="AX270">
        <v>85231</v>
      </c>
      <c r="AY270">
        <v>25</v>
      </c>
      <c r="AZ270">
        <v>134</v>
      </c>
      <c r="BA270">
        <v>3654</v>
      </c>
    </row>
    <row r="271" spans="1:53" x14ac:dyDescent="0.4">
      <c r="A271">
        <v>315</v>
      </c>
      <c r="B271" s="1">
        <v>42910</v>
      </c>
      <c r="C271">
        <v>1</v>
      </c>
      <c r="D271" s="1">
        <v>42910.291666666664</v>
      </c>
      <c r="E271" s="1">
        <v>42910.408333333333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0</v>
      </c>
      <c r="O271">
        <v>0</v>
      </c>
      <c r="P271">
        <v>0</v>
      </c>
      <c r="Q271">
        <v>0</v>
      </c>
      <c r="R271">
        <v>0</v>
      </c>
      <c r="S271">
        <v>0</v>
      </c>
      <c r="T271">
        <v>0</v>
      </c>
      <c r="U271">
        <v>0</v>
      </c>
      <c r="V271">
        <v>0</v>
      </c>
      <c r="W271">
        <v>1</v>
      </c>
      <c r="X271">
        <v>0</v>
      </c>
      <c r="Y271">
        <v>25</v>
      </c>
      <c r="Z271">
        <v>16</v>
      </c>
      <c r="AA271">
        <v>102</v>
      </c>
      <c r="AB271">
        <v>1</v>
      </c>
      <c r="AC271">
        <v>167</v>
      </c>
      <c r="AD271">
        <v>10</v>
      </c>
      <c r="AE271">
        <v>30</v>
      </c>
      <c r="AF271">
        <v>0</v>
      </c>
      <c r="AG271">
        <v>50000</v>
      </c>
      <c r="AH271">
        <v>0</v>
      </c>
      <c r="AI271">
        <v>50000</v>
      </c>
      <c r="AJ271">
        <v>0</v>
      </c>
      <c r="AK271" t="s">
        <v>6</v>
      </c>
      <c r="AL271">
        <v>0</v>
      </c>
      <c r="AM271">
        <v>0</v>
      </c>
      <c r="AN271">
        <v>0</v>
      </c>
      <c r="AO271">
        <v>0</v>
      </c>
      <c r="AP271">
        <v>0</v>
      </c>
      <c r="AQ271">
        <v>0</v>
      </c>
      <c r="AR271">
        <v>0</v>
      </c>
      <c r="AS271">
        <v>0</v>
      </c>
      <c r="AT271">
        <v>0</v>
      </c>
      <c r="AU271">
        <v>0</v>
      </c>
      <c r="AV271">
        <v>0</v>
      </c>
      <c r="AW271">
        <v>0</v>
      </c>
      <c r="AX271">
        <v>0</v>
      </c>
      <c r="AY271">
        <v>0</v>
      </c>
      <c r="AZ271">
        <v>0</v>
      </c>
      <c r="BA271">
        <v>0</v>
      </c>
    </row>
    <row r="272" spans="1:53" x14ac:dyDescent="0.4">
      <c r="A272">
        <v>316</v>
      </c>
      <c r="B272" s="1">
        <v>42910</v>
      </c>
      <c r="C272">
        <v>2</v>
      </c>
      <c r="D272" s="1">
        <v>42910.408333333333</v>
      </c>
      <c r="E272" s="1">
        <v>42910.752083333333</v>
      </c>
      <c r="F272">
        <v>35000</v>
      </c>
      <c r="G272">
        <v>6870</v>
      </c>
      <c r="H272">
        <v>0</v>
      </c>
      <c r="I272">
        <v>0</v>
      </c>
      <c r="J272">
        <v>0</v>
      </c>
      <c r="K272">
        <v>0</v>
      </c>
      <c r="L272">
        <v>0</v>
      </c>
      <c r="M272">
        <v>3348</v>
      </c>
      <c r="N272">
        <v>0</v>
      </c>
      <c r="O272">
        <v>0</v>
      </c>
      <c r="P272">
        <v>18360</v>
      </c>
      <c r="Q272">
        <v>0</v>
      </c>
      <c r="R272">
        <v>63578</v>
      </c>
      <c r="S272">
        <v>0</v>
      </c>
      <c r="T272">
        <v>0</v>
      </c>
      <c r="U272">
        <v>0</v>
      </c>
      <c r="V272">
        <v>2</v>
      </c>
      <c r="W272">
        <v>1</v>
      </c>
      <c r="X272">
        <v>0</v>
      </c>
      <c r="Y272">
        <v>54</v>
      </c>
      <c r="Z272">
        <v>30</v>
      </c>
      <c r="AA272">
        <v>99</v>
      </c>
      <c r="AB272">
        <v>1</v>
      </c>
      <c r="AC272">
        <v>193</v>
      </c>
      <c r="AD272">
        <v>11</v>
      </c>
      <c r="AE272">
        <v>30</v>
      </c>
      <c r="AF272">
        <v>7625</v>
      </c>
      <c r="AG272">
        <v>113590</v>
      </c>
      <c r="AH272">
        <v>50000</v>
      </c>
      <c r="AI272">
        <v>12</v>
      </c>
      <c r="AJ272">
        <v>16</v>
      </c>
      <c r="AK272" t="s">
        <v>11</v>
      </c>
      <c r="AL272">
        <v>0</v>
      </c>
      <c r="AM272">
        <v>0</v>
      </c>
      <c r="AN272">
        <v>0</v>
      </c>
      <c r="AO272">
        <v>0</v>
      </c>
      <c r="AP272">
        <v>0</v>
      </c>
      <c r="AQ272">
        <v>0</v>
      </c>
      <c r="AR272">
        <v>0</v>
      </c>
      <c r="AS272">
        <v>0</v>
      </c>
      <c r="AT272">
        <v>0</v>
      </c>
      <c r="AU272">
        <v>0</v>
      </c>
      <c r="AV272">
        <v>0</v>
      </c>
      <c r="AW272">
        <v>0</v>
      </c>
      <c r="AX272">
        <v>6664</v>
      </c>
      <c r="AY272">
        <v>46</v>
      </c>
      <c r="AZ272">
        <v>98</v>
      </c>
      <c r="BA272">
        <v>7235</v>
      </c>
    </row>
    <row r="273" spans="1:53" x14ac:dyDescent="0.4">
      <c r="A273">
        <v>317</v>
      </c>
      <c r="B273" s="1">
        <v>42911</v>
      </c>
      <c r="C273">
        <v>1</v>
      </c>
      <c r="D273" s="1">
        <v>42911.291666666664</v>
      </c>
      <c r="E273" s="1">
        <v>42911.401388888888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0</v>
      </c>
      <c r="O273">
        <v>0</v>
      </c>
      <c r="P273">
        <v>0</v>
      </c>
      <c r="Q273">
        <v>0</v>
      </c>
      <c r="R273">
        <v>0</v>
      </c>
      <c r="S273">
        <v>0</v>
      </c>
      <c r="T273">
        <v>0</v>
      </c>
      <c r="U273">
        <v>0</v>
      </c>
      <c r="V273">
        <v>0</v>
      </c>
      <c r="W273">
        <v>0</v>
      </c>
      <c r="X273">
        <v>0</v>
      </c>
      <c r="Y273">
        <v>30</v>
      </c>
      <c r="Z273">
        <v>20</v>
      </c>
      <c r="AA273">
        <v>83</v>
      </c>
      <c r="AB273">
        <v>2</v>
      </c>
      <c r="AC273">
        <v>154</v>
      </c>
      <c r="AD273">
        <v>8</v>
      </c>
      <c r="AE273">
        <v>20</v>
      </c>
      <c r="AF273">
        <v>0</v>
      </c>
      <c r="AG273">
        <v>50000</v>
      </c>
      <c r="AH273">
        <v>50000</v>
      </c>
      <c r="AI273">
        <v>0</v>
      </c>
      <c r="AJ273">
        <v>0</v>
      </c>
      <c r="AK273" t="s">
        <v>6</v>
      </c>
      <c r="AL273">
        <v>0</v>
      </c>
      <c r="AM273">
        <v>0</v>
      </c>
      <c r="AN273">
        <v>0</v>
      </c>
      <c r="AO273">
        <v>0</v>
      </c>
      <c r="AP273">
        <v>0</v>
      </c>
      <c r="AQ273">
        <v>0</v>
      </c>
      <c r="AR273">
        <v>0</v>
      </c>
      <c r="AS273">
        <v>0</v>
      </c>
      <c r="AT273">
        <v>0</v>
      </c>
      <c r="AU273">
        <v>0</v>
      </c>
      <c r="AV273">
        <v>0</v>
      </c>
      <c r="AW273">
        <v>0</v>
      </c>
      <c r="AX273">
        <v>0</v>
      </c>
      <c r="AY273">
        <v>0</v>
      </c>
      <c r="AZ273">
        <v>0</v>
      </c>
      <c r="BA273">
        <v>0</v>
      </c>
    </row>
    <row r="274" spans="1:53" x14ac:dyDescent="0.4">
      <c r="A274">
        <v>318</v>
      </c>
      <c r="B274" s="1">
        <v>42911</v>
      </c>
      <c r="C274">
        <v>2</v>
      </c>
      <c r="D274" s="1">
        <v>42911.401388888888</v>
      </c>
      <c r="E274" s="1">
        <v>42911.744444444441</v>
      </c>
      <c r="F274">
        <v>37500</v>
      </c>
      <c r="G274">
        <v>7890</v>
      </c>
      <c r="H274">
        <v>0</v>
      </c>
      <c r="I274">
        <v>0</v>
      </c>
      <c r="J274">
        <v>0</v>
      </c>
      <c r="K274">
        <v>0</v>
      </c>
      <c r="L274">
        <v>0</v>
      </c>
      <c r="M274">
        <v>3629</v>
      </c>
      <c r="N274">
        <v>0</v>
      </c>
      <c r="O274">
        <v>0</v>
      </c>
      <c r="P274">
        <v>21870</v>
      </c>
      <c r="Q274">
        <v>0</v>
      </c>
      <c r="R274">
        <v>70889</v>
      </c>
      <c r="S274">
        <v>0</v>
      </c>
      <c r="T274">
        <v>0</v>
      </c>
      <c r="U274">
        <v>0</v>
      </c>
      <c r="V274">
        <v>4</v>
      </c>
      <c r="W274">
        <v>4</v>
      </c>
      <c r="X274">
        <v>0</v>
      </c>
      <c r="Y274">
        <v>29</v>
      </c>
      <c r="Z274">
        <v>35</v>
      </c>
      <c r="AA274">
        <v>72</v>
      </c>
      <c r="AB274">
        <v>9</v>
      </c>
      <c r="AC274">
        <v>203</v>
      </c>
      <c r="AD274">
        <v>6</v>
      </c>
      <c r="AE274">
        <v>21</v>
      </c>
      <c r="AF274">
        <v>4658</v>
      </c>
      <c r="AG274">
        <v>120889</v>
      </c>
      <c r="AH274">
        <v>50000</v>
      </c>
      <c r="AI274">
        <v>0</v>
      </c>
      <c r="AJ274">
        <v>93</v>
      </c>
      <c r="AK274" t="s">
        <v>20</v>
      </c>
      <c r="AL274">
        <v>0</v>
      </c>
      <c r="AM274">
        <v>0</v>
      </c>
      <c r="AN274">
        <v>0</v>
      </c>
      <c r="AO274">
        <v>0</v>
      </c>
      <c r="AP274">
        <v>0</v>
      </c>
      <c r="AQ274">
        <v>0</v>
      </c>
      <c r="AR274">
        <v>0</v>
      </c>
      <c r="AS274">
        <v>0</v>
      </c>
      <c r="AT274">
        <v>0</v>
      </c>
      <c r="AU274">
        <v>0</v>
      </c>
      <c r="AV274">
        <v>0</v>
      </c>
      <c r="AW274">
        <v>0</v>
      </c>
      <c r="AX274">
        <v>281</v>
      </c>
      <c r="AY274">
        <v>52</v>
      </c>
      <c r="AZ274">
        <v>112</v>
      </c>
      <c r="BA274">
        <v>7541</v>
      </c>
    </row>
    <row r="275" spans="1:53" x14ac:dyDescent="0.4">
      <c r="A275">
        <v>319</v>
      </c>
      <c r="B275" s="1">
        <v>42911</v>
      </c>
      <c r="C275">
        <v>3</v>
      </c>
      <c r="D275" s="1">
        <v>42911.744444444441</v>
      </c>
      <c r="E275" s="1">
        <v>42911.979166666664</v>
      </c>
      <c r="F275">
        <v>61720</v>
      </c>
      <c r="G275">
        <v>9180</v>
      </c>
      <c r="H275">
        <v>0</v>
      </c>
      <c r="I275">
        <v>0</v>
      </c>
      <c r="J275">
        <v>2500</v>
      </c>
      <c r="K275">
        <v>0</v>
      </c>
      <c r="L275">
        <v>0</v>
      </c>
      <c r="M275">
        <v>5471</v>
      </c>
      <c r="N275">
        <v>0</v>
      </c>
      <c r="O275">
        <v>0</v>
      </c>
      <c r="P275">
        <v>-8046</v>
      </c>
      <c r="Q275">
        <v>0</v>
      </c>
      <c r="R275">
        <v>65825</v>
      </c>
      <c r="S275">
        <v>0</v>
      </c>
      <c r="T275">
        <v>0</v>
      </c>
      <c r="U275">
        <v>0</v>
      </c>
      <c r="V275">
        <v>7</v>
      </c>
      <c r="W275">
        <v>5</v>
      </c>
      <c r="X275">
        <v>0</v>
      </c>
      <c r="Y275">
        <v>58</v>
      </c>
      <c r="Z275">
        <v>34</v>
      </c>
      <c r="AA275">
        <v>75</v>
      </c>
      <c r="AB275">
        <v>13</v>
      </c>
      <c r="AC275">
        <v>222</v>
      </c>
      <c r="AD275">
        <v>7</v>
      </c>
      <c r="AE275">
        <v>36</v>
      </c>
      <c r="AF275">
        <v>6273</v>
      </c>
      <c r="AG275">
        <v>186714</v>
      </c>
      <c r="AH275">
        <v>50000</v>
      </c>
      <c r="AI275">
        <v>0</v>
      </c>
      <c r="AJ275">
        <v>99</v>
      </c>
      <c r="AK275" t="s">
        <v>9</v>
      </c>
      <c r="AL275">
        <v>0</v>
      </c>
      <c r="AM275">
        <v>0</v>
      </c>
      <c r="AN275">
        <v>0</v>
      </c>
      <c r="AO275">
        <v>0</v>
      </c>
      <c r="AP275">
        <v>0</v>
      </c>
      <c r="AQ275">
        <v>0</v>
      </c>
      <c r="AR275">
        <v>0</v>
      </c>
      <c r="AS275">
        <v>0</v>
      </c>
      <c r="AT275">
        <v>0</v>
      </c>
      <c r="AU275">
        <v>0</v>
      </c>
      <c r="AV275">
        <v>0</v>
      </c>
      <c r="AW275">
        <v>0</v>
      </c>
      <c r="AX275">
        <v>47034</v>
      </c>
      <c r="AY275">
        <v>20</v>
      </c>
      <c r="AZ275">
        <v>63</v>
      </c>
      <c r="BA275">
        <v>3683</v>
      </c>
    </row>
    <row r="276" spans="1:53" x14ac:dyDescent="0.4">
      <c r="A276">
        <v>320</v>
      </c>
      <c r="B276" s="1">
        <v>42911</v>
      </c>
      <c r="C276">
        <v>4</v>
      </c>
      <c r="D276" s="1">
        <v>42911.979166666664</v>
      </c>
      <c r="E276" s="1">
        <v>42912.090277777781</v>
      </c>
      <c r="F276">
        <v>83300</v>
      </c>
      <c r="G276">
        <v>4570</v>
      </c>
      <c r="H276">
        <v>0</v>
      </c>
      <c r="I276">
        <v>0</v>
      </c>
      <c r="J276">
        <v>0</v>
      </c>
      <c r="K276">
        <v>3000</v>
      </c>
      <c r="L276">
        <v>0</v>
      </c>
      <c r="M276">
        <v>7270</v>
      </c>
      <c r="N276">
        <v>0</v>
      </c>
      <c r="O276">
        <v>0</v>
      </c>
      <c r="P276">
        <v>4644</v>
      </c>
      <c r="Q276">
        <v>0</v>
      </c>
      <c r="R276">
        <v>102784</v>
      </c>
      <c r="S276">
        <v>0</v>
      </c>
      <c r="T276">
        <v>0</v>
      </c>
      <c r="U276">
        <v>0</v>
      </c>
      <c r="V276">
        <v>9</v>
      </c>
      <c r="W276">
        <v>13</v>
      </c>
      <c r="X276">
        <v>0</v>
      </c>
      <c r="Y276">
        <v>91</v>
      </c>
      <c r="Z276">
        <v>41</v>
      </c>
      <c r="AA276">
        <v>71</v>
      </c>
      <c r="AB276">
        <v>15</v>
      </c>
      <c r="AC276">
        <v>213</v>
      </c>
      <c r="AD276">
        <v>4</v>
      </c>
      <c r="AE276">
        <v>29</v>
      </c>
      <c r="AF276">
        <v>12969</v>
      </c>
      <c r="AG276">
        <v>289498</v>
      </c>
      <c r="AH276">
        <v>50000</v>
      </c>
      <c r="AI276">
        <v>0</v>
      </c>
      <c r="AJ276">
        <v>99</v>
      </c>
      <c r="AK276" t="s">
        <v>9</v>
      </c>
      <c r="AL276">
        <v>0</v>
      </c>
      <c r="AM276">
        <v>0</v>
      </c>
      <c r="AN276">
        <v>0</v>
      </c>
      <c r="AO276">
        <v>0</v>
      </c>
      <c r="AP276">
        <v>0</v>
      </c>
      <c r="AQ276">
        <v>0</v>
      </c>
      <c r="AR276">
        <v>0</v>
      </c>
      <c r="AS276">
        <v>0</v>
      </c>
      <c r="AT276">
        <v>0</v>
      </c>
      <c r="AU276">
        <v>0</v>
      </c>
      <c r="AV276">
        <v>0</v>
      </c>
      <c r="AW276">
        <v>0</v>
      </c>
      <c r="AX276">
        <v>10800</v>
      </c>
      <c r="AY276">
        <v>10</v>
      </c>
      <c r="AZ276">
        <v>27</v>
      </c>
      <c r="BA276">
        <v>1534</v>
      </c>
    </row>
    <row r="277" spans="1:53" x14ac:dyDescent="0.4">
      <c r="A277">
        <v>321</v>
      </c>
      <c r="B277" s="1">
        <v>42912</v>
      </c>
      <c r="C277">
        <v>1</v>
      </c>
      <c r="D277" s="1">
        <v>42912.291666666664</v>
      </c>
      <c r="E277" s="1">
        <v>42912.451388888891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0</v>
      </c>
      <c r="O277">
        <v>0</v>
      </c>
      <c r="P277">
        <v>0</v>
      </c>
      <c r="Q277">
        <v>0</v>
      </c>
      <c r="R277">
        <v>0</v>
      </c>
      <c r="S277">
        <v>0</v>
      </c>
      <c r="T277">
        <v>0</v>
      </c>
      <c r="U277">
        <v>0</v>
      </c>
      <c r="V277">
        <v>0</v>
      </c>
      <c r="W277">
        <v>1</v>
      </c>
      <c r="X277">
        <v>0</v>
      </c>
      <c r="Y277">
        <v>26</v>
      </c>
      <c r="Z277">
        <v>19</v>
      </c>
      <c r="AA277">
        <v>67</v>
      </c>
      <c r="AB277">
        <v>14</v>
      </c>
      <c r="AC277">
        <v>207</v>
      </c>
      <c r="AD277">
        <v>2</v>
      </c>
      <c r="AE277">
        <v>20</v>
      </c>
      <c r="AF277">
        <v>0</v>
      </c>
      <c r="AG277">
        <v>50000</v>
      </c>
      <c r="AH277">
        <v>0</v>
      </c>
      <c r="AI277">
        <v>50000</v>
      </c>
      <c r="AJ277">
        <v>0</v>
      </c>
      <c r="AK277" t="s">
        <v>6</v>
      </c>
      <c r="AL277">
        <v>0</v>
      </c>
      <c r="AM277">
        <v>0</v>
      </c>
      <c r="AN277">
        <v>0</v>
      </c>
      <c r="AO277">
        <v>0</v>
      </c>
      <c r="AP277">
        <v>0</v>
      </c>
      <c r="AQ277">
        <v>0</v>
      </c>
      <c r="AR277">
        <v>0</v>
      </c>
      <c r="AS277">
        <v>0</v>
      </c>
      <c r="AT277">
        <v>0</v>
      </c>
      <c r="AU277">
        <v>0</v>
      </c>
      <c r="AV277">
        <v>0</v>
      </c>
      <c r="AW277">
        <v>0</v>
      </c>
      <c r="AX277">
        <v>0</v>
      </c>
      <c r="AY277">
        <v>0</v>
      </c>
      <c r="AZ277">
        <v>0</v>
      </c>
      <c r="BA277">
        <v>0</v>
      </c>
    </row>
    <row r="278" spans="1:53" x14ac:dyDescent="0.4">
      <c r="A278">
        <v>322</v>
      </c>
      <c r="B278" s="1">
        <v>42912</v>
      </c>
      <c r="C278">
        <v>2</v>
      </c>
      <c r="D278" s="1">
        <v>42912.451388888891</v>
      </c>
      <c r="E278" s="1">
        <v>42912.738194444442</v>
      </c>
      <c r="F278">
        <v>18000</v>
      </c>
      <c r="G278">
        <v>6850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1988</v>
      </c>
      <c r="N278">
        <v>0</v>
      </c>
      <c r="O278">
        <v>0</v>
      </c>
      <c r="P278">
        <v>11340</v>
      </c>
      <c r="Q278">
        <v>0</v>
      </c>
      <c r="R278">
        <v>38178</v>
      </c>
      <c r="S278">
        <v>0</v>
      </c>
      <c r="T278">
        <v>0</v>
      </c>
      <c r="U278">
        <v>0</v>
      </c>
      <c r="V278">
        <v>1</v>
      </c>
      <c r="W278">
        <v>2</v>
      </c>
      <c r="X278">
        <v>0</v>
      </c>
      <c r="Y278">
        <v>47</v>
      </c>
      <c r="Z278">
        <v>23</v>
      </c>
      <c r="AA278">
        <v>53</v>
      </c>
      <c r="AB278">
        <v>22</v>
      </c>
      <c r="AC278">
        <v>270</v>
      </c>
      <c r="AD278">
        <v>2</v>
      </c>
      <c r="AE278">
        <v>28</v>
      </c>
      <c r="AF278">
        <v>540</v>
      </c>
      <c r="AG278">
        <v>88178</v>
      </c>
      <c r="AH278">
        <v>50000</v>
      </c>
      <c r="AI278">
        <v>0</v>
      </c>
      <c r="AJ278">
        <v>96</v>
      </c>
      <c r="AK278" t="s">
        <v>4</v>
      </c>
      <c r="AL278">
        <v>0</v>
      </c>
      <c r="AM278">
        <v>0</v>
      </c>
      <c r="AN278">
        <v>0</v>
      </c>
      <c r="AO278">
        <v>0</v>
      </c>
      <c r="AP278">
        <v>0</v>
      </c>
      <c r="AQ278">
        <v>0</v>
      </c>
      <c r="AR278">
        <v>0</v>
      </c>
      <c r="AS278">
        <v>0</v>
      </c>
      <c r="AT278">
        <v>0</v>
      </c>
      <c r="AU278">
        <v>0</v>
      </c>
      <c r="AV278">
        <v>0</v>
      </c>
      <c r="AW278">
        <v>0</v>
      </c>
      <c r="AX278">
        <v>-346</v>
      </c>
      <c r="AY278">
        <v>32</v>
      </c>
      <c r="AZ278">
        <v>57</v>
      </c>
      <c r="BA278">
        <v>4745</v>
      </c>
    </row>
    <row r="279" spans="1:53" x14ac:dyDescent="0.4">
      <c r="A279">
        <v>323</v>
      </c>
      <c r="B279" s="1">
        <v>42912</v>
      </c>
      <c r="C279">
        <v>3</v>
      </c>
      <c r="D279" s="1">
        <v>42912.738194444442</v>
      </c>
      <c r="E279" s="1">
        <v>42913.120833333334</v>
      </c>
      <c r="F279">
        <v>113320</v>
      </c>
      <c r="G279">
        <v>3580</v>
      </c>
      <c r="H279">
        <v>0</v>
      </c>
      <c r="I279">
        <v>0</v>
      </c>
      <c r="J279">
        <v>600</v>
      </c>
      <c r="K279">
        <v>0</v>
      </c>
      <c r="L279">
        <v>0</v>
      </c>
      <c r="M279">
        <v>9305</v>
      </c>
      <c r="N279">
        <v>0</v>
      </c>
      <c r="O279">
        <v>0</v>
      </c>
      <c r="P279">
        <v>19883</v>
      </c>
      <c r="Q279">
        <v>0</v>
      </c>
      <c r="R279">
        <v>145488</v>
      </c>
      <c r="S279">
        <v>0</v>
      </c>
      <c r="T279">
        <v>0</v>
      </c>
      <c r="U279">
        <v>0</v>
      </c>
      <c r="V279">
        <v>11</v>
      </c>
      <c r="W279">
        <v>4</v>
      </c>
      <c r="X279">
        <v>0</v>
      </c>
      <c r="Y279">
        <v>78</v>
      </c>
      <c r="Z279">
        <v>24</v>
      </c>
      <c r="AA279">
        <v>44</v>
      </c>
      <c r="AB279">
        <v>11</v>
      </c>
      <c r="AC279">
        <v>262</v>
      </c>
      <c r="AD279">
        <v>0</v>
      </c>
      <c r="AE279">
        <v>74</v>
      </c>
      <c r="AF279">
        <v>6022</v>
      </c>
      <c r="AG279">
        <v>233666</v>
      </c>
      <c r="AH279">
        <v>50000</v>
      </c>
      <c r="AI279">
        <v>0</v>
      </c>
      <c r="AJ279">
        <v>1</v>
      </c>
      <c r="AK279" t="s">
        <v>3</v>
      </c>
      <c r="AL279">
        <v>0</v>
      </c>
      <c r="AM279">
        <v>0</v>
      </c>
      <c r="AN279">
        <v>0</v>
      </c>
      <c r="AO279">
        <v>0</v>
      </c>
      <c r="AP279">
        <v>0</v>
      </c>
      <c r="AQ279">
        <v>0</v>
      </c>
      <c r="AR279">
        <v>0</v>
      </c>
      <c r="AS279">
        <v>0</v>
      </c>
      <c r="AT279">
        <v>0</v>
      </c>
      <c r="AU279">
        <v>0</v>
      </c>
      <c r="AV279">
        <v>0</v>
      </c>
      <c r="AW279">
        <v>0</v>
      </c>
      <c r="AX279">
        <v>1414</v>
      </c>
      <c r="AY279">
        <v>32</v>
      </c>
      <c r="AZ279">
        <v>86</v>
      </c>
      <c r="BA279">
        <v>4932</v>
      </c>
    </row>
    <row r="280" spans="1:53" x14ac:dyDescent="0.4">
      <c r="A280">
        <v>324</v>
      </c>
      <c r="B280" s="1">
        <v>42913</v>
      </c>
      <c r="C280">
        <v>1</v>
      </c>
      <c r="D280" s="1">
        <v>42913.291666666664</v>
      </c>
      <c r="E280" s="1">
        <v>42913.463888888888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0</v>
      </c>
      <c r="O280">
        <v>0</v>
      </c>
      <c r="P280">
        <v>3780</v>
      </c>
      <c r="Q280">
        <v>0</v>
      </c>
      <c r="R280">
        <v>3780</v>
      </c>
      <c r="S280">
        <v>0</v>
      </c>
      <c r="T280">
        <v>0</v>
      </c>
      <c r="U280">
        <v>0</v>
      </c>
      <c r="V280">
        <v>0</v>
      </c>
      <c r="W280">
        <v>2</v>
      </c>
      <c r="X280">
        <v>0</v>
      </c>
      <c r="Y280">
        <v>25</v>
      </c>
      <c r="Z280">
        <v>25</v>
      </c>
      <c r="AA280">
        <v>34</v>
      </c>
      <c r="AB280">
        <v>12</v>
      </c>
      <c r="AC280">
        <v>218</v>
      </c>
      <c r="AD280">
        <v>2</v>
      </c>
      <c r="AE280">
        <v>90</v>
      </c>
      <c r="AF280">
        <v>0</v>
      </c>
      <c r="AG280">
        <v>53780</v>
      </c>
      <c r="AH280">
        <v>50000</v>
      </c>
      <c r="AI280">
        <v>0</v>
      </c>
      <c r="AJ280">
        <v>100</v>
      </c>
      <c r="AK280" t="s">
        <v>0</v>
      </c>
      <c r="AL280">
        <v>0</v>
      </c>
      <c r="AM280">
        <v>0</v>
      </c>
      <c r="AN280">
        <v>0</v>
      </c>
      <c r="AO280">
        <v>0</v>
      </c>
      <c r="AP280">
        <v>0</v>
      </c>
      <c r="AQ280">
        <v>0</v>
      </c>
      <c r="AR280">
        <v>0</v>
      </c>
      <c r="AS280">
        <v>0</v>
      </c>
      <c r="AT280">
        <v>0</v>
      </c>
      <c r="AU280">
        <v>0</v>
      </c>
      <c r="AV280">
        <v>0</v>
      </c>
      <c r="AW280">
        <v>0</v>
      </c>
      <c r="AX280">
        <v>-3780</v>
      </c>
      <c r="AY280">
        <v>4</v>
      </c>
      <c r="AZ280">
        <v>7</v>
      </c>
      <c r="BA280">
        <v>19</v>
      </c>
    </row>
    <row r="281" spans="1:53" x14ac:dyDescent="0.4">
      <c r="A281">
        <v>325</v>
      </c>
      <c r="B281" s="1">
        <v>42913</v>
      </c>
      <c r="C281">
        <v>2</v>
      </c>
      <c r="D281" s="1">
        <v>42913.463888888888</v>
      </c>
      <c r="E281" s="1">
        <v>42913.74722222222</v>
      </c>
      <c r="F281">
        <v>25750</v>
      </c>
      <c r="G281">
        <v>4380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2410</v>
      </c>
      <c r="N281">
        <v>0</v>
      </c>
      <c r="O281">
        <v>0</v>
      </c>
      <c r="P281">
        <v>4860</v>
      </c>
      <c r="Q281">
        <v>0</v>
      </c>
      <c r="R281">
        <v>37400</v>
      </c>
      <c r="S281">
        <v>0</v>
      </c>
      <c r="T281">
        <v>0</v>
      </c>
      <c r="U281">
        <v>0</v>
      </c>
      <c r="V281">
        <v>1</v>
      </c>
      <c r="W281">
        <v>2</v>
      </c>
      <c r="X281">
        <v>0</v>
      </c>
      <c r="Y281">
        <v>49</v>
      </c>
      <c r="Z281">
        <v>31</v>
      </c>
      <c r="AA281">
        <v>36</v>
      </c>
      <c r="AB281">
        <v>11</v>
      </c>
      <c r="AC281">
        <v>243</v>
      </c>
      <c r="AD281">
        <v>3</v>
      </c>
      <c r="AE281">
        <v>85</v>
      </c>
      <c r="AF281">
        <v>0</v>
      </c>
      <c r="AG281">
        <v>91180</v>
      </c>
      <c r="AH281">
        <v>50000</v>
      </c>
      <c r="AI281">
        <v>0</v>
      </c>
      <c r="AJ281">
        <v>100</v>
      </c>
      <c r="AK281" t="s">
        <v>0</v>
      </c>
      <c r="AL281">
        <v>0</v>
      </c>
      <c r="AM281">
        <v>0</v>
      </c>
      <c r="AN281">
        <v>0</v>
      </c>
      <c r="AO281">
        <v>0</v>
      </c>
      <c r="AP281">
        <v>0</v>
      </c>
      <c r="AQ281">
        <v>0</v>
      </c>
      <c r="AR281">
        <v>0</v>
      </c>
      <c r="AS281">
        <v>0</v>
      </c>
      <c r="AT281">
        <v>0</v>
      </c>
      <c r="AU281">
        <v>0</v>
      </c>
      <c r="AV281">
        <v>0</v>
      </c>
      <c r="AW281">
        <v>0</v>
      </c>
      <c r="AX281">
        <v>1188</v>
      </c>
      <c r="AY281">
        <v>33</v>
      </c>
      <c r="AZ281">
        <v>64</v>
      </c>
      <c r="BA281">
        <v>5527</v>
      </c>
    </row>
    <row r="282" spans="1:53" x14ac:dyDescent="0.4">
      <c r="A282">
        <v>326</v>
      </c>
      <c r="B282" s="1">
        <v>42913</v>
      </c>
      <c r="C282">
        <v>3</v>
      </c>
      <c r="D282" s="1">
        <v>42913.74722222222</v>
      </c>
      <c r="E282" s="1">
        <v>42913.960416666669</v>
      </c>
      <c r="F282">
        <v>16120</v>
      </c>
      <c r="G282">
        <v>152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1411</v>
      </c>
      <c r="N282">
        <v>0</v>
      </c>
      <c r="O282">
        <v>0</v>
      </c>
      <c r="P282">
        <v>-1512</v>
      </c>
      <c r="Q282">
        <v>0</v>
      </c>
      <c r="R282">
        <v>17539</v>
      </c>
      <c r="S282">
        <v>0</v>
      </c>
      <c r="T282">
        <v>0</v>
      </c>
      <c r="U282">
        <v>0</v>
      </c>
      <c r="V282">
        <v>3</v>
      </c>
      <c r="W282">
        <v>1</v>
      </c>
      <c r="X282">
        <v>0</v>
      </c>
      <c r="Y282">
        <v>48</v>
      </c>
      <c r="Z282">
        <v>34</v>
      </c>
      <c r="AA282">
        <v>32</v>
      </c>
      <c r="AB282">
        <v>12</v>
      </c>
      <c r="AC282">
        <v>248</v>
      </c>
      <c r="AD282">
        <v>5</v>
      </c>
      <c r="AE282">
        <v>82</v>
      </c>
      <c r="AF282">
        <v>2332</v>
      </c>
      <c r="AG282">
        <v>108719</v>
      </c>
      <c r="AH282">
        <v>50000</v>
      </c>
      <c r="AI282">
        <v>0</v>
      </c>
      <c r="AJ282">
        <v>16</v>
      </c>
      <c r="AK282" t="s">
        <v>11</v>
      </c>
      <c r="AL282">
        <v>0</v>
      </c>
      <c r="AM282">
        <v>0</v>
      </c>
      <c r="AN282">
        <v>0</v>
      </c>
      <c r="AO282">
        <v>0</v>
      </c>
      <c r="AP282">
        <v>0</v>
      </c>
      <c r="AQ282">
        <v>0</v>
      </c>
      <c r="AR282">
        <v>0</v>
      </c>
      <c r="AS282">
        <v>0</v>
      </c>
      <c r="AT282">
        <v>0</v>
      </c>
      <c r="AU282">
        <v>0</v>
      </c>
      <c r="AV282">
        <v>0</v>
      </c>
      <c r="AW282">
        <v>0</v>
      </c>
      <c r="AX282">
        <v>14753</v>
      </c>
      <c r="AY282">
        <v>8</v>
      </c>
      <c r="AZ282">
        <v>23</v>
      </c>
      <c r="BA282">
        <v>992</v>
      </c>
    </row>
    <row r="283" spans="1:53" x14ac:dyDescent="0.4">
      <c r="A283">
        <v>327</v>
      </c>
      <c r="B283" s="1">
        <v>42914</v>
      </c>
      <c r="C283">
        <v>1</v>
      </c>
      <c r="D283" s="1">
        <v>42914.291666666664</v>
      </c>
      <c r="E283" s="1">
        <v>42914.432638888888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0</v>
      </c>
      <c r="O283">
        <v>0</v>
      </c>
      <c r="P283">
        <v>0</v>
      </c>
      <c r="Q283">
        <v>0</v>
      </c>
      <c r="R283">
        <v>0</v>
      </c>
      <c r="S283">
        <v>0</v>
      </c>
      <c r="T283">
        <v>0</v>
      </c>
      <c r="U283">
        <v>0</v>
      </c>
      <c r="V283">
        <v>0</v>
      </c>
      <c r="W283">
        <v>1</v>
      </c>
      <c r="X283">
        <v>0</v>
      </c>
      <c r="Y283">
        <v>25</v>
      </c>
      <c r="Z283">
        <v>22</v>
      </c>
      <c r="AA283">
        <v>58</v>
      </c>
      <c r="AB283">
        <v>17</v>
      </c>
      <c r="AC283">
        <v>227</v>
      </c>
      <c r="AD283">
        <v>3</v>
      </c>
      <c r="AE283">
        <v>64</v>
      </c>
      <c r="AF283">
        <v>0</v>
      </c>
      <c r="AG283">
        <v>49999</v>
      </c>
      <c r="AH283">
        <v>50000</v>
      </c>
      <c r="AI283">
        <v>-1</v>
      </c>
      <c r="AJ283">
        <v>0</v>
      </c>
      <c r="AK283" t="s">
        <v>6</v>
      </c>
      <c r="AL283">
        <v>0</v>
      </c>
      <c r="AM283">
        <v>0</v>
      </c>
      <c r="AN283">
        <v>0</v>
      </c>
      <c r="AO283">
        <v>0</v>
      </c>
      <c r="AP283">
        <v>0</v>
      </c>
      <c r="AQ283">
        <v>0</v>
      </c>
      <c r="AR283">
        <v>0</v>
      </c>
      <c r="AS283">
        <v>0</v>
      </c>
      <c r="AT283">
        <v>0</v>
      </c>
      <c r="AU283">
        <v>0</v>
      </c>
      <c r="AV283">
        <v>0</v>
      </c>
      <c r="AW283">
        <v>0</v>
      </c>
      <c r="AX283">
        <v>0</v>
      </c>
      <c r="AY283">
        <v>0</v>
      </c>
      <c r="AZ283">
        <v>0</v>
      </c>
      <c r="BA283">
        <v>0</v>
      </c>
    </row>
    <row r="284" spans="1:53" x14ac:dyDescent="0.4">
      <c r="A284">
        <v>328</v>
      </c>
      <c r="B284" s="1">
        <v>42914</v>
      </c>
      <c r="C284">
        <v>2</v>
      </c>
      <c r="D284" s="1">
        <v>42914.432638888888</v>
      </c>
      <c r="E284" s="1">
        <v>42914.748611111114</v>
      </c>
      <c r="F284">
        <v>19500</v>
      </c>
      <c r="G284">
        <v>1600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1688</v>
      </c>
      <c r="N284">
        <v>0</v>
      </c>
      <c r="O284">
        <v>0</v>
      </c>
      <c r="P284">
        <v>16740</v>
      </c>
      <c r="Q284">
        <v>0</v>
      </c>
      <c r="R284">
        <v>39528</v>
      </c>
      <c r="S284">
        <v>0</v>
      </c>
      <c r="T284">
        <v>0</v>
      </c>
      <c r="U284">
        <v>0</v>
      </c>
      <c r="V284">
        <v>0</v>
      </c>
      <c r="W284">
        <v>4</v>
      </c>
      <c r="X284">
        <v>0</v>
      </c>
      <c r="Y284">
        <v>43</v>
      </c>
      <c r="Z284">
        <v>34</v>
      </c>
      <c r="AA284">
        <v>62</v>
      </c>
      <c r="AB284">
        <v>18</v>
      </c>
      <c r="AC284">
        <v>235</v>
      </c>
      <c r="AD284">
        <v>3</v>
      </c>
      <c r="AE284">
        <v>62</v>
      </c>
      <c r="AF284">
        <v>0</v>
      </c>
      <c r="AG284">
        <v>89527</v>
      </c>
      <c r="AH284">
        <v>50000</v>
      </c>
      <c r="AI284">
        <v>-1</v>
      </c>
      <c r="AJ284">
        <v>100</v>
      </c>
      <c r="AK284" t="s">
        <v>0</v>
      </c>
      <c r="AL284">
        <v>0</v>
      </c>
      <c r="AM284">
        <v>0</v>
      </c>
      <c r="AN284">
        <v>0</v>
      </c>
      <c r="AO284">
        <v>0</v>
      </c>
      <c r="AP284">
        <v>0</v>
      </c>
      <c r="AQ284">
        <v>0</v>
      </c>
      <c r="AR284">
        <v>0</v>
      </c>
      <c r="AS284">
        <v>0</v>
      </c>
      <c r="AT284">
        <v>0</v>
      </c>
      <c r="AU284">
        <v>0</v>
      </c>
      <c r="AV284">
        <v>0</v>
      </c>
      <c r="AW284">
        <v>0</v>
      </c>
      <c r="AX284">
        <v>-1858</v>
      </c>
      <c r="AY284">
        <v>35</v>
      </c>
      <c r="AZ284">
        <v>66</v>
      </c>
      <c r="BA284">
        <v>5033</v>
      </c>
    </row>
    <row r="285" spans="1:53" x14ac:dyDescent="0.4">
      <c r="A285">
        <v>329</v>
      </c>
      <c r="B285" s="1">
        <v>42914</v>
      </c>
      <c r="C285">
        <v>3</v>
      </c>
      <c r="D285" s="1">
        <v>42914.748611111114</v>
      </c>
      <c r="E285" s="1">
        <v>42914.957638888889</v>
      </c>
      <c r="F285">
        <v>42430</v>
      </c>
      <c r="G285">
        <v>231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3578</v>
      </c>
      <c r="N285">
        <v>0</v>
      </c>
      <c r="O285">
        <v>0</v>
      </c>
      <c r="P285">
        <v>-16740</v>
      </c>
      <c r="Q285">
        <v>0</v>
      </c>
      <c r="R285">
        <v>31578</v>
      </c>
      <c r="S285">
        <v>0</v>
      </c>
      <c r="T285">
        <v>0</v>
      </c>
      <c r="U285">
        <v>0</v>
      </c>
      <c r="V285">
        <v>1</v>
      </c>
      <c r="W285">
        <v>6</v>
      </c>
      <c r="X285">
        <v>0</v>
      </c>
      <c r="Y285">
        <v>56</v>
      </c>
      <c r="Z285">
        <v>35</v>
      </c>
      <c r="AA285">
        <v>45</v>
      </c>
      <c r="AB285">
        <v>15</v>
      </c>
      <c r="AC285">
        <v>228</v>
      </c>
      <c r="AD285">
        <v>3</v>
      </c>
      <c r="AE285">
        <v>61</v>
      </c>
      <c r="AF285">
        <v>0</v>
      </c>
      <c r="AG285">
        <v>121106</v>
      </c>
      <c r="AH285">
        <v>50000</v>
      </c>
      <c r="AI285">
        <v>0</v>
      </c>
      <c r="AJ285">
        <v>89</v>
      </c>
      <c r="AK285" t="s">
        <v>12</v>
      </c>
      <c r="AL285">
        <v>0</v>
      </c>
      <c r="AM285">
        <v>0</v>
      </c>
      <c r="AN285">
        <v>0</v>
      </c>
      <c r="AO285">
        <v>0</v>
      </c>
      <c r="AP285">
        <v>0</v>
      </c>
      <c r="AQ285">
        <v>0</v>
      </c>
      <c r="AR285">
        <v>0</v>
      </c>
      <c r="AS285">
        <v>0</v>
      </c>
      <c r="AT285">
        <v>0</v>
      </c>
      <c r="AU285">
        <v>0</v>
      </c>
      <c r="AV285">
        <v>0</v>
      </c>
      <c r="AW285">
        <v>0</v>
      </c>
      <c r="AX285">
        <v>14321</v>
      </c>
      <c r="AY285">
        <v>17</v>
      </c>
      <c r="AZ285">
        <v>48</v>
      </c>
      <c r="BA285">
        <v>2452</v>
      </c>
    </row>
    <row r="286" spans="1:53" x14ac:dyDescent="0.4">
      <c r="A286">
        <v>330</v>
      </c>
      <c r="B286" s="1">
        <v>42914</v>
      </c>
      <c r="C286">
        <v>4</v>
      </c>
      <c r="D286" s="1">
        <v>42914.957638888889</v>
      </c>
      <c r="E286" s="1">
        <v>42915.093055555553</v>
      </c>
      <c r="F286">
        <v>32270</v>
      </c>
      <c r="G286">
        <v>680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2636</v>
      </c>
      <c r="N286">
        <v>0</v>
      </c>
      <c r="O286">
        <v>0</v>
      </c>
      <c r="P286">
        <v>5940</v>
      </c>
      <c r="Q286">
        <v>0</v>
      </c>
      <c r="R286">
        <v>41526</v>
      </c>
      <c r="S286">
        <v>0</v>
      </c>
      <c r="T286">
        <v>0</v>
      </c>
      <c r="U286">
        <v>0</v>
      </c>
      <c r="V286">
        <v>3</v>
      </c>
      <c r="W286">
        <v>6</v>
      </c>
      <c r="X286">
        <v>0</v>
      </c>
      <c r="Y286">
        <v>69</v>
      </c>
      <c r="Z286">
        <v>35</v>
      </c>
      <c r="AA286">
        <v>40</v>
      </c>
      <c r="AB286">
        <v>18</v>
      </c>
      <c r="AC286">
        <v>225</v>
      </c>
      <c r="AD286">
        <v>2</v>
      </c>
      <c r="AE286">
        <v>62</v>
      </c>
      <c r="AF286">
        <v>8910</v>
      </c>
      <c r="AG286">
        <v>162632</v>
      </c>
      <c r="AH286">
        <v>50000</v>
      </c>
      <c r="AI286">
        <v>0</v>
      </c>
      <c r="AJ286">
        <v>35</v>
      </c>
      <c r="AL286">
        <v>0</v>
      </c>
      <c r="AM286">
        <v>0</v>
      </c>
      <c r="AN286">
        <v>0</v>
      </c>
      <c r="AO286">
        <v>0</v>
      </c>
      <c r="AP286">
        <v>0</v>
      </c>
      <c r="AQ286">
        <v>0</v>
      </c>
      <c r="AR286">
        <v>0</v>
      </c>
      <c r="AS286">
        <v>0</v>
      </c>
      <c r="AT286">
        <v>0</v>
      </c>
      <c r="AU286">
        <v>0</v>
      </c>
      <c r="AV286">
        <v>0</v>
      </c>
      <c r="AW286">
        <v>0</v>
      </c>
      <c r="AX286">
        <v>4752</v>
      </c>
      <c r="AY286">
        <v>4</v>
      </c>
      <c r="AZ286">
        <v>12</v>
      </c>
      <c r="BA286">
        <v>681</v>
      </c>
    </row>
    <row r="287" spans="1:53" x14ac:dyDescent="0.4">
      <c r="A287">
        <v>331</v>
      </c>
      <c r="B287" s="1">
        <v>42915</v>
      </c>
      <c r="C287">
        <v>1</v>
      </c>
      <c r="D287" s="1">
        <v>42915.291666666664</v>
      </c>
      <c r="E287" s="1">
        <v>42915.45208333333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0</v>
      </c>
      <c r="O287">
        <v>0</v>
      </c>
      <c r="P287">
        <v>0</v>
      </c>
      <c r="Q287">
        <v>0</v>
      </c>
      <c r="R287">
        <v>0</v>
      </c>
      <c r="S287">
        <v>0</v>
      </c>
      <c r="T287">
        <v>0</v>
      </c>
      <c r="U287">
        <v>0</v>
      </c>
      <c r="V287">
        <v>0</v>
      </c>
      <c r="W287">
        <v>1</v>
      </c>
      <c r="X287">
        <v>0</v>
      </c>
      <c r="Y287">
        <v>25</v>
      </c>
      <c r="Z287">
        <v>28</v>
      </c>
      <c r="AA287">
        <v>37</v>
      </c>
      <c r="AB287">
        <v>18</v>
      </c>
      <c r="AC287">
        <v>133</v>
      </c>
      <c r="AD287">
        <v>3</v>
      </c>
      <c r="AE287">
        <v>55</v>
      </c>
      <c r="AF287">
        <v>0</v>
      </c>
      <c r="AG287">
        <v>50000</v>
      </c>
      <c r="AH287">
        <v>0</v>
      </c>
      <c r="AI287">
        <v>50000</v>
      </c>
      <c r="AJ287">
        <v>0</v>
      </c>
      <c r="AK287" t="s">
        <v>6</v>
      </c>
      <c r="AL287">
        <v>0</v>
      </c>
      <c r="AM287">
        <v>0</v>
      </c>
      <c r="AN287">
        <v>0</v>
      </c>
      <c r="AO287">
        <v>0</v>
      </c>
      <c r="AP287">
        <v>0</v>
      </c>
      <c r="AQ287">
        <v>0</v>
      </c>
      <c r="AR287">
        <v>0</v>
      </c>
      <c r="AS287">
        <v>0</v>
      </c>
      <c r="AT287">
        <v>0</v>
      </c>
      <c r="AU287">
        <v>0</v>
      </c>
      <c r="AV287">
        <v>0</v>
      </c>
      <c r="AW287">
        <v>0</v>
      </c>
      <c r="AX287">
        <v>0</v>
      </c>
      <c r="AY287">
        <v>0</v>
      </c>
      <c r="AZ287">
        <v>0</v>
      </c>
      <c r="BA287">
        <v>0</v>
      </c>
    </row>
    <row r="288" spans="1:53" x14ac:dyDescent="0.4">
      <c r="A288">
        <v>332</v>
      </c>
      <c r="B288" s="1">
        <v>42915</v>
      </c>
      <c r="C288">
        <v>2</v>
      </c>
      <c r="D288" s="1">
        <v>42915.45208333333</v>
      </c>
      <c r="E288" s="1">
        <v>42915.765972222223</v>
      </c>
      <c r="F288">
        <v>27000</v>
      </c>
      <c r="G288">
        <v>1930</v>
      </c>
      <c r="H288">
        <v>0</v>
      </c>
      <c r="I288">
        <v>0</v>
      </c>
      <c r="J288">
        <v>500</v>
      </c>
      <c r="K288">
        <v>0</v>
      </c>
      <c r="L288">
        <v>0</v>
      </c>
      <c r="M288">
        <v>2274</v>
      </c>
      <c r="N288">
        <v>0</v>
      </c>
      <c r="O288">
        <v>0</v>
      </c>
      <c r="P288">
        <v>7560</v>
      </c>
      <c r="Q288">
        <v>0</v>
      </c>
      <c r="R288">
        <v>38264</v>
      </c>
      <c r="S288">
        <v>0</v>
      </c>
      <c r="T288">
        <v>0</v>
      </c>
      <c r="U288">
        <v>0</v>
      </c>
      <c r="V288">
        <v>0</v>
      </c>
      <c r="W288">
        <v>1</v>
      </c>
      <c r="X288">
        <v>0</v>
      </c>
      <c r="Y288">
        <v>41</v>
      </c>
      <c r="Z288">
        <v>43</v>
      </c>
      <c r="AA288">
        <v>65</v>
      </c>
      <c r="AB288">
        <v>24</v>
      </c>
      <c r="AC288">
        <v>194</v>
      </c>
      <c r="AD288">
        <v>5</v>
      </c>
      <c r="AE288">
        <v>66</v>
      </c>
      <c r="AF288">
        <v>11033</v>
      </c>
      <c r="AG288">
        <v>88264</v>
      </c>
      <c r="AH288">
        <v>50000</v>
      </c>
      <c r="AI288">
        <v>0</v>
      </c>
      <c r="AJ288">
        <v>103</v>
      </c>
      <c r="AK288" t="s">
        <v>19</v>
      </c>
      <c r="AL288">
        <v>0</v>
      </c>
      <c r="AM288">
        <v>0</v>
      </c>
      <c r="AN288">
        <v>0</v>
      </c>
      <c r="AO288">
        <v>0</v>
      </c>
      <c r="AP288">
        <v>0</v>
      </c>
      <c r="AQ288">
        <v>0</v>
      </c>
      <c r="AR288">
        <v>0</v>
      </c>
      <c r="AS288">
        <v>0</v>
      </c>
      <c r="AT288">
        <v>0</v>
      </c>
      <c r="AU288">
        <v>0</v>
      </c>
      <c r="AV288">
        <v>0</v>
      </c>
      <c r="AW288">
        <v>0</v>
      </c>
      <c r="AX288">
        <v>1415</v>
      </c>
      <c r="AY288">
        <v>38</v>
      </c>
      <c r="AZ288">
        <v>66</v>
      </c>
      <c r="BA288">
        <v>5930</v>
      </c>
    </row>
    <row r="289" spans="1:53" x14ac:dyDescent="0.4">
      <c r="A289">
        <v>333</v>
      </c>
      <c r="B289" s="1">
        <v>42915</v>
      </c>
      <c r="C289">
        <v>3</v>
      </c>
      <c r="D289" s="1">
        <v>42915.765972222223</v>
      </c>
      <c r="E289" s="1">
        <v>42915.953472222223</v>
      </c>
      <c r="F289">
        <v>9000</v>
      </c>
      <c r="G289">
        <v>1690</v>
      </c>
      <c r="H289">
        <v>0</v>
      </c>
      <c r="I289">
        <v>0</v>
      </c>
      <c r="J289">
        <v>0</v>
      </c>
      <c r="K289">
        <v>0</v>
      </c>
      <c r="L289">
        <v>0</v>
      </c>
      <c r="M289">
        <v>855</v>
      </c>
      <c r="N289">
        <v>0</v>
      </c>
      <c r="O289">
        <v>0</v>
      </c>
      <c r="P289">
        <v>7344</v>
      </c>
      <c r="Q289">
        <v>0</v>
      </c>
      <c r="R289">
        <v>18889</v>
      </c>
      <c r="S289">
        <v>0</v>
      </c>
      <c r="T289">
        <v>0</v>
      </c>
      <c r="U289">
        <v>0</v>
      </c>
      <c r="V289">
        <v>1</v>
      </c>
      <c r="W289">
        <v>1</v>
      </c>
      <c r="X289">
        <v>0</v>
      </c>
      <c r="Y289">
        <v>50</v>
      </c>
      <c r="Z289">
        <v>43</v>
      </c>
      <c r="AA289">
        <v>63</v>
      </c>
      <c r="AB289">
        <v>25</v>
      </c>
      <c r="AC289">
        <v>197</v>
      </c>
      <c r="AD289">
        <v>6</v>
      </c>
      <c r="AE289">
        <v>70</v>
      </c>
      <c r="AF289">
        <v>11033</v>
      </c>
      <c r="AG289">
        <v>107153</v>
      </c>
      <c r="AH289">
        <v>50000</v>
      </c>
      <c r="AI289">
        <v>0</v>
      </c>
      <c r="AJ289">
        <v>102</v>
      </c>
      <c r="AK289" t="s">
        <v>8</v>
      </c>
      <c r="AL289">
        <v>0</v>
      </c>
      <c r="AM289">
        <v>0</v>
      </c>
      <c r="AN289">
        <v>0</v>
      </c>
      <c r="AO289">
        <v>0</v>
      </c>
      <c r="AP289">
        <v>0</v>
      </c>
      <c r="AQ289">
        <v>0</v>
      </c>
      <c r="AR289">
        <v>0</v>
      </c>
      <c r="AS289">
        <v>0</v>
      </c>
      <c r="AT289">
        <v>0</v>
      </c>
      <c r="AU289">
        <v>0</v>
      </c>
      <c r="AV289">
        <v>0</v>
      </c>
      <c r="AW289">
        <v>0</v>
      </c>
      <c r="AX289">
        <v>17529</v>
      </c>
      <c r="AY289">
        <v>7</v>
      </c>
      <c r="AZ289">
        <v>20</v>
      </c>
      <c r="BA289">
        <v>917</v>
      </c>
    </row>
    <row r="290" spans="1:53" x14ac:dyDescent="0.4">
      <c r="A290">
        <v>334</v>
      </c>
      <c r="B290" s="1">
        <v>42915</v>
      </c>
      <c r="C290">
        <v>4</v>
      </c>
      <c r="D290" s="1">
        <v>42915.953472222223</v>
      </c>
      <c r="E290" s="1">
        <v>42916.135416666664</v>
      </c>
      <c r="F290">
        <v>41300</v>
      </c>
      <c r="G290">
        <v>273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3523</v>
      </c>
      <c r="N290">
        <v>0</v>
      </c>
      <c r="O290">
        <v>0</v>
      </c>
      <c r="P290">
        <v>756</v>
      </c>
      <c r="Q290">
        <v>0</v>
      </c>
      <c r="R290">
        <v>48309</v>
      </c>
      <c r="S290">
        <v>0</v>
      </c>
      <c r="T290">
        <v>0</v>
      </c>
      <c r="U290">
        <v>0</v>
      </c>
      <c r="V290">
        <v>2</v>
      </c>
      <c r="W290">
        <v>1</v>
      </c>
      <c r="X290">
        <v>0</v>
      </c>
      <c r="Y290">
        <v>51</v>
      </c>
      <c r="Z290">
        <v>45</v>
      </c>
      <c r="AA290">
        <v>75</v>
      </c>
      <c r="AB290">
        <v>26</v>
      </c>
      <c r="AC290">
        <v>201</v>
      </c>
      <c r="AD290">
        <v>5</v>
      </c>
      <c r="AE290">
        <v>69</v>
      </c>
      <c r="AF290">
        <v>46058</v>
      </c>
      <c r="AG290">
        <v>155462</v>
      </c>
      <c r="AH290">
        <v>50000</v>
      </c>
      <c r="AI290">
        <v>0</v>
      </c>
      <c r="AJ290">
        <v>94</v>
      </c>
      <c r="AK290" t="s">
        <v>21</v>
      </c>
      <c r="AL290">
        <v>0</v>
      </c>
      <c r="AM290">
        <v>0</v>
      </c>
      <c r="AN290">
        <v>0</v>
      </c>
      <c r="AO290">
        <v>0</v>
      </c>
      <c r="AP290">
        <v>0</v>
      </c>
      <c r="AQ290">
        <v>0</v>
      </c>
      <c r="AR290">
        <v>0</v>
      </c>
      <c r="AS290">
        <v>0</v>
      </c>
      <c r="AT290">
        <v>0</v>
      </c>
      <c r="AU290">
        <v>0</v>
      </c>
      <c r="AV290">
        <v>0</v>
      </c>
      <c r="AW290">
        <v>0</v>
      </c>
      <c r="AX290">
        <v>2884</v>
      </c>
      <c r="AY290">
        <v>6</v>
      </c>
      <c r="AZ290">
        <v>16</v>
      </c>
      <c r="BA290">
        <v>1157</v>
      </c>
    </row>
    <row r="291" spans="1:53" x14ac:dyDescent="0.4">
      <c r="A291">
        <v>335</v>
      </c>
      <c r="B291" s="1">
        <v>42916</v>
      </c>
      <c r="C291">
        <v>1</v>
      </c>
      <c r="D291" s="1">
        <v>42916.291666666664</v>
      </c>
      <c r="E291" s="1">
        <v>42916.45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0</v>
      </c>
      <c r="O291">
        <v>0</v>
      </c>
      <c r="P291">
        <v>0</v>
      </c>
      <c r="Q291">
        <v>0</v>
      </c>
      <c r="R291">
        <v>0</v>
      </c>
      <c r="S291">
        <v>0</v>
      </c>
      <c r="T291">
        <v>0</v>
      </c>
      <c r="U291">
        <v>0</v>
      </c>
      <c r="V291">
        <v>0</v>
      </c>
      <c r="W291">
        <v>1</v>
      </c>
      <c r="X291">
        <v>0</v>
      </c>
      <c r="Y291">
        <v>25</v>
      </c>
      <c r="Z291">
        <v>19</v>
      </c>
      <c r="AA291">
        <v>72</v>
      </c>
      <c r="AB291">
        <v>26</v>
      </c>
      <c r="AC291">
        <v>191</v>
      </c>
      <c r="AD291">
        <v>4</v>
      </c>
      <c r="AE291">
        <v>70</v>
      </c>
      <c r="AF291">
        <v>0</v>
      </c>
      <c r="AG291">
        <v>50000</v>
      </c>
      <c r="AH291">
        <v>0</v>
      </c>
      <c r="AI291">
        <v>50000</v>
      </c>
      <c r="AJ291">
        <v>0</v>
      </c>
      <c r="AK291" t="s">
        <v>6</v>
      </c>
      <c r="AL291">
        <v>0</v>
      </c>
      <c r="AM291">
        <v>0</v>
      </c>
      <c r="AN291">
        <v>0</v>
      </c>
      <c r="AO291">
        <v>0</v>
      </c>
      <c r="AP291">
        <v>0</v>
      </c>
      <c r="AQ291">
        <v>0</v>
      </c>
      <c r="AR291">
        <v>0</v>
      </c>
      <c r="AS291">
        <v>0</v>
      </c>
      <c r="AT291">
        <v>0</v>
      </c>
      <c r="AU291">
        <v>0</v>
      </c>
      <c r="AV291">
        <v>0</v>
      </c>
      <c r="AW291">
        <v>0</v>
      </c>
      <c r="AX291">
        <v>0</v>
      </c>
      <c r="AY291">
        <v>0</v>
      </c>
      <c r="AZ291">
        <v>0</v>
      </c>
      <c r="BA291">
        <v>0</v>
      </c>
    </row>
    <row r="292" spans="1:53" x14ac:dyDescent="0.4">
      <c r="A292">
        <v>336</v>
      </c>
      <c r="B292" s="1">
        <v>42916</v>
      </c>
      <c r="C292">
        <v>2</v>
      </c>
      <c r="D292" s="1">
        <v>42916.45</v>
      </c>
      <c r="E292" s="1">
        <v>42916.736111111109</v>
      </c>
      <c r="F292">
        <v>18500</v>
      </c>
      <c r="G292">
        <v>1560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1604</v>
      </c>
      <c r="N292">
        <v>0</v>
      </c>
      <c r="O292">
        <v>0</v>
      </c>
      <c r="P292">
        <v>18900</v>
      </c>
      <c r="Q292">
        <v>0</v>
      </c>
      <c r="R292">
        <v>40564</v>
      </c>
      <c r="S292">
        <v>0</v>
      </c>
      <c r="T292">
        <v>0</v>
      </c>
      <c r="U292">
        <v>0</v>
      </c>
      <c r="V292">
        <v>2</v>
      </c>
      <c r="W292">
        <v>4</v>
      </c>
      <c r="X292">
        <v>0</v>
      </c>
      <c r="Y292">
        <v>20</v>
      </c>
      <c r="Z292">
        <v>36</v>
      </c>
      <c r="AA292">
        <v>87</v>
      </c>
      <c r="AB292">
        <v>24</v>
      </c>
      <c r="AC292">
        <v>256</v>
      </c>
      <c r="AD292">
        <v>6</v>
      </c>
      <c r="AE292">
        <v>74</v>
      </c>
      <c r="AF292">
        <v>0</v>
      </c>
      <c r="AG292">
        <v>90564</v>
      </c>
      <c r="AH292">
        <v>50000</v>
      </c>
      <c r="AI292">
        <v>0</v>
      </c>
      <c r="AJ292">
        <v>96</v>
      </c>
      <c r="AK292" t="s">
        <v>4</v>
      </c>
      <c r="AL292">
        <v>0</v>
      </c>
      <c r="AM292">
        <v>0</v>
      </c>
      <c r="AN292">
        <v>0</v>
      </c>
      <c r="AO292">
        <v>0</v>
      </c>
      <c r="AP292">
        <v>0</v>
      </c>
      <c r="AQ292">
        <v>0</v>
      </c>
      <c r="AR292">
        <v>0</v>
      </c>
      <c r="AS292">
        <v>0</v>
      </c>
      <c r="AT292">
        <v>0</v>
      </c>
      <c r="AU292">
        <v>0</v>
      </c>
      <c r="AV292">
        <v>0</v>
      </c>
      <c r="AW292">
        <v>0</v>
      </c>
      <c r="AX292">
        <v>0</v>
      </c>
      <c r="AY292">
        <v>35</v>
      </c>
      <c r="AZ292">
        <v>72</v>
      </c>
      <c r="BA292">
        <v>5295</v>
      </c>
    </row>
    <row r="293" spans="1:53" x14ac:dyDescent="0.4">
      <c r="A293">
        <v>337</v>
      </c>
      <c r="B293" s="1">
        <v>42916</v>
      </c>
      <c r="C293">
        <v>3</v>
      </c>
      <c r="D293" s="1">
        <v>42916.736111111109</v>
      </c>
      <c r="E293" s="1">
        <v>42916.977777777778</v>
      </c>
      <c r="F293">
        <v>187400</v>
      </c>
      <c r="G293">
        <v>7200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15567</v>
      </c>
      <c r="N293">
        <v>0</v>
      </c>
      <c r="O293">
        <v>0</v>
      </c>
      <c r="P293">
        <v>-4536</v>
      </c>
      <c r="Q293">
        <v>0</v>
      </c>
      <c r="R293">
        <v>205631</v>
      </c>
      <c r="S293">
        <v>0</v>
      </c>
      <c r="T293">
        <v>0</v>
      </c>
      <c r="U293">
        <v>0</v>
      </c>
      <c r="V293">
        <v>19</v>
      </c>
      <c r="W293">
        <v>3</v>
      </c>
      <c r="X293">
        <v>0</v>
      </c>
      <c r="Y293">
        <v>30</v>
      </c>
      <c r="Z293">
        <v>31</v>
      </c>
      <c r="AA293">
        <v>77</v>
      </c>
      <c r="AB293">
        <v>23</v>
      </c>
      <c r="AC293">
        <v>257</v>
      </c>
      <c r="AD293">
        <v>6</v>
      </c>
      <c r="AE293">
        <v>66</v>
      </c>
      <c r="AF293">
        <v>34179</v>
      </c>
      <c r="AG293">
        <v>296195</v>
      </c>
      <c r="AH293">
        <v>50000</v>
      </c>
      <c r="AI293">
        <v>0</v>
      </c>
      <c r="AJ293">
        <v>100</v>
      </c>
      <c r="AK293" t="s">
        <v>0</v>
      </c>
      <c r="AL293">
        <v>0</v>
      </c>
      <c r="AM293">
        <v>0</v>
      </c>
      <c r="AN293">
        <v>0</v>
      </c>
      <c r="AO293">
        <v>0</v>
      </c>
      <c r="AP293">
        <v>0</v>
      </c>
      <c r="AQ293">
        <v>0</v>
      </c>
      <c r="AR293">
        <v>0</v>
      </c>
      <c r="AS293">
        <v>0</v>
      </c>
      <c r="AT293">
        <v>0</v>
      </c>
      <c r="AU293">
        <v>0</v>
      </c>
      <c r="AV293">
        <v>0</v>
      </c>
      <c r="AW293">
        <v>0</v>
      </c>
      <c r="AX293">
        <v>106087</v>
      </c>
      <c r="AY293">
        <v>35</v>
      </c>
      <c r="AZ293">
        <v>192</v>
      </c>
      <c r="BA293">
        <v>4177</v>
      </c>
    </row>
    <row r="294" spans="1:53" x14ac:dyDescent="0.4">
      <c r="A294">
        <v>338</v>
      </c>
      <c r="B294" s="1">
        <v>42916</v>
      </c>
      <c r="C294">
        <v>4</v>
      </c>
      <c r="D294" s="1">
        <v>42916.977777777778</v>
      </c>
      <c r="E294" s="1">
        <v>42917.090277777781</v>
      </c>
      <c r="F294">
        <v>171800</v>
      </c>
      <c r="G294">
        <v>6320</v>
      </c>
      <c r="H294">
        <v>0</v>
      </c>
      <c r="I294">
        <v>0</v>
      </c>
      <c r="J294">
        <v>0</v>
      </c>
      <c r="K294">
        <v>0</v>
      </c>
      <c r="L294">
        <v>0</v>
      </c>
      <c r="M294">
        <v>14249</v>
      </c>
      <c r="N294">
        <v>0</v>
      </c>
      <c r="O294">
        <v>0</v>
      </c>
      <c r="P294">
        <v>131760</v>
      </c>
      <c r="Q294">
        <v>0</v>
      </c>
      <c r="R294">
        <v>324129</v>
      </c>
      <c r="S294">
        <v>0</v>
      </c>
      <c r="T294">
        <v>0</v>
      </c>
      <c r="U294">
        <v>0</v>
      </c>
      <c r="V294">
        <v>39</v>
      </c>
      <c r="W294">
        <v>9</v>
      </c>
      <c r="X294">
        <v>0</v>
      </c>
      <c r="Y294">
        <v>96</v>
      </c>
      <c r="Z294">
        <v>33</v>
      </c>
      <c r="AA294">
        <v>52</v>
      </c>
      <c r="AB294">
        <v>16</v>
      </c>
      <c r="AC294">
        <v>242</v>
      </c>
      <c r="AD294">
        <v>6</v>
      </c>
      <c r="AE294">
        <v>63</v>
      </c>
      <c r="AF294">
        <v>64311</v>
      </c>
      <c r="AG294">
        <v>620324</v>
      </c>
      <c r="AH294">
        <v>50000</v>
      </c>
      <c r="AI294">
        <v>0</v>
      </c>
      <c r="AJ294">
        <v>102</v>
      </c>
      <c r="AK294" t="s">
        <v>8</v>
      </c>
      <c r="AL294">
        <v>0</v>
      </c>
      <c r="AM294">
        <v>0</v>
      </c>
      <c r="AN294">
        <v>0</v>
      </c>
      <c r="AO294">
        <v>0</v>
      </c>
      <c r="AP294">
        <v>0</v>
      </c>
      <c r="AQ294">
        <v>0</v>
      </c>
      <c r="AR294">
        <v>0</v>
      </c>
      <c r="AS294">
        <v>0</v>
      </c>
      <c r="AT294">
        <v>0</v>
      </c>
      <c r="AU294">
        <v>0</v>
      </c>
      <c r="AV294">
        <v>0</v>
      </c>
      <c r="AW294">
        <v>0</v>
      </c>
      <c r="AX294">
        <v>-2798</v>
      </c>
      <c r="AY294">
        <v>18</v>
      </c>
      <c r="AZ294">
        <v>79</v>
      </c>
      <c r="BA294">
        <v>2560</v>
      </c>
    </row>
    <row r="295" spans="1:53" x14ac:dyDescent="0.4">
      <c r="A295">
        <v>339</v>
      </c>
      <c r="B295" s="1">
        <v>42917</v>
      </c>
      <c r="C295">
        <v>1</v>
      </c>
      <c r="D295" s="1">
        <v>42917.291666666664</v>
      </c>
      <c r="E295" s="1">
        <v>42917.410416666666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0</v>
      </c>
      <c r="O295">
        <v>0</v>
      </c>
      <c r="P295">
        <v>0</v>
      </c>
      <c r="Q295">
        <v>0</v>
      </c>
      <c r="R295">
        <v>0</v>
      </c>
      <c r="S295">
        <v>0</v>
      </c>
      <c r="T295">
        <v>0</v>
      </c>
      <c r="U295">
        <v>0</v>
      </c>
      <c r="V295">
        <v>0</v>
      </c>
      <c r="W295">
        <v>1</v>
      </c>
      <c r="X295">
        <v>0</v>
      </c>
      <c r="Y295">
        <v>25</v>
      </c>
      <c r="Z295">
        <v>24</v>
      </c>
      <c r="AA295">
        <v>57</v>
      </c>
      <c r="AB295">
        <v>16</v>
      </c>
      <c r="AC295">
        <v>140</v>
      </c>
      <c r="AD295">
        <v>7</v>
      </c>
      <c r="AE295">
        <v>65</v>
      </c>
      <c r="AF295">
        <v>0</v>
      </c>
      <c r="AG295">
        <v>50000</v>
      </c>
      <c r="AH295">
        <v>0</v>
      </c>
      <c r="AI295">
        <v>50000</v>
      </c>
      <c r="AJ295">
        <v>0</v>
      </c>
      <c r="AK295" t="s">
        <v>6</v>
      </c>
      <c r="AL295">
        <v>0</v>
      </c>
      <c r="AM295">
        <v>0</v>
      </c>
      <c r="AN295">
        <v>0</v>
      </c>
      <c r="AO295">
        <v>0</v>
      </c>
      <c r="AP295">
        <v>0</v>
      </c>
      <c r="AQ295">
        <v>0</v>
      </c>
      <c r="AR295">
        <v>0</v>
      </c>
      <c r="AS295">
        <v>0</v>
      </c>
      <c r="AT295">
        <v>0</v>
      </c>
      <c r="AU295">
        <v>0</v>
      </c>
      <c r="AV295">
        <v>0</v>
      </c>
      <c r="AW295">
        <v>0</v>
      </c>
      <c r="AX295">
        <v>0</v>
      </c>
      <c r="AY295">
        <v>0</v>
      </c>
      <c r="AZ295">
        <v>0</v>
      </c>
      <c r="BA295">
        <v>0</v>
      </c>
    </row>
    <row r="296" spans="1:53" x14ac:dyDescent="0.4">
      <c r="A296">
        <v>340</v>
      </c>
      <c r="B296" s="1">
        <v>42917</v>
      </c>
      <c r="C296">
        <v>2</v>
      </c>
      <c r="D296" s="1">
        <v>42917.410416666666</v>
      </c>
      <c r="E296" s="1">
        <v>42917.732638888891</v>
      </c>
      <c r="F296">
        <v>40000</v>
      </c>
      <c r="G296">
        <v>625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3699</v>
      </c>
      <c r="N296">
        <v>0</v>
      </c>
      <c r="O296">
        <v>0</v>
      </c>
      <c r="P296">
        <v>11880</v>
      </c>
      <c r="Q296">
        <v>0</v>
      </c>
      <c r="R296">
        <v>61829</v>
      </c>
      <c r="S296">
        <v>0</v>
      </c>
      <c r="T296">
        <v>0</v>
      </c>
      <c r="U296">
        <v>0</v>
      </c>
      <c r="V296">
        <v>3</v>
      </c>
      <c r="W296">
        <v>1</v>
      </c>
      <c r="X296">
        <v>0</v>
      </c>
      <c r="Y296">
        <v>35</v>
      </c>
      <c r="Z296">
        <v>47</v>
      </c>
      <c r="AA296">
        <v>92</v>
      </c>
      <c r="AB296">
        <v>25</v>
      </c>
      <c r="AC296">
        <v>212</v>
      </c>
      <c r="AD296">
        <v>13</v>
      </c>
      <c r="AE296">
        <v>65</v>
      </c>
      <c r="AF296">
        <v>5629</v>
      </c>
      <c r="AG296">
        <v>111829</v>
      </c>
      <c r="AH296">
        <v>50000</v>
      </c>
      <c r="AI296">
        <v>0</v>
      </c>
      <c r="AJ296">
        <v>96</v>
      </c>
      <c r="AK296" t="s">
        <v>4</v>
      </c>
      <c r="AL296">
        <v>0</v>
      </c>
      <c r="AM296">
        <v>0</v>
      </c>
      <c r="AN296">
        <v>0</v>
      </c>
      <c r="AO296">
        <v>0</v>
      </c>
      <c r="AP296">
        <v>0</v>
      </c>
      <c r="AQ296">
        <v>0</v>
      </c>
      <c r="AR296">
        <v>0</v>
      </c>
      <c r="AS296">
        <v>0</v>
      </c>
      <c r="AT296">
        <v>0</v>
      </c>
      <c r="AU296">
        <v>0</v>
      </c>
      <c r="AV296">
        <v>0</v>
      </c>
      <c r="AW296">
        <v>0</v>
      </c>
      <c r="AX296">
        <v>0</v>
      </c>
      <c r="AY296">
        <v>46</v>
      </c>
      <c r="AZ296">
        <v>98</v>
      </c>
      <c r="BA296">
        <v>7133</v>
      </c>
    </row>
    <row r="297" spans="1:53" x14ac:dyDescent="0.4">
      <c r="A297">
        <v>341</v>
      </c>
      <c r="B297" s="1">
        <v>42917</v>
      </c>
      <c r="C297">
        <v>3</v>
      </c>
      <c r="D297" s="1">
        <v>42917.732638888891</v>
      </c>
      <c r="E297" s="1">
        <v>42917.963194444441</v>
      </c>
      <c r="F297">
        <v>167200</v>
      </c>
      <c r="G297">
        <v>22380</v>
      </c>
      <c r="H297">
        <v>0</v>
      </c>
      <c r="I297">
        <v>0</v>
      </c>
      <c r="J297">
        <v>8000</v>
      </c>
      <c r="K297">
        <v>0</v>
      </c>
      <c r="L297">
        <v>0</v>
      </c>
      <c r="M297">
        <v>14526</v>
      </c>
      <c r="N297">
        <v>0</v>
      </c>
      <c r="O297">
        <v>0</v>
      </c>
      <c r="P297">
        <v>-11880</v>
      </c>
      <c r="Q297">
        <v>0</v>
      </c>
      <c r="R297">
        <v>184226</v>
      </c>
      <c r="S297">
        <v>0</v>
      </c>
      <c r="T297">
        <v>0</v>
      </c>
      <c r="U297">
        <v>0</v>
      </c>
      <c r="V297">
        <v>20</v>
      </c>
      <c r="W297">
        <v>2</v>
      </c>
      <c r="X297">
        <v>0</v>
      </c>
      <c r="Y297">
        <v>21</v>
      </c>
      <c r="Z297">
        <v>41</v>
      </c>
      <c r="AA297">
        <v>95</v>
      </c>
      <c r="AB297">
        <v>26</v>
      </c>
      <c r="AC297">
        <v>219</v>
      </c>
      <c r="AD297">
        <v>10</v>
      </c>
      <c r="AE297">
        <v>42</v>
      </c>
      <c r="AF297">
        <v>31473</v>
      </c>
      <c r="AG297">
        <v>296055</v>
      </c>
      <c r="AH297">
        <v>50000</v>
      </c>
      <c r="AI297">
        <v>0</v>
      </c>
      <c r="AJ297">
        <v>99</v>
      </c>
      <c r="AK297" t="s">
        <v>9</v>
      </c>
      <c r="AL297">
        <v>0</v>
      </c>
      <c r="AM297">
        <v>0</v>
      </c>
      <c r="AN297">
        <v>0</v>
      </c>
      <c r="AO297">
        <v>0</v>
      </c>
      <c r="AP297">
        <v>0</v>
      </c>
      <c r="AQ297">
        <v>0</v>
      </c>
      <c r="AR297">
        <v>0</v>
      </c>
      <c r="AS297">
        <v>0</v>
      </c>
      <c r="AT297">
        <v>0</v>
      </c>
      <c r="AU297">
        <v>0</v>
      </c>
      <c r="AV297">
        <v>0</v>
      </c>
      <c r="AW297">
        <v>0</v>
      </c>
      <c r="AX297">
        <v>75653</v>
      </c>
      <c r="AY297">
        <v>29</v>
      </c>
      <c r="AZ297">
        <v>137</v>
      </c>
      <c r="BA297">
        <v>4089</v>
      </c>
    </row>
    <row r="298" spans="1:53" x14ac:dyDescent="0.4">
      <c r="A298">
        <v>342</v>
      </c>
      <c r="B298" s="1">
        <v>42918</v>
      </c>
      <c r="C298">
        <v>1</v>
      </c>
      <c r="D298" s="1">
        <v>42918.291666666664</v>
      </c>
      <c r="E298" s="1">
        <v>42918.394444444442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0</v>
      </c>
      <c r="O298">
        <v>0</v>
      </c>
      <c r="P298">
        <v>0</v>
      </c>
      <c r="Q298">
        <v>0</v>
      </c>
      <c r="R298">
        <v>0</v>
      </c>
      <c r="S298">
        <v>0</v>
      </c>
      <c r="T298">
        <v>0</v>
      </c>
      <c r="U298">
        <v>0</v>
      </c>
      <c r="V298">
        <v>0</v>
      </c>
      <c r="W298">
        <v>1</v>
      </c>
      <c r="X298">
        <v>0</v>
      </c>
      <c r="Y298">
        <v>26</v>
      </c>
      <c r="Z298">
        <v>15</v>
      </c>
      <c r="AA298">
        <v>84</v>
      </c>
      <c r="AB298">
        <v>22</v>
      </c>
      <c r="AC298">
        <v>193</v>
      </c>
      <c r="AD298">
        <v>11</v>
      </c>
      <c r="AE298">
        <v>20</v>
      </c>
      <c r="AF298">
        <v>0</v>
      </c>
      <c r="AG298">
        <v>50005</v>
      </c>
      <c r="AH298">
        <v>50000</v>
      </c>
      <c r="AI298">
        <v>5</v>
      </c>
      <c r="AJ298">
        <v>0</v>
      </c>
      <c r="AK298" t="s">
        <v>6</v>
      </c>
      <c r="AL298">
        <v>0</v>
      </c>
      <c r="AM298">
        <v>0</v>
      </c>
      <c r="AN298">
        <v>0</v>
      </c>
      <c r="AO298">
        <v>0</v>
      </c>
      <c r="AP298">
        <v>0</v>
      </c>
      <c r="AQ298">
        <v>0</v>
      </c>
      <c r="AR298">
        <v>0</v>
      </c>
      <c r="AS298">
        <v>0</v>
      </c>
      <c r="AT298">
        <v>0</v>
      </c>
      <c r="AU298">
        <v>0</v>
      </c>
      <c r="AV298">
        <v>0</v>
      </c>
      <c r="AW298">
        <v>0</v>
      </c>
      <c r="AX298">
        <v>0</v>
      </c>
      <c r="AY298">
        <v>0</v>
      </c>
      <c r="AZ298">
        <v>0</v>
      </c>
      <c r="BA298">
        <v>0</v>
      </c>
    </row>
    <row r="299" spans="1:53" x14ac:dyDescent="0.4">
      <c r="A299">
        <v>343</v>
      </c>
      <c r="B299" s="1">
        <v>42918</v>
      </c>
      <c r="C299">
        <v>2</v>
      </c>
      <c r="D299" s="1">
        <v>42918.394444444442</v>
      </c>
      <c r="E299" s="1">
        <v>42918.398611111108</v>
      </c>
      <c r="F299">
        <v>0</v>
      </c>
      <c r="G299">
        <v>0</v>
      </c>
      <c r="H299">
        <v>0</v>
      </c>
      <c r="I299">
        <v>0</v>
      </c>
      <c r="J299">
        <v>0</v>
      </c>
      <c r="K299">
        <v>0</v>
      </c>
      <c r="L299">
        <v>0</v>
      </c>
      <c r="M299">
        <v>0</v>
      </c>
      <c r="N299">
        <v>0</v>
      </c>
      <c r="O299">
        <v>0</v>
      </c>
      <c r="P299">
        <v>0</v>
      </c>
      <c r="Q299">
        <v>0</v>
      </c>
      <c r="R299">
        <v>0</v>
      </c>
      <c r="S299">
        <v>0</v>
      </c>
      <c r="T299">
        <v>0</v>
      </c>
      <c r="U299">
        <v>0</v>
      </c>
      <c r="V299">
        <v>0</v>
      </c>
      <c r="W299">
        <v>1</v>
      </c>
      <c r="X299">
        <v>0</v>
      </c>
      <c r="Y299">
        <v>26</v>
      </c>
      <c r="Z299">
        <v>15</v>
      </c>
      <c r="AA299">
        <v>84</v>
      </c>
      <c r="AB299">
        <v>22</v>
      </c>
      <c r="AC299">
        <v>193</v>
      </c>
      <c r="AD299">
        <v>10</v>
      </c>
      <c r="AE299">
        <v>20</v>
      </c>
      <c r="AF299">
        <v>0</v>
      </c>
      <c r="AG299">
        <v>50000</v>
      </c>
      <c r="AH299">
        <v>50000</v>
      </c>
      <c r="AI299">
        <v>0</v>
      </c>
      <c r="AJ299">
        <v>0</v>
      </c>
      <c r="AK299" t="s">
        <v>6</v>
      </c>
      <c r="AL299">
        <v>0</v>
      </c>
      <c r="AM299">
        <v>0</v>
      </c>
      <c r="AN299">
        <v>0</v>
      </c>
      <c r="AO299">
        <v>0</v>
      </c>
      <c r="AP299">
        <v>0</v>
      </c>
      <c r="AQ299">
        <v>0</v>
      </c>
      <c r="AR299">
        <v>0</v>
      </c>
      <c r="AS299">
        <v>0</v>
      </c>
      <c r="AT299">
        <v>0</v>
      </c>
      <c r="AU299">
        <v>0</v>
      </c>
      <c r="AV299">
        <v>0</v>
      </c>
      <c r="AW299">
        <v>0</v>
      </c>
      <c r="AX299">
        <v>0</v>
      </c>
      <c r="AY299">
        <v>0</v>
      </c>
      <c r="AZ299">
        <v>0</v>
      </c>
      <c r="BA299">
        <v>0</v>
      </c>
    </row>
    <row r="300" spans="1:53" x14ac:dyDescent="0.4">
      <c r="A300">
        <v>344</v>
      </c>
      <c r="B300" s="1">
        <v>42918</v>
      </c>
      <c r="C300">
        <v>3</v>
      </c>
      <c r="D300" s="1">
        <v>42918.398611111108</v>
      </c>
      <c r="E300" s="1">
        <v>42918.741666666669</v>
      </c>
      <c r="F300">
        <v>40500</v>
      </c>
      <c r="G300">
        <v>240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3431</v>
      </c>
      <c r="N300">
        <v>0</v>
      </c>
      <c r="O300">
        <v>0</v>
      </c>
      <c r="P300">
        <v>18900</v>
      </c>
      <c r="Q300">
        <v>0</v>
      </c>
      <c r="R300">
        <v>65231</v>
      </c>
      <c r="S300">
        <v>0</v>
      </c>
      <c r="T300">
        <v>0</v>
      </c>
      <c r="U300">
        <v>0</v>
      </c>
      <c r="V300">
        <v>2</v>
      </c>
      <c r="W300">
        <v>0</v>
      </c>
      <c r="X300">
        <v>0</v>
      </c>
      <c r="Y300">
        <v>62</v>
      </c>
      <c r="Z300">
        <v>32</v>
      </c>
      <c r="AA300">
        <v>102</v>
      </c>
      <c r="AB300">
        <v>32</v>
      </c>
      <c r="AC300">
        <v>230</v>
      </c>
      <c r="AD300">
        <v>15</v>
      </c>
      <c r="AE300">
        <v>25</v>
      </c>
      <c r="AF300">
        <v>3031</v>
      </c>
      <c r="AG300">
        <v>115231</v>
      </c>
      <c r="AH300">
        <v>50000</v>
      </c>
      <c r="AI300">
        <v>0</v>
      </c>
      <c r="AJ300">
        <v>99</v>
      </c>
      <c r="AK300" t="s">
        <v>9</v>
      </c>
      <c r="AL300">
        <v>0</v>
      </c>
      <c r="AM300">
        <v>0</v>
      </c>
      <c r="AN300">
        <v>0</v>
      </c>
      <c r="AO300">
        <v>0</v>
      </c>
      <c r="AP300">
        <v>0</v>
      </c>
      <c r="AQ300">
        <v>0</v>
      </c>
      <c r="AR300">
        <v>0</v>
      </c>
      <c r="AS300">
        <v>0</v>
      </c>
      <c r="AT300">
        <v>0</v>
      </c>
      <c r="AU300">
        <v>0</v>
      </c>
      <c r="AV300">
        <v>0</v>
      </c>
      <c r="AW300">
        <v>0</v>
      </c>
      <c r="AX300">
        <v>540</v>
      </c>
      <c r="AY300">
        <v>51</v>
      </c>
      <c r="AZ300">
        <v>109</v>
      </c>
      <c r="BA300">
        <v>8160</v>
      </c>
    </row>
    <row r="301" spans="1:53" x14ac:dyDescent="0.4">
      <c r="A301">
        <v>345</v>
      </c>
      <c r="B301" s="1">
        <v>42918</v>
      </c>
      <c r="C301">
        <v>4</v>
      </c>
      <c r="D301" s="1">
        <v>42918.741666666669</v>
      </c>
      <c r="E301" s="1">
        <v>42918.956250000003</v>
      </c>
      <c r="F301">
        <v>36020</v>
      </c>
      <c r="G301">
        <v>880</v>
      </c>
      <c r="H301">
        <v>0</v>
      </c>
      <c r="I301">
        <v>0</v>
      </c>
      <c r="J301">
        <v>0</v>
      </c>
      <c r="K301">
        <v>0</v>
      </c>
      <c r="L301">
        <v>0</v>
      </c>
      <c r="M301">
        <v>2952</v>
      </c>
      <c r="N301">
        <v>0</v>
      </c>
      <c r="O301">
        <v>0</v>
      </c>
      <c r="P301">
        <v>7668</v>
      </c>
      <c r="Q301">
        <v>0</v>
      </c>
      <c r="R301">
        <v>47520</v>
      </c>
      <c r="S301">
        <v>0</v>
      </c>
      <c r="T301">
        <v>0</v>
      </c>
      <c r="U301">
        <v>0</v>
      </c>
      <c r="V301">
        <v>4</v>
      </c>
      <c r="W301">
        <v>0</v>
      </c>
      <c r="X301">
        <v>0</v>
      </c>
      <c r="Y301">
        <v>81</v>
      </c>
      <c r="Z301">
        <v>31</v>
      </c>
      <c r="AA301">
        <v>99</v>
      </c>
      <c r="AB301">
        <v>31</v>
      </c>
      <c r="AC301">
        <v>215</v>
      </c>
      <c r="AD301">
        <v>17</v>
      </c>
      <c r="AE301">
        <v>31</v>
      </c>
      <c r="AF301">
        <v>12535</v>
      </c>
      <c r="AG301">
        <v>162751</v>
      </c>
      <c r="AH301">
        <v>50000</v>
      </c>
      <c r="AI301">
        <v>0</v>
      </c>
      <c r="AJ301">
        <v>99</v>
      </c>
      <c r="AK301" t="s">
        <v>9</v>
      </c>
      <c r="AL301">
        <v>0</v>
      </c>
      <c r="AM301">
        <v>0</v>
      </c>
      <c r="AN301">
        <v>0</v>
      </c>
      <c r="AO301">
        <v>0</v>
      </c>
      <c r="AP301">
        <v>0</v>
      </c>
      <c r="AQ301">
        <v>0</v>
      </c>
      <c r="AR301">
        <v>0</v>
      </c>
      <c r="AS301">
        <v>0</v>
      </c>
      <c r="AT301">
        <v>0</v>
      </c>
      <c r="AU301">
        <v>0</v>
      </c>
      <c r="AV301">
        <v>0</v>
      </c>
      <c r="AW301">
        <v>0</v>
      </c>
      <c r="AX301">
        <v>7042</v>
      </c>
      <c r="AY301">
        <v>16</v>
      </c>
      <c r="AZ301">
        <v>39</v>
      </c>
      <c r="BA301">
        <v>3060</v>
      </c>
    </row>
    <row r="302" spans="1:53" x14ac:dyDescent="0.4">
      <c r="A302">
        <v>346</v>
      </c>
      <c r="B302" s="1">
        <v>42918</v>
      </c>
      <c r="C302">
        <v>5</v>
      </c>
      <c r="D302" s="1">
        <v>42918.956250000003</v>
      </c>
      <c r="E302" s="1">
        <v>42919.082638888889</v>
      </c>
      <c r="F302">
        <v>36120</v>
      </c>
      <c r="G302">
        <v>1430</v>
      </c>
      <c r="H302">
        <v>0</v>
      </c>
      <c r="I302">
        <v>0</v>
      </c>
      <c r="J302">
        <v>0</v>
      </c>
      <c r="K302">
        <v>0</v>
      </c>
      <c r="L302">
        <v>0</v>
      </c>
      <c r="M302">
        <v>3004</v>
      </c>
      <c r="N302">
        <v>0</v>
      </c>
      <c r="O302">
        <v>0</v>
      </c>
      <c r="P302">
        <v>14256</v>
      </c>
      <c r="Q302">
        <v>0</v>
      </c>
      <c r="R302">
        <v>54810</v>
      </c>
      <c r="S302">
        <v>0</v>
      </c>
      <c r="T302">
        <v>0</v>
      </c>
      <c r="U302">
        <v>0</v>
      </c>
      <c r="V302">
        <v>10</v>
      </c>
      <c r="W302">
        <v>0</v>
      </c>
      <c r="X302">
        <v>0</v>
      </c>
      <c r="Y302">
        <v>75</v>
      </c>
      <c r="Z302">
        <v>33</v>
      </c>
      <c r="AA302">
        <v>98</v>
      </c>
      <c r="AB302">
        <v>29</v>
      </c>
      <c r="AC302">
        <v>216</v>
      </c>
      <c r="AD302">
        <v>17</v>
      </c>
      <c r="AE302">
        <v>31</v>
      </c>
      <c r="AF302">
        <v>12535</v>
      </c>
      <c r="AG302">
        <v>217561</v>
      </c>
      <c r="AH302">
        <v>50000</v>
      </c>
      <c r="AI302">
        <v>0</v>
      </c>
      <c r="AJ302">
        <v>94</v>
      </c>
      <c r="AK302" t="s">
        <v>21</v>
      </c>
      <c r="AL302">
        <v>0</v>
      </c>
      <c r="AM302">
        <v>0</v>
      </c>
      <c r="AN302">
        <v>0</v>
      </c>
      <c r="AO302">
        <v>0</v>
      </c>
      <c r="AP302">
        <v>0</v>
      </c>
      <c r="AQ302">
        <v>0</v>
      </c>
      <c r="AR302">
        <v>0</v>
      </c>
      <c r="AS302">
        <v>0</v>
      </c>
      <c r="AT302">
        <v>0</v>
      </c>
      <c r="AU302">
        <v>0</v>
      </c>
      <c r="AV302">
        <v>0</v>
      </c>
      <c r="AW302">
        <v>0</v>
      </c>
      <c r="AX302">
        <v>0</v>
      </c>
      <c r="AY302">
        <v>6</v>
      </c>
      <c r="AZ302">
        <v>23</v>
      </c>
      <c r="BA302">
        <v>972</v>
      </c>
    </row>
    <row r="303" spans="1:53" x14ac:dyDescent="0.4">
      <c r="A303">
        <v>347</v>
      </c>
      <c r="B303" s="1">
        <v>42919</v>
      </c>
      <c r="C303">
        <v>1</v>
      </c>
      <c r="D303" s="1">
        <v>42919.291666666664</v>
      </c>
      <c r="E303" s="1">
        <v>42919.453472222223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0</v>
      </c>
      <c r="O303">
        <v>0</v>
      </c>
      <c r="P303">
        <v>0</v>
      </c>
      <c r="Q303">
        <v>0</v>
      </c>
      <c r="R303">
        <v>0</v>
      </c>
      <c r="S303">
        <v>0</v>
      </c>
      <c r="T303">
        <v>0</v>
      </c>
      <c r="U303">
        <v>0</v>
      </c>
      <c r="V303">
        <v>0</v>
      </c>
      <c r="W303">
        <v>0</v>
      </c>
      <c r="X303">
        <v>0</v>
      </c>
      <c r="Y303">
        <v>29</v>
      </c>
      <c r="Z303">
        <v>16</v>
      </c>
      <c r="AA303">
        <v>93</v>
      </c>
      <c r="AB303">
        <v>29</v>
      </c>
      <c r="AC303">
        <v>213</v>
      </c>
      <c r="AD303">
        <v>17</v>
      </c>
      <c r="AE303">
        <v>35</v>
      </c>
      <c r="AF303">
        <v>0</v>
      </c>
      <c r="AG303">
        <v>50000</v>
      </c>
      <c r="AH303">
        <v>0</v>
      </c>
      <c r="AI303">
        <v>50000</v>
      </c>
      <c r="AJ303">
        <v>0</v>
      </c>
      <c r="AK303" t="s">
        <v>6</v>
      </c>
      <c r="AL303">
        <v>0</v>
      </c>
      <c r="AM303">
        <v>0</v>
      </c>
      <c r="AN303">
        <v>0</v>
      </c>
      <c r="AO303">
        <v>0</v>
      </c>
      <c r="AP303">
        <v>0</v>
      </c>
      <c r="AQ303">
        <v>0</v>
      </c>
      <c r="AR303">
        <v>0</v>
      </c>
      <c r="AS303">
        <v>0</v>
      </c>
      <c r="AT303">
        <v>0</v>
      </c>
      <c r="AU303">
        <v>0</v>
      </c>
      <c r="AV303">
        <v>0</v>
      </c>
      <c r="AW303">
        <v>0</v>
      </c>
      <c r="AX303">
        <v>0</v>
      </c>
      <c r="AY303">
        <v>0</v>
      </c>
      <c r="AZ303">
        <v>0</v>
      </c>
      <c r="BA303">
        <v>0</v>
      </c>
    </row>
    <row r="304" spans="1:53" x14ac:dyDescent="0.4">
      <c r="A304">
        <v>348</v>
      </c>
      <c r="B304" s="1">
        <v>42919</v>
      </c>
      <c r="C304">
        <v>2</v>
      </c>
      <c r="D304" s="1">
        <v>42919.453472222223</v>
      </c>
      <c r="E304" s="1">
        <v>42919.78402777778</v>
      </c>
      <c r="F304">
        <v>16500</v>
      </c>
      <c r="G304">
        <v>3270</v>
      </c>
      <c r="H304">
        <v>0</v>
      </c>
      <c r="I304">
        <v>0</v>
      </c>
      <c r="J304">
        <v>0</v>
      </c>
      <c r="K304">
        <v>0</v>
      </c>
      <c r="L304">
        <v>0</v>
      </c>
      <c r="M304">
        <v>1581</v>
      </c>
      <c r="N304">
        <v>0</v>
      </c>
      <c r="O304">
        <v>0</v>
      </c>
      <c r="P304">
        <v>12960</v>
      </c>
      <c r="Q304">
        <v>0</v>
      </c>
      <c r="R304">
        <v>34311</v>
      </c>
      <c r="S304">
        <v>0</v>
      </c>
      <c r="T304">
        <v>0</v>
      </c>
      <c r="U304">
        <v>0</v>
      </c>
      <c r="V304">
        <v>0</v>
      </c>
      <c r="W304">
        <v>3</v>
      </c>
      <c r="X304">
        <v>0</v>
      </c>
      <c r="Y304">
        <v>40</v>
      </c>
      <c r="Z304">
        <v>25</v>
      </c>
      <c r="AA304">
        <v>130</v>
      </c>
      <c r="AB304">
        <v>25</v>
      </c>
      <c r="AC304">
        <v>244</v>
      </c>
      <c r="AD304">
        <v>19</v>
      </c>
      <c r="AE304">
        <v>26</v>
      </c>
      <c r="AF304">
        <v>0</v>
      </c>
      <c r="AG304">
        <v>84311</v>
      </c>
      <c r="AH304">
        <v>50000</v>
      </c>
      <c r="AI304">
        <v>0</v>
      </c>
      <c r="AJ304">
        <v>91</v>
      </c>
      <c r="AK304" t="s">
        <v>14</v>
      </c>
      <c r="AL304">
        <v>0</v>
      </c>
      <c r="AM304">
        <v>0</v>
      </c>
      <c r="AN304">
        <v>0</v>
      </c>
      <c r="AO304">
        <v>0</v>
      </c>
      <c r="AP304">
        <v>0</v>
      </c>
      <c r="AQ304">
        <v>0</v>
      </c>
      <c r="AR304">
        <v>0</v>
      </c>
      <c r="AS304">
        <v>0</v>
      </c>
      <c r="AT304">
        <v>0</v>
      </c>
      <c r="AU304">
        <v>0</v>
      </c>
      <c r="AV304">
        <v>0</v>
      </c>
      <c r="AW304">
        <v>0</v>
      </c>
      <c r="AX304">
        <v>1944</v>
      </c>
      <c r="AY304">
        <v>30</v>
      </c>
      <c r="AZ304">
        <v>59</v>
      </c>
      <c r="BA304">
        <v>4054</v>
      </c>
    </row>
    <row r="305" spans="1:53" x14ac:dyDescent="0.4">
      <c r="A305">
        <v>349</v>
      </c>
      <c r="B305" s="1">
        <v>42919</v>
      </c>
      <c r="C305">
        <v>3</v>
      </c>
      <c r="D305" s="1">
        <v>42919.78402777778</v>
      </c>
      <c r="E305" s="1">
        <v>42919.953472222223</v>
      </c>
      <c r="F305">
        <v>20750</v>
      </c>
      <c r="G305">
        <v>80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1724</v>
      </c>
      <c r="N305">
        <v>0</v>
      </c>
      <c r="O305">
        <v>0</v>
      </c>
      <c r="P305">
        <v>-1728</v>
      </c>
      <c r="Q305">
        <v>0</v>
      </c>
      <c r="R305">
        <v>21546</v>
      </c>
      <c r="S305">
        <v>0</v>
      </c>
      <c r="T305">
        <v>0</v>
      </c>
      <c r="U305">
        <v>0</v>
      </c>
      <c r="V305">
        <v>2</v>
      </c>
      <c r="W305">
        <v>1</v>
      </c>
      <c r="X305">
        <v>0</v>
      </c>
      <c r="Y305">
        <v>48</v>
      </c>
      <c r="Z305">
        <v>21</v>
      </c>
      <c r="AA305">
        <v>134</v>
      </c>
      <c r="AB305">
        <v>24</v>
      </c>
      <c r="AC305">
        <v>244</v>
      </c>
      <c r="AD305">
        <v>21</v>
      </c>
      <c r="AE305">
        <v>28</v>
      </c>
      <c r="AF305">
        <v>5184</v>
      </c>
      <c r="AG305">
        <v>105857</v>
      </c>
      <c r="AH305">
        <v>50000</v>
      </c>
      <c r="AI305">
        <v>0</v>
      </c>
      <c r="AJ305">
        <v>1</v>
      </c>
      <c r="AK305" t="s">
        <v>3</v>
      </c>
      <c r="AL305">
        <v>0</v>
      </c>
      <c r="AM305">
        <v>0</v>
      </c>
      <c r="AN305">
        <v>0</v>
      </c>
      <c r="AO305">
        <v>0</v>
      </c>
      <c r="AP305">
        <v>0</v>
      </c>
      <c r="AQ305">
        <v>0</v>
      </c>
      <c r="AR305">
        <v>0</v>
      </c>
      <c r="AS305">
        <v>0</v>
      </c>
      <c r="AT305">
        <v>0</v>
      </c>
      <c r="AU305">
        <v>0</v>
      </c>
      <c r="AV305">
        <v>0</v>
      </c>
      <c r="AW305">
        <v>0</v>
      </c>
      <c r="AX305">
        <v>10865</v>
      </c>
      <c r="AY305">
        <v>11</v>
      </c>
      <c r="AZ305">
        <v>29</v>
      </c>
      <c r="BA305">
        <v>1297</v>
      </c>
    </row>
    <row r="306" spans="1:53" x14ac:dyDescent="0.4">
      <c r="A306">
        <v>350</v>
      </c>
      <c r="B306" s="1">
        <v>42920</v>
      </c>
      <c r="C306">
        <v>1</v>
      </c>
      <c r="D306" s="1">
        <v>42920.291666666664</v>
      </c>
      <c r="E306" s="1">
        <v>42920.445833333331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0</v>
      </c>
      <c r="O306">
        <v>0</v>
      </c>
      <c r="P306">
        <v>0</v>
      </c>
      <c r="Q306">
        <v>0</v>
      </c>
      <c r="R306">
        <v>0</v>
      </c>
      <c r="S306">
        <v>0</v>
      </c>
      <c r="T306">
        <v>0</v>
      </c>
      <c r="U306">
        <v>0</v>
      </c>
      <c r="V306">
        <v>0</v>
      </c>
      <c r="W306">
        <v>1</v>
      </c>
      <c r="X306">
        <v>0</v>
      </c>
      <c r="Y306">
        <v>25</v>
      </c>
      <c r="Z306">
        <v>11</v>
      </c>
      <c r="AA306">
        <v>117</v>
      </c>
      <c r="AB306">
        <v>25</v>
      </c>
      <c r="AC306">
        <v>144</v>
      </c>
      <c r="AD306">
        <v>14</v>
      </c>
      <c r="AE306">
        <v>40</v>
      </c>
      <c r="AF306">
        <v>0</v>
      </c>
      <c r="AG306">
        <v>50000</v>
      </c>
      <c r="AH306">
        <v>50000</v>
      </c>
      <c r="AI306">
        <v>0</v>
      </c>
      <c r="AJ306">
        <v>0</v>
      </c>
      <c r="AK306" t="s">
        <v>6</v>
      </c>
      <c r="AL306">
        <v>0</v>
      </c>
      <c r="AM306">
        <v>0</v>
      </c>
      <c r="AN306">
        <v>0</v>
      </c>
      <c r="AO306">
        <v>0</v>
      </c>
      <c r="AP306">
        <v>0</v>
      </c>
      <c r="AQ306">
        <v>0</v>
      </c>
      <c r="AR306">
        <v>0</v>
      </c>
      <c r="AS306">
        <v>0</v>
      </c>
      <c r="AT306">
        <v>0</v>
      </c>
      <c r="AU306">
        <v>0</v>
      </c>
      <c r="AV306">
        <v>0</v>
      </c>
      <c r="AW306">
        <v>0</v>
      </c>
      <c r="AX306">
        <v>0</v>
      </c>
      <c r="AY306">
        <v>0</v>
      </c>
      <c r="AZ306">
        <v>0</v>
      </c>
      <c r="BA306">
        <v>0</v>
      </c>
    </row>
    <row r="307" spans="1:53" x14ac:dyDescent="0.4">
      <c r="A307">
        <v>351</v>
      </c>
      <c r="B307" s="1">
        <v>42920</v>
      </c>
      <c r="C307">
        <v>2</v>
      </c>
      <c r="D307" s="1">
        <v>42920.445833333331</v>
      </c>
      <c r="E307" s="1">
        <v>42920.743055555555</v>
      </c>
      <c r="F307">
        <v>23500</v>
      </c>
      <c r="G307">
        <v>1130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1970</v>
      </c>
      <c r="N307">
        <v>0</v>
      </c>
      <c r="O307">
        <v>0</v>
      </c>
      <c r="P307">
        <v>20520</v>
      </c>
      <c r="Q307">
        <v>0</v>
      </c>
      <c r="R307">
        <v>47120</v>
      </c>
      <c r="S307">
        <v>0</v>
      </c>
      <c r="T307">
        <v>0</v>
      </c>
      <c r="U307">
        <v>0</v>
      </c>
      <c r="V307">
        <v>3</v>
      </c>
      <c r="W307">
        <v>0</v>
      </c>
      <c r="X307">
        <v>0</v>
      </c>
      <c r="Y307">
        <v>36</v>
      </c>
      <c r="Z307">
        <v>32</v>
      </c>
      <c r="AA307">
        <v>114</v>
      </c>
      <c r="AB307">
        <v>31</v>
      </c>
      <c r="AC307">
        <v>207</v>
      </c>
      <c r="AD307">
        <v>13</v>
      </c>
      <c r="AE307">
        <v>35</v>
      </c>
      <c r="AF307">
        <v>0</v>
      </c>
      <c r="AG307">
        <v>97120</v>
      </c>
      <c r="AH307">
        <v>50000</v>
      </c>
      <c r="AI307">
        <v>0</v>
      </c>
      <c r="AJ307">
        <v>100</v>
      </c>
      <c r="AK307" t="s">
        <v>0</v>
      </c>
      <c r="AL307">
        <v>0</v>
      </c>
      <c r="AM307">
        <v>0</v>
      </c>
      <c r="AN307">
        <v>0</v>
      </c>
      <c r="AO307">
        <v>0</v>
      </c>
      <c r="AP307">
        <v>0</v>
      </c>
      <c r="AQ307">
        <v>0</v>
      </c>
      <c r="AR307">
        <v>0</v>
      </c>
      <c r="AS307">
        <v>0</v>
      </c>
      <c r="AT307">
        <v>0</v>
      </c>
      <c r="AU307">
        <v>0</v>
      </c>
      <c r="AV307">
        <v>0</v>
      </c>
      <c r="AW307">
        <v>0</v>
      </c>
      <c r="AX307">
        <v>-670</v>
      </c>
      <c r="AY307">
        <v>41</v>
      </c>
      <c r="AZ307">
        <v>86</v>
      </c>
      <c r="BA307">
        <v>6035</v>
      </c>
    </row>
    <row r="308" spans="1:53" x14ac:dyDescent="0.4">
      <c r="A308">
        <v>352</v>
      </c>
      <c r="B308" s="1">
        <v>42920</v>
      </c>
      <c r="C308">
        <v>3</v>
      </c>
      <c r="D308" s="1">
        <v>42920.743055555555</v>
      </c>
      <c r="E308" s="1">
        <v>42920.956944444442</v>
      </c>
      <c r="F308">
        <v>27500</v>
      </c>
      <c r="G308">
        <v>88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2270</v>
      </c>
      <c r="N308">
        <v>0</v>
      </c>
      <c r="O308">
        <v>0</v>
      </c>
      <c r="P308">
        <v>-20520</v>
      </c>
      <c r="Q308">
        <v>0</v>
      </c>
      <c r="R308">
        <v>10130</v>
      </c>
      <c r="S308">
        <v>0</v>
      </c>
      <c r="T308">
        <v>0</v>
      </c>
      <c r="U308">
        <v>0</v>
      </c>
      <c r="V308">
        <v>3</v>
      </c>
      <c r="W308">
        <v>0</v>
      </c>
      <c r="X308">
        <v>0</v>
      </c>
      <c r="Y308">
        <v>44</v>
      </c>
      <c r="Z308">
        <v>33</v>
      </c>
      <c r="AA308">
        <v>110</v>
      </c>
      <c r="AB308">
        <v>28</v>
      </c>
      <c r="AC308">
        <v>209</v>
      </c>
      <c r="AD308">
        <v>13</v>
      </c>
      <c r="AE308">
        <v>35</v>
      </c>
      <c r="AF308">
        <v>0</v>
      </c>
      <c r="AG308">
        <v>105090</v>
      </c>
      <c r="AH308">
        <v>50000</v>
      </c>
      <c r="AI308">
        <v>-2160</v>
      </c>
      <c r="AJ308">
        <v>93</v>
      </c>
      <c r="AK308" t="s">
        <v>20</v>
      </c>
      <c r="AL308">
        <v>0</v>
      </c>
      <c r="AM308">
        <v>0</v>
      </c>
      <c r="AN308">
        <v>0</v>
      </c>
      <c r="AO308">
        <v>0</v>
      </c>
      <c r="AP308">
        <v>0</v>
      </c>
      <c r="AQ308">
        <v>0</v>
      </c>
      <c r="AR308">
        <v>0</v>
      </c>
      <c r="AS308">
        <v>0</v>
      </c>
      <c r="AT308">
        <v>0</v>
      </c>
      <c r="AU308">
        <v>0</v>
      </c>
      <c r="AV308">
        <v>0</v>
      </c>
      <c r="AW308">
        <v>0</v>
      </c>
      <c r="AX308">
        <v>2851</v>
      </c>
      <c r="AY308">
        <v>6</v>
      </c>
      <c r="AZ308">
        <v>15</v>
      </c>
      <c r="BA308">
        <v>1479</v>
      </c>
    </row>
    <row r="309" spans="1:53" x14ac:dyDescent="0.4">
      <c r="A309">
        <v>353</v>
      </c>
      <c r="B309" s="1">
        <v>42921</v>
      </c>
      <c r="C309">
        <v>1</v>
      </c>
      <c r="D309" s="1">
        <v>42921.291666666664</v>
      </c>
      <c r="E309" s="1">
        <v>42921.450694444444</v>
      </c>
      <c r="F309">
        <v>0</v>
      </c>
      <c r="G309">
        <v>0</v>
      </c>
      <c r="H309">
        <v>0</v>
      </c>
      <c r="I309">
        <v>0</v>
      </c>
      <c r="J309">
        <v>0</v>
      </c>
      <c r="K309">
        <v>0</v>
      </c>
      <c r="L309">
        <v>0</v>
      </c>
      <c r="M309">
        <v>0</v>
      </c>
      <c r="N309">
        <v>0</v>
      </c>
      <c r="O309">
        <v>0</v>
      </c>
      <c r="P309">
        <v>0</v>
      </c>
      <c r="Q309">
        <v>0</v>
      </c>
      <c r="R309">
        <v>0</v>
      </c>
      <c r="S309">
        <v>0</v>
      </c>
      <c r="T309">
        <v>0</v>
      </c>
      <c r="U309">
        <v>0</v>
      </c>
      <c r="V309">
        <v>0</v>
      </c>
      <c r="W309">
        <v>1</v>
      </c>
      <c r="X309">
        <v>0</v>
      </c>
      <c r="Y309">
        <v>26</v>
      </c>
      <c r="Z309">
        <v>14</v>
      </c>
      <c r="AA309">
        <v>92</v>
      </c>
      <c r="AB309">
        <v>26</v>
      </c>
      <c r="AC309">
        <v>144</v>
      </c>
      <c r="AD309">
        <v>6</v>
      </c>
      <c r="AE309">
        <v>30</v>
      </c>
      <c r="AF309">
        <v>0</v>
      </c>
      <c r="AG309">
        <v>50000</v>
      </c>
      <c r="AH309">
        <v>0</v>
      </c>
      <c r="AI309">
        <v>50000</v>
      </c>
      <c r="AJ309">
        <v>0</v>
      </c>
      <c r="AK309" t="s">
        <v>6</v>
      </c>
      <c r="AL309">
        <v>0</v>
      </c>
      <c r="AM309">
        <v>0</v>
      </c>
      <c r="AN309">
        <v>0</v>
      </c>
      <c r="AO309">
        <v>0</v>
      </c>
      <c r="AP309">
        <v>0</v>
      </c>
      <c r="AQ309">
        <v>0</v>
      </c>
      <c r="AR309">
        <v>0</v>
      </c>
      <c r="AS309">
        <v>0</v>
      </c>
      <c r="AT309">
        <v>0</v>
      </c>
      <c r="AU309">
        <v>0</v>
      </c>
      <c r="AV309">
        <v>0</v>
      </c>
      <c r="AW309">
        <v>0</v>
      </c>
      <c r="AX309">
        <v>0</v>
      </c>
      <c r="AY309">
        <v>0</v>
      </c>
      <c r="AZ309">
        <v>0</v>
      </c>
      <c r="BA309">
        <v>0</v>
      </c>
    </row>
    <row r="310" spans="1:53" x14ac:dyDescent="0.4">
      <c r="A310">
        <v>354</v>
      </c>
      <c r="B310" s="1">
        <v>42921</v>
      </c>
      <c r="C310">
        <v>2</v>
      </c>
      <c r="D310" s="1">
        <v>42921.450694444444</v>
      </c>
      <c r="E310" s="1">
        <v>42921.73333333333</v>
      </c>
      <c r="F310">
        <v>11500</v>
      </c>
      <c r="G310">
        <v>680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974</v>
      </c>
      <c r="N310">
        <v>0</v>
      </c>
      <c r="O310">
        <v>0</v>
      </c>
      <c r="P310">
        <v>15660</v>
      </c>
      <c r="Q310">
        <v>0</v>
      </c>
      <c r="R310">
        <v>28814</v>
      </c>
      <c r="S310">
        <v>0</v>
      </c>
      <c r="T310">
        <v>0</v>
      </c>
      <c r="U310">
        <v>0</v>
      </c>
      <c r="V310">
        <v>2</v>
      </c>
      <c r="W310">
        <v>0</v>
      </c>
      <c r="X310">
        <v>0</v>
      </c>
      <c r="Y310">
        <v>29</v>
      </c>
      <c r="Z310">
        <v>21</v>
      </c>
      <c r="AA310">
        <v>86</v>
      </c>
      <c r="AB310">
        <v>32</v>
      </c>
      <c r="AC310">
        <v>159</v>
      </c>
      <c r="AD310">
        <v>6</v>
      </c>
      <c r="AE310">
        <v>31</v>
      </c>
      <c r="AF310">
        <v>7463</v>
      </c>
      <c r="AG310">
        <v>78814</v>
      </c>
      <c r="AH310">
        <v>50000</v>
      </c>
      <c r="AI310">
        <v>0</v>
      </c>
      <c r="AJ310">
        <v>96</v>
      </c>
      <c r="AK310" t="s">
        <v>4</v>
      </c>
      <c r="AL310">
        <v>0</v>
      </c>
      <c r="AM310">
        <v>0</v>
      </c>
      <c r="AN310">
        <v>0</v>
      </c>
      <c r="AO310">
        <v>0</v>
      </c>
      <c r="AP310">
        <v>0</v>
      </c>
      <c r="AQ310">
        <v>0</v>
      </c>
      <c r="AR310">
        <v>0</v>
      </c>
      <c r="AS310">
        <v>0</v>
      </c>
      <c r="AT310">
        <v>0</v>
      </c>
      <c r="AU310">
        <v>0</v>
      </c>
      <c r="AV310">
        <v>0</v>
      </c>
      <c r="AW310">
        <v>0</v>
      </c>
      <c r="AX310">
        <v>-540</v>
      </c>
      <c r="AY310">
        <v>31</v>
      </c>
      <c r="AZ310">
        <v>50</v>
      </c>
      <c r="BA310">
        <v>4157</v>
      </c>
    </row>
    <row r="311" spans="1:53" x14ac:dyDescent="0.4">
      <c r="A311">
        <v>355</v>
      </c>
      <c r="B311" s="1">
        <v>42921</v>
      </c>
      <c r="C311">
        <v>3</v>
      </c>
      <c r="D311" s="1">
        <v>42921.73333333333</v>
      </c>
      <c r="E311" s="1">
        <v>42922.098611111112</v>
      </c>
      <c r="F311">
        <v>146280</v>
      </c>
      <c r="G311">
        <v>1000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11782</v>
      </c>
      <c r="N311">
        <v>0</v>
      </c>
      <c r="O311">
        <v>0</v>
      </c>
      <c r="P311">
        <v>7646</v>
      </c>
      <c r="Q311">
        <v>0</v>
      </c>
      <c r="R311">
        <v>166708</v>
      </c>
      <c r="S311">
        <v>0</v>
      </c>
      <c r="T311">
        <v>0</v>
      </c>
      <c r="U311">
        <v>0</v>
      </c>
      <c r="V311">
        <v>15</v>
      </c>
      <c r="W311">
        <v>2</v>
      </c>
      <c r="X311">
        <v>0</v>
      </c>
      <c r="Y311">
        <v>37</v>
      </c>
      <c r="Z311">
        <v>20</v>
      </c>
      <c r="AA311">
        <v>61</v>
      </c>
      <c r="AB311">
        <v>32</v>
      </c>
      <c r="AC311">
        <v>149</v>
      </c>
      <c r="AD311">
        <v>7</v>
      </c>
      <c r="AE311">
        <v>20</v>
      </c>
      <c r="AF311">
        <v>29277</v>
      </c>
      <c r="AG311">
        <v>245522</v>
      </c>
      <c r="AH311">
        <v>50000</v>
      </c>
      <c r="AI311">
        <v>0</v>
      </c>
      <c r="AJ311">
        <v>104</v>
      </c>
      <c r="AK311" t="s">
        <v>10</v>
      </c>
      <c r="AL311">
        <v>0</v>
      </c>
      <c r="AM311">
        <v>0</v>
      </c>
      <c r="AN311">
        <v>0</v>
      </c>
      <c r="AO311">
        <v>0</v>
      </c>
      <c r="AP311">
        <v>0</v>
      </c>
      <c r="AQ311">
        <v>0</v>
      </c>
      <c r="AR311">
        <v>0</v>
      </c>
      <c r="AS311">
        <v>0</v>
      </c>
      <c r="AT311">
        <v>0</v>
      </c>
      <c r="AU311">
        <v>0</v>
      </c>
      <c r="AV311">
        <v>0</v>
      </c>
      <c r="AW311">
        <v>0</v>
      </c>
      <c r="AX311">
        <v>11642</v>
      </c>
      <c r="AY311">
        <v>27</v>
      </c>
      <c r="AZ311">
        <v>105</v>
      </c>
      <c r="BA311">
        <v>4116</v>
      </c>
    </row>
    <row r="312" spans="1:53" x14ac:dyDescent="0.4">
      <c r="A312">
        <v>356</v>
      </c>
      <c r="B312" s="1">
        <v>42922</v>
      </c>
      <c r="C312">
        <v>1</v>
      </c>
      <c r="D312" s="1">
        <v>42922.291666666664</v>
      </c>
      <c r="E312" s="1">
        <v>42922.456250000003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0</v>
      </c>
      <c r="O312">
        <v>0</v>
      </c>
      <c r="P312">
        <v>0</v>
      </c>
      <c r="Q312">
        <v>0</v>
      </c>
      <c r="R312">
        <v>0</v>
      </c>
      <c r="S312">
        <v>0</v>
      </c>
      <c r="T312">
        <v>0</v>
      </c>
      <c r="U312">
        <v>0</v>
      </c>
      <c r="V312">
        <v>0</v>
      </c>
      <c r="W312">
        <v>1</v>
      </c>
      <c r="X312">
        <v>0</v>
      </c>
      <c r="Y312">
        <v>28</v>
      </c>
      <c r="Z312">
        <v>17</v>
      </c>
      <c r="AA312">
        <v>57</v>
      </c>
      <c r="AB312">
        <v>32</v>
      </c>
      <c r="AC312">
        <v>113</v>
      </c>
      <c r="AD312">
        <v>8</v>
      </c>
      <c r="AE312">
        <v>30</v>
      </c>
      <c r="AF312">
        <v>0</v>
      </c>
      <c r="AG312">
        <v>50000</v>
      </c>
      <c r="AH312">
        <v>50000</v>
      </c>
      <c r="AI312">
        <v>0</v>
      </c>
      <c r="AJ312">
        <v>0</v>
      </c>
      <c r="AK312" t="s">
        <v>6</v>
      </c>
      <c r="AL312">
        <v>0</v>
      </c>
      <c r="AM312">
        <v>0</v>
      </c>
      <c r="AN312">
        <v>0</v>
      </c>
      <c r="AO312">
        <v>0</v>
      </c>
      <c r="AP312">
        <v>0</v>
      </c>
      <c r="AQ312">
        <v>0</v>
      </c>
      <c r="AR312">
        <v>0</v>
      </c>
      <c r="AS312">
        <v>0</v>
      </c>
      <c r="AT312">
        <v>0</v>
      </c>
      <c r="AU312">
        <v>0</v>
      </c>
      <c r="AV312">
        <v>0</v>
      </c>
      <c r="AW312">
        <v>0</v>
      </c>
      <c r="AX312">
        <v>0</v>
      </c>
      <c r="AY312">
        <v>0</v>
      </c>
      <c r="AZ312">
        <v>0</v>
      </c>
      <c r="BA312">
        <v>0</v>
      </c>
    </row>
    <row r="313" spans="1:53" x14ac:dyDescent="0.4">
      <c r="A313">
        <v>357</v>
      </c>
      <c r="B313" s="1">
        <v>42922</v>
      </c>
      <c r="C313">
        <v>2</v>
      </c>
      <c r="D313" s="1">
        <v>42922.456250000003</v>
      </c>
      <c r="E313" s="1">
        <v>42922.751388888886</v>
      </c>
      <c r="F313">
        <v>17000</v>
      </c>
      <c r="G313">
        <v>40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1392</v>
      </c>
      <c r="N313">
        <v>0</v>
      </c>
      <c r="O313">
        <v>0</v>
      </c>
      <c r="P313">
        <v>10260</v>
      </c>
      <c r="Q313">
        <v>0</v>
      </c>
      <c r="R313">
        <v>29052</v>
      </c>
      <c r="S313">
        <v>0</v>
      </c>
      <c r="T313">
        <v>0</v>
      </c>
      <c r="U313">
        <v>0</v>
      </c>
      <c r="V313">
        <v>0</v>
      </c>
      <c r="W313">
        <v>2</v>
      </c>
      <c r="X313">
        <v>0</v>
      </c>
      <c r="Y313">
        <v>45</v>
      </c>
      <c r="Z313">
        <v>25</v>
      </c>
      <c r="AA313">
        <v>50</v>
      </c>
      <c r="AB313">
        <v>27</v>
      </c>
      <c r="AC313">
        <v>120</v>
      </c>
      <c r="AD313">
        <v>8</v>
      </c>
      <c r="AE313">
        <v>36</v>
      </c>
      <c r="AF313">
        <v>3926</v>
      </c>
      <c r="AG313">
        <v>79052</v>
      </c>
      <c r="AH313">
        <v>50000</v>
      </c>
      <c r="AI313">
        <v>0</v>
      </c>
      <c r="AJ313">
        <v>102</v>
      </c>
      <c r="AK313" t="s">
        <v>8</v>
      </c>
      <c r="AL313">
        <v>0</v>
      </c>
      <c r="AM313">
        <v>0</v>
      </c>
      <c r="AN313">
        <v>0</v>
      </c>
      <c r="AO313">
        <v>0</v>
      </c>
      <c r="AP313">
        <v>0</v>
      </c>
      <c r="AQ313">
        <v>0</v>
      </c>
      <c r="AR313">
        <v>0</v>
      </c>
      <c r="AS313">
        <v>0</v>
      </c>
      <c r="AT313">
        <v>0</v>
      </c>
      <c r="AU313">
        <v>0</v>
      </c>
      <c r="AV313">
        <v>0</v>
      </c>
      <c r="AW313">
        <v>0</v>
      </c>
      <c r="AX313">
        <v>302</v>
      </c>
      <c r="AY313">
        <v>34</v>
      </c>
      <c r="AZ313">
        <v>53</v>
      </c>
      <c r="BA313">
        <v>4796</v>
      </c>
    </row>
    <row r="314" spans="1:53" x14ac:dyDescent="0.4">
      <c r="A314">
        <v>358</v>
      </c>
      <c r="B314" s="1">
        <v>42922</v>
      </c>
      <c r="C314">
        <v>3</v>
      </c>
      <c r="D314" s="1">
        <v>42922.751388888886</v>
      </c>
      <c r="E314" s="1">
        <v>42922.959722222222</v>
      </c>
      <c r="F314">
        <v>48020</v>
      </c>
      <c r="G314">
        <v>422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4179</v>
      </c>
      <c r="N314">
        <v>0</v>
      </c>
      <c r="O314">
        <v>0</v>
      </c>
      <c r="P314">
        <v>-10260</v>
      </c>
      <c r="Q314">
        <v>0</v>
      </c>
      <c r="R314">
        <v>46159</v>
      </c>
      <c r="S314">
        <v>0</v>
      </c>
      <c r="T314">
        <v>0</v>
      </c>
      <c r="U314">
        <v>0</v>
      </c>
      <c r="V314">
        <v>2</v>
      </c>
      <c r="W314">
        <v>1</v>
      </c>
      <c r="X314">
        <v>0</v>
      </c>
      <c r="Y314">
        <v>69</v>
      </c>
      <c r="Z314">
        <v>22</v>
      </c>
      <c r="AA314">
        <v>42</v>
      </c>
      <c r="AB314">
        <v>25</v>
      </c>
      <c r="AC314">
        <v>113</v>
      </c>
      <c r="AD314">
        <v>8</v>
      </c>
      <c r="AE314">
        <v>10</v>
      </c>
      <c r="AF314">
        <v>13581</v>
      </c>
      <c r="AG314">
        <v>125211</v>
      </c>
      <c r="AH314">
        <v>50000</v>
      </c>
      <c r="AI314">
        <v>0</v>
      </c>
      <c r="AJ314">
        <v>102</v>
      </c>
      <c r="AK314" t="s">
        <v>8</v>
      </c>
      <c r="AL314">
        <v>0</v>
      </c>
      <c r="AM314">
        <v>0</v>
      </c>
      <c r="AN314">
        <v>0</v>
      </c>
      <c r="AO314">
        <v>0</v>
      </c>
      <c r="AP314">
        <v>0</v>
      </c>
      <c r="AQ314">
        <v>0</v>
      </c>
      <c r="AR314">
        <v>0</v>
      </c>
      <c r="AS314">
        <v>0</v>
      </c>
      <c r="AT314">
        <v>0</v>
      </c>
      <c r="AU314">
        <v>0</v>
      </c>
      <c r="AV314">
        <v>0</v>
      </c>
      <c r="AW314">
        <v>0</v>
      </c>
      <c r="AX314">
        <v>4363</v>
      </c>
      <c r="AY314">
        <v>14</v>
      </c>
      <c r="AZ314">
        <v>40</v>
      </c>
      <c r="BA314">
        <v>2015</v>
      </c>
    </row>
    <row r="315" spans="1:53" x14ac:dyDescent="0.4">
      <c r="A315">
        <v>359</v>
      </c>
      <c r="B315" s="1">
        <v>42923</v>
      </c>
      <c r="C315">
        <v>1</v>
      </c>
      <c r="D315" s="1">
        <v>42923.291666666664</v>
      </c>
      <c r="E315" s="1">
        <v>42923.452777777777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0</v>
      </c>
      <c r="O315">
        <v>0</v>
      </c>
      <c r="P315">
        <v>0</v>
      </c>
      <c r="Q315">
        <v>0</v>
      </c>
      <c r="R315">
        <v>0</v>
      </c>
      <c r="S315">
        <v>0</v>
      </c>
      <c r="T315">
        <v>0</v>
      </c>
      <c r="U315">
        <v>0</v>
      </c>
      <c r="V315">
        <v>0</v>
      </c>
      <c r="W315">
        <v>1</v>
      </c>
      <c r="X315">
        <v>0</v>
      </c>
      <c r="Y315">
        <v>29</v>
      </c>
      <c r="Z315">
        <v>20</v>
      </c>
      <c r="AA315">
        <v>35</v>
      </c>
      <c r="AB315">
        <v>25</v>
      </c>
      <c r="AC315">
        <v>121</v>
      </c>
      <c r="AD315">
        <v>6</v>
      </c>
      <c r="AE315">
        <v>10</v>
      </c>
      <c r="AF315">
        <v>0</v>
      </c>
      <c r="AG315">
        <v>50000</v>
      </c>
      <c r="AH315">
        <v>0</v>
      </c>
      <c r="AI315">
        <v>50000</v>
      </c>
      <c r="AJ315">
        <v>0</v>
      </c>
      <c r="AK315" t="s">
        <v>6</v>
      </c>
      <c r="AL315">
        <v>0</v>
      </c>
      <c r="AM315">
        <v>0</v>
      </c>
      <c r="AN315">
        <v>0</v>
      </c>
      <c r="AO315">
        <v>0</v>
      </c>
      <c r="AP315">
        <v>0</v>
      </c>
      <c r="AQ315">
        <v>0</v>
      </c>
      <c r="AR315">
        <v>0</v>
      </c>
      <c r="AS315">
        <v>0</v>
      </c>
      <c r="AT315">
        <v>0</v>
      </c>
      <c r="AU315">
        <v>0</v>
      </c>
      <c r="AV315">
        <v>0</v>
      </c>
      <c r="AW315">
        <v>0</v>
      </c>
      <c r="AX315">
        <v>0</v>
      </c>
      <c r="AY315">
        <v>0</v>
      </c>
      <c r="AZ315">
        <v>0</v>
      </c>
      <c r="BA315">
        <v>0</v>
      </c>
    </row>
    <row r="316" spans="1:53" x14ac:dyDescent="0.4">
      <c r="A316">
        <v>360</v>
      </c>
      <c r="B316" s="1">
        <v>42923</v>
      </c>
      <c r="C316">
        <v>2</v>
      </c>
      <c r="D316" s="1">
        <v>42923.452777777777</v>
      </c>
      <c r="E316" s="1">
        <v>42923.749305555553</v>
      </c>
      <c r="F316">
        <v>19000</v>
      </c>
      <c r="G316">
        <v>68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1574</v>
      </c>
      <c r="N316">
        <v>0</v>
      </c>
      <c r="O316">
        <v>0</v>
      </c>
      <c r="P316">
        <v>8640</v>
      </c>
      <c r="Q316">
        <v>0</v>
      </c>
      <c r="R316">
        <v>29894</v>
      </c>
      <c r="S316">
        <v>0</v>
      </c>
      <c r="T316">
        <v>0</v>
      </c>
      <c r="U316">
        <v>0</v>
      </c>
      <c r="V316">
        <v>1</v>
      </c>
      <c r="W316">
        <v>2</v>
      </c>
      <c r="X316">
        <v>0</v>
      </c>
      <c r="Y316">
        <v>42</v>
      </c>
      <c r="Z316">
        <v>24</v>
      </c>
      <c r="AA316">
        <v>32</v>
      </c>
      <c r="AB316">
        <v>18</v>
      </c>
      <c r="AC316">
        <v>131</v>
      </c>
      <c r="AD316">
        <v>7</v>
      </c>
      <c r="AE316">
        <v>9</v>
      </c>
      <c r="AF316">
        <v>540</v>
      </c>
      <c r="AG316">
        <v>79994</v>
      </c>
      <c r="AH316">
        <v>50000</v>
      </c>
      <c r="AI316">
        <v>100</v>
      </c>
      <c r="AJ316">
        <v>95</v>
      </c>
      <c r="AK316" t="s">
        <v>13</v>
      </c>
      <c r="AL316">
        <v>0</v>
      </c>
      <c r="AM316">
        <v>0</v>
      </c>
      <c r="AN316">
        <v>0</v>
      </c>
      <c r="AO316">
        <v>0</v>
      </c>
      <c r="AP316">
        <v>0</v>
      </c>
      <c r="AQ316">
        <v>0</v>
      </c>
      <c r="AR316">
        <v>0</v>
      </c>
      <c r="AS316">
        <v>0</v>
      </c>
      <c r="AT316">
        <v>0</v>
      </c>
      <c r="AU316">
        <v>0</v>
      </c>
      <c r="AV316">
        <v>0</v>
      </c>
      <c r="AW316">
        <v>0</v>
      </c>
      <c r="AX316">
        <v>1739</v>
      </c>
      <c r="AY316">
        <v>36</v>
      </c>
      <c r="AZ316">
        <v>54</v>
      </c>
      <c r="BA316">
        <v>5066</v>
      </c>
    </row>
    <row r="317" spans="1:53" x14ac:dyDescent="0.4">
      <c r="A317">
        <v>361</v>
      </c>
      <c r="B317" s="1">
        <v>42923</v>
      </c>
      <c r="C317">
        <v>3</v>
      </c>
      <c r="D317" s="1">
        <v>42923.749305555553</v>
      </c>
      <c r="E317" s="1">
        <v>42923.981249999997</v>
      </c>
      <c r="F317">
        <v>118160</v>
      </c>
      <c r="G317">
        <v>4540</v>
      </c>
      <c r="H317">
        <v>0</v>
      </c>
      <c r="I317">
        <v>0</v>
      </c>
      <c r="J317">
        <v>0</v>
      </c>
      <c r="K317">
        <v>0</v>
      </c>
      <c r="L317">
        <v>0</v>
      </c>
      <c r="M317">
        <v>9817</v>
      </c>
      <c r="N317">
        <v>0</v>
      </c>
      <c r="O317">
        <v>0</v>
      </c>
      <c r="P317">
        <v>1620</v>
      </c>
      <c r="Q317">
        <v>0</v>
      </c>
      <c r="R317">
        <v>134137</v>
      </c>
      <c r="S317">
        <v>0</v>
      </c>
      <c r="T317">
        <v>0</v>
      </c>
      <c r="U317">
        <v>0</v>
      </c>
      <c r="V317">
        <v>8</v>
      </c>
      <c r="W317">
        <v>5</v>
      </c>
      <c r="X317">
        <v>0</v>
      </c>
      <c r="Y317">
        <v>89</v>
      </c>
      <c r="Z317">
        <v>26</v>
      </c>
      <c r="AA317">
        <v>32</v>
      </c>
      <c r="AB317">
        <v>18</v>
      </c>
      <c r="AC317">
        <v>133</v>
      </c>
      <c r="AD317">
        <v>5</v>
      </c>
      <c r="AE317">
        <v>9</v>
      </c>
      <c r="AF317">
        <v>540</v>
      </c>
      <c r="AG317">
        <v>213004</v>
      </c>
      <c r="AH317">
        <v>50000</v>
      </c>
      <c r="AI317">
        <v>-1027</v>
      </c>
      <c r="AJ317">
        <v>1</v>
      </c>
      <c r="AK317" t="s">
        <v>3</v>
      </c>
      <c r="AL317">
        <v>0</v>
      </c>
      <c r="AM317">
        <v>0</v>
      </c>
      <c r="AN317">
        <v>0</v>
      </c>
      <c r="AO317">
        <v>0</v>
      </c>
      <c r="AP317">
        <v>0</v>
      </c>
      <c r="AQ317">
        <v>0</v>
      </c>
      <c r="AR317">
        <v>0</v>
      </c>
      <c r="AS317">
        <v>0</v>
      </c>
      <c r="AT317">
        <v>0</v>
      </c>
      <c r="AU317">
        <v>0</v>
      </c>
      <c r="AV317">
        <v>0</v>
      </c>
      <c r="AW317">
        <v>0</v>
      </c>
      <c r="AX317">
        <v>63350</v>
      </c>
      <c r="AY317">
        <v>33</v>
      </c>
      <c r="AZ317">
        <v>137</v>
      </c>
      <c r="BA317">
        <v>3420</v>
      </c>
    </row>
    <row r="318" spans="1:53" x14ac:dyDescent="0.4">
      <c r="A318">
        <v>362</v>
      </c>
      <c r="B318" s="1">
        <v>42923</v>
      </c>
      <c r="C318">
        <v>4</v>
      </c>
      <c r="D318" s="1">
        <v>42923.981249999997</v>
      </c>
      <c r="E318" s="1">
        <v>42924.082638888889</v>
      </c>
      <c r="F318">
        <v>102780</v>
      </c>
      <c r="G318">
        <v>380</v>
      </c>
      <c r="H318">
        <v>0</v>
      </c>
      <c r="I318">
        <v>0</v>
      </c>
      <c r="J318">
        <v>0</v>
      </c>
      <c r="K318">
        <v>7000</v>
      </c>
      <c r="L318">
        <v>0</v>
      </c>
      <c r="M318">
        <v>8812</v>
      </c>
      <c r="N318">
        <v>0</v>
      </c>
      <c r="O318">
        <v>0</v>
      </c>
      <c r="P318">
        <v>92340</v>
      </c>
      <c r="Q318">
        <v>0</v>
      </c>
      <c r="R318">
        <v>211312</v>
      </c>
      <c r="S318">
        <v>0</v>
      </c>
      <c r="T318">
        <v>0</v>
      </c>
      <c r="U318">
        <v>0</v>
      </c>
      <c r="V318">
        <v>27</v>
      </c>
      <c r="W318">
        <v>3</v>
      </c>
      <c r="X318">
        <v>0</v>
      </c>
      <c r="Y318">
        <v>116</v>
      </c>
      <c r="Z318">
        <v>28</v>
      </c>
      <c r="AA318">
        <v>15</v>
      </c>
      <c r="AB318">
        <v>9</v>
      </c>
      <c r="AC318">
        <v>128</v>
      </c>
      <c r="AD318">
        <v>5</v>
      </c>
      <c r="AE318">
        <v>9</v>
      </c>
      <c r="AF318">
        <v>6372</v>
      </c>
      <c r="AG318">
        <v>424636</v>
      </c>
      <c r="AH318">
        <v>50000</v>
      </c>
      <c r="AI318">
        <v>-707</v>
      </c>
      <c r="AJ318">
        <v>101</v>
      </c>
      <c r="AK318" t="s">
        <v>23</v>
      </c>
      <c r="AL318">
        <v>0</v>
      </c>
      <c r="AM318">
        <v>0</v>
      </c>
      <c r="AN318">
        <v>0</v>
      </c>
      <c r="AO318">
        <v>0</v>
      </c>
      <c r="AP318">
        <v>0</v>
      </c>
      <c r="AQ318">
        <v>0</v>
      </c>
      <c r="AR318">
        <v>0</v>
      </c>
      <c r="AS318">
        <v>0</v>
      </c>
      <c r="AT318">
        <v>0</v>
      </c>
      <c r="AU318">
        <v>0</v>
      </c>
      <c r="AV318">
        <v>0</v>
      </c>
      <c r="AW318">
        <v>0</v>
      </c>
      <c r="AX318">
        <v>20260</v>
      </c>
      <c r="AY318">
        <v>15</v>
      </c>
      <c r="AZ318">
        <v>51</v>
      </c>
      <c r="BA318">
        <v>2212</v>
      </c>
    </row>
    <row r="319" spans="1:53" x14ac:dyDescent="0.4">
      <c r="A319">
        <v>363</v>
      </c>
      <c r="B319" s="1">
        <v>42924</v>
      </c>
      <c r="C319">
        <v>1</v>
      </c>
      <c r="D319" s="1">
        <v>42924.291666666664</v>
      </c>
      <c r="E319" s="1">
        <v>42924.411805555559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0</v>
      </c>
      <c r="O319">
        <v>0</v>
      </c>
      <c r="P319">
        <v>0</v>
      </c>
      <c r="Q319">
        <v>0</v>
      </c>
      <c r="R319">
        <v>0</v>
      </c>
      <c r="S319">
        <v>0</v>
      </c>
      <c r="T319">
        <v>0</v>
      </c>
      <c r="U319">
        <v>0</v>
      </c>
      <c r="V319">
        <v>0</v>
      </c>
      <c r="W319">
        <v>1</v>
      </c>
      <c r="X319">
        <v>0</v>
      </c>
      <c r="Y319">
        <v>29</v>
      </c>
      <c r="Z319">
        <v>25</v>
      </c>
      <c r="AA319">
        <v>22</v>
      </c>
      <c r="AB319">
        <v>8</v>
      </c>
      <c r="AC319">
        <v>87</v>
      </c>
      <c r="AD319">
        <v>4</v>
      </c>
      <c r="AE319">
        <v>10</v>
      </c>
      <c r="AF319">
        <v>0</v>
      </c>
      <c r="AG319">
        <v>50000</v>
      </c>
      <c r="AH319">
        <v>0</v>
      </c>
      <c r="AI319">
        <v>50000</v>
      </c>
      <c r="AJ319">
        <v>0</v>
      </c>
      <c r="AK319" t="s">
        <v>6</v>
      </c>
      <c r="AL319">
        <v>0</v>
      </c>
      <c r="AM319">
        <v>0</v>
      </c>
      <c r="AN319">
        <v>0</v>
      </c>
      <c r="AO319">
        <v>0</v>
      </c>
      <c r="AP319">
        <v>0</v>
      </c>
      <c r="AQ319">
        <v>0</v>
      </c>
      <c r="AR319">
        <v>0</v>
      </c>
      <c r="AS319">
        <v>0</v>
      </c>
      <c r="AT319">
        <v>0</v>
      </c>
      <c r="AU319">
        <v>0</v>
      </c>
      <c r="AV319">
        <v>0</v>
      </c>
      <c r="AW319">
        <v>0</v>
      </c>
      <c r="AX319">
        <v>0</v>
      </c>
      <c r="AY319">
        <v>0</v>
      </c>
      <c r="AZ319">
        <v>0</v>
      </c>
      <c r="BA319">
        <v>0</v>
      </c>
    </row>
    <row r="320" spans="1:53" x14ac:dyDescent="0.4">
      <c r="A320">
        <v>364</v>
      </c>
      <c r="B320" s="1">
        <v>42924</v>
      </c>
      <c r="C320">
        <v>2</v>
      </c>
      <c r="D320" s="1">
        <v>42924.411805555559</v>
      </c>
      <c r="E320" s="1">
        <v>42924.756249999999</v>
      </c>
      <c r="F320">
        <v>46000</v>
      </c>
      <c r="G320">
        <v>4250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4020</v>
      </c>
      <c r="N320">
        <v>0</v>
      </c>
      <c r="O320">
        <v>0</v>
      </c>
      <c r="P320">
        <v>18900</v>
      </c>
      <c r="Q320">
        <v>0</v>
      </c>
      <c r="R320">
        <v>73170</v>
      </c>
      <c r="S320">
        <v>0</v>
      </c>
      <c r="T320">
        <v>0</v>
      </c>
      <c r="U320">
        <v>0</v>
      </c>
      <c r="V320">
        <v>0</v>
      </c>
      <c r="W320">
        <v>3</v>
      </c>
      <c r="X320">
        <v>0</v>
      </c>
      <c r="Y320">
        <v>72</v>
      </c>
      <c r="Z320">
        <v>60</v>
      </c>
      <c r="AA320">
        <v>50</v>
      </c>
      <c r="AB320">
        <v>3</v>
      </c>
      <c r="AC320">
        <v>148</v>
      </c>
      <c r="AD320">
        <v>7</v>
      </c>
      <c r="AE320">
        <v>5</v>
      </c>
      <c r="AF320">
        <v>0</v>
      </c>
      <c r="AG320">
        <v>123670</v>
      </c>
      <c r="AH320">
        <v>50000</v>
      </c>
      <c r="AI320">
        <v>500</v>
      </c>
      <c r="AJ320">
        <v>96</v>
      </c>
      <c r="AK320" t="s">
        <v>4</v>
      </c>
      <c r="AL320">
        <v>0</v>
      </c>
      <c r="AM320">
        <v>0</v>
      </c>
      <c r="AN320">
        <v>0</v>
      </c>
      <c r="AO320">
        <v>0</v>
      </c>
      <c r="AP320">
        <v>0</v>
      </c>
      <c r="AQ320">
        <v>0</v>
      </c>
      <c r="AR320">
        <v>0</v>
      </c>
      <c r="AS320">
        <v>0</v>
      </c>
      <c r="AT320">
        <v>0</v>
      </c>
      <c r="AU320">
        <v>0</v>
      </c>
      <c r="AV320">
        <v>0</v>
      </c>
      <c r="AW320">
        <v>0</v>
      </c>
      <c r="AX320">
        <v>0</v>
      </c>
      <c r="AY320">
        <v>47</v>
      </c>
      <c r="AZ320">
        <v>117</v>
      </c>
      <c r="BA320">
        <v>7636</v>
      </c>
    </row>
    <row r="321" spans="1:53" x14ac:dyDescent="0.4">
      <c r="A321">
        <v>365</v>
      </c>
      <c r="B321" s="1">
        <v>42924</v>
      </c>
      <c r="C321">
        <v>3</v>
      </c>
      <c r="D321" s="1">
        <v>42924.756249999999</v>
      </c>
      <c r="E321" s="1">
        <v>42924.977777777778</v>
      </c>
      <c r="F321">
        <v>141100</v>
      </c>
      <c r="G321">
        <v>1160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11381</v>
      </c>
      <c r="N321">
        <v>0</v>
      </c>
      <c r="O321">
        <v>0</v>
      </c>
      <c r="P321">
        <v>72360</v>
      </c>
      <c r="Q321">
        <v>0</v>
      </c>
      <c r="R321">
        <v>226001</v>
      </c>
      <c r="S321">
        <v>0</v>
      </c>
      <c r="T321">
        <v>0</v>
      </c>
      <c r="U321">
        <v>0</v>
      </c>
      <c r="V321">
        <v>18</v>
      </c>
      <c r="W321">
        <v>5</v>
      </c>
      <c r="X321">
        <v>0</v>
      </c>
      <c r="Y321">
        <v>73</v>
      </c>
      <c r="Z321">
        <v>62</v>
      </c>
      <c r="AA321">
        <v>56</v>
      </c>
      <c r="AB321">
        <v>1</v>
      </c>
      <c r="AC321">
        <v>155</v>
      </c>
      <c r="AD321">
        <v>4</v>
      </c>
      <c r="AE321">
        <v>14</v>
      </c>
      <c r="AF321">
        <v>33437</v>
      </c>
      <c r="AG321">
        <v>349671</v>
      </c>
      <c r="AH321">
        <v>50000</v>
      </c>
      <c r="AI321">
        <v>500</v>
      </c>
      <c r="AJ321">
        <v>89</v>
      </c>
      <c r="AK321" t="s">
        <v>12</v>
      </c>
      <c r="AL321">
        <v>0</v>
      </c>
      <c r="AM321">
        <v>0</v>
      </c>
      <c r="AN321">
        <v>0</v>
      </c>
      <c r="AO321">
        <v>0</v>
      </c>
      <c r="AP321">
        <v>0</v>
      </c>
      <c r="AQ321">
        <v>0</v>
      </c>
      <c r="AR321">
        <v>0</v>
      </c>
      <c r="AS321">
        <v>0</v>
      </c>
      <c r="AT321">
        <v>0</v>
      </c>
      <c r="AU321">
        <v>0</v>
      </c>
      <c r="AV321">
        <v>0</v>
      </c>
      <c r="AW321">
        <v>0</v>
      </c>
      <c r="AX321">
        <v>7224</v>
      </c>
      <c r="AY321">
        <v>32</v>
      </c>
      <c r="AZ321">
        <v>137</v>
      </c>
      <c r="BA321">
        <v>4129</v>
      </c>
    </row>
    <row r="322" spans="1:53" x14ac:dyDescent="0.4">
      <c r="A322">
        <v>366</v>
      </c>
      <c r="B322" s="1">
        <v>42924</v>
      </c>
      <c r="C322">
        <v>4</v>
      </c>
      <c r="D322" s="1">
        <v>42924.977777777778</v>
      </c>
      <c r="E322" s="1">
        <v>42925.145833333336</v>
      </c>
      <c r="F322">
        <v>167780</v>
      </c>
      <c r="G322">
        <v>8440</v>
      </c>
      <c r="H322">
        <v>0</v>
      </c>
      <c r="I322">
        <v>0</v>
      </c>
      <c r="J322">
        <v>0</v>
      </c>
      <c r="K322">
        <v>28500</v>
      </c>
      <c r="L322">
        <v>0</v>
      </c>
      <c r="M322">
        <v>16377</v>
      </c>
      <c r="N322">
        <v>0</v>
      </c>
      <c r="O322">
        <v>0</v>
      </c>
      <c r="P322">
        <v>69660</v>
      </c>
      <c r="Q322">
        <v>0</v>
      </c>
      <c r="R322">
        <v>290757</v>
      </c>
      <c r="S322">
        <v>0</v>
      </c>
      <c r="T322">
        <v>0</v>
      </c>
      <c r="U322">
        <v>0</v>
      </c>
      <c r="V322">
        <v>35</v>
      </c>
      <c r="W322">
        <v>11</v>
      </c>
      <c r="X322">
        <v>0</v>
      </c>
      <c r="Y322">
        <v>119</v>
      </c>
      <c r="Z322">
        <v>65</v>
      </c>
      <c r="AA322">
        <v>38</v>
      </c>
      <c r="AB322">
        <v>1</v>
      </c>
      <c r="AC322">
        <v>113</v>
      </c>
      <c r="AD322">
        <v>6</v>
      </c>
      <c r="AE322">
        <v>17</v>
      </c>
      <c r="AF322">
        <v>78905</v>
      </c>
      <c r="AG322">
        <v>640432</v>
      </c>
      <c r="AH322">
        <v>50000</v>
      </c>
      <c r="AI322">
        <v>504</v>
      </c>
      <c r="AJ322">
        <v>16</v>
      </c>
      <c r="AK322" t="s">
        <v>11</v>
      </c>
      <c r="AL322">
        <v>0</v>
      </c>
      <c r="AM322">
        <v>0</v>
      </c>
      <c r="AN322">
        <v>0</v>
      </c>
      <c r="AO322">
        <v>0</v>
      </c>
      <c r="AP322">
        <v>0</v>
      </c>
      <c r="AQ322">
        <v>0</v>
      </c>
      <c r="AR322">
        <v>0</v>
      </c>
      <c r="AS322">
        <v>0</v>
      </c>
      <c r="AT322">
        <v>0</v>
      </c>
      <c r="AU322">
        <v>0</v>
      </c>
      <c r="AV322">
        <v>0</v>
      </c>
      <c r="AW322">
        <v>0</v>
      </c>
      <c r="AX322">
        <v>12020</v>
      </c>
      <c r="AY322">
        <v>21</v>
      </c>
      <c r="AZ322">
        <v>121</v>
      </c>
      <c r="BA322">
        <v>3760</v>
      </c>
    </row>
    <row r="323" spans="1:53" x14ac:dyDescent="0.4">
      <c r="A323">
        <v>367</v>
      </c>
      <c r="B323" s="1">
        <v>42924</v>
      </c>
      <c r="C323">
        <v>5</v>
      </c>
      <c r="D323" s="1">
        <v>42925.145833333336</v>
      </c>
      <c r="E323" s="1">
        <v>42925.147916666669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0</v>
      </c>
      <c r="O323">
        <v>0</v>
      </c>
      <c r="P323">
        <v>0</v>
      </c>
      <c r="Q323">
        <v>0</v>
      </c>
      <c r="R323">
        <v>0</v>
      </c>
      <c r="S323">
        <v>0</v>
      </c>
      <c r="T323">
        <v>0</v>
      </c>
      <c r="U323">
        <v>0</v>
      </c>
      <c r="V323">
        <v>35</v>
      </c>
      <c r="W323">
        <v>11</v>
      </c>
      <c r="X323">
        <v>0</v>
      </c>
      <c r="Y323">
        <v>119</v>
      </c>
      <c r="Z323">
        <v>64</v>
      </c>
      <c r="AA323">
        <v>38</v>
      </c>
      <c r="AB323">
        <v>1</v>
      </c>
      <c r="AC323">
        <v>113</v>
      </c>
      <c r="AD323">
        <v>6</v>
      </c>
      <c r="AE323">
        <v>13</v>
      </c>
      <c r="AF323">
        <v>78905</v>
      </c>
      <c r="AG323">
        <v>639928</v>
      </c>
      <c r="AH323">
        <v>50000</v>
      </c>
      <c r="AI323">
        <v>0</v>
      </c>
      <c r="AJ323">
        <v>16</v>
      </c>
      <c r="AK323" t="s">
        <v>11</v>
      </c>
      <c r="AL323">
        <v>0</v>
      </c>
      <c r="AM323">
        <v>0</v>
      </c>
      <c r="AN323">
        <v>0</v>
      </c>
      <c r="AO323">
        <v>0</v>
      </c>
      <c r="AP323">
        <v>0</v>
      </c>
      <c r="AQ323">
        <v>0</v>
      </c>
      <c r="AR323">
        <v>0</v>
      </c>
      <c r="AS323">
        <v>0</v>
      </c>
      <c r="AT323">
        <v>0</v>
      </c>
      <c r="AU323">
        <v>0</v>
      </c>
      <c r="AV323">
        <v>0</v>
      </c>
      <c r="AW323">
        <v>0</v>
      </c>
      <c r="AX323">
        <v>12020</v>
      </c>
      <c r="AY323">
        <v>0</v>
      </c>
      <c r="AZ323">
        <v>0</v>
      </c>
      <c r="BA323">
        <v>48</v>
      </c>
    </row>
    <row r="324" spans="1:53" x14ac:dyDescent="0.4">
      <c r="A324">
        <v>368</v>
      </c>
      <c r="B324" s="1">
        <v>42925</v>
      </c>
      <c r="C324">
        <v>1</v>
      </c>
      <c r="D324" s="1">
        <v>42925.291666666664</v>
      </c>
      <c r="E324" s="1">
        <v>42925.428472222222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0</v>
      </c>
      <c r="O324">
        <v>0</v>
      </c>
      <c r="P324">
        <v>12420</v>
      </c>
      <c r="Q324">
        <v>0</v>
      </c>
      <c r="R324">
        <v>12420</v>
      </c>
      <c r="S324">
        <v>0</v>
      </c>
      <c r="T324">
        <v>0</v>
      </c>
      <c r="U324">
        <v>0</v>
      </c>
      <c r="V324">
        <v>0</v>
      </c>
      <c r="W324">
        <v>2</v>
      </c>
      <c r="X324">
        <v>0</v>
      </c>
      <c r="Y324">
        <v>36</v>
      </c>
      <c r="Z324">
        <v>24</v>
      </c>
      <c r="AA324">
        <v>33</v>
      </c>
      <c r="AB324">
        <v>5</v>
      </c>
      <c r="AC324">
        <v>83</v>
      </c>
      <c r="AD324">
        <v>11</v>
      </c>
      <c r="AE324">
        <v>0</v>
      </c>
      <c r="AF324">
        <v>0</v>
      </c>
      <c r="AG324">
        <v>62435</v>
      </c>
      <c r="AH324">
        <v>0</v>
      </c>
      <c r="AI324">
        <v>50015</v>
      </c>
      <c r="AJ324">
        <v>91</v>
      </c>
      <c r="AK324" t="s">
        <v>14</v>
      </c>
      <c r="AL324">
        <v>0</v>
      </c>
      <c r="AM324">
        <v>0</v>
      </c>
      <c r="AN324">
        <v>0</v>
      </c>
      <c r="AO324">
        <v>0</v>
      </c>
      <c r="AP324">
        <v>0</v>
      </c>
      <c r="AQ324">
        <v>0</v>
      </c>
      <c r="AR324">
        <v>0</v>
      </c>
      <c r="AS324">
        <v>0</v>
      </c>
      <c r="AT324">
        <v>0</v>
      </c>
      <c r="AU324">
        <v>0</v>
      </c>
      <c r="AV324">
        <v>0</v>
      </c>
      <c r="AW324">
        <v>0</v>
      </c>
      <c r="AX324">
        <v>-7020</v>
      </c>
      <c r="AY324">
        <v>10</v>
      </c>
      <c r="AZ324">
        <v>19</v>
      </c>
      <c r="BA324">
        <v>85</v>
      </c>
    </row>
    <row r="325" spans="1:53" x14ac:dyDescent="0.4">
      <c r="A325">
        <v>369</v>
      </c>
      <c r="B325" s="1">
        <v>42925</v>
      </c>
      <c r="C325">
        <v>2</v>
      </c>
      <c r="D325" s="1">
        <v>42925.428472222222</v>
      </c>
      <c r="E325" s="1">
        <v>42925.739583333336</v>
      </c>
      <c r="F325">
        <v>36500</v>
      </c>
      <c r="G325">
        <v>280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3143</v>
      </c>
      <c r="N325">
        <v>0</v>
      </c>
      <c r="O325">
        <v>0</v>
      </c>
      <c r="P325">
        <v>8640</v>
      </c>
      <c r="Q325">
        <v>0</v>
      </c>
      <c r="R325">
        <v>51083</v>
      </c>
      <c r="S325">
        <v>0</v>
      </c>
      <c r="T325">
        <v>0</v>
      </c>
      <c r="U325">
        <v>0</v>
      </c>
      <c r="V325">
        <v>1</v>
      </c>
      <c r="W325">
        <v>3</v>
      </c>
      <c r="X325">
        <v>0</v>
      </c>
      <c r="Y325">
        <v>66</v>
      </c>
      <c r="Z325">
        <v>33</v>
      </c>
      <c r="AA325">
        <v>41</v>
      </c>
      <c r="AB325">
        <v>10</v>
      </c>
      <c r="AC325">
        <v>134</v>
      </c>
      <c r="AD325">
        <v>15</v>
      </c>
      <c r="AE325">
        <v>8</v>
      </c>
      <c r="AF325">
        <v>0</v>
      </c>
      <c r="AG325">
        <v>113523</v>
      </c>
      <c r="AH325">
        <v>50000</v>
      </c>
      <c r="AI325">
        <v>20</v>
      </c>
      <c r="AJ325">
        <v>91</v>
      </c>
      <c r="AK325" t="s">
        <v>14</v>
      </c>
      <c r="AL325">
        <v>0</v>
      </c>
      <c r="AM325">
        <v>0</v>
      </c>
      <c r="AN325">
        <v>0</v>
      </c>
      <c r="AO325">
        <v>0</v>
      </c>
      <c r="AP325">
        <v>0</v>
      </c>
      <c r="AQ325">
        <v>0</v>
      </c>
      <c r="AR325">
        <v>0</v>
      </c>
      <c r="AS325">
        <v>0</v>
      </c>
      <c r="AT325">
        <v>0</v>
      </c>
      <c r="AU325">
        <v>0</v>
      </c>
      <c r="AV325">
        <v>0</v>
      </c>
      <c r="AW325">
        <v>0</v>
      </c>
      <c r="AX325">
        <v>32</v>
      </c>
      <c r="AY325">
        <v>38</v>
      </c>
      <c r="AZ325">
        <v>87</v>
      </c>
      <c r="BA325">
        <v>6863</v>
      </c>
    </row>
    <row r="326" spans="1:53" x14ac:dyDescent="0.4">
      <c r="A326">
        <v>370</v>
      </c>
      <c r="B326" s="1">
        <v>42925</v>
      </c>
      <c r="C326">
        <v>3</v>
      </c>
      <c r="D326" s="1">
        <v>42925.739583333336</v>
      </c>
      <c r="E326" s="1">
        <v>42926.086805555555</v>
      </c>
      <c r="F326">
        <v>86000</v>
      </c>
      <c r="G326">
        <v>506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7284</v>
      </c>
      <c r="N326">
        <v>0</v>
      </c>
      <c r="O326">
        <v>0</v>
      </c>
      <c r="P326">
        <v>-5400</v>
      </c>
      <c r="Q326">
        <v>0</v>
      </c>
      <c r="R326">
        <v>92944</v>
      </c>
      <c r="S326">
        <v>0</v>
      </c>
      <c r="T326">
        <v>0</v>
      </c>
      <c r="U326">
        <v>0</v>
      </c>
      <c r="V326">
        <v>8</v>
      </c>
      <c r="W326">
        <v>4</v>
      </c>
      <c r="X326">
        <v>0</v>
      </c>
      <c r="Y326">
        <v>76</v>
      </c>
      <c r="Z326">
        <v>34</v>
      </c>
      <c r="AA326">
        <v>42</v>
      </c>
      <c r="AB326">
        <v>16</v>
      </c>
      <c r="AC326">
        <v>149</v>
      </c>
      <c r="AD326">
        <v>13</v>
      </c>
      <c r="AE326">
        <v>2</v>
      </c>
      <c r="AF326">
        <v>6890</v>
      </c>
      <c r="AG326">
        <v>206447</v>
      </c>
      <c r="AH326">
        <v>50000</v>
      </c>
      <c r="AI326">
        <v>0</v>
      </c>
      <c r="AJ326">
        <v>102</v>
      </c>
      <c r="AK326" t="s">
        <v>8</v>
      </c>
      <c r="AL326">
        <v>0</v>
      </c>
      <c r="AM326">
        <v>0</v>
      </c>
      <c r="AN326">
        <v>0</v>
      </c>
      <c r="AO326">
        <v>0</v>
      </c>
      <c r="AP326">
        <v>0</v>
      </c>
      <c r="AQ326">
        <v>0</v>
      </c>
      <c r="AR326">
        <v>0</v>
      </c>
      <c r="AS326">
        <v>0</v>
      </c>
      <c r="AT326">
        <v>0</v>
      </c>
      <c r="AU326">
        <v>0</v>
      </c>
      <c r="AV326">
        <v>0</v>
      </c>
      <c r="AW326">
        <v>0</v>
      </c>
      <c r="AX326">
        <v>2268</v>
      </c>
      <c r="AY326">
        <v>16</v>
      </c>
      <c r="AZ326">
        <v>56</v>
      </c>
      <c r="BA326">
        <v>3511</v>
      </c>
    </row>
    <row r="327" spans="1:53" x14ac:dyDescent="0.4">
      <c r="A327">
        <v>371</v>
      </c>
      <c r="B327" s="1">
        <v>42926</v>
      </c>
      <c r="C327">
        <v>1</v>
      </c>
      <c r="D327" s="1">
        <v>42926.291666666664</v>
      </c>
      <c r="E327" s="1">
        <v>42926.45416666667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0</v>
      </c>
      <c r="O327">
        <v>0</v>
      </c>
      <c r="P327">
        <v>0</v>
      </c>
      <c r="Q327">
        <v>0</v>
      </c>
      <c r="R327">
        <v>0</v>
      </c>
      <c r="S327">
        <v>0</v>
      </c>
      <c r="T327">
        <v>0</v>
      </c>
      <c r="U327">
        <v>0</v>
      </c>
      <c r="V327">
        <v>0</v>
      </c>
      <c r="W327">
        <v>1</v>
      </c>
      <c r="X327">
        <v>0</v>
      </c>
      <c r="Y327">
        <v>29</v>
      </c>
      <c r="Z327">
        <v>20</v>
      </c>
      <c r="AA327">
        <v>37</v>
      </c>
      <c r="AB327">
        <v>16</v>
      </c>
      <c r="AC327">
        <v>144</v>
      </c>
      <c r="AD327">
        <v>12</v>
      </c>
      <c r="AE327">
        <v>0</v>
      </c>
      <c r="AF327">
        <v>0</v>
      </c>
      <c r="AG327">
        <v>50000</v>
      </c>
      <c r="AH327">
        <v>0</v>
      </c>
      <c r="AI327">
        <v>50000</v>
      </c>
      <c r="AJ327">
        <v>0</v>
      </c>
      <c r="AK327" t="s">
        <v>6</v>
      </c>
      <c r="AL327">
        <v>0</v>
      </c>
      <c r="AM327">
        <v>0</v>
      </c>
      <c r="AN327">
        <v>0</v>
      </c>
      <c r="AO327">
        <v>0</v>
      </c>
      <c r="AP327">
        <v>0</v>
      </c>
      <c r="AQ327">
        <v>0</v>
      </c>
      <c r="AR327">
        <v>0</v>
      </c>
      <c r="AS327">
        <v>0</v>
      </c>
      <c r="AT327">
        <v>0</v>
      </c>
      <c r="AU327">
        <v>0</v>
      </c>
      <c r="AV327">
        <v>0</v>
      </c>
      <c r="AW327">
        <v>0</v>
      </c>
      <c r="AX327">
        <v>0</v>
      </c>
      <c r="AY327">
        <v>0</v>
      </c>
      <c r="AZ327">
        <v>0</v>
      </c>
      <c r="BA327">
        <v>0</v>
      </c>
    </row>
    <row r="328" spans="1:53" x14ac:dyDescent="0.4">
      <c r="A328">
        <v>372</v>
      </c>
      <c r="B328" s="1">
        <v>42926</v>
      </c>
      <c r="C328">
        <v>2</v>
      </c>
      <c r="D328" s="1">
        <v>42926.45416666667</v>
      </c>
      <c r="E328" s="1">
        <v>42926.75</v>
      </c>
      <c r="F328">
        <v>14500</v>
      </c>
      <c r="G328">
        <v>235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1347</v>
      </c>
      <c r="N328">
        <v>0</v>
      </c>
      <c r="O328">
        <v>0</v>
      </c>
      <c r="P328">
        <v>11340</v>
      </c>
      <c r="Q328">
        <v>0</v>
      </c>
      <c r="R328">
        <v>29537</v>
      </c>
      <c r="S328">
        <v>0</v>
      </c>
      <c r="T328">
        <v>0</v>
      </c>
      <c r="U328">
        <v>0</v>
      </c>
      <c r="V328">
        <v>1</v>
      </c>
      <c r="W328">
        <v>0</v>
      </c>
      <c r="X328">
        <v>0</v>
      </c>
      <c r="Y328">
        <v>43</v>
      </c>
      <c r="Z328">
        <v>29</v>
      </c>
      <c r="AA328">
        <v>50</v>
      </c>
      <c r="AB328">
        <v>19</v>
      </c>
      <c r="AC328">
        <v>199</v>
      </c>
      <c r="AD328">
        <v>10</v>
      </c>
      <c r="AE328">
        <v>7</v>
      </c>
      <c r="AF328">
        <v>3824</v>
      </c>
      <c r="AG328">
        <v>79321</v>
      </c>
      <c r="AH328">
        <v>50000</v>
      </c>
      <c r="AI328">
        <v>-216</v>
      </c>
      <c r="AJ328">
        <v>91</v>
      </c>
      <c r="AK328" t="s">
        <v>14</v>
      </c>
      <c r="AL328">
        <v>0</v>
      </c>
      <c r="AM328">
        <v>0</v>
      </c>
      <c r="AN328">
        <v>0</v>
      </c>
      <c r="AO328">
        <v>0</v>
      </c>
      <c r="AP328">
        <v>0</v>
      </c>
      <c r="AQ328">
        <v>0</v>
      </c>
      <c r="AR328">
        <v>0</v>
      </c>
      <c r="AS328">
        <v>0</v>
      </c>
      <c r="AT328">
        <v>0</v>
      </c>
      <c r="AU328">
        <v>0</v>
      </c>
      <c r="AV328">
        <v>0</v>
      </c>
      <c r="AW328">
        <v>0</v>
      </c>
      <c r="AX328">
        <v>4039</v>
      </c>
      <c r="AY328">
        <v>27</v>
      </c>
      <c r="AZ328">
        <v>48</v>
      </c>
      <c r="BA328">
        <v>4244</v>
      </c>
    </row>
    <row r="329" spans="1:53" x14ac:dyDescent="0.4">
      <c r="A329">
        <v>373</v>
      </c>
      <c r="B329" s="1">
        <v>42926</v>
      </c>
      <c r="C329">
        <v>3</v>
      </c>
      <c r="D329" s="1">
        <v>42926.75</v>
      </c>
      <c r="E329" s="1">
        <v>42926.948611111111</v>
      </c>
      <c r="F329">
        <v>42150</v>
      </c>
      <c r="G329">
        <v>584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3839</v>
      </c>
      <c r="N329">
        <v>0</v>
      </c>
      <c r="O329">
        <v>0</v>
      </c>
      <c r="P329">
        <v>-5508</v>
      </c>
      <c r="Q329">
        <v>0</v>
      </c>
      <c r="R329">
        <v>46321</v>
      </c>
      <c r="S329">
        <v>0</v>
      </c>
      <c r="T329">
        <v>0</v>
      </c>
      <c r="U329">
        <v>0</v>
      </c>
      <c r="V329">
        <v>5</v>
      </c>
      <c r="W329">
        <v>0</v>
      </c>
      <c r="X329">
        <v>0</v>
      </c>
      <c r="Y329">
        <v>33</v>
      </c>
      <c r="Z329">
        <v>31</v>
      </c>
      <c r="AA329">
        <v>52</v>
      </c>
      <c r="AB329">
        <v>13</v>
      </c>
      <c r="AC329">
        <v>185</v>
      </c>
      <c r="AD329">
        <v>10</v>
      </c>
      <c r="AE329">
        <v>53</v>
      </c>
      <c r="AF329">
        <v>9504</v>
      </c>
      <c r="AG329">
        <v>115807</v>
      </c>
      <c r="AH329">
        <v>50000</v>
      </c>
      <c r="AI329">
        <v>-10051</v>
      </c>
      <c r="AJ329">
        <v>91</v>
      </c>
      <c r="AK329" t="s">
        <v>14</v>
      </c>
      <c r="AL329">
        <v>0</v>
      </c>
      <c r="AM329">
        <v>0</v>
      </c>
      <c r="AN329">
        <v>0</v>
      </c>
      <c r="AO329">
        <v>0</v>
      </c>
      <c r="AP329">
        <v>0</v>
      </c>
      <c r="AQ329">
        <v>0</v>
      </c>
      <c r="AR329">
        <v>0</v>
      </c>
      <c r="AS329">
        <v>0</v>
      </c>
      <c r="AT329">
        <v>0</v>
      </c>
      <c r="AU329">
        <v>0</v>
      </c>
      <c r="AV329">
        <v>0</v>
      </c>
      <c r="AW329">
        <v>0</v>
      </c>
      <c r="AX329">
        <v>20650</v>
      </c>
      <c r="AY329">
        <v>17</v>
      </c>
      <c r="AZ329">
        <v>53</v>
      </c>
      <c r="BA329">
        <v>2152</v>
      </c>
    </row>
    <row r="330" spans="1:53" x14ac:dyDescent="0.4">
      <c r="A330">
        <v>374</v>
      </c>
      <c r="B330" s="1">
        <v>42926</v>
      </c>
      <c r="C330">
        <v>4</v>
      </c>
      <c r="D330" s="1">
        <v>42926.948611111111</v>
      </c>
      <c r="E330" s="1">
        <v>42927.012499999997</v>
      </c>
      <c r="F330">
        <v>2160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1728</v>
      </c>
      <c r="N330">
        <v>0</v>
      </c>
      <c r="O330">
        <v>0</v>
      </c>
      <c r="P330">
        <v>0</v>
      </c>
      <c r="Q330">
        <v>0</v>
      </c>
      <c r="R330">
        <v>23328</v>
      </c>
      <c r="S330">
        <v>0</v>
      </c>
      <c r="T330">
        <v>0</v>
      </c>
      <c r="U330">
        <v>0</v>
      </c>
      <c r="V330">
        <v>9</v>
      </c>
      <c r="W330">
        <v>0</v>
      </c>
      <c r="X330">
        <v>0</v>
      </c>
      <c r="Y330">
        <v>27</v>
      </c>
      <c r="Z330">
        <v>28</v>
      </c>
      <c r="AA330">
        <v>61</v>
      </c>
      <c r="AB330">
        <v>13</v>
      </c>
      <c r="AC330">
        <v>183</v>
      </c>
      <c r="AD330">
        <v>10</v>
      </c>
      <c r="AE330">
        <v>52</v>
      </c>
      <c r="AF330">
        <v>9504</v>
      </c>
      <c r="AG330">
        <v>149186</v>
      </c>
      <c r="AH330">
        <v>50000</v>
      </c>
      <c r="AI330">
        <v>0</v>
      </c>
      <c r="AJ330">
        <v>1</v>
      </c>
      <c r="AK330" t="s">
        <v>3</v>
      </c>
      <c r="AL330">
        <v>0</v>
      </c>
      <c r="AM330">
        <v>0</v>
      </c>
      <c r="AN330">
        <v>0</v>
      </c>
      <c r="AO330">
        <v>0</v>
      </c>
      <c r="AP330">
        <v>0</v>
      </c>
      <c r="AQ330">
        <v>0</v>
      </c>
      <c r="AR330">
        <v>0</v>
      </c>
      <c r="AS330">
        <v>0</v>
      </c>
      <c r="AT330">
        <v>0</v>
      </c>
      <c r="AU330">
        <v>0</v>
      </c>
      <c r="AV330">
        <v>0</v>
      </c>
      <c r="AW330">
        <v>0</v>
      </c>
      <c r="AX330">
        <v>7744</v>
      </c>
      <c r="AY330">
        <v>2</v>
      </c>
      <c r="AZ330">
        <v>5</v>
      </c>
      <c r="BA330">
        <v>459</v>
      </c>
    </row>
    <row r="331" spans="1:53" x14ac:dyDescent="0.4">
      <c r="A331">
        <v>375</v>
      </c>
      <c r="B331" s="1">
        <v>42927</v>
      </c>
      <c r="C331">
        <v>1</v>
      </c>
      <c r="D331" s="1">
        <v>42927.291666666664</v>
      </c>
      <c r="E331" s="1">
        <v>42927.446527777778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0</v>
      </c>
      <c r="O331">
        <v>0</v>
      </c>
      <c r="P331">
        <v>0</v>
      </c>
      <c r="Q331">
        <v>0</v>
      </c>
      <c r="R331">
        <v>0</v>
      </c>
      <c r="S331">
        <v>0</v>
      </c>
      <c r="T331">
        <v>0</v>
      </c>
      <c r="U331">
        <v>0</v>
      </c>
      <c r="V331">
        <v>0</v>
      </c>
      <c r="W331">
        <v>1</v>
      </c>
      <c r="X331">
        <v>0</v>
      </c>
      <c r="Y331">
        <v>25</v>
      </c>
      <c r="Z331">
        <v>23</v>
      </c>
      <c r="AA331">
        <v>62</v>
      </c>
      <c r="AB331">
        <v>14</v>
      </c>
      <c r="AC331">
        <v>150</v>
      </c>
      <c r="AD331">
        <v>10</v>
      </c>
      <c r="AE331">
        <v>50</v>
      </c>
      <c r="AF331">
        <v>0</v>
      </c>
      <c r="AG331">
        <v>50000</v>
      </c>
      <c r="AH331">
        <v>50000</v>
      </c>
      <c r="AI331">
        <v>0</v>
      </c>
      <c r="AJ331">
        <v>0</v>
      </c>
      <c r="AK331" t="s">
        <v>6</v>
      </c>
      <c r="AL331">
        <v>0</v>
      </c>
      <c r="AM331">
        <v>0</v>
      </c>
      <c r="AN331">
        <v>0</v>
      </c>
      <c r="AO331">
        <v>0</v>
      </c>
      <c r="AP331">
        <v>0</v>
      </c>
      <c r="AQ331">
        <v>0</v>
      </c>
      <c r="AR331">
        <v>0</v>
      </c>
      <c r="AS331">
        <v>0</v>
      </c>
      <c r="AT331">
        <v>0</v>
      </c>
      <c r="AU331">
        <v>0</v>
      </c>
      <c r="AV331">
        <v>0</v>
      </c>
      <c r="AW331">
        <v>0</v>
      </c>
      <c r="AX331">
        <v>0</v>
      </c>
      <c r="AY331">
        <v>0</v>
      </c>
      <c r="AZ331">
        <v>0</v>
      </c>
      <c r="BA331">
        <v>0</v>
      </c>
    </row>
    <row r="332" spans="1:53" x14ac:dyDescent="0.4">
      <c r="A332">
        <v>376</v>
      </c>
      <c r="B332" s="1">
        <v>42927</v>
      </c>
      <c r="C332">
        <v>2</v>
      </c>
      <c r="D332" s="1">
        <v>42927.446527777778</v>
      </c>
      <c r="E332" s="1">
        <v>42927.75</v>
      </c>
      <c r="F332">
        <v>12500</v>
      </c>
      <c r="G332">
        <v>192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1153</v>
      </c>
      <c r="N332">
        <v>0</v>
      </c>
      <c r="O332">
        <v>0</v>
      </c>
      <c r="P332">
        <v>12420</v>
      </c>
      <c r="Q332">
        <v>0</v>
      </c>
      <c r="R332">
        <v>27993</v>
      </c>
      <c r="S332">
        <v>0</v>
      </c>
      <c r="T332">
        <v>0</v>
      </c>
      <c r="U332">
        <v>0</v>
      </c>
      <c r="V332">
        <v>0</v>
      </c>
      <c r="W332">
        <v>2</v>
      </c>
      <c r="X332">
        <v>0</v>
      </c>
      <c r="Y332">
        <v>47</v>
      </c>
      <c r="Z332">
        <v>26</v>
      </c>
      <c r="AA332">
        <v>51</v>
      </c>
      <c r="AB332">
        <v>18</v>
      </c>
      <c r="AC332">
        <v>184</v>
      </c>
      <c r="AD332">
        <v>12</v>
      </c>
      <c r="AE332">
        <v>47</v>
      </c>
      <c r="AF332">
        <v>0</v>
      </c>
      <c r="AG332">
        <v>77947</v>
      </c>
      <c r="AH332">
        <v>50000</v>
      </c>
      <c r="AI332">
        <v>-46</v>
      </c>
      <c r="AJ332">
        <v>100</v>
      </c>
      <c r="AK332" t="s">
        <v>0</v>
      </c>
      <c r="AL332">
        <v>0</v>
      </c>
      <c r="AM332">
        <v>0</v>
      </c>
      <c r="AN332">
        <v>0</v>
      </c>
      <c r="AO332">
        <v>0</v>
      </c>
      <c r="AP332">
        <v>0</v>
      </c>
      <c r="AQ332">
        <v>0</v>
      </c>
      <c r="AR332">
        <v>0</v>
      </c>
      <c r="AS332">
        <v>0</v>
      </c>
      <c r="AT332">
        <v>0</v>
      </c>
      <c r="AU332">
        <v>0</v>
      </c>
      <c r="AV332">
        <v>0</v>
      </c>
      <c r="AW332">
        <v>0</v>
      </c>
      <c r="AX332">
        <v>1274</v>
      </c>
      <c r="AY332">
        <v>27</v>
      </c>
      <c r="AZ332">
        <v>47</v>
      </c>
      <c r="BA332">
        <v>3693</v>
      </c>
    </row>
    <row r="333" spans="1:53" x14ac:dyDescent="0.4">
      <c r="A333">
        <v>377</v>
      </c>
      <c r="B333" s="1">
        <v>42927</v>
      </c>
      <c r="C333">
        <v>3</v>
      </c>
      <c r="D333" s="1">
        <v>42927.75</v>
      </c>
      <c r="E333" s="1">
        <v>42927.954861111109</v>
      </c>
      <c r="F333">
        <v>22700</v>
      </c>
      <c r="G333">
        <v>358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2102</v>
      </c>
      <c r="N333">
        <v>0</v>
      </c>
      <c r="O333">
        <v>0</v>
      </c>
      <c r="P333">
        <v>-5886</v>
      </c>
      <c r="Q333">
        <v>0</v>
      </c>
      <c r="R333">
        <v>22496</v>
      </c>
      <c r="S333">
        <v>0</v>
      </c>
      <c r="T333">
        <v>0</v>
      </c>
      <c r="U333">
        <v>0</v>
      </c>
      <c r="V333">
        <v>1</v>
      </c>
      <c r="W333">
        <v>2</v>
      </c>
      <c r="X333">
        <v>0</v>
      </c>
      <c r="Y333">
        <v>60</v>
      </c>
      <c r="Z333">
        <v>25</v>
      </c>
      <c r="AA333">
        <v>52</v>
      </c>
      <c r="AB333">
        <v>16</v>
      </c>
      <c r="AC333">
        <v>184</v>
      </c>
      <c r="AD333">
        <v>11</v>
      </c>
      <c r="AE333">
        <v>48</v>
      </c>
      <c r="AF333">
        <v>0</v>
      </c>
      <c r="AG333">
        <v>100443</v>
      </c>
      <c r="AH333">
        <v>50000</v>
      </c>
      <c r="AI333">
        <v>-46</v>
      </c>
      <c r="AJ333">
        <v>89</v>
      </c>
      <c r="AK333" t="s">
        <v>12</v>
      </c>
      <c r="AL333">
        <v>0</v>
      </c>
      <c r="AM333">
        <v>0</v>
      </c>
      <c r="AN333">
        <v>0</v>
      </c>
      <c r="AO333">
        <v>0</v>
      </c>
      <c r="AP333">
        <v>0</v>
      </c>
      <c r="AQ333">
        <v>0</v>
      </c>
      <c r="AR333">
        <v>0</v>
      </c>
      <c r="AS333">
        <v>0</v>
      </c>
      <c r="AT333">
        <v>0</v>
      </c>
      <c r="AU333">
        <v>0</v>
      </c>
      <c r="AV333">
        <v>0</v>
      </c>
      <c r="AW333">
        <v>0</v>
      </c>
      <c r="AX333">
        <v>6242</v>
      </c>
      <c r="AY333">
        <v>12</v>
      </c>
      <c r="AZ333">
        <v>19</v>
      </c>
      <c r="BA333">
        <v>1992</v>
      </c>
    </row>
    <row r="334" spans="1:53" x14ac:dyDescent="0.4">
      <c r="A334">
        <v>378</v>
      </c>
      <c r="B334" s="1">
        <v>42928</v>
      </c>
      <c r="C334">
        <v>1</v>
      </c>
      <c r="D334" s="1">
        <v>42928.291666666664</v>
      </c>
      <c r="E334" s="1">
        <v>42928.450694444444</v>
      </c>
      <c r="F334">
        <v>0</v>
      </c>
      <c r="G334">
        <v>0</v>
      </c>
      <c r="H334">
        <v>0</v>
      </c>
      <c r="I334">
        <v>0</v>
      </c>
      <c r="J334">
        <v>0</v>
      </c>
      <c r="K334">
        <v>0</v>
      </c>
      <c r="L334">
        <v>0</v>
      </c>
      <c r="M334">
        <v>0</v>
      </c>
      <c r="N334">
        <v>0</v>
      </c>
      <c r="O334">
        <v>0</v>
      </c>
      <c r="P334">
        <v>0</v>
      </c>
      <c r="Q334">
        <v>0</v>
      </c>
      <c r="R334">
        <v>0</v>
      </c>
      <c r="S334">
        <v>0</v>
      </c>
      <c r="T334">
        <v>0</v>
      </c>
      <c r="U334">
        <v>0</v>
      </c>
      <c r="V334">
        <v>0</v>
      </c>
      <c r="W334">
        <v>2</v>
      </c>
      <c r="X334">
        <v>0</v>
      </c>
      <c r="Y334">
        <v>26</v>
      </c>
      <c r="Z334">
        <v>16</v>
      </c>
      <c r="AA334">
        <v>44</v>
      </c>
      <c r="AB334">
        <v>16</v>
      </c>
      <c r="AC334">
        <v>71</v>
      </c>
      <c r="AD334">
        <v>9</v>
      </c>
      <c r="AE334">
        <v>45</v>
      </c>
      <c r="AF334">
        <v>0</v>
      </c>
      <c r="AG334">
        <v>50000</v>
      </c>
      <c r="AH334">
        <v>0</v>
      </c>
      <c r="AI334">
        <v>50000</v>
      </c>
      <c r="AJ334">
        <v>0</v>
      </c>
      <c r="AK334" t="s">
        <v>6</v>
      </c>
      <c r="AL334">
        <v>0</v>
      </c>
      <c r="AM334">
        <v>0</v>
      </c>
      <c r="AN334">
        <v>0</v>
      </c>
      <c r="AO334">
        <v>0</v>
      </c>
      <c r="AP334">
        <v>0</v>
      </c>
      <c r="AQ334">
        <v>0</v>
      </c>
      <c r="AR334">
        <v>0</v>
      </c>
      <c r="AS334">
        <v>0</v>
      </c>
      <c r="AT334">
        <v>0</v>
      </c>
      <c r="AU334">
        <v>0</v>
      </c>
      <c r="AV334">
        <v>0</v>
      </c>
      <c r="AW334">
        <v>0</v>
      </c>
      <c r="AX334">
        <v>0</v>
      </c>
      <c r="AY334">
        <v>0</v>
      </c>
      <c r="AZ334">
        <v>0</v>
      </c>
      <c r="BA334">
        <v>0</v>
      </c>
    </row>
    <row r="335" spans="1:53" x14ac:dyDescent="0.4">
      <c r="A335">
        <v>379</v>
      </c>
      <c r="B335" s="1">
        <v>42928</v>
      </c>
      <c r="C335">
        <v>2</v>
      </c>
      <c r="D335" s="1">
        <v>42928.450694444444</v>
      </c>
      <c r="E335" s="1">
        <v>42928.747916666667</v>
      </c>
      <c r="F335">
        <v>17000</v>
      </c>
      <c r="G335">
        <v>4530</v>
      </c>
      <c r="H335">
        <v>0</v>
      </c>
      <c r="I335">
        <v>0</v>
      </c>
      <c r="J335">
        <v>0</v>
      </c>
      <c r="K335">
        <v>0</v>
      </c>
      <c r="L335">
        <v>0</v>
      </c>
      <c r="M335">
        <v>1721</v>
      </c>
      <c r="N335">
        <v>0</v>
      </c>
      <c r="O335">
        <v>0</v>
      </c>
      <c r="P335">
        <v>10800</v>
      </c>
      <c r="Q335">
        <v>0</v>
      </c>
      <c r="R335">
        <v>34051</v>
      </c>
      <c r="S335">
        <v>0</v>
      </c>
      <c r="T335">
        <v>0</v>
      </c>
      <c r="U335">
        <v>0</v>
      </c>
      <c r="V335">
        <v>1</v>
      </c>
      <c r="W335">
        <v>2</v>
      </c>
      <c r="X335">
        <v>0</v>
      </c>
      <c r="Y335">
        <v>39</v>
      </c>
      <c r="Z335">
        <v>32</v>
      </c>
      <c r="AA335">
        <v>68</v>
      </c>
      <c r="AB335">
        <v>16</v>
      </c>
      <c r="AC335">
        <v>135</v>
      </c>
      <c r="AD335">
        <v>10</v>
      </c>
      <c r="AE335">
        <v>51</v>
      </c>
      <c r="AF335">
        <v>0</v>
      </c>
      <c r="AG335">
        <v>84051</v>
      </c>
      <c r="AH335">
        <v>50000</v>
      </c>
      <c r="AI335">
        <v>0</v>
      </c>
      <c r="AJ335">
        <v>99</v>
      </c>
      <c r="AK335" t="s">
        <v>9</v>
      </c>
      <c r="AL335">
        <v>0</v>
      </c>
      <c r="AM335">
        <v>0</v>
      </c>
      <c r="AN335">
        <v>0</v>
      </c>
      <c r="AO335">
        <v>0</v>
      </c>
      <c r="AP335">
        <v>0</v>
      </c>
      <c r="AQ335">
        <v>0</v>
      </c>
      <c r="AR335">
        <v>0</v>
      </c>
      <c r="AS335">
        <v>0</v>
      </c>
      <c r="AT335">
        <v>0</v>
      </c>
      <c r="AU335">
        <v>0</v>
      </c>
      <c r="AV335">
        <v>0</v>
      </c>
      <c r="AW335">
        <v>0</v>
      </c>
      <c r="AX335">
        <v>3672</v>
      </c>
      <c r="AY335">
        <v>28</v>
      </c>
      <c r="AZ335">
        <v>54</v>
      </c>
      <c r="BA335">
        <v>4106</v>
      </c>
    </row>
    <row r="336" spans="1:53" x14ac:dyDescent="0.4">
      <c r="A336">
        <v>380</v>
      </c>
      <c r="B336" s="1">
        <v>42928</v>
      </c>
      <c r="C336">
        <v>3</v>
      </c>
      <c r="D336" s="1">
        <v>42928.747916666667</v>
      </c>
      <c r="E336" s="1">
        <v>42928.959027777775</v>
      </c>
      <c r="F336">
        <v>24700</v>
      </c>
      <c r="G336">
        <v>2780</v>
      </c>
      <c r="H336">
        <v>0</v>
      </c>
      <c r="I336">
        <v>0</v>
      </c>
      <c r="J336">
        <v>0</v>
      </c>
      <c r="K336">
        <v>0</v>
      </c>
      <c r="L336">
        <v>0</v>
      </c>
      <c r="M336">
        <v>2198</v>
      </c>
      <c r="N336">
        <v>0</v>
      </c>
      <c r="O336">
        <v>0</v>
      </c>
      <c r="P336">
        <v>22896</v>
      </c>
      <c r="Q336">
        <v>0</v>
      </c>
      <c r="R336">
        <v>52574</v>
      </c>
      <c r="S336">
        <v>0</v>
      </c>
      <c r="T336">
        <v>0</v>
      </c>
      <c r="U336">
        <v>0</v>
      </c>
      <c r="V336">
        <v>1</v>
      </c>
      <c r="W336">
        <v>5</v>
      </c>
      <c r="X336">
        <v>0</v>
      </c>
      <c r="Y336">
        <v>41</v>
      </c>
      <c r="Z336">
        <v>29</v>
      </c>
      <c r="AA336">
        <v>69</v>
      </c>
      <c r="AB336">
        <v>18</v>
      </c>
      <c r="AC336">
        <v>141</v>
      </c>
      <c r="AD336">
        <v>12</v>
      </c>
      <c r="AE336">
        <v>71</v>
      </c>
      <c r="AF336">
        <v>36784</v>
      </c>
      <c r="AG336">
        <v>136625</v>
      </c>
      <c r="AH336">
        <v>50000</v>
      </c>
      <c r="AI336">
        <v>0</v>
      </c>
      <c r="AJ336">
        <v>99</v>
      </c>
      <c r="AK336" t="s">
        <v>9</v>
      </c>
      <c r="AL336">
        <v>0</v>
      </c>
      <c r="AM336">
        <v>0</v>
      </c>
      <c r="AN336">
        <v>0</v>
      </c>
      <c r="AO336">
        <v>0</v>
      </c>
      <c r="AP336">
        <v>0</v>
      </c>
      <c r="AQ336">
        <v>0</v>
      </c>
      <c r="AR336">
        <v>0</v>
      </c>
      <c r="AS336">
        <v>0</v>
      </c>
      <c r="AT336">
        <v>0</v>
      </c>
      <c r="AU336">
        <v>0</v>
      </c>
      <c r="AV336">
        <v>0</v>
      </c>
      <c r="AW336">
        <v>0</v>
      </c>
      <c r="AX336">
        <v>27756</v>
      </c>
      <c r="AY336">
        <v>16</v>
      </c>
      <c r="AZ336">
        <v>45</v>
      </c>
      <c r="BA336">
        <v>2532</v>
      </c>
    </row>
    <row r="337" spans="1:53" x14ac:dyDescent="0.4">
      <c r="A337">
        <v>381</v>
      </c>
      <c r="B337" s="1">
        <v>42929</v>
      </c>
      <c r="C337">
        <v>1</v>
      </c>
      <c r="D337" s="1">
        <v>42929.291666666664</v>
      </c>
      <c r="E337" s="1">
        <v>42929.453472222223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0</v>
      </c>
      <c r="O337">
        <v>0</v>
      </c>
      <c r="P337">
        <v>0</v>
      </c>
      <c r="Q337">
        <v>0</v>
      </c>
      <c r="R337">
        <v>0</v>
      </c>
      <c r="S337">
        <v>0</v>
      </c>
      <c r="T337">
        <v>0</v>
      </c>
      <c r="U337">
        <v>0</v>
      </c>
      <c r="V337">
        <v>0</v>
      </c>
      <c r="W337">
        <v>1</v>
      </c>
      <c r="X337">
        <v>0</v>
      </c>
      <c r="Y337">
        <v>28</v>
      </c>
      <c r="Z337">
        <v>17</v>
      </c>
      <c r="AA337">
        <v>61</v>
      </c>
      <c r="AB337">
        <v>18</v>
      </c>
      <c r="AC337">
        <v>138</v>
      </c>
      <c r="AD337">
        <v>11</v>
      </c>
      <c r="AE337">
        <v>65</v>
      </c>
      <c r="AF337">
        <v>0</v>
      </c>
      <c r="AG337">
        <v>50000</v>
      </c>
      <c r="AH337">
        <v>0</v>
      </c>
      <c r="AI337">
        <v>50000</v>
      </c>
      <c r="AJ337">
        <v>0</v>
      </c>
      <c r="AK337" t="s">
        <v>6</v>
      </c>
      <c r="AL337">
        <v>0</v>
      </c>
      <c r="AM337">
        <v>0</v>
      </c>
      <c r="AN337">
        <v>0</v>
      </c>
      <c r="AO337">
        <v>0</v>
      </c>
      <c r="AP337">
        <v>0</v>
      </c>
      <c r="AQ337">
        <v>0</v>
      </c>
      <c r="AR337">
        <v>0</v>
      </c>
      <c r="AS337">
        <v>0</v>
      </c>
      <c r="AT337">
        <v>0</v>
      </c>
      <c r="AU337">
        <v>0</v>
      </c>
      <c r="AV337">
        <v>0</v>
      </c>
      <c r="AW337">
        <v>0</v>
      </c>
      <c r="AX337">
        <v>0</v>
      </c>
      <c r="AY337">
        <v>0</v>
      </c>
      <c r="AZ337">
        <v>0</v>
      </c>
      <c r="BA337">
        <v>0</v>
      </c>
    </row>
    <row r="338" spans="1:53" x14ac:dyDescent="0.4">
      <c r="A338">
        <v>382</v>
      </c>
      <c r="B338" s="1">
        <v>42929</v>
      </c>
      <c r="C338">
        <v>2</v>
      </c>
      <c r="D338" s="1">
        <v>42929.453472222223</v>
      </c>
      <c r="E338" s="1">
        <v>42929.748611111114</v>
      </c>
      <c r="F338">
        <v>20750</v>
      </c>
      <c r="G338">
        <v>324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1918</v>
      </c>
      <c r="N338">
        <v>0</v>
      </c>
      <c r="O338">
        <v>0</v>
      </c>
      <c r="P338">
        <v>15120</v>
      </c>
      <c r="Q338">
        <v>0</v>
      </c>
      <c r="R338">
        <v>41028</v>
      </c>
      <c r="S338">
        <v>0</v>
      </c>
      <c r="T338">
        <v>0</v>
      </c>
      <c r="U338">
        <v>0</v>
      </c>
      <c r="V338">
        <v>0</v>
      </c>
      <c r="W338">
        <v>3</v>
      </c>
      <c r="X338">
        <v>0</v>
      </c>
      <c r="Y338">
        <v>47</v>
      </c>
      <c r="Z338">
        <v>27</v>
      </c>
      <c r="AA338">
        <v>76</v>
      </c>
      <c r="AB338">
        <v>15</v>
      </c>
      <c r="AC338">
        <v>198</v>
      </c>
      <c r="AD338">
        <v>15</v>
      </c>
      <c r="AE338">
        <v>81</v>
      </c>
      <c r="AF338">
        <v>5042</v>
      </c>
      <c r="AG338">
        <v>91028</v>
      </c>
      <c r="AH338">
        <v>50000</v>
      </c>
      <c r="AI338">
        <v>0</v>
      </c>
      <c r="AJ338">
        <v>96</v>
      </c>
      <c r="AK338" t="s">
        <v>4</v>
      </c>
      <c r="AL338">
        <v>0</v>
      </c>
      <c r="AM338">
        <v>0</v>
      </c>
      <c r="AN338">
        <v>0</v>
      </c>
      <c r="AO338">
        <v>0</v>
      </c>
      <c r="AP338">
        <v>0</v>
      </c>
      <c r="AQ338">
        <v>0</v>
      </c>
      <c r="AR338">
        <v>0</v>
      </c>
      <c r="AS338">
        <v>0</v>
      </c>
      <c r="AT338">
        <v>0</v>
      </c>
      <c r="AU338">
        <v>0</v>
      </c>
      <c r="AV338">
        <v>0</v>
      </c>
      <c r="AW338">
        <v>0</v>
      </c>
      <c r="AX338">
        <v>-1620</v>
      </c>
      <c r="AY338">
        <v>34</v>
      </c>
      <c r="AZ338">
        <v>70</v>
      </c>
      <c r="BA338">
        <v>4675</v>
      </c>
    </row>
    <row r="339" spans="1:53" x14ac:dyDescent="0.4">
      <c r="A339">
        <v>383</v>
      </c>
      <c r="B339" s="1">
        <v>42929</v>
      </c>
      <c r="C339">
        <v>3</v>
      </c>
      <c r="D339" s="1">
        <v>42929.748611111114</v>
      </c>
      <c r="E339" s="1">
        <v>42929.963194444441</v>
      </c>
      <c r="F339">
        <v>77660</v>
      </c>
      <c r="G339">
        <v>88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6283</v>
      </c>
      <c r="N339">
        <v>0</v>
      </c>
      <c r="O339">
        <v>0</v>
      </c>
      <c r="P339">
        <v>-14040</v>
      </c>
      <c r="Q339">
        <v>0</v>
      </c>
      <c r="R339">
        <v>70783</v>
      </c>
      <c r="S339">
        <v>0</v>
      </c>
      <c r="T339">
        <v>0</v>
      </c>
      <c r="U339">
        <v>0</v>
      </c>
      <c r="V339">
        <v>2</v>
      </c>
      <c r="W339">
        <v>4</v>
      </c>
      <c r="X339">
        <v>0</v>
      </c>
      <c r="Y339">
        <v>61</v>
      </c>
      <c r="Z339">
        <v>30</v>
      </c>
      <c r="AA339">
        <v>70</v>
      </c>
      <c r="AB339">
        <v>15</v>
      </c>
      <c r="AC339">
        <v>200</v>
      </c>
      <c r="AD339">
        <v>15</v>
      </c>
      <c r="AE339">
        <v>84</v>
      </c>
      <c r="AF339">
        <v>31502</v>
      </c>
      <c r="AG339">
        <v>157411</v>
      </c>
      <c r="AH339">
        <v>50000</v>
      </c>
      <c r="AI339">
        <v>-4400</v>
      </c>
      <c r="AJ339">
        <v>100</v>
      </c>
      <c r="AK339" t="s">
        <v>0</v>
      </c>
      <c r="AL339">
        <v>0</v>
      </c>
      <c r="AM339">
        <v>0</v>
      </c>
      <c r="AN339">
        <v>0</v>
      </c>
      <c r="AO339">
        <v>0</v>
      </c>
      <c r="AP339">
        <v>0</v>
      </c>
      <c r="AQ339">
        <v>0</v>
      </c>
      <c r="AR339">
        <v>0</v>
      </c>
      <c r="AS339">
        <v>0</v>
      </c>
      <c r="AT339">
        <v>0</v>
      </c>
      <c r="AU339">
        <v>0</v>
      </c>
      <c r="AV339">
        <v>0</v>
      </c>
      <c r="AW339">
        <v>0</v>
      </c>
      <c r="AX339">
        <v>9471</v>
      </c>
      <c r="AY339">
        <v>16</v>
      </c>
      <c r="AZ339">
        <v>58</v>
      </c>
      <c r="BA339">
        <v>2369</v>
      </c>
    </row>
    <row r="340" spans="1:53" x14ac:dyDescent="0.4">
      <c r="A340">
        <v>384</v>
      </c>
      <c r="B340" s="1">
        <v>42930</v>
      </c>
      <c r="C340">
        <v>1</v>
      </c>
      <c r="D340" s="1">
        <v>42930.291666666664</v>
      </c>
      <c r="E340" s="1">
        <v>42930.452777777777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0</v>
      </c>
      <c r="O340">
        <v>0</v>
      </c>
      <c r="P340">
        <v>0</v>
      </c>
      <c r="Q340">
        <v>0</v>
      </c>
      <c r="R340">
        <v>0</v>
      </c>
      <c r="S340">
        <v>0</v>
      </c>
      <c r="T340">
        <v>0</v>
      </c>
      <c r="U340">
        <v>0</v>
      </c>
      <c r="V340">
        <v>0</v>
      </c>
      <c r="W340">
        <v>0</v>
      </c>
      <c r="X340">
        <v>0</v>
      </c>
      <c r="Y340">
        <v>25</v>
      </c>
      <c r="Z340">
        <v>28</v>
      </c>
      <c r="AA340">
        <v>66</v>
      </c>
      <c r="AB340">
        <v>16</v>
      </c>
      <c r="AC340">
        <v>44</v>
      </c>
      <c r="AD340">
        <v>16</v>
      </c>
      <c r="AE340">
        <v>80</v>
      </c>
      <c r="AF340">
        <v>0</v>
      </c>
      <c r="AG340">
        <v>47000</v>
      </c>
      <c r="AH340">
        <v>0</v>
      </c>
      <c r="AI340">
        <v>47000</v>
      </c>
      <c r="AJ340">
        <v>0</v>
      </c>
      <c r="AK340" t="s">
        <v>6</v>
      </c>
      <c r="AL340">
        <v>0</v>
      </c>
      <c r="AM340">
        <v>0</v>
      </c>
      <c r="AN340">
        <v>0</v>
      </c>
      <c r="AO340">
        <v>0</v>
      </c>
      <c r="AP340">
        <v>0</v>
      </c>
      <c r="AQ340">
        <v>0</v>
      </c>
      <c r="AR340">
        <v>0</v>
      </c>
      <c r="AS340">
        <v>0</v>
      </c>
      <c r="AT340">
        <v>0</v>
      </c>
      <c r="AU340">
        <v>0</v>
      </c>
      <c r="AV340">
        <v>0</v>
      </c>
      <c r="AW340">
        <v>0</v>
      </c>
      <c r="AX340">
        <v>0</v>
      </c>
      <c r="AY340">
        <v>0</v>
      </c>
      <c r="AZ340">
        <v>0</v>
      </c>
      <c r="BA340">
        <v>0</v>
      </c>
    </row>
    <row r="341" spans="1:53" x14ac:dyDescent="0.4">
      <c r="A341">
        <v>385</v>
      </c>
      <c r="B341" s="1">
        <v>42930</v>
      </c>
      <c r="C341">
        <v>2</v>
      </c>
      <c r="D341" s="1">
        <v>42930.452777777777</v>
      </c>
      <c r="E341" s="1">
        <v>42930.745833333334</v>
      </c>
      <c r="F341">
        <v>1850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1480</v>
      </c>
      <c r="N341">
        <v>0</v>
      </c>
      <c r="O341">
        <v>0</v>
      </c>
      <c r="P341">
        <v>11880</v>
      </c>
      <c r="Q341">
        <v>0</v>
      </c>
      <c r="R341">
        <v>31860</v>
      </c>
      <c r="S341">
        <v>0</v>
      </c>
      <c r="T341">
        <v>0</v>
      </c>
      <c r="U341">
        <v>0</v>
      </c>
      <c r="V341">
        <v>0</v>
      </c>
      <c r="W341">
        <v>1</v>
      </c>
      <c r="X341">
        <v>0</v>
      </c>
      <c r="Y341">
        <v>48</v>
      </c>
      <c r="Z341">
        <v>40</v>
      </c>
      <c r="AA341">
        <v>44</v>
      </c>
      <c r="AB341">
        <v>7</v>
      </c>
      <c r="AC341">
        <v>94</v>
      </c>
      <c r="AD341">
        <v>17</v>
      </c>
      <c r="AE341">
        <v>85</v>
      </c>
      <c r="AF341">
        <v>0</v>
      </c>
      <c r="AG341">
        <v>78860</v>
      </c>
      <c r="AH341">
        <v>47000</v>
      </c>
      <c r="AI341">
        <v>0</v>
      </c>
      <c r="AJ341">
        <v>96</v>
      </c>
      <c r="AK341" t="s">
        <v>4</v>
      </c>
      <c r="AL341">
        <v>0</v>
      </c>
      <c r="AM341">
        <v>0</v>
      </c>
      <c r="AN341">
        <v>0</v>
      </c>
      <c r="AO341">
        <v>0</v>
      </c>
      <c r="AP341">
        <v>0</v>
      </c>
      <c r="AQ341">
        <v>0</v>
      </c>
      <c r="AR341">
        <v>0</v>
      </c>
      <c r="AS341">
        <v>0</v>
      </c>
      <c r="AT341">
        <v>0</v>
      </c>
      <c r="AU341">
        <v>0</v>
      </c>
      <c r="AV341">
        <v>0</v>
      </c>
      <c r="AW341">
        <v>0</v>
      </c>
      <c r="AX341">
        <v>1706</v>
      </c>
      <c r="AY341">
        <v>36</v>
      </c>
      <c r="AZ341">
        <v>59</v>
      </c>
      <c r="BA341">
        <v>5234</v>
      </c>
    </row>
    <row r="342" spans="1:53" x14ac:dyDescent="0.4">
      <c r="A342">
        <v>386</v>
      </c>
      <c r="B342" s="1">
        <v>42930</v>
      </c>
      <c r="C342">
        <v>3</v>
      </c>
      <c r="D342" s="1">
        <v>42930.745833333334</v>
      </c>
      <c r="E342" s="1">
        <v>42930.95208333333</v>
      </c>
      <c r="F342">
        <v>73760</v>
      </c>
      <c r="G342">
        <v>511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6309</v>
      </c>
      <c r="N342">
        <v>0</v>
      </c>
      <c r="O342">
        <v>0</v>
      </c>
      <c r="P342">
        <v>-11880</v>
      </c>
      <c r="Q342">
        <v>0</v>
      </c>
      <c r="R342">
        <v>73299</v>
      </c>
      <c r="S342">
        <v>0</v>
      </c>
      <c r="T342">
        <v>0</v>
      </c>
      <c r="U342">
        <v>0</v>
      </c>
      <c r="V342">
        <v>4</v>
      </c>
      <c r="W342">
        <v>7</v>
      </c>
      <c r="X342">
        <v>0</v>
      </c>
      <c r="Y342">
        <v>49</v>
      </c>
      <c r="Z342">
        <v>35</v>
      </c>
      <c r="AA342">
        <v>46</v>
      </c>
      <c r="AB342">
        <v>4</v>
      </c>
      <c r="AC342">
        <v>88</v>
      </c>
      <c r="AD342">
        <v>13</v>
      </c>
      <c r="AE342">
        <v>54</v>
      </c>
      <c r="AF342">
        <v>4860</v>
      </c>
      <c r="AG342">
        <v>152159</v>
      </c>
      <c r="AH342">
        <v>47000</v>
      </c>
      <c r="AI342">
        <v>0</v>
      </c>
      <c r="AJ342">
        <v>100</v>
      </c>
      <c r="AK342" t="s">
        <v>0</v>
      </c>
      <c r="AL342">
        <v>0</v>
      </c>
      <c r="AM342">
        <v>0</v>
      </c>
      <c r="AN342">
        <v>0</v>
      </c>
      <c r="AO342">
        <v>0</v>
      </c>
      <c r="AP342">
        <v>0</v>
      </c>
      <c r="AQ342">
        <v>0</v>
      </c>
      <c r="AR342">
        <v>0</v>
      </c>
      <c r="AS342">
        <v>0</v>
      </c>
      <c r="AT342">
        <v>0</v>
      </c>
      <c r="AU342">
        <v>0</v>
      </c>
      <c r="AV342">
        <v>0</v>
      </c>
      <c r="AW342">
        <v>0</v>
      </c>
      <c r="AX342">
        <v>97211</v>
      </c>
      <c r="AY342">
        <v>33</v>
      </c>
      <c r="AZ342">
        <v>129</v>
      </c>
      <c r="BA342">
        <v>3506</v>
      </c>
    </row>
    <row r="343" spans="1:53" x14ac:dyDescent="0.4">
      <c r="A343">
        <v>387</v>
      </c>
      <c r="B343" s="1">
        <v>42930</v>
      </c>
      <c r="C343">
        <v>4</v>
      </c>
      <c r="D343" s="1">
        <v>42930.95208333333</v>
      </c>
      <c r="E343" s="1">
        <v>42931.064583333333</v>
      </c>
      <c r="F343">
        <v>179000</v>
      </c>
      <c r="G343">
        <v>6080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14807</v>
      </c>
      <c r="N343">
        <v>0</v>
      </c>
      <c r="O343">
        <v>0</v>
      </c>
      <c r="P343">
        <v>106510</v>
      </c>
      <c r="Q343">
        <v>0</v>
      </c>
      <c r="R343">
        <v>306397</v>
      </c>
      <c r="S343">
        <v>0</v>
      </c>
      <c r="T343">
        <v>0</v>
      </c>
      <c r="U343">
        <v>0</v>
      </c>
      <c r="V343">
        <v>25</v>
      </c>
      <c r="W343">
        <v>13</v>
      </c>
      <c r="X343">
        <v>0</v>
      </c>
      <c r="Y343">
        <v>71</v>
      </c>
      <c r="Z343">
        <v>34</v>
      </c>
      <c r="AA343">
        <v>39</v>
      </c>
      <c r="AB343">
        <v>1</v>
      </c>
      <c r="AC343">
        <v>67</v>
      </c>
      <c r="AD343">
        <v>6</v>
      </c>
      <c r="AE343">
        <v>46</v>
      </c>
      <c r="AF343">
        <v>53860</v>
      </c>
      <c r="AG343">
        <v>461556</v>
      </c>
      <c r="AH343">
        <v>50000</v>
      </c>
      <c r="AI343">
        <v>0</v>
      </c>
      <c r="AJ343">
        <v>1</v>
      </c>
      <c r="AK343" t="s">
        <v>3</v>
      </c>
      <c r="AL343">
        <v>0</v>
      </c>
      <c r="AM343">
        <v>0</v>
      </c>
      <c r="AN343">
        <v>0</v>
      </c>
      <c r="AO343">
        <v>0</v>
      </c>
      <c r="AP343">
        <v>0</v>
      </c>
      <c r="AQ343">
        <v>0</v>
      </c>
      <c r="AR343">
        <v>0</v>
      </c>
      <c r="AS343">
        <v>0</v>
      </c>
      <c r="AT343">
        <v>0</v>
      </c>
      <c r="AU343">
        <v>0</v>
      </c>
      <c r="AV343">
        <v>0</v>
      </c>
      <c r="AW343">
        <v>0</v>
      </c>
      <c r="AX343">
        <v>23177</v>
      </c>
      <c r="AY343">
        <v>22</v>
      </c>
      <c r="AZ343">
        <v>95</v>
      </c>
      <c r="BA343">
        <v>2638</v>
      </c>
    </row>
    <row r="344" spans="1:53" x14ac:dyDescent="0.4">
      <c r="A344">
        <v>388</v>
      </c>
      <c r="B344" s="1">
        <v>42931</v>
      </c>
      <c r="C344">
        <v>1</v>
      </c>
      <c r="D344" s="1">
        <v>42931.291666666664</v>
      </c>
      <c r="E344" s="1">
        <v>42931.410416666666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0</v>
      </c>
      <c r="O344">
        <v>0</v>
      </c>
      <c r="P344">
        <v>0</v>
      </c>
      <c r="Q344">
        <v>0</v>
      </c>
      <c r="R344">
        <v>0</v>
      </c>
      <c r="S344">
        <v>0</v>
      </c>
      <c r="T344">
        <v>0</v>
      </c>
      <c r="U344">
        <v>0</v>
      </c>
      <c r="V344">
        <v>0</v>
      </c>
      <c r="W344">
        <v>1</v>
      </c>
      <c r="X344">
        <v>0</v>
      </c>
      <c r="Y344">
        <v>29</v>
      </c>
      <c r="Z344">
        <v>25</v>
      </c>
      <c r="AA344">
        <v>29</v>
      </c>
      <c r="AB344">
        <v>0</v>
      </c>
      <c r="AC344">
        <v>54</v>
      </c>
      <c r="AD344">
        <v>2</v>
      </c>
      <c r="AE344">
        <v>50</v>
      </c>
      <c r="AF344">
        <v>0</v>
      </c>
      <c r="AG344">
        <v>50000</v>
      </c>
      <c r="AH344">
        <v>0</v>
      </c>
      <c r="AI344">
        <v>50000</v>
      </c>
      <c r="AJ344">
        <v>0</v>
      </c>
      <c r="AK344" t="s">
        <v>6</v>
      </c>
      <c r="AL344">
        <v>0</v>
      </c>
      <c r="AM344">
        <v>0</v>
      </c>
      <c r="AN344">
        <v>0</v>
      </c>
      <c r="AO344">
        <v>0</v>
      </c>
      <c r="AP344">
        <v>0</v>
      </c>
      <c r="AQ344">
        <v>0</v>
      </c>
      <c r="AR344">
        <v>0</v>
      </c>
      <c r="AS344">
        <v>0</v>
      </c>
      <c r="AT344">
        <v>0</v>
      </c>
      <c r="AU344">
        <v>0</v>
      </c>
      <c r="AV344">
        <v>0</v>
      </c>
      <c r="AW344">
        <v>0</v>
      </c>
      <c r="AX344">
        <v>0</v>
      </c>
      <c r="AY344">
        <v>0</v>
      </c>
      <c r="AZ344">
        <v>0</v>
      </c>
      <c r="BA344">
        <v>0</v>
      </c>
    </row>
    <row r="345" spans="1:53" x14ac:dyDescent="0.4">
      <c r="A345">
        <v>389</v>
      </c>
      <c r="B345" s="1">
        <v>42931</v>
      </c>
      <c r="C345">
        <v>2</v>
      </c>
      <c r="D345" s="1">
        <v>42931.410416666666</v>
      </c>
      <c r="E345" s="1">
        <v>42931.748611111114</v>
      </c>
      <c r="F345">
        <v>32750</v>
      </c>
      <c r="G345">
        <v>225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2800</v>
      </c>
      <c r="N345">
        <v>0</v>
      </c>
      <c r="O345">
        <v>0</v>
      </c>
      <c r="P345">
        <v>16740</v>
      </c>
      <c r="Q345">
        <v>0</v>
      </c>
      <c r="R345">
        <v>54540</v>
      </c>
      <c r="S345">
        <v>0</v>
      </c>
      <c r="T345">
        <v>0</v>
      </c>
      <c r="U345">
        <v>0</v>
      </c>
      <c r="V345">
        <v>4</v>
      </c>
      <c r="W345">
        <v>1</v>
      </c>
      <c r="X345">
        <v>0</v>
      </c>
      <c r="Y345">
        <v>30</v>
      </c>
      <c r="Z345">
        <v>31</v>
      </c>
      <c r="AA345">
        <v>27</v>
      </c>
      <c r="AB345">
        <v>8</v>
      </c>
      <c r="AC345">
        <v>98</v>
      </c>
      <c r="AD345">
        <v>0</v>
      </c>
      <c r="AE345">
        <v>46</v>
      </c>
      <c r="AF345">
        <v>9934</v>
      </c>
      <c r="AG345">
        <v>104560</v>
      </c>
      <c r="AH345">
        <v>50000</v>
      </c>
      <c r="AI345">
        <v>20</v>
      </c>
      <c r="AJ345">
        <v>89</v>
      </c>
      <c r="AK345" t="s">
        <v>12</v>
      </c>
      <c r="AL345">
        <v>0</v>
      </c>
      <c r="AM345">
        <v>0</v>
      </c>
      <c r="AN345">
        <v>0</v>
      </c>
      <c r="AO345">
        <v>0</v>
      </c>
      <c r="AP345">
        <v>0</v>
      </c>
      <c r="AQ345">
        <v>0</v>
      </c>
      <c r="AR345">
        <v>0</v>
      </c>
      <c r="AS345">
        <v>0</v>
      </c>
      <c r="AT345">
        <v>0</v>
      </c>
      <c r="AU345">
        <v>0</v>
      </c>
      <c r="AV345">
        <v>0</v>
      </c>
      <c r="AW345">
        <v>0</v>
      </c>
      <c r="AX345">
        <v>3110</v>
      </c>
      <c r="AY345">
        <v>47</v>
      </c>
      <c r="AZ345">
        <v>96</v>
      </c>
      <c r="BA345">
        <v>6866</v>
      </c>
    </row>
    <row r="346" spans="1:53" x14ac:dyDescent="0.4">
      <c r="A346">
        <v>390</v>
      </c>
      <c r="B346" s="1">
        <v>42931</v>
      </c>
      <c r="C346">
        <v>3</v>
      </c>
      <c r="D346" s="1">
        <v>42931.748611111114</v>
      </c>
      <c r="E346" s="1">
        <v>42931.972222222219</v>
      </c>
      <c r="F346">
        <v>147380</v>
      </c>
      <c r="G346">
        <v>1032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12614</v>
      </c>
      <c r="N346">
        <v>0</v>
      </c>
      <c r="O346">
        <v>0</v>
      </c>
      <c r="P346">
        <v>-16740</v>
      </c>
      <c r="Q346">
        <v>0</v>
      </c>
      <c r="R346">
        <v>153574</v>
      </c>
      <c r="S346">
        <v>0</v>
      </c>
      <c r="T346">
        <v>0</v>
      </c>
      <c r="U346">
        <v>0</v>
      </c>
      <c r="V346">
        <v>20</v>
      </c>
      <c r="W346">
        <v>0</v>
      </c>
      <c r="X346">
        <v>0</v>
      </c>
      <c r="Y346">
        <v>25</v>
      </c>
      <c r="Z346">
        <v>32</v>
      </c>
      <c r="AA346">
        <v>34</v>
      </c>
      <c r="AB346">
        <v>2</v>
      </c>
      <c r="AC346">
        <v>93</v>
      </c>
      <c r="AD346">
        <v>3</v>
      </c>
      <c r="AE346">
        <v>35</v>
      </c>
      <c r="AF346">
        <v>12634</v>
      </c>
      <c r="AG346">
        <v>258114</v>
      </c>
      <c r="AH346">
        <v>50000</v>
      </c>
      <c r="AI346">
        <v>0</v>
      </c>
      <c r="AJ346">
        <v>89</v>
      </c>
      <c r="AK346" t="s">
        <v>12</v>
      </c>
      <c r="AL346">
        <v>0</v>
      </c>
      <c r="AM346">
        <v>0</v>
      </c>
      <c r="AN346">
        <v>0</v>
      </c>
      <c r="AO346">
        <v>0</v>
      </c>
      <c r="AP346">
        <v>0</v>
      </c>
      <c r="AQ346">
        <v>0</v>
      </c>
      <c r="AR346">
        <v>0</v>
      </c>
      <c r="AS346">
        <v>0</v>
      </c>
      <c r="AT346">
        <v>0</v>
      </c>
      <c r="AU346">
        <v>0</v>
      </c>
      <c r="AV346">
        <v>0</v>
      </c>
      <c r="AW346">
        <v>0</v>
      </c>
      <c r="AX346">
        <v>104231</v>
      </c>
      <c r="AY346">
        <v>31</v>
      </c>
      <c r="AZ346">
        <v>143</v>
      </c>
      <c r="BA346">
        <v>4795</v>
      </c>
    </row>
    <row r="347" spans="1:53" x14ac:dyDescent="0.4">
      <c r="A347">
        <v>391</v>
      </c>
      <c r="B347" s="1">
        <v>42931</v>
      </c>
      <c r="C347">
        <v>4</v>
      </c>
      <c r="D347" s="1">
        <v>42931.972222222219</v>
      </c>
      <c r="E347" s="1">
        <v>42932.154861111114</v>
      </c>
      <c r="F347">
        <v>186000</v>
      </c>
      <c r="G347">
        <v>6110</v>
      </c>
      <c r="H347">
        <v>0</v>
      </c>
      <c r="I347">
        <v>0</v>
      </c>
      <c r="J347">
        <v>0</v>
      </c>
      <c r="K347">
        <v>10000</v>
      </c>
      <c r="L347">
        <v>0</v>
      </c>
      <c r="M347">
        <v>16169</v>
      </c>
      <c r="N347">
        <v>0</v>
      </c>
      <c r="O347">
        <v>0</v>
      </c>
      <c r="P347">
        <v>122710</v>
      </c>
      <c r="Q347">
        <v>0</v>
      </c>
      <c r="R347">
        <v>340989</v>
      </c>
      <c r="S347">
        <v>0</v>
      </c>
      <c r="T347">
        <v>0</v>
      </c>
      <c r="U347">
        <v>0</v>
      </c>
      <c r="V347">
        <v>43</v>
      </c>
      <c r="W347">
        <v>9</v>
      </c>
      <c r="X347">
        <v>0</v>
      </c>
      <c r="Y347">
        <v>98</v>
      </c>
      <c r="Z347">
        <v>23</v>
      </c>
      <c r="AA347">
        <v>12</v>
      </c>
      <c r="AB347">
        <v>1</v>
      </c>
      <c r="AC347">
        <v>67</v>
      </c>
      <c r="AD347">
        <v>1</v>
      </c>
      <c r="AE347">
        <v>44</v>
      </c>
      <c r="AF347">
        <v>12634</v>
      </c>
      <c r="AG347">
        <v>599103</v>
      </c>
      <c r="AH347">
        <v>50000</v>
      </c>
      <c r="AI347">
        <v>0</v>
      </c>
      <c r="AJ347">
        <v>1</v>
      </c>
      <c r="AK347" t="s">
        <v>3</v>
      </c>
      <c r="AL347">
        <v>0</v>
      </c>
      <c r="AM347">
        <v>0</v>
      </c>
      <c r="AN347">
        <v>0</v>
      </c>
      <c r="AO347">
        <v>0</v>
      </c>
      <c r="AP347">
        <v>0</v>
      </c>
      <c r="AQ347">
        <v>0</v>
      </c>
      <c r="AR347">
        <v>0</v>
      </c>
      <c r="AS347">
        <v>0</v>
      </c>
      <c r="AT347">
        <v>0</v>
      </c>
      <c r="AU347">
        <v>0</v>
      </c>
      <c r="AV347">
        <v>0</v>
      </c>
      <c r="AW347">
        <v>0</v>
      </c>
      <c r="AX347">
        <v>8273</v>
      </c>
      <c r="AY347">
        <v>20</v>
      </c>
      <c r="AZ347">
        <v>87</v>
      </c>
      <c r="BA347">
        <v>4057</v>
      </c>
    </row>
    <row r="348" spans="1:53" x14ac:dyDescent="0.4">
      <c r="A348">
        <v>392</v>
      </c>
      <c r="B348" s="1">
        <v>42932</v>
      </c>
      <c r="C348">
        <v>1</v>
      </c>
      <c r="D348" s="1">
        <v>42932.291666666664</v>
      </c>
      <c r="E348" s="1">
        <v>42932.40902777778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0</v>
      </c>
      <c r="O348">
        <v>0</v>
      </c>
      <c r="P348">
        <v>0</v>
      </c>
      <c r="Q348">
        <v>0</v>
      </c>
      <c r="R348">
        <v>0</v>
      </c>
      <c r="S348">
        <v>0</v>
      </c>
      <c r="T348">
        <v>0</v>
      </c>
      <c r="U348">
        <v>0</v>
      </c>
      <c r="V348">
        <v>0</v>
      </c>
      <c r="W348">
        <v>2</v>
      </c>
      <c r="X348">
        <v>0</v>
      </c>
      <c r="Y348">
        <v>26</v>
      </c>
      <c r="Z348">
        <v>22</v>
      </c>
      <c r="AA348">
        <v>21</v>
      </c>
      <c r="AB348">
        <v>4</v>
      </c>
      <c r="AC348">
        <v>64</v>
      </c>
      <c r="AD348">
        <v>3</v>
      </c>
      <c r="AE348">
        <v>45</v>
      </c>
      <c r="AF348">
        <v>0</v>
      </c>
      <c r="AG348">
        <v>50000</v>
      </c>
      <c r="AH348">
        <v>50000</v>
      </c>
      <c r="AI348">
        <v>0</v>
      </c>
      <c r="AJ348">
        <v>0</v>
      </c>
      <c r="AK348" t="s">
        <v>6</v>
      </c>
      <c r="AL348">
        <v>0</v>
      </c>
      <c r="AM348">
        <v>0</v>
      </c>
      <c r="AN348">
        <v>0</v>
      </c>
      <c r="AO348">
        <v>0</v>
      </c>
      <c r="AP348">
        <v>0</v>
      </c>
      <c r="AQ348">
        <v>0</v>
      </c>
      <c r="AR348">
        <v>0</v>
      </c>
      <c r="AS348">
        <v>0</v>
      </c>
      <c r="AT348">
        <v>0</v>
      </c>
      <c r="AU348">
        <v>0</v>
      </c>
      <c r="AV348">
        <v>0</v>
      </c>
      <c r="AW348">
        <v>0</v>
      </c>
      <c r="AX348">
        <v>0</v>
      </c>
      <c r="AY348">
        <v>0</v>
      </c>
      <c r="AZ348">
        <v>0</v>
      </c>
      <c r="BA348">
        <v>0</v>
      </c>
    </row>
    <row r="349" spans="1:53" x14ac:dyDescent="0.4">
      <c r="A349">
        <v>393</v>
      </c>
      <c r="B349" s="1">
        <v>42932</v>
      </c>
      <c r="C349">
        <v>2</v>
      </c>
      <c r="D349" s="1">
        <v>42932.40902777778</v>
      </c>
      <c r="E349" s="1">
        <v>42932.986111111109</v>
      </c>
      <c r="F349">
        <v>183530</v>
      </c>
      <c r="G349">
        <v>13270</v>
      </c>
      <c r="H349">
        <v>0</v>
      </c>
      <c r="I349">
        <v>0</v>
      </c>
      <c r="J349">
        <v>3140</v>
      </c>
      <c r="K349">
        <v>1100</v>
      </c>
      <c r="L349">
        <v>0</v>
      </c>
      <c r="M349">
        <v>15581</v>
      </c>
      <c r="N349">
        <v>0</v>
      </c>
      <c r="O349">
        <v>0</v>
      </c>
      <c r="P349">
        <v>4104</v>
      </c>
      <c r="Q349">
        <v>0</v>
      </c>
      <c r="R349">
        <v>214445</v>
      </c>
      <c r="S349">
        <v>0</v>
      </c>
      <c r="T349">
        <v>0</v>
      </c>
      <c r="U349">
        <v>0</v>
      </c>
      <c r="V349">
        <v>12</v>
      </c>
      <c r="W349">
        <v>0</v>
      </c>
      <c r="X349">
        <v>0</v>
      </c>
      <c r="Y349">
        <v>77</v>
      </c>
      <c r="Z349">
        <v>54</v>
      </c>
      <c r="AA349">
        <v>64</v>
      </c>
      <c r="AB349">
        <v>13</v>
      </c>
      <c r="AC349">
        <v>171</v>
      </c>
      <c r="AD349">
        <v>6</v>
      </c>
      <c r="AE349">
        <v>43</v>
      </c>
      <c r="AF349">
        <v>31612</v>
      </c>
      <c r="AG349">
        <v>264445</v>
      </c>
      <c r="AH349">
        <v>50000</v>
      </c>
      <c r="AI349">
        <v>0</v>
      </c>
      <c r="AJ349">
        <v>100</v>
      </c>
      <c r="AK349" t="s">
        <v>0</v>
      </c>
      <c r="AL349">
        <v>0</v>
      </c>
      <c r="AM349">
        <v>0</v>
      </c>
      <c r="AN349">
        <v>0</v>
      </c>
      <c r="AO349">
        <v>0</v>
      </c>
      <c r="AP349">
        <v>0</v>
      </c>
      <c r="AQ349">
        <v>0</v>
      </c>
      <c r="AR349">
        <v>0</v>
      </c>
      <c r="AS349">
        <v>0</v>
      </c>
      <c r="AT349">
        <v>0</v>
      </c>
      <c r="AU349">
        <v>0</v>
      </c>
      <c r="AV349">
        <v>0</v>
      </c>
      <c r="AW349">
        <v>0</v>
      </c>
      <c r="AX349">
        <v>47943</v>
      </c>
      <c r="AY349">
        <v>87</v>
      </c>
      <c r="AZ349">
        <v>259</v>
      </c>
      <c r="BA349">
        <v>13688</v>
      </c>
    </row>
    <row r="350" spans="1:53" x14ac:dyDescent="0.4">
      <c r="A350">
        <v>394</v>
      </c>
      <c r="B350" s="1">
        <v>42932</v>
      </c>
      <c r="C350">
        <v>3</v>
      </c>
      <c r="D350" s="1">
        <v>42932.986111111109</v>
      </c>
      <c r="E350" s="1">
        <v>42933.087500000001</v>
      </c>
      <c r="F350">
        <v>52750</v>
      </c>
      <c r="G350">
        <v>8070</v>
      </c>
      <c r="H350">
        <v>0</v>
      </c>
      <c r="I350">
        <v>0</v>
      </c>
      <c r="J350">
        <v>1096</v>
      </c>
      <c r="K350">
        <v>4450</v>
      </c>
      <c r="L350">
        <v>0</v>
      </c>
      <c r="M350">
        <v>5134</v>
      </c>
      <c r="N350">
        <v>0</v>
      </c>
      <c r="O350">
        <v>0</v>
      </c>
      <c r="P350">
        <v>26244</v>
      </c>
      <c r="Q350">
        <v>0</v>
      </c>
      <c r="R350">
        <v>95552</v>
      </c>
      <c r="S350">
        <v>0</v>
      </c>
      <c r="T350">
        <v>0</v>
      </c>
      <c r="U350">
        <v>0</v>
      </c>
      <c r="V350">
        <v>18</v>
      </c>
      <c r="W350">
        <v>3</v>
      </c>
      <c r="X350">
        <v>0</v>
      </c>
      <c r="Y350">
        <v>93</v>
      </c>
      <c r="Z350">
        <v>57</v>
      </c>
      <c r="AA350">
        <v>55</v>
      </c>
      <c r="AB350">
        <v>10</v>
      </c>
      <c r="AC350">
        <v>151</v>
      </c>
      <c r="AD350">
        <v>4</v>
      </c>
      <c r="AE350">
        <v>35</v>
      </c>
      <c r="AF350">
        <v>35932</v>
      </c>
      <c r="AG350">
        <v>359997</v>
      </c>
      <c r="AH350">
        <v>50000</v>
      </c>
      <c r="AI350">
        <v>0</v>
      </c>
      <c r="AJ350">
        <v>100</v>
      </c>
      <c r="AK350" t="s">
        <v>0</v>
      </c>
      <c r="AL350">
        <v>0</v>
      </c>
      <c r="AM350">
        <v>0</v>
      </c>
      <c r="AN350">
        <v>0</v>
      </c>
      <c r="AO350">
        <v>0</v>
      </c>
      <c r="AP350">
        <v>0</v>
      </c>
      <c r="AQ350">
        <v>0</v>
      </c>
      <c r="AR350">
        <v>0</v>
      </c>
      <c r="AS350">
        <v>0</v>
      </c>
      <c r="AT350">
        <v>0</v>
      </c>
      <c r="AU350">
        <v>0</v>
      </c>
      <c r="AV350">
        <v>0</v>
      </c>
      <c r="AW350">
        <v>0</v>
      </c>
      <c r="AX350">
        <v>-2408</v>
      </c>
      <c r="AY350">
        <v>7</v>
      </c>
      <c r="AZ350">
        <v>18</v>
      </c>
      <c r="BA350">
        <v>1030</v>
      </c>
    </row>
    <row r="351" spans="1:53" x14ac:dyDescent="0.4">
      <c r="A351">
        <v>395</v>
      </c>
      <c r="B351" s="1">
        <v>42933</v>
      </c>
      <c r="C351">
        <v>1</v>
      </c>
      <c r="D351" s="1">
        <v>42933.291666666664</v>
      </c>
      <c r="E351" s="1">
        <v>42933.411111111112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0</v>
      </c>
      <c r="O351">
        <v>0</v>
      </c>
      <c r="P351">
        <v>0</v>
      </c>
      <c r="Q351">
        <v>0</v>
      </c>
      <c r="R351">
        <v>0</v>
      </c>
      <c r="S351">
        <v>0</v>
      </c>
      <c r="T351">
        <v>0</v>
      </c>
      <c r="U351">
        <v>0</v>
      </c>
      <c r="V351">
        <v>0</v>
      </c>
      <c r="W351">
        <v>1</v>
      </c>
      <c r="X351">
        <v>0</v>
      </c>
      <c r="Y351">
        <v>27</v>
      </c>
      <c r="Z351">
        <v>21</v>
      </c>
      <c r="AA351">
        <v>59</v>
      </c>
      <c r="AB351">
        <v>10</v>
      </c>
      <c r="AC351">
        <v>104</v>
      </c>
      <c r="AD351">
        <v>4</v>
      </c>
      <c r="AE351">
        <v>40</v>
      </c>
      <c r="AF351">
        <v>0</v>
      </c>
      <c r="AG351">
        <v>50000</v>
      </c>
      <c r="AH351">
        <v>0</v>
      </c>
      <c r="AI351">
        <v>50000</v>
      </c>
      <c r="AJ351">
        <v>0</v>
      </c>
      <c r="AK351" t="s">
        <v>6</v>
      </c>
      <c r="AL351">
        <v>0</v>
      </c>
      <c r="AM351">
        <v>0</v>
      </c>
      <c r="AN351">
        <v>0</v>
      </c>
      <c r="AO351">
        <v>0</v>
      </c>
      <c r="AP351">
        <v>0</v>
      </c>
      <c r="AQ351">
        <v>0</v>
      </c>
      <c r="AR351">
        <v>0</v>
      </c>
      <c r="AS351">
        <v>0</v>
      </c>
      <c r="AT351">
        <v>0</v>
      </c>
      <c r="AU351">
        <v>0</v>
      </c>
      <c r="AV351">
        <v>0</v>
      </c>
      <c r="AW351">
        <v>0</v>
      </c>
      <c r="AX351">
        <v>0</v>
      </c>
      <c r="AY351">
        <v>0</v>
      </c>
      <c r="AZ351">
        <v>0</v>
      </c>
      <c r="BA351">
        <v>0</v>
      </c>
    </row>
    <row r="352" spans="1:53" x14ac:dyDescent="0.4">
      <c r="A352">
        <v>396</v>
      </c>
      <c r="B352" s="1">
        <v>42933</v>
      </c>
      <c r="C352">
        <v>2</v>
      </c>
      <c r="D352" s="1">
        <v>42933.411111111112</v>
      </c>
      <c r="E352" s="1">
        <v>42933.757638888892</v>
      </c>
      <c r="F352">
        <v>53500</v>
      </c>
      <c r="G352">
        <v>450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4640</v>
      </c>
      <c r="N352">
        <v>0</v>
      </c>
      <c r="O352">
        <v>0</v>
      </c>
      <c r="P352">
        <v>20952</v>
      </c>
      <c r="Q352">
        <v>0</v>
      </c>
      <c r="R352">
        <v>83592</v>
      </c>
      <c r="S352">
        <v>0</v>
      </c>
      <c r="T352">
        <v>0</v>
      </c>
      <c r="U352">
        <v>0</v>
      </c>
      <c r="V352">
        <v>2</v>
      </c>
      <c r="W352">
        <v>1</v>
      </c>
      <c r="X352">
        <v>0</v>
      </c>
      <c r="Y352">
        <v>83</v>
      </c>
      <c r="Z352">
        <v>37</v>
      </c>
      <c r="AA352">
        <v>44</v>
      </c>
      <c r="AB352">
        <v>12</v>
      </c>
      <c r="AC352">
        <v>200</v>
      </c>
      <c r="AD352">
        <v>9</v>
      </c>
      <c r="AE352">
        <v>48</v>
      </c>
      <c r="AF352">
        <v>0</v>
      </c>
      <c r="AG352">
        <v>133593</v>
      </c>
      <c r="AH352">
        <v>50000</v>
      </c>
      <c r="AI352">
        <v>1</v>
      </c>
      <c r="AJ352">
        <v>102</v>
      </c>
      <c r="AK352" t="s">
        <v>8</v>
      </c>
      <c r="AL352">
        <v>0</v>
      </c>
      <c r="AM352">
        <v>0</v>
      </c>
      <c r="AN352">
        <v>0</v>
      </c>
      <c r="AO352">
        <v>0</v>
      </c>
      <c r="AP352">
        <v>0</v>
      </c>
      <c r="AQ352">
        <v>0</v>
      </c>
      <c r="AR352">
        <v>0</v>
      </c>
      <c r="AS352">
        <v>0</v>
      </c>
      <c r="AT352">
        <v>0</v>
      </c>
      <c r="AU352">
        <v>0</v>
      </c>
      <c r="AV352">
        <v>0</v>
      </c>
      <c r="AW352">
        <v>0</v>
      </c>
      <c r="AX352">
        <v>-2592</v>
      </c>
      <c r="AY352">
        <v>51</v>
      </c>
      <c r="AZ352">
        <v>122</v>
      </c>
      <c r="BA352">
        <v>7820</v>
      </c>
    </row>
    <row r="353" spans="1:53" x14ac:dyDescent="0.4">
      <c r="A353">
        <v>397</v>
      </c>
      <c r="B353" s="1">
        <v>42933</v>
      </c>
      <c r="C353">
        <v>3</v>
      </c>
      <c r="D353" s="1">
        <v>42933.757638888892</v>
      </c>
      <c r="E353" s="1">
        <v>42933.952777777777</v>
      </c>
      <c r="F353">
        <v>44550</v>
      </c>
      <c r="G353">
        <v>212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3734</v>
      </c>
      <c r="N353">
        <v>0</v>
      </c>
      <c r="O353">
        <v>0</v>
      </c>
      <c r="P353">
        <v>-14688</v>
      </c>
      <c r="Q353">
        <v>0</v>
      </c>
      <c r="R353">
        <v>35716</v>
      </c>
      <c r="S353">
        <v>0</v>
      </c>
      <c r="T353">
        <v>0</v>
      </c>
      <c r="U353">
        <v>0</v>
      </c>
      <c r="V353">
        <v>5</v>
      </c>
      <c r="W353">
        <v>0</v>
      </c>
      <c r="X353">
        <v>0</v>
      </c>
      <c r="Y353">
        <v>92</v>
      </c>
      <c r="Z353">
        <v>40</v>
      </c>
      <c r="AA353">
        <v>44</v>
      </c>
      <c r="AB353">
        <v>15</v>
      </c>
      <c r="AC353">
        <v>206</v>
      </c>
      <c r="AD353">
        <v>10</v>
      </c>
      <c r="AE353">
        <v>48</v>
      </c>
      <c r="AF353">
        <v>0</v>
      </c>
      <c r="AG353">
        <v>169308</v>
      </c>
      <c r="AH353">
        <v>50000</v>
      </c>
      <c r="AI353">
        <v>0</v>
      </c>
      <c r="AJ353">
        <v>100</v>
      </c>
      <c r="AK353" t="s">
        <v>0</v>
      </c>
      <c r="AL353">
        <v>0</v>
      </c>
      <c r="AM353">
        <v>0</v>
      </c>
      <c r="AN353">
        <v>0</v>
      </c>
      <c r="AO353">
        <v>0</v>
      </c>
      <c r="AP353">
        <v>0</v>
      </c>
      <c r="AQ353">
        <v>0</v>
      </c>
      <c r="AR353">
        <v>0</v>
      </c>
      <c r="AS353">
        <v>0</v>
      </c>
      <c r="AT353">
        <v>0</v>
      </c>
      <c r="AU353">
        <v>0</v>
      </c>
      <c r="AV353">
        <v>0</v>
      </c>
      <c r="AW353">
        <v>0</v>
      </c>
      <c r="AX353">
        <v>16384</v>
      </c>
      <c r="AY353">
        <v>14</v>
      </c>
      <c r="AZ353">
        <v>38</v>
      </c>
      <c r="BA353">
        <v>3014</v>
      </c>
    </row>
    <row r="354" spans="1:53" x14ac:dyDescent="0.4">
      <c r="A354">
        <v>398</v>
      </c>
      <c r="B354" s="1">
        <v>42934</v>
      </c>
      <c r="C354">
        <v>1</v>
      </c>
      <c r="D354" s="1">
        <v>42934.291666666664</v>
      </c>
      <c r="E354" s="1">
        <v>42934.436805555553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0</v>
      </c>
      <c r="O354">
        <v>0</v>
      </c>
      <c r="P354">
        <v>0</v>
      </c>
      <c r="Q354">
        <v>0</v>
      </c>
      <c r="R354">
        <v>0</v>
      </c>
      <c r="S354">
        <v>0</v>
      </c>
      <c r="T354">
        <v>0</v>
      </c>
      <c r="U354">
        <v>0</v>
      </c>
      <c r="V354">
        <v>0</v>
      </c>
      <c r="W354">
        <v>1</v>
      </c>
      <c r="X354">
        <v>0</v>
      </c>
      <c r="Y354">
        <v>27</v>
      </c>
      <c r="Z354">
        <v>26</v>
      </c>
      <c r="AA354">
        <v>34</v>
      </c>
      <c r="AB354">
        <v>16</v>
      </c>
      <c r="AC354">
        <v>68</v>
      </c>
      <c r="AD354">
        <v>12</v>
      </c>
      <c r="AE354">
        <v>60</v>
      </c>
      <c r="AF354">
        <v>0</v>
      </c>
      <c r="AG354">
        <v>50000</v>
      </c>
      <c r="AH354">
        <v>0</v>
      </c>
      <c r="AI354">
        <v>50000</v>
      </c>
      <c r="AJ354">
        <v>0</v>
      </c>
      <c r="AK354" t="s">
        <v>6</v>
      </c>
      <c r="AL354">
        <v>0</v>
      </c>
      <c r="AM354">
        <v>0</v>
      </c>
      <c r="AN354">
        <v>0</v>
      </c>
      <c r="AO354">
        <v>0</v>
      </c>
      <c r="AP354">
        <v>0</v>
      </c>
      <c r="AQ354">
        <v>0</v>
      </c>
      <c r="AR354">
        <v>0</v>
      </c>
      <c r="AS354">
        <v>0</v>
      </c>
      <c r="AT354">
        <v>0</v>
      </c>
      <c r="AU354">
        <v>0</v>
      </c>
      <c r="AV354">
        <v>0</v>
      </c>
      <c r="AW354">
        <v>0</v>
      </c>
      <c r="AX354">
        <v>0</v>
      </c>
      <c r="AY354">
        <v>0</v>
      </c>
      <c r="AZ354">
        <v>0</v>
      </c>
      <c r="BA354">
        <v>0</v>
      </c>
    </row>
    <row r="355" spans="1:53" x14ac:dyDescent="0.4">
      <c r="A355">
        <v>399</v>
      </c>
      <c r="B355" s="1">
        <v>42934</v>
      </c>
      <c r="C355">
        <v>2</v>
      </c>
      <c r="D355" s="1">
        <v>42934.436805555553</v>
      </c>
      <c r="E355" s="1">
        <v>42934.438194444447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0</v>
      </c>
      <c r="O355">
        <v>0</v>
      </c>
      <c r="P355">
        <v>0</v>
      </c>
      <c r="Q355">
        <v>0</v>
      </c>
      <c r="R355">
        <v>0</v>
      </c>
      <c r="S355">
        <v>0</v>
      </c>
      <c r="T355">
        <v>0</v>
      </c>
      <c r="U355">
        <v>0</v>
      </c>
      <c r="V355">
        <v>0</v>
      </c>
      <c r="W355">
        <v>1</v>
      </c>
      <c r="X355">
        <v>0</v>
      </c>
      <c r="Y355">
        <v>27</v>
      </c>
      <c r="Z355">
        <v>26</v>
      </c>
      <c r="AA355">
        <v>34</v>
      </c>
      <c r="AB355">
        <v>16</v>
      </c>
      <c r="AC355">
        <v>68</v>
      </c>
      <c r="AD355">
        <v>12</v>
      </c>
      <c r="AE355">
        <v>60</v>
      </c>
      <c r="AF355">
        <v>0</v>
      </c>
      <c r="AG355">
        <v>50000</v>
      </c>
      <c r="AH355">
        <v>50000</v>
      </c>
      <c r="AI355">
        <v>0</v>
      </c>
      <c r="AJ355">
        <v>0</v>
      </c>
      <c r="AK355" t="s">
        <v>6</v>
      </c>
      <c r="AL355">
        <v>0</v>
      </c>
      <c r="AM355">
        <v>0</v>
      </c>
      <c r="AN355">
        <v>0</v>
      </c>
      <c r="AO355">
        <v>0</v>
      </c>
      <c r="AP355">
        <v>0</v>
      </c>
      <c r="AQ355">
        <v>0</v>
      </c>
      <c r="AR355">
        <v>0</v>
      </c>
      <c r="AS355">
        <v>0</v>
      </c>
      <c r="AT355">
        <v>0</v>
      </c>
      <c r="AU355">
        <v>0</v>
      </c>
      <c r="AV355">
        <v>0</v>
      </c>
      <c r="AW355">
        <v>0</v>
      </c>
      <c r="AX355">
        <v>0</v>
      </c>
      <c r="AY355">
        <v>0</v>
      </c>
      <c r="AZ355">
        <v>0</v>
      </c>
      <c r="BA355">
        <v>0</v>
      </c>
    </row>
    <row r="356" spans="1:53" x14ac:dyDescent="0.4">
      <c r="A356">
        <v>400</v>
      </c>
      <c r="B356" s="1">
        <v>42934</v>
      </c>
      <c r="C356">
        <v>3</v>
      </c>
      <c r="D356" s="1">
        <v>42934.438194444447</v>
      </c>
      <c r="E356" s="1">
        <v>42934.749305555553</v>
      </c>
      <c r="F356">
        <v>23000</v>
      </c>
      <c r="G356">
        <v>289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2070</v>
      </c>
      <c r="N356">
        <v>0</v>
      </c>
      <c r="O356">
        <v>0</v>
      </c>
      <c r="P356">
        <v>6480</v>
      </c>
      <c r="Q356">
        <v>0</v>
      </c>
      <c r="R356">
        <v>34440</v>
      </c>
      <c r="S356">
        <v>0</v>
      </c>
      <c r="T356">
        <v>0</v>
      </c>
      <c r="U356">
        <v>0</v>
      </c>
      <c r="V356">
        <v>0</v>
      </c>
      <c r="W356">
        <v>3</v>
      </c>
      <c r="X356">
        <v>0</v>
      </c>
      <c r="Y356">
        <v>50</v>
      </c>
      <c r="Z356">
        <v>32</v>
      </c>
      <c r="AA356">
        <v>14</v>
      </c>
      <c r="AB356">
        <v>18</v>
      </c>
      <c r="AC356">
        <v>104</v>
      </c>
      <c r="AD356">
        <v>8</v>
      </c>
      <c r="AE356">
        <v>60</v>
      </c>
      <c r="AF356">
        <v>0</v>
      </c>
      <c r="AG356">
        <v>84440</v>
      </c>
      <c r="AH356">
        <v>50000</v>
      </c>
      <c r="AI356">
        <v>0</v>
      </c>
      <c r="AJ356">
        <v>100</v>
      </c>
      <c r="AK356" t="s">
        <v>0</v>
      </c>
      <c r="AL356">
        <v>0</v>
      </c>
      <c r="AM356">
        <v>0</v>
      </c>
      <c r="AN356">
        <v>0</v>
      </c>
      <c r="AO356">
        <v>0</v>
      </c>
      <c r="AP356">
        <v>0</v>
      </c>
      <c r="AQ356">
        <v>0</v>
      </c>
      <c r="AR356">
        <v>0</v>
      </c>
      <c r="AS356">
        <v>0</v>
      </c>
      <c r="AT356">
        <v>0</v>
      </c>
      <c r="AU356">
        <v>0</v>
      </c>
      <c r="AV356">
        <v>0</v>
      </c>
      <c r="AW356">
        <v>0</v>
      </c>
      <c r="AX356">
        <v>-540</v>
      </c>
      <c r="AY356">
        <v>32</v>
      </c>
      <c r="AZ356">
        <v>58</v>
      </c>
      <c r="BA356">
        <v>5249</v>
      </c>
    </row>
    <row r="357" spans="1:53" x14ac:dyDescent="0.4">
      <c r="A357">
        <v>401</v>
      </c>
      <c r="B357" s="1">
        <v>42934</v>
      </c>
      <c r="C357">
        <v>4</v>
      </c>
      <c r="D357" s="1">
        <v>42934.749305555553</v>
      </c>
      <c r="E357" s="1">
        <v>42935.082638888889</v>
      </c>
      <c r="F357">
        <v>70500</v>
      </c>
      <c r="G357">
        <v>2250</v>
      </c>
      <c r="H357">
        <v>0</v>
      </c>
      <c r="I357">
        <v>0</v>
      </c>
      <c r="J357">
        <v>0</v>
      </c>
      <c r="K357">
        <v>4000</v>
      </c>
      <c r="L357">
        <v>0</v>
      </c>
      <c r="M357">
        <v>6140</v>
      </c>
      <c r="N357">
        <v>0</v>
      </c>
      <c r="O357">
        <v>0</v>
      </c>
      <c r="P357">
        <v>864</v>
      </c>
      <c r="Q357">
        <v>0</v>
      </c>
      <c r="R357">
        <v>83754</v>
      </c>
      <c r="S357">
        <v>0</v>
      </c>
      <c r="T357">
        <v>0</v>
      </c>
      <c r="U357">
        <v>0</v>
      </c>
      <c r="V357">
        <v>5</v>
      </c>
      <c r="W357">
        <v>5</v>
      </c>
      <c r="X357">
        <v>0</v>
      </c>
      <c r="Y357">
        <v>62</v>
      </c>
      <c r="Z357">
        <v>33</v>
      </c>
      <c r="AA357">
        <v>6</v>
      </c>
      <c r="AB357">
        <v>12</v>
      </c>
      <c r="AC357">
        <v>93</v>
      </c>
      <c r="AD357">
        <v>5</v>
      </c>
      <c r="AE357">
        <v>55</v>
      </c>
      <c r="AF357">
        <v>12484</v>
      </c>
      <c r="AG357">
        <v>168194</v>
      </c>
      <c r="AH357">
        <v>50000</v>
      </c>
      <c r="AI357">
        <v>0</v>
      </c>
      <c r="AJ357">
        <v>1</v>
      </c>
      <c r="AK357" t="s">
        <v>3</v>
      </c>
      <c r="AL357">
        <v>0</v>
      </c>
      <c r="AM357">
        <v>0</v>
      </c>
      <c r="AN357">
        <v>0</v>
      </c>
      <c r="AO357">
        <v>0</v>
      </c>
      <c r="AP357">
        <v>0</v>
      </c>
      <c r="AQ357">
        <v>0</v>
      </c>
      <c r="AR357">
        <v>0</v>
      </c>
      <c r="AS357">
        <v>0</v>
      </c>
      <c r="AT357">
        <v>0</v>
      </c>
      <c r="AU357">
        <v>0</v>
      </c>
      <c r="AV357">
        <v>0</v>
      </c>
      <c r="AW357">
        <v>0</v>
      </c>
      <c r="AX357">
        <v>-864</v>
      </c>
      <c r="AY357">
        <v>23</v>
      </c>
      <c r="AZ357">
        <v>54</v>
      </c>
      <c r="BA357">
        <v>2729</v>
      </c>
    </row>
    <row r="358" spans="1:53" x14ac:dyDescent="0.4">
      <c r="A358">
        <v>402</v>
      </c>
      <c r="B358" s="1">
        <v>42935</v>
      </c>
      <c r="C358">
        <v>1</v>
      </c>
      <c r="D358" s="1">
        <v>42935.291666666664</v>
      </c>
      <c r="E358" s="1">
        <v>42935.45416666667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0</v>
      </c>
      <c r="O358">
        <v>0</v>
      </c>
      <c r="P358">
        <v>0</v>
      </c>
      <c r="Q358">
        <v>0</v>
      </c>
      <c r="R358">
        <v>0</v>
      </c>
      <c r="S358">
        <v>0</v>
      </c>
      <c r="T358">
        <v>0</v>
      </c>
      <c r="U358">
        <v>0</v>
      </c>
      <c r="V358">
        <v>0</v>
      </c>
      <c r="W358">
        <v>1</v>
      </c>
      <c r="X358">
        <v>0</v>
      </c>
      <c r="Y358">
        <v>28</v>
      </c>
      <c r="Z358">
        <v>31</v>
      </c>
      <c r="AA358">
        <v>3</v>
      </c>
      <c r="AB358">
        <v>5</v>
      </c>
      <c r="AC358">
        <v>88</v>
      </c>
      <c r="AD358">
        <v>2</v>
      </c>
      <c r="AE358">
        <v>60</v>
      </c>
      <c r="AF358">
        <v>0</v>
      </c>
      <c r="AG358">
        <v>50000</v>
      </c>
      <c r="AH358">
        <v>0</v>
      </c>
      <c r="AI358">
        <v>50000</v>
      </c>
      <c r="AJ358">
        <v>0</v>
      </c>
      <c r="AK358" t="s">
        <v>6</v>
      </c>
      <c r="AL358">
        <v>0</v>
      </c>
      <c r="AM358">
        <v>0</v>
      </c>
      <c r="AN358">
        <v>0</v>
      </c>
      <c r="AO358">
        <v>0</v>
      </c>
      <c r="AP358">
        <v>0</v>
      </c>
      <c r="AQ358">
        <v>0</v>
      </c>
      <c r="AR358">
        <v>0</v>
      </c>
      <c r="AS358">
        <v>0</v>
      </c>
      <c r="AT358">
        <v>0</v>
      </c>
      <c r="AU358">
        <v>0</v>
      </c>
      <c r="AV358">
        <v>0</v>
      </c>
      <c r="AW358">
        <v>0</v>
      </c>
      <c r="AX358">
        <v>0</v>
      </c>
      <c r="AY358">
        <v>0</v>
      </c>
      <c r="AZ358">
        <v>0</v>
      </c>
      <c r="BA358">
        <v>0</v>
      </c>
    </row>
    <row r="359" spans="1:53" x14ac:dyDescent="0.4">
      <c r="A359">
        <v>403</v>
      </c>
      <c r="B359" s="1">
        <v>42935</v>
      </c>
      <c r="C359">
        <v>2</v>
      </c>
      <c r="D359" s="1">
        <v>42935.45416666667</v>
      </c>
      <c r="E359" s="1">
        <v>42935.806944444441</v>
      </c>
      <c r="F359">
        <v>22500</v>
      </c>
      <c r="G359">
        <v>45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1836</v>
      </c>
      <c r="N359">
        <v>0</v>
      </c>
      <c r="O359">
        <v>0</v>
      </c>
      <c r="P359">
        <v>12204</v>
      </c>
      <c r="Q359">
        <v>0</v>
      </c>
      <c r="R359">
        <v>36990</v>
      </c>
      <c r="S359">
        <v>0</v>
      </c>
      <c r="T359">
        <v>0</v>
      </c>
      <c r="U359">
        <v>0</v>
      </c>
      <c r="V359">
        <v>0</v>
      </c>
      <c r="W359">
        <v>2</v>
      </c>
      <c r="X359">
        <v>0</v>
      </c>
      <c r="Y359">
        <v>52</v>
      </c>
      <c r="Z359">
        <v>36</v>
      </c>
      <c r="AA359">
        <v>21</v>
      </c>
      <c r="AB359">
        <v>11</v>
      </c>
      <c r="AC359">
        <v>85</v>
      </c>
      <c r="AD359">
        <v>2</v>
      </c>
      <c r="AE359">
        <v>46</v>
      </c>
      <c r="AF359">
        <v>3434</v>
      </c>
      <c r="AG359">
        <v>86990</v>
      </c>
      <c r="AH359">
        <v>50000</v>
      </c>
      <c r="AI359">
        <v>0</v>
      </c>
      <c r="AJ359">
        <v>91</v>
      </c>
      <c r="AK359" t="s">
        <v>14</v>
      </c>
      <c r="AL359">
        <v>0</v>
      </c>
      <c r="AM359">
        <v>0</v>
      </c>
      <c r="AN359">
        <v>0</v>
      </c>
      <c r="AO359">
        <v>0</v>
      </c>
      <c r="AP359">
        <v>0</v>
      </c>
      <c r="AQ359">
        <v>0</v>
      </c>
      <c r="AR359">
        <v>0</v>
      </c>
      <c r="AS359">
        <v>0</v>
      </c>
      <c r="AT359">
        <v>0</v>
      </c>
      <c r="AU359">
        <v>0</v>
      </c>
      <c r="AV359">
        <v>0</v>
      </c>
      <c r="AW359">
        <v>0</v>
      </c>
      <c r="AX359">
        <v>3380</v>
      </c>
      <c r="AY359">
        <v>39</v>
      </c>
      <c r="AZ359">
        <v>62</v>
      </c>
      <c r="BA359">
        <v>6116</v>
      </c>
    </row>
    <row r="360" spans="1:53" x14ac:dyDescent="0.4">
      <c r="A360">
        <v>404</v>
      </c>
      <c r="B360" s="1">
        <v>42935</v>
      </c>
      <c r="C360">
        <v>3</v>
      </c>
      <c r="D360" s="1">
        <v>42935.806944444441</v>
      </c>
      <c r="E360" s="1">
        <v>42935.95</v>
      </c>
      <c r="F360">
        <v>33780</v>
      </c>
      <c r="G360">
        <v>328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2964</v>
      </c>
      <c r="N360">
        <v>0</v>
      </c>
      <c r="O360">
        <v>0</v>
      </c>
      <c r="P360">
        <v>-2700</v>
      </c>
      <c r="Q360">
        <v>0</v>
      </c>
      <c r="R360">
        <v>37324</v>
      </c>
      <c r="S360">
        <v>0</v>
      </c>
      <c r="T360">
        <v>0</v>
      </c>
      <c r="U360">
        <v>0</v>
      </c>
      <c r="V360">
        <v>3</v>
      </c>
      <c r="W360">
        <v>4</v>
      </c>
      <c r="X360">
        <v>0</v>
      </c>
      <c r="Y360">
        <v>50</v>
      </c>
      <c r="Z360">
        <v>36</v>
      </c>
      <c r="AA360">
        <v>15</v>
      </c>
      <c r="AB360">
        <v>10</v>
      </c>
      <c r="AC360">
        <v>82</v>
      </c>
      <c r="AD360">
        <v>4</v>
      </c>
      <c r="AE360">
        <v>40</v>
      </c>
      <c r="AF360">
        <v>3434</v>
      </c>
      <c r="AG360">
        <v>124314</v>
      </c>
      <c r="AH360">
        <v>50000</v>
      </c>
      <c r="AI360">
        <v>0</v>
      </c>
      <c r="AJ360">
        <v>91</v>
      </c>
      <c r="AK360" t="s">
        <v>14</v>
      </c>
      <c r="AL360">
        <v>0</v>
      </c>
      <c r="AM360">
        <v>0</v>
      </c>
      <c r="AN360">
        <v>0</v>
      </c>
      <c r="AO360">
        <v>0</v>
      </c>
      <c r="AP360">
        <v>0</v>
      </c>
      <c r="AQ360">
        <v>0</v>
      </c>
      <c r="AR360">
        <v>0</v>
      </c>
      <c r="AS360">
        <v>0</v>
      </c>
      <c r="AT360">
        <v>0</v>
      </c>
      <c r="AU360">
        <v>0</v>
      </c>
      <c r="AV360">
        <v>0</v>
      </c>
      <c r="AW360">
        <v>0</v>
      </c>
      <c r="AX360">
        <v>28847</v>
      </c>
      <c r="AY360">
        <v>17</v>
      </c>
      <c r="AZ360">
        <v>57</v>
      </c>
      <c r="BA360">
        <v>1985</v>
      </c>
    </row>
    <row r="361" spans="1:53" x14ac:dyDescent="0.4">
      <c r="A361">
        <v>405</v>
      </c>
      <c r="B361" s="1">
        <v>42935</v>
      </c>
      <c r="C361">
        <v>4</v>
      </c>
      <c r="D361" s="1">
        <v>42935.95</v>
      </c>
      <c r="E361" s="1">
        <v>42936.083333333336</v>
      </c>
      <c r="F361">
        <v>52380</v>
      </c>
      <c r="G361">
        <v>230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4374</v>
      </c>
      <c r="N361">
        <v>0</v>
      </c>
      <c r="O361">
        <v>0</v>
      </c>
      <c r="P361">
        <v>1512</v>
      </c>
      <c r="Q361">
        <v>0</v>
      </c>
      <c r="R361">
        <v>60566</v>
      </c>
      <c r="S361">
        <v>0</v>
      </c>
      <c r="T361">
        <v>0</v>
      </c>
      <c r="U361">
        <v>0</v>
      </c>
      <c r="V361">
        <v>9</v>
      </c>
      <c r="W361">
        <v>3</v>
      </c>
      <c r="X361">
        <v>0</v>
      </c>
      <c r="Y361">
        <v>44</v>
      </c>
      <c r="Z361">
        <v>35</v>
      </c>
      <c r="AA361">
        <v>7</v>
      </c>
      <c r="AB361">
        <v>8</v>
      </c>
      <c r="AC361">
        <v>82</v>
      </c>
      <c r="AD361">
        <v>5</v>
      </c>
      <c r="AE361">
        <v>41</v>
      </c>
      <c r="AF361">
        <v>16394</v>
      </c>
      <c r="AG361">
        <v>184880</v>
      </c>
      <c r="AH361">
        <v>50000</v>
      </c>
      <c r="AI361">
        <v>0</v>
      </c>
      <c r="AJ361">
        <v>29</v>
      </c>
      <c r="AL361">
        <v>0</v>
      </c>
      <c r="AM361">
        <v>0</v>
      </c>
      <c r="AN361">
        <v>0</v>
      </c>
      <c r="AO361">
        <v>0</v>
      </c>
      <c r="AP361">
        <v>0</v>
      </c>
      <c r="AQ361">
        <v>0</v>
      </c>
      <c r="AR361">
        <v>0</v>
      </c>
      <c r="AS361">
        <v>0</v>
      </c>
      <c r="AT361">
        <v>0</v>
      </c>
      <c r="AU361">
        <v>0</v>
      </c>
      <c r="AV361">
        <v>0</v>
      </c>
      <c r="AW361">
        <v>0</v>
      </c>
      <c r="AX361">
        <v>2905</v>
      </c>
      <c r="AY361">
        <v>6</v>
      </c>
      <c r="AZ361">
        <v>10</v>
      </c>
      <c r="BA361">
        <v>921</v>
      </c>
    </row>
    <row r="362" spans="1:53" x14ac:dyDescent="0.4">
      <c r="A362">
        <v>406</v>
      </c>
      <c r="B362" s="1">
        <v>42936</v>
      </c>
      <c r="C362">
        <v>1</v>
      </c>
      <c r="D362" s="1">
        <v>42936.291666666664</v>
      </c>
      <c r="E362" s="1">
        <v>42936.454861111109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0</v>
      </c>
      <c r="O362">
        <v>0</v>
      </c>
      <c r="P362">
        <v>0</v>
      </c>
      <c r="Q362">
        <v>0</v>
      </c>
      <c r="R362">
        <v>0</v>
      </c>
      <c r="S362">
        <v>0</v>
      </c>
      <c r="T362">
        <v>0</v>
      </c>
      <c r="U362">
        <v>0</v>
      </c>
      <c r="V362">
        <v>0</v>
      </c>
      <c r="W362">
        <v>0</v>
      </c>
      <c r="X362">
        <v>0</v>
      </c>
      <c r="Y362">
        <v>33</v>
      </c>
      <c r="Z362">
        <v>21</v>
      </c>
      <c r="AA362">
        <v>52</v>
      </c>
      <c r="AB362">
        <v>2</v>
      </c>
      <c r="AC362">
        <v>80</v>
      </c>
      <c r="AD362">
        <v>54</v>
      </c>
      <c r="AE362">
        <v>130</v>
      </c>
      <c r="AF362">
        <v>0</v>
      </c>
      <c r="AG362">
        <v>50000</v>
      </c>
      <c r="AH362">
        <v>0</v>
      </c>
      <c r="AI362">
        <v>50000</v>
      </c>
      <c r="AJ362">
        <v>0</v>
      </c>
      <c r="AK362" t="s">
        <v>6</v>
      </c>
      <c r="AL362">
        <v>0</v>
      </c>
      <c r="AM362">
        <v>0</v>
      </c>
      <c r="AN362">
        <v>0</v>
      </c>
      <c r="AO362">
        <v>0</v>
      </c>
      <c r="AP362">
        <v>0</v>
      </c>
      <c r="AQ362">
        <v>0</v>
      </c>
      <c r="AR362">
        <v>0</v>
      </c>
      <c r="AS362">
        <v>0</v>
      </c>
      <c r="AT362">
        <v>0</v>
      </c>
      <c r="AU362">
        <v>0</v>
      </c>
      <c r="AV362">
        <v>0</v>
      </c>
      <c r="AW362">
        <v>0</v>
      </c>
      <c r="AX362">
        <v>0</v>
      </c>
      <c r="AY362">
        <v>0</v>
      </c>
      <c r="AZ362">
        <v>0</v>
      </c>
      <c r="BA362">
        <v>0</v>
      </c>
    </row>
    <row r="363" spans="1:53" x14ac:dyDescent="0.4">
      <c r="A363">
        <v>407</v>
      </c>
      <c r="B363" s="1">
        <v>42936</v>
      </c>
      <c r="C363">
        <v>2</v>
      </c>
      <c r="D363" s="1">
        <v>42936.454861111109</v>
      </c>
      <c r="E363" s="1">
        <v>42936.820138888892</v>
      </c>
      <c r="F363">
        <v>35900</v>
      </c>
      <c r="G363">
        <v>742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3466</v>
      </c>
      <c r="N363">
        <v>0</v>
      </c>
      <c r="O363">
        <v>0</v>
      </c>
      <c r="P363">
        <v>13608</v>
      </c>
      <c r="Q363">
        <v>0</v>
      </c>
      <c r="R363">
        <v>60394</v>
      </c>
      <c r="S363">
        <v>0</v>
      </c>
      <c r="T363">
        <v>0</v>
      </c>
      <c r="U363">
        <v>0</v>
      </c>
      <c r="V363">
        <v>1</v>
      </c>
      <c r="W363">
        <v>4</v>
      </c>
      <c r="X363">
        <v>0</v>
      </c>
      <c r="Y363">
        <v>53</v>
      </c>
      <c r="Z363">
        <v>35</v>
      </c>
      <c r="AA363">
        <v>77</v>
      </c>
      <c r="AB363">
        <v>2</v>
      </c>
      <c r="AC363">
        <v>122</v>
      </c>
      <c r="AD363">
        <v>54</v>
      </c>
      <c r="AE363">
        <v>122</v>
      </c>
      <c r="AF363">
        <v>0</v>
      </c>
      <c r="AG363">
        <v>109912</v>
      </c>
      <c r="AH363">
        <v>50000</v>
      </c>
      <c r="AI363">
        <v>-482</v>
      </c>
      <c r="AJ363">
        <v>99</v>
      </c>
      <c r="AK363" t="s">
        <v>9</v>
      </c>
      <c r="AL363">
        <v>0</v>
      </c>
      <c r="AM363">
        <v>0</v>
      </c>
      <c r="AN363">
        <v>0</v>
      </c>
      <c r="AO363">
        <v>0</v>
      </c>
      <c r="AP363">
        <v>0</v>
      </c>
      <c r="AQ363">
        <v>0</v>
      </c>
      <c r="AR363">
        <v>0</v>
      </c>
      <c r="AS363">
        <v>0</v>
      </c>
      <c r="AT363">
        <v>0</v>
      </c>
      <c r="AU363">
        <v>0</v>
      </c>
      <c r="AV363">
        <v>0</v>
      </c>
      <c r="AW363">
        <v>0</v>
      </c>
      <c r="AX363">
        <v>4828</v>
      </c>
      <c r="AY363">
        <v>44</v>
      </c>
      <c r="AZ363">
        <v>88</v>
      </c>
      <c r="BA363">
        <v>6702</v>
      </c>
    </row>
    <row r="364" spans="1:53" x14ac:dyDescent="0.4">
      <c r="A364">
        <v>408</v>
      </c>
      <c r="B364" s="1">
        <v>42937</v>
      </c>
      <c r="C364">
        <v>1</v>
      </c>
      <c r="D364" s="1">
        <v>42937.291666666664</v>
      </c>
      <c r="E364" s="1">
        <v>42937.40625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0</v>
      </c>
      <c r="O364">
        <v>0</v>
      </c>
      <c r="P364">
        <v>0</v>
      </c>
      <c r="Q364">
        <v>0</v>
      </c>
      <c r="R364">
        <v>0</v>
      </c>
      <c r="S364">
        <v>0</v>
      </c>
      <c r="T364">
        <v>0</v>
      </c>
      <c r="U364">
        <v>0</v>
      </c>
      <c r="V364">
        <v>0</v>
      </c>
      <c r="W364">
        <v>1</v>
      </c>
      <c r="X364">
        <v>0</v>
      </c>
      <c r="Y364">
        <v>25</v>
      </c>
      <c r="Z364">
        <v>26</v>
      </c>
      <c r="AA364">
        <v>56</v>
      </c>
      <c r="AB364">
        <v>2</v>
      </c>
      <c r="AC364">
        <v>95</v>
      </c>
      <c r="AD364">
        <v>48</v>
      </c>
      <c r="AE364">
        <v>110</v>
      </c>
      <c r="AF364">
        <v>0</v>
      </c>
      <c r="AG364">
        <v>50000</v>
      </c>
      <c r="AH364">
        <v>0</v>
      </c>
      <c r="AI364">
        <v>50000</v>
      </c>
      <c r="AJ364">
        <v>0</v>
      </c>
      <c r="AK364" t="s">
        <v>6</v>
      </c>
      <c r="AL364">
        <v>0</v>
      </c>
      <c r="AM364">
        <v>0</v>
      </c>
      <c r="AN364">
        <v>0</v>
      </c>
      <c r="AO364">
        <v>0</v>
      </c>
      <c r="AP364">
        <v>0</v>
      </c>
      <c r="AQ364">
        <v>0</v>
      </c>
      <c r="AR364">
        <v>0</v>
      </c>
      <c r="AS364">
        <v>0</v>
      </c>
      <c r="AT364">
        <v>0</v>
      </c>
      <c r="AU364">
        <v>0</v>
      </c>
      <c r="AV364">
        <v>0</v>
      </c>
      <c r="AW364">
        <v>0</v>
      </c>
      <c r="AX364">
        <v>0</v>
      </c>
      <c r="AY364">
        <v>0</v>
      </c>
      <c r="AZ364">
        <v>0</v>
      </c>
      <c r="BA364">
        <v>0</v>
      </c>
    </row>
    <row r="365" spans="1:53" x14ac:dyDescent="0.4">
      <c r="A365">
        <v>409</v>
      </c>
      <c r="B365" s="1">
        <v>42937</v>
      </c>
      <c r="C365">
        <v>2</v>
      </c>
      <c r="D365" s="1">
        <v>42937.40625</v>
      </c>
      <c r="E365" s="1">
        <v>42937.744444444441</v>
      </c>
      <c r="F365">
        <v>35500</v>
      </c>
      <c r="G365">
        <v>488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3230</v>
      </c>
      <c r="N365">
        <v>0</v>
      </c>
      <c r="O365">
        <v>0</v>
      </c>
      <c r="P365">
        <v>12960</v>
      </c>
      <c r="Q365">
        <v>0</v>
      </c>
      <c r="R365">
        <v>56570</v>
      </c>
      <c r="S365">
        <v>0</v>
      </c>
      <c r="T365">
        <v>0</v>
      </c>
      <c r="U365">
        <v>0</v>
      </c>
      <c r="V365">
        <v>0</v>
      </c>
      <c r="W365">
        <v>3</v>
      </c>
      <c r="X365">
        <v>0</v>
      </c>
      <c r="Y365">
        <v>60</v>
      </c>
      <c r="Z365">
        <v>48</v>
      </c>
      <c r="AA365">
        <v>53</v>
      </c>
      <c r="AB365">
        <v>5</v>
      </c>
      <c r="AC365">
        <v>112</v>
      </c>
      <c r="AD365">
        <v>50</v>
      </c>
      <c r="AE365">
        <v>111</v>
      </c>
      <c r="AF365">
        <v>540</v>
      </c>
      <c r="AG365">
        <v>106571</v>
      </c>
      <c r="AH365">
        <v>50000</v>
      </c>
      <c r="AI365">
        <v>1</v>
      </c>
      <c r="AJ365">
        <v>96</v>
      </c>
      <c r="AK365" t="s">
        <v>4</v>
      </c>
      <c r="AL365">
        <v>0</v>
      </c>
      <c r="AM365">
        <v>0</v>
      </c>
      <c r="AN365">
        <v>0</v>
      </c>
      <c r="AO365">
        <v>0</v>
      </c>
      <c r="AP365">
        <v>0</v>
      </c>
      <c r="AQ365">
        <v>0</v>
      </c>
      <c r="AR365">
        <v>0</v>
      </c>
      <c r="AS365">
        <v>0</v>
      </c>
      <c r="AT365">
        <v>0</v>
      </c>
      <c r="AU365">
        <v>0</v>
      </c>
      <c r="AV365">
        <v>0</v>
      </c>
      <c r="AW365">
        <v>0</v>
      </c>
      <c r="AX365">
        <v>-1080</v>
      </c>
      <c r="AY365">
        <v>44</v>
      </c>
      <c r="AZ365">
        <v>91</v>
      </c>
      <c r="BA365">
        <v>6811</v>
      </c>
    </row>
    <row r="366" spans="1:53" x14ac:dyDescent="0.4">
      <c r="A366">
        <v>410</v>
      </c>
      <c r="B366" s="1">
        <v>42937</v>
      </c>
      <c r="C366">
        <v>3</v>
      </c>
      <c r="D366" s="1">
        <v>42937.744444444441</v>
      </c>
      <c r="E366" s="1">
        <v>42937.988194444442</v>
      </c>
      <c r="F366">
        <v>192210</v>
      </c>
      <c r="G366">
        <v>10210</v>
      </c>
      <c r="H366">
        <v>0</v>
      </c>
      <c r="I366">
        <v>0</v>
      </c>
      <c r="J366">
        <v>3000</v>
      </c>
      <c r="K366">
        <v>0</v>
      </c>
      <c r="L366">
        <v>0</v>
      </c>
      <c r="M366">
        <v>15954</v>
      </c>
      <c r="N366">
        <v>0</v>
      </c>
      <c r="O366">
        <v>0</v>
      </c>
      <c r="P366">
        <v>20045</v>
      </c>
      <c r="Q366">
        <v>0</v>
      </c>
      <c r="R366">
        <v>235419</v>
      </c>
      <c r="S366">
        <v>0</v>
      </c>
      <c r="T366">
        <v>0</v>
      </c>
      <c r="U366">
        <v>0</v>
      </c>
      <c r="V366">
        <v>14</v>
      </c>
      <c r="W366">
        <v>7</v>
      </c>
      <c r="X366">
        <v>0</v>
      </c>
      <c r="Y366">
        <v>108</v>
      </c>
      <c r="Z366">
        <v>52</v>
      </c>
      <c r="AA366">
        <v>42</v>
      </c>
      <c r="AB366">
        <v>9</v>
      </c>
      <c r="AC366">
        <v>117</v>
      </c>
      <c r="AD366">
        <v>52</v>
      </c>
      <c r="AE366">
        <v>101</v>
      </c>
      <c r="AF366">
        <v>26808</v>
      </c>
      <c r="AG366">
        <v>341989</v>
      </c>
      <c r="AH366">
        <v>50000</v>
      </c>
      <c r="AI366">
        <v>0</v>
      </c>
      <c r="AJ366">
        <v>100</v>
      </c>
      <c r="AK366" t="s">
        <v>0</v>
      </c>
      <c r="AL366">
        <v>0</v>
      </c>
      <c r="AM366">
        <v>0</v>
      </c>
      <c r="AN366">
        <v>0</v>
      </c>
      <c r="AO366">
        <v>0</v>
      </c>
      <c r="AP366">
        <v>0</v>
      </c>
      <c r="AQ366">
        <v>0</v>
      </c>
      <c r="AR366">
        <v>0</v>
      </c>
      <c r="AS366">
        <v>0</v>
      </c>
      <c r="AT366">
        <v>0</v>
      </c>
      <c r="AU366">
        <v>0</v>
      </c>
      <c r="AV366">
        <v>0</v>
      </c>
      <c r="AW366">
        <v>0</v>
      </c>
      <c r="AX366">
        <v>51441</v>
      </c>
      <c r="AY366">
        <v>37</v>
      </c>
      <c r="AZ366">
        <v>192</v>
      </c>
      <c r="BA366">
        <v>4203</v>
      </c>
    </row>
    <row r="367" spans="1:53" x14ac:dyDescent="0.4">
      <c r="A367">
        <v>411</v>
      </c>
      <c r="B367" s="1">
        <v>42937</v>
      </c>
      <c r="C367">
        <v>4</v>
      </c>
      <c r="D367" s="1">
        <v>42937.988194444442</v>
      </c>
      <c r="E367" s="1">
        <v>42938.111805555556</v>
      </c>
      <c r="F367">
        <v>166130</v>
      </c>
      <c r="G367">
        <v>1740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13429</v>
      </c>
      <c r="N367">
        <v>0</v>
      </c>
      <c r="O367">
        <v>0</v>
      </c>
      <c r="P367">
        <v>67284</v>
      </c>
      <c r="Q367">
        <v>0</v>
      </c>
      <c r="R367">
        <v>248583</v>
      </c>
      <c r="S367">
        <v>0</v>
      </c>
      <c r="T367">
        <v>0</v>
      </c>
      <c r="U367">
        <v>0</v>
      </c>
      <c r="V367">
        <v>31</v>
      </c>
      <c r="W367">
        <v>14</v>
      </c>
      <c r="X367">
        <v>0</v>
      </c>
      <c r="Y367">
        <v>105</v>
      </c>
      <c r="Z367">
        <v>50</v>
      </c>
      <c r="AA367">
        <v>4</v>
      </c>
      <c r="AB367">
        <v>4</v>
      </c>
      <c r="AC367">
        <v>83</v>
      </c>
      <c r="AD367">
        <v>49</v>
      </c>
      <c r="AE367">
        <v>87</v>
      </c>
      <c r="AF367">
        <v>78810</v>
      </c>
      <c r="AG367">
        <v>590572</v>
      </c>
      <c r="AH367">
        <v>50000</v>
      </c>
      <c r="AI367">
        <v>0</v>
      </c>
      <c r="AJ367">
        <v>100</v>
      </c>
      <c r="AK367" t="s">
        <v>0</v>
      </c>
      <c r="AL367">
        <v>0</v>
      </c>
      <c r="AM367">
        <v>0</v>
      </c>
      <c r="AN367">
        <v>0</v>
      </c>
      <c r="AO367">
        <v>0</v>
      </c>
      <c r="AP367">
        <v>0</v>
      </c>
      <c r="AQ367">
        <v>0</v>
      </c>
      <c r="AR367">
        <v>0</v>
      </c>
      <c r="AS367">
        <v>0</v>
      </c>
      <c r="AT367">
        <v>0</v>
      </c>
      <c r="AU367">
        <v>0</v>
      </c>
      <c r="AV367">
        <v>0</v>
      </c>
      <c r="AW367">
        <v>0</v>
      </c>
      <c r="AX367">
        <v>8326</v>
      </c>
      <c r="AY367">
        <v>16</v>
      </c>
      <c r="AZ367">
        <v>80</v>
      </c>
      <c r="BA367">
        <v>2936</v>
      </c>
    </row>
    <row r="368" spans="1:53" x14ac:dyDescent="0.4">
      <c r="A368">
        <v>412</v>
      </c>
      <c r="B368" s="1">
        <v>42938</v>
      </c>
      <c r="C368">
        <v>1</v>
      </c>
      <c r="D368" s="1">
        <v>42938.291666666664</v>
      </c>
      <c r="E368" s="1">
        <v>42938.411805555559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0</v>
      </c>
      <c r="O368">
        <v>0</v>
      </c>
      <c r="P368">
        <v>0</v>
      </c>
      <c r="Q368">
        <v>0</v>
      </c>
      <c r="R368">
        <v>0</v>
      </c>
      <c r="S368">
        <v>0</v>
      </c>
      <c r="T368">
        <v>0</v>
      </c>
      <c r="U368">
        <v>0</v>
      </c>
      <c r="V368">
        <v>0</v>
      </c>
      <c r="W368">
        <v>1</v>
      </c>
      <c r="X368">
        <v>0</v>
      </c>
      <c r="Y368">
        <v>30</v>
      </c>
      <c r="Z368">
        <v>24</v>
      </c>
      <c r="AA368">
        <v>17</v>
      </c>
      <c r="AB368">
        <v>4</v>
      </c>
      <c r="AC368">
        <v>78</v>
      </c>
      <c r="AD368">
        <v>47</v>
      </c>
      <c r="AE368">
        <v>85</v>
      </c>
      <c r="AF368">
        <v>0</v>
      </c>
      <c r="AG368">
        <v>50000</v>
      </c>
      <c r="AH368">
        <v>0</v>
      </c>
      <c r="AI368">
        <v>50000</v>
      </c>
      <c r="AJ368">
        <v>0</v>
      </c>
      <c r="AK368" t="s">
        <v>6</v>
      </c>
      <c r="AL368">
        <v>0</v>
      </c>
      <c r="AM368">
        <v>0</v>
      </c>
      <c r="AN368">
        <v>0</v>
      </c>
      <c r="AO368">
        <v>0</v>
      </c>
      <c r="AP368">
        <v>0</v>
      </c>
      <c r="AQ368">
        <v>0</v>
      </c>
      <c r="AR368">
        <v>0</v>
      </c>
      <c r="AS368">
        <v>0</v>
      </c>
      <c r="AT368">
        <v>0</v>
      </c>
      <c r="AU368">
        <v>0</v>
      </c>
      <c r="AV368">
        <v>0</v>
      </c>
      <c r="AW368">
        <v>0</v>
      </c>
      <c r="AX368">
        <v>0</v>
      </c>
      <c r="AY368">
        <v>0</v>
      </c>
      <c r="AZ368">
        <v>0</v>
      </c>
      <c r="BA368">
        <v>0</v>
      </c>
    </row>
    <row r="369" spans="1:53" x14ac:dyDescent="0.4">
      <c r="A369">
        <v>413</v>
      </c>
      <c r="B369" s="1">
        <v>42938</v>
      </c>
      <c r="C369">
        <v>2</v>
      </c>
      <c r="D369" s="1">
        <v>42938.411805555559</v>
      </c>
      <c r="E369" s="1">
        <v>42938.739583333336</v>
      </c>
      <c r="F369">
        <v>32500</v>
      </c>
      <c r="G369">
        <v>3520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2881</v>
      </c>
      <c r="N369">
        <v>0</v>
      </c>
      <c r="O369">
        <v>0</v>
      </c>
      <c r="P369">
        <v>17550</v>
      </c>
      <c r="Q369">
        <v>0</v>
      </c>
      <c r="R369">
        <v>56451</v>
      </c>
      <c r="S369">
        <v>0</v>
      </c>
      <c r="T369">
        <v>0</v>
      </c>
      <c r="U369">
        <v>0</v>
      </c>
      <c r="V369">
        <v>2</v>
      </c>
      <c r="W369">
        <v>1</v>
      </c>
      <c r="X369">
        <v>0</v>
      </c>
      <c r="Y369">
        <v>59</v>
      </c>
      <c r="Z369">
        <v>29</v>
      </c>
      <c r="AA369">
        <v>9</v>
      </c>
      <c r="AB369">
        <v>8</v>
      </c>
      <c r="AC369">
        <v>123</v>
      </c>
      <c r="AD369">
        <v>50</v>
      </c>
      <c r="AE369">
        <v>96</v>
      </c>
      <c r="AF369">
        <v>5075</v>
      </c>
      <c r="AG369">
        <v>106451</v>
      </c>
      <c r="AH369">
        <v>50000</v>
      </c>
      <c r="AI369">
        <v>0</v>
      </c>
      <c r="AJ369">
        <v>96</v>
      </c>
      <c r="AK369" t="s">
        <v>4</v>
      </c>
      <c r="AL369">
        <v>0</v>
      </c>
      <c r="AM369">
        <v>0</v>
      </c>
      <c r="AN369">
        <v>0</v>
      </c>
      <c r="AO369">
        <v>0</v>
      </c>
      <c r="AP369">
        <v>0</v>
      </c>
      <c r="AQ369">
        <v>0</v>
      </c>
      <c r="AR369">
        <v>0</v>
      </c>
      <c r="AS369">
        <v>0</v>
      </c>
      <c r="AT369">
        <v>0</v>
      </c>
      <c r="AU369">
        <v>0</v>
      </c>
      <c r="AV369">
        <v>0</v>
      </c>
      <c r="AW369">
        <v>0</v>
      </c>
      <c r="AX369">
        <v>0</v>
      </c>
      <c r="AY369">
        <v>49</v>
      </c>
      <c r="AZ369">
        <v>97</v>
      </c>
      <c r="BA369">
        <v>7008</v>
      </c>
    </row>
    <row r="370" spans="1:53" x14ac:dyDescent="0.4">
      <c r="A370">
        <v>414</v>
      </c>
      <c r="B370" s="1">
        <v>42938</v>
      </c>
      <c r="C370">
        <v>3</v>
      </c>
      <c r="D370" s="1">
        <v>42938.739583333336</v>
      </c>
      <c r="E370" s="1">
        <v>42938.981944444444</v>
      </c>
      <c r="F370">
        <v>192780</v>
      </c>
      <c r="G370">
        <v>3940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15737</v>
      </c>
      <c r="N370">
        <v>0</v>
      </c>
      <c r="O370">
        <v>0</v>
      </c>
      <c r="P370">
        <v>37422</v>
      </c>
      <c r="Q370">
        <v>0</v>
      </c>
      <c r="R370">
        <v>249879</v>
      </c>
      <c r="S370">
        <v>0</v>
      </c>
      <c r="T370">
        <v>0</v>
      </c>
      <c r="U370">
        <v>0</v>
      </c>
      <c r="V370">
        <v>17</v>
      </c>
      <c r="W370">
        <v>10</v>
      </c>
      <c r="X370">
        <v>0</v>
      </c>
      <c r="Y370">
        <v>114</v>
      </c>
      <c r="Z370">
        <v>28</v>
      </c>
      <c r="AA370">
        <v>19</v>
      </c>
      <c r="AB370">
        <v>2</v>
      </c>
      <c r="AC370">
        <v>98</v>
      </c>
      <c r="AD370">
        <v>40</v>
      </c>
      <c r="AE370">
        <v>75</v>
      </c>
      <c r="AF370">
        <v>5075</v>
      </c>
      <c r="AG370">
        <v>356330</v>
      </c>
      <c r="AH370">
        <v>50000</v>
      </c>
      <c r="AI370">
        <v>0</v>
      </c>
      <c r="AJ370">
        <v>100</v>
      </c>
      <c r="AK370" t="s">
        <v>0</v>
      </c>
      <c r="AL370">
        <v>0</v>
      </c>
      <c r="AM370">
        <v>0</v>
      </c>
      <c r="AN370">
        <v>0</v>
      </c>
      <c r="AO370">
        <v>0</v>
      </c>
      <c r="AP370">
        <v>0</v>
      </c>
      <c r="AQ370">
        <v>0</v>
      </c>
      <c r="AR370">
        <v>0</v>
      </c>
      <c r="AS370">
        <v>0</v>
      </c>
      <c r="AT370">
        <v>0</v>
      </c>
      <c r="AU370">
        <v>0</v>
      </c>
      <c r="AV370">
        <v>0</v>
      </c>
      <c r="AW370">
        <v>0</v>
      </c>
      <c r="AX370">
        <v>-3780</v>
      </c>
      <c r="AY370">
        <v>40</v>
      </c>
      <c r="AZ370">
        <v>174</v>
      </c>
      <c r="BA370">
        <v>4989</v>
      </c>
    </row>
    <row r="371" spans="1:53" x14ac:dyDescent="0.4">
      <c r="A371">
        <v>415</v>
      </c>
      <c r="B371" s="1">
        <v>42938</v>
      </c>
      <c r="C371">
        <v>4</v>
      </c>
      <c r="D371" s="1">
        <v>42938.981944444444</v>
      </c>
      <c r="E371" s="1">
        <v>42939.111111111109</v>
      </c>
      <c r="F371">
        <v>75300</v>
      </c>
      <c r="G371">
        <v>380</v>
      </c>
      <c r="H371">
        <v>0</v>
      </c>
      <c r="I371">
        <v>0</v>
      </c>
      <c r="J371">
        <v>0</v>
      </c>
      <c r="K371">
        <v>10000</v>
      </c>
      <c r="L371">
        <v>0</v>
      </c>
      <c r="M371">
        <v>6854</v>
      </c>
      <c r="N371">
        <v>0</v>
      </c>
      <c r="O371">
        <v>0</v>
      </c>
      <c r="P371">
        <v>87847</v>
      </c>
      <c r="Q371">
        <v>0</v>
      </c>
      <c r="R371">
        <v>180381</v>
      </c>
      <c r="S371">
        <v>0</v>
      </c>
      <c r="T371">
        <v>0</v>
      </c>
      <c r="U371">
        <v>0</v>
      </c>
      <c r="V371">
        <v>30</v>
      </c>
      <c r="W371">
        <v>15</v>
      </c>
      <c r="X371">
        <v>0</v>
      </c>
      <c r="Y371">
        <v>138</v>
      </c>
      <c r="Z371">
        <v>27</v>
      </c>
      <c r="AA371">
        <v>17</v>
      </c>
      <c r="AB371">
        <v>0</v>
      </c>
      <c r="AC371">
        <v>22</v>
      </c>
      <c r="AD371">
        <v>38</v>
      </c>
      <c r="AE371">
        <v>46</v>
      </c>
      <c r="AF371">
        <v>8055</v>
      </c>
      <c r="AG371">
        <v>536711</v>
      </c>
      <c r="AH371">
        <v>50000</v>
      </c>
      <c r="AI371">
        <v>0</v>
      </c>
      <c r="AJ371">
        <v>1</v>
      </c>
      <c r="AK371" t="s">
        <v>3</v>
      </c>
      <c r="AL371">
        <v>0</v>
      </c>
      <c r="AM371">
        <v>0</v>
      </c>
      <c r="AN371">
        <v>0</v>
      </c>
      <c r="AO371">
        <v>0</v>
      </c>
      <c r="AP371">
        <v>0</v>
      </c>
      <c r="AQ371">
        <v>0</v>
      </c>
      <c r="AR371">
        <v>0</v>
      </c>
      <c r="AS371">
        <v>0</v>
      </c>
      <c r="AT371">
        <v>0</v>
      </c>
      <c r="AU371">
        <v>0</v>
      </c>
      <c r="AV371">
        <v>0</v>
      </c>
      <c r="AW371">
        <v>0</v>
      </c>
      <c r="AX371">
        <v>5540</v>
      </c>
      <c r="AY371">
        <v>17</v>
      </c>
      <c r="AZ371">
        <v>61</v>
      </c>
      <c r="BA371">
        <v>3245</v>
      </c>
    </row>
    <row r="372" spans="1:53" x14ac:dyDescent="0.4">
      <c r="A372">
        <v>416</v>
      </c>
      <c r="B372" s="1">
        <v>42939</v>
      </c>
      <c r="C372">
        <v>1</v>
      </c>
      <c r="D372" s="1">
        <v>42939.291666666664</v>
      </c>
      <c r="E372" s="1">
        <v>42939.745833333334</v>
      </c>
      <c r="F372">
        <v>60000</v>
      </c>
      <c r="G372">
        <v>12520</v>
      </c>
      <c r="H372">
        <v>0</v>
      </c>
      <c r="I372">
        <v>0</v>
      </c>
      <c r="J372">
        <v>200</v>
      </c>
      <c r="K372">
        <v>0</v>
      </c>
      <c r="L372">
        <v>0</v>
      </c>
      <c r="M372">
        <v>5784</v>
      </c>
      <c r="N372">
        <v>0</v>
      </c>
      <c r="O372">
        <v>0</v>
      </c>
      <c r="P372">
        <v>9720</v>
      </c>
      <c r="Q372">
        <v>0</v>
      </c>
      <c r="R372">
        <v>87824</v>
      </c>
      <c r="S372">
        <v>0</v>
      </c>
      <c r="T372">
        <v>0</v>
      </c>
      <c r="U372">
        <v>0</v>
      </c>
      <c r="V372">
        <v>4</v>
      </c>
      <c r="W372">
        <v>2</v>
      </c>
      <c r="X372">
        <v>0</v>
      </c>
      <c r="Y372">
        <v>63</v>
      </c>
      <c r="Z372">
        <v>41</v>
      </c>
      <c r="AA372">
        <v>31</v>
      </c>
      <c r="AB372">
        <v>5</v>
      </c>
      <c r="AC372">
        <v>78</v>
      </c>
      <c r="AD372">
        <v>27</v>
      </c>
      <c r="AE372">
        <v>59</v>
      </c>
      <c r="AF372">
        <v>0</v>
      </c>
      <c r="AG372">
        <v>137824</v>
      </c>
      <c r="AH372">
        <v>50000</v>
      </c>
      <c r="AI372">
        <v>0</v>
      </c>
      <c r="AJ372">
        <v>99</v>
      </c>
      <c r="AK372" t="s">
        <v>9</v>
      </c>
      <c r="AL372">
        <v>0</v>
      </c>
      <c r="AM372">
        <v>0</v>
      </c>
      <c r="AN372">
        <v>0</v>
      </c>
      <c r="AO372">
        <v>0</v>
      </c>
      <c r="AP372">
        <v>0</v>
      </c>
      <c r="AQ372">
        <v>0</v>
      </c>
      <c r="AR372">
        <v>0</v>
      </c>
      <c r="AS372">
        <v>0</v>
      </c>
      <c r="AT372">
        <v>0</v>
      </c>
      <c r="AU372">
        <v>0</v>
      </c>
      <c r="AV372">
        <v>0</v>
      </c>
      <c r="AW372">
        <v>0</v>
      </c>
      <c r="AX372">
        <v>-540</v>
      </c>
      <c r="AY372">
        <v>47</v>
      </c>
      <c r="AZ372">
        <v>128</v>
      </c>
      <c r="BA372">
        <v>7892</v>
      </c>
    </row>
    <row r="373" spans="1:53" x14ac:dyDescent="0.4">
      <c r="A373">
        <v>417</v>
      </c>
      <c r="B373" s="1">
        <v>42939</v>
      </c>
      <c r="C373">
        <v>2</v>
      </c>
      <c r="D373" s="1">
        <v>42939.745833333334</v>
      </c>
      <c r="E373" s="1">
        <v>42939.957638888889</v>
      </c>
      <c r="F373">
        <v>44300</v>
      </c>
      <c r="G373">
        <v>441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3897</v>
      </c>
      <c r="N373">
        <v>0</v>
      </c>
      <c r="O373">
        <v>0</v>
      </c>
      <c r="P373">
        <v>1944</v>
      </c>
      <c r="Q373">
        <v>0</v>
      </c>
      <c r="R373">
        <v>54551</v>
      </c>
      <c r="S373">
        <v>0</v>
      </c>
      <c r="T373">
        <v>0</v>
      </c>
      <c r="U373">
        <v>0</v>
      </c>
      <c r="V373">
        <v>9</v>
      </c>
      <c r="W373">
        <v>3</v>
      </c>
      <c r="X373">
        <v>0</v>
      </c>
      <c r="Y373">
        <v>64</v>
      </c>
      <c r="Z373">
        <v>42</v>
      </c>
      <c r="AA373">
        <v>14</v>
      </c>
      <c r="AB373">
        <v>2</v>
      </c>
      <c r="AC373">
        <v>68</v>
      </c>
      <c r="AD373">
        <v>27</v>
      </c>
      <c r="AE373">
        <v>60</v>
      </c>
      <c r="AF373">
        <v>0</v>
      </c>
      <c r="AG373">
        <v>192375</v>
      </c>
      <c r="AH373">
        <v>50000</v>
      </c>
      <c r="AI373">
        <v>0</v>
      </c>
      <c r="AJ373">
        <v>102</v>
      </c>
      <c r="AK373" t="s">
        <v>8</v>
      </c>
      <c r="AL373">
        <v>0</v>
      </c>
      <c r="AM373">
        <v>0</v>
      </c>
      <c r="AN373">
        <v>0</v>
      </c>
      <c r="AO373">
        <v>0</v>
      </c>
      <c r="AP373">
        <v>0</v>
      </c>
      <c r="AQ373">
        <v>0</v>
      </c>
      <c r="AR373">
        <v>0</v>
      </c>
      <c r="AS373">
        <v>0</v>
      </c>
      <c r="AT373">
        <v>0</v>
      </c>
      <c r="AU373">
        <v>0</v>
      </c>
      <c r="AV373">
        <v>0</v>
      </c>
      <c r="AW373">
        <v>0</v>
      </c>
      <c r="AX373">
        <v>26135</v>
      </c>
      <c r="AY373">
        <v>20</v>
      </c>
      <c r="AZ373">
        <v>63</v>
      </c>
      <c r="BA373">
        <v>2659</v>
      </c>
    </row>
    <row r="374" spans="1:53" x14ac:dyDescent="0.4">
      <c r="A374">
        <v>418</v>
      </c>
      <c r="B374" s="1">
        <v>42939</v>
      </c>
      <c r="C374">
        <v>3</v>
      </c>
      <c r="D374" s="1">
        <v>42939.957638888889</v>
      </c>
      <c r="E374" s="1">
        <v>42940.106944444444</v>
      </c>
      <c r="F374">
        <v>48970</v>
      </c>
      <c r="G374">
        <v>106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4002</v>
      </c>
      <c r="N374">
        <v>0</v>
      </c>
      <c r="O374">
        <v>0</v>
      </c>
      <c r="P374">
        <v>2916</v>
      </c>
      <c r="Q374">
        <v>0</v>
      </c>
      <c r="R374">
        <v>56948</v>
      </c>
      <c r="S374">
        <v>0</v>
      </c>
      <c r="T374">
        <v>0</v>
      </c>
      <c r="U374">
        <v>0</v>
      </c>
      <c r="V374">
        <v>14</v>
      </c>
      <c r="W374">
        <v>5</v>
      </c>
      <c r="X374">
        <v>0</v>
      </c>
      <c r="Y374">
        <v>58</v>
      </c>
      <c r="Z374">
        <v>41</v>
      </c>
      <c r="AA374">
        <v>32</v>
      </c>
      <c r="AB374">
        <v>2</v>
      </c>
      <c r="AC374">
        <v>62</v>
      </c>
      <c r="AD374">
        <v>26</v>
      </c>
      <c r="AE374">
        <v>52</v>
      </c>
      <c r="AF374">
        <v>1721</v>
      </c>
      <c r="AG374">
        <v>249323</v>
      </c>
      <c r="AH374">
        <v>50000</v>
      </c>
      <c r="AI374">
        <v>0</v>
      </c>
      <c r="AJ374">
        <v>1</v>
      </c>
      <c r="AK374" t="s">
        <v>3</v>
      </c>
      <c r="AL374">
        <v>0</v>
      </c>
      <c r="AM374">
        <v>0</v>
      </c>
      <c r="AN374">
        <v>0</v>
      </c>
      <c r="AO374">
        <v>0</v>
      </c>
      <c r="AP374">
        <v>0</v>
      </c>
      <c r="AQ374">
        <v>0</v>
      </c>
      <c r="AR374">
        <v>0</v>
      </c>
      <c r="AS374">
        <v>0</v>
      </c>
      <c r="AT374">
        <v>0</v>
      </c>
      <c r="AU374">
        <v>0</v>
      </c>
      <c r="AV374">
        <v>0</v>
      </c>
      <c r="AW374">
        <v>0</v>
      </c>
      <c r="AX374">
        <v>4234</v>
      </c>
      <c r="AY374">
        <v>5</v>
      </c>
      <c r="AZ374">
        <v>11</v>
      </c>
      <c r="BA374">
        <v>1438</v>
      </c>
    </row>
    <row r="375" spans="1:53" x14ac:dyDescent="0.4">
      <c r="A375">
        <v>419</v>
      </c>
      <c r="B375" s="1">
        <v>42940</v>
      </c>
      <c r="C375">
        <v>1</v>
      </c>
      <c r="D375" s="1">
        <v>42940.291666666664</v>
      </c>
      <c r="E375" s="1">
        <v>42940.411111111112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0</v>
      </c>
      <c r="O375">
        <v>0</v>
      </c>
      <c r="P375">
        <v>0</v>
      </c>
      <c r="Q375">
        <v>0</v>
      </c>
      <c r="R375">
        <v>0</v>
      </c>
      <c r="S375">
        <v>0</v>
      </c>
      <c r="T375">
        <v>0</v>
      </c>
      <c r="U375">
        <v>0</v>
      </c>
      <c r="V375">
        <v>0</v>
      </c>
      <c r="W375">
        <v>2</v>
      </c>
      <c r="X375">
        <v>0</v>
      </c>
      <c r="Y375">
        <v>30</v>
      </c>
      <c r="Z375">
        <v>16</v>
      </c>
      <c r="AA375">
        <v>11</v>
      </c>
      <c r="AB375">
        <v>3</v>
      </c>
      <c r="AC375">
        <v>60</v>
      </c>
      <c r="AD375">
        <v>22</v>
      </c>
      <c r="AE375">
        <v>40</v>
      </c>
      <c r="AF375">
        <v>0</v>
      </c>
      <c r="AG375">
        <v>50000</v>
      </c>
      <c r="AH375">
        <v>0</v>
      </c>
      <c r="AI375">
        <v>50000</v>
      </c>
      <c r="AJ375">
        <v>0</v>
      </c>
      <c r="AK375" t="s">
        <v>6</v>
      </c>
      <c r="AL375">
        <v>0</v>
      </c>
      <c r="AM375">
        <v>0</v>
      </c>
      <c r="AN375">
        <v>0</v>
      </c>
      <c r="AO375">
        <v>0</v>
      </c>
      <c r="AP375">
        <v>0</v>
      </c>
      <c r="AQ375">
        <v>0</v>
      </c>
      <c r="AR375">
        <v>0</v>
      </c>
      <c r="AS375">
        <v>0</v>
      </c>
      <c r="AT375">
        <v>0</v>
      </c>
      <c r="AU375">
        <v>0</v>
      </c>
      <c r="AV375">
        <v>0</v>
      </c>
      <c r="AW375">
        <v>0</v>
      </c>
      <c r="AX375">
        <v>0</v>
      </c>
      <c r="AY375">
        <v>0</v>
      </c>
      <c r="AZ375">
        <v>0</v>
      </c>
      <c r="BA375">
        <v>0</v>
      </c>
    </row>
    <row r="376" spans="1:53" x14ac:dyDescent="0.4">
      <c r="A376">
        <v>420</v>
      </c>
      <c r="B376" s="1">
        <v>42940</v>
      </c>
      <c r="C376">
        <v>2</v>
      </c>
      <c r="D376" s="1">
        <v>42940.411111111112</v>
      </c>
      <c r="E376" s="1">
        <v>42940.754166666666</v>
      </c>
      <c r="F376">
        <v>22500</v>
      </c>
      <c r="G376">
        <v>177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1942</v>
      </c>
      <c r="N376">
        <v>0</v>
      </c>
      <c r="O376">
        <v>0</v>
      </c>
      <c r="P376">
        <v>19980</v>
      </c>
      <c r="Q376">
        <v>0</v>
      </c>
      <c r="R376">
        <v>46192</v>
      </c>
      <c r="S376">
        <v>0</v>
      </c>
      <c r="T376">
        <v>0</v>
      </c>
      <c r="U376">
        <v>0</v>
      </c>
      <c r="V376">
        <v>1</v>
      </c>
      <c r="W376">
        <v>2</v>
      </c>
      <c r="X376">
        <v>0</v>
      </c>
      <c r="Y376">
        <v>59</v>
      </c>
      <c r="Z376">
        <v>27</v>
      </c>
      <c r="AA376">
        <v>21</v>
      </c>
      <c r="AB376">
        <v>15</v>
      </c>
      <c r="AC376">
        <v>67</v>
      </c>
      <c r="AD376">
        <v>25</v>
      </c>
      <c r="AE376">
        <v>47</v>
      </c>
      <c r="AF376">
        <v>0</v>
      </c>
      <c r="AG376">
        <v>96192</v>
      </c>
      <c r="AH376">
        <v>50000</v>
      </c>
      <c r="AI376">
        <v>0</v>
      </c>
      <c r="AJ376">
        <v>91</v>
      </c>
      <c r="AK376" t="s">
        <v>14</v>
      </c>
      <c r="AL376">
        <v>0</v>
      </c>
      <c r="AM376">
        <v>0</v>
      </c>
      <c r="AN376">
        <v>0</v>
      </c>
      <c r="AO376">
        <v>0</v>
      </c>
      <c r="AP376">
        <v>0</v>
      </c>
      <c r="AQ376">
        <v>0</v>
      </c>
      <c r="AR376">
        <v>0</v>
      </c>
      <c r="AS376">
        <v>0</v>
      </c>
      <c r="AT376">
        <v>0</v>
      </c>
      <c r="AU376">
        <v>0</v>
      </c>
      <c r="AV376">
        <v>0</v>
      </c>
      <c r="AW376">
        <v>0</v>
      </c>
      <c r="AX376">
        <v>1480</v>
      </c>
      <c r="AY376">
        <v>38</v>
      </c>
      <c r="AZ376">
        <v>80</v>
      </c>
      <c r="BA376">
        <v>5713</v>
      </c>
    </row>
    <row r="377" spans="1:53" x14ac:dyDescent="0.4">
      <c r="A377">
        <v>421</v>
      </c>
      <c r="B377" s="1">
        <v>42940</v>
      </c>
      <c r="C377">
        <v>3</v>
      </c>
      <c r="D377" s="1">
        <v>42940.754166666666</v>
      </c>
      <c r="E377" s="1">
        <v>42940.945833333331</v>
      </c>
      <c r="F377">
        <v>29000</v>
      </c>
      <c r="G377">
        <v>137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2430</v>
      </c>
      <c r="N377">
        <v>0</v>
      </c>
      <c r="O377">
        <v>0</v>
      </c>
      <c r="P377">
        <v>-16092</v>
      </c>
      <c r="Q377">
        <v>0</v>
      </c>
      <c r="R377">
        <v>16708</v>
      </c>
      <c r="S377">
        <v>0</v>
      </c>
      <c r="T377">
        <v>0</v>
      </c>
      <c r="U377">
        <v>0</v>
      </c>
      <c r="V377">
        <v>2</v>
      </c>
      <c r="W377">
        <v>4</v>
      </c>
      <c r="X377">
        <v>0</v>
      </c>
      <c r="Y377">
        <v>57</v>
      </c>
      <c r="Z377">
        <v>27</v>
      </c>
      <c r="AA377">
        <v>8</v>
      </c>
      <c r="AB377">
        <v>15</v>
      </c>
      <c r="AC377">
        <v>68</v>
      </c>
      <c r="AD377">
        <v>25</v>
      </c>
      <c r="AE377">
        <v>45</v>
      </c>
      <c r="AF377">
        <v>0</v>
      </c>
      <c r="AG377">
        <v>112900</v>
      </c>
      <c r="AH377">
        <v>50000</v>
      </c>
      <c r="AI377">
        <v>0</v>
      </c>
      <c r="AJ377">
        <v>84</v>
      </c>
      <c r="AK377" t="s">
        <v>16</v>
      </c>
      <c r="AL377">
        <v>0</v>
      </c>
      <c r="AM377">
        <v>0</v>
      </c>
      <c r="AN377">
        <v>0</v>
      </c>
      <c r="AO377">
        <v>0</v>
      </c>
      <c r="AP377">
        <v>0</v>
      </c>
      <c r="AQ377">
        <v>0</v>
      </c>
      <c r="AR377">
        <v>0</v>
      </c>
      <c r="AS377">
        <v>0</v>
      </c>
      <c r="AT377">
        <v>0</v>
      </c>
      <c r="AU377">
        <v>0</v>
      </c>
      <c r="AV377">
        <v>0</v>
      </c>
      <c r="AW377">
        <v>0</v>
      </c>
      <c r="AX377">
        <v>42681</v>
      </c>
      <c r="AY377">
        <v>12</v>
      </c>
      <c r="AZ377">
        <v>39</v>
      </c>
      <c r="BA377">
        <v>2031</v>
      </c>
    </row>
    <row r="378" spans="1:53" x14ac:dyDescent="0.4">
      <c r="A378">
        <v>422</v>
      </c>
      <c r="B378" s="1">
        <v>42940</v>
      </c>
      <c r="C378">
        <v>4</v>
      </c>
      <c r="D378" s="1">
        <v>42940.945833333331</v>
      </c>
      <c r="E378" s="1">
        <v>42941.100694444445</v>
      </c>
      <c r="F378">
        <v>59220</v>
      </c>
      <c r="G378">
        <v>3870</v>
      </c>
      <c r="H378">
        <v>0</v>
      </c>
      <c r="I378">
        <v>0</v>
      </c>
      <c r="J378">
        <v>880</v>
      </c>
      <c r="K378">
        <v>300</v>
      </c>
      <c r="L378">
        <v>0</v>
      </c>
      <c r="M378">
        <v>5001</v>
      </c>
      <c r="N378">
        <v>0</v>
      </c>
      <c r="O378">
        <v>0</v>
      </c>
      <c r="P378">
        <v>10584</v>
      </c>
      <c r="Q378">
        <v>0</v>
      </c>
      <c r="R378">
        <v>78095</v>
      </c>
      <c r="S378">
        <v>0</v>
      </c>
      <c r="T378">
        <v>0</v>
      </c>
      <c r="U378">
        <v>0</v>
      </c>
      <c r="V378">
        <v>7</v>
      </c>
      <c r="W378">
        <v>1</v>
      </c>
      <c r="X378">
        <v>0</v>
      </c>
      <c r="Y378">
        <v>68</v>
      </c>
      <c r="Z378">
        <v>26</v>
      </c>
      <c r="AA378">
        <v>10</v>
      </c>
      <c r="AB378">
        <v>16</v>
      </c>
      <c r="AC378">
        <v>62</v>
      </c>
      <c r="AD378">
        <v>23</v>
      </c>
      <c r="AE378">
        <v>42</v>
      </c>
      <c r="AF378">
        <v>32400</v>
      </c>
      <c r="AG378">
        <v>190977</v>
      </c>
      <c r="AH378">
        <v>50000</v>
      </c>
      <c r="AI378">
        <v>-18</v>
      </c>
      <c r="AJ378">
        <v>104</v>
      </c>
      <c r="AK378" t="s">
        <v>10</v>
      </c>
      <c r="AL378">
        <v>0</v>
      </c>
      <c r="AM378">
        <v>0</v>
      </c>
      <c r="AN378">
        <v>0</v>
      </c>
      <c r="AO378">
        <v>0</v>
      </c>
      <c r="AP378">
        <v>0</v>
      </c>
      <c r="AQ378">
        <v>0</v>
      </c>
      <c r="AR378">
        <v>0</v>
      </c>
      <c r="AS378">
        <v>0</v>
      </c>
      <c r="AT378">
        <v>0</v>
      </c>
      <c r="AU378">
        <v>0</v>
      </c>
      <c r="AV378">
        <v>0</v>
      </c>
      <c r="AW378">
        <v>0</v>
      </c>
      <c r="AX378">
        <v>3024</v>
      </c>
      <c r="AY378">
        <v>8</v>
      </c>
      <c r="AZ378">
        <v>20</v>
      </c>
      <c r="BA378">
        <v>1075</v>
      </c>
    </row>
    <row r="379" spans="1:53" x14ac:dyDescent="0.4">
      <c r="A379">
        <v>423</v>
      </c>
      <c r="B379" s="1">
        <v>42941</v>
      </c>
      <c r="C379">
        <v>1</v>
      </c>
      <c r="D379" s="1">
        <v>42941.291666666664</v>
      </c>
      <c r="E379" s="1">
        <v>42941.382638888892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0</v>
      </c>
      <c r="O379">
        <v>0</v>
      </c>
      <c r="P379">
        <v>0</v>
      </c>
      <c r="Q379">
        <v>0</v>
      </c>
      <c r="R379">
        <v>0</v>
      </c>
      <c r="S379">
        <v>0</v>
      </c>
      <c r="T379">
        <v>0</v>
      </c>
      <c r="U379">
        <v>0</v>
      </c>
      <c r="V379">
        <v>0</v>
      </c>
      <c r="W379">
        <v>1</v>
      </c>
      <c r="X379">
        <v>0</v>
      </c>
      <c r="Y379">
        <v>30</v>
      </c>
      <c r="Z379">
        <v>26</v>
      </c>
      <c r="AA379">
        <v>9</v>
      </c>
      <c r="AB379">
        <v>8</v>
      </c>
      <c r="AC379">
        <v>59</v>
      </c>
      <c r="AD379">
        <v>13</v>
      </c>
      <c r="AE379">
        <v>45</v>
      </c>
      <c r="AF379">
        <v>0</v>
      </c>
      <c r="AG379">
        <v>50000</v>
      </c>
      <c r="AH379">
        <v>0</v>
      </c>
      <c r="AI379">
        <v>50000</v>
      </c>
      <c r="AJ379">
        <v>0</v>
      </c>
      <c r="AK379" t="s">
        <v>6</v>
      </c>
      <c r="AL379">
        <v>0</v>
      </c>
      <c r="AM379">
        <v>0</v>
      </c>
      <c r="AN379">
        <v>0</v>
      </c>
      <c r="AO379">
        <v>0</v>
      </c>
      <c r="AP379">
        <v>0</v>
      </c>
      <c r="AQ379">
        <v>0</v>
      </c>
      <c r="AR379">
        <v>0</v>
      </c>
      <c r="AS379">
        <v>0</v>
      </c>
      <c r="AT379">
        <v>0</v>
      </c>
      <c r="AU379">
        <v>0</v>
      </c>
      <c r="AV379">
        <v>0</v>
      </c>
      <c r="AW379">
        <v>0</v>
      </c>
      <c r="AX379">
        <v>0</v>
      </c>
      <c r="AY379">
        <v>0</v>
      </c>
      <c r="AZ379">
        <v>0</v>
      </c>
      <c r="BA379">
        <v>0</v>
      </c>
    </row>
    <row r="380" spans="1:53" x14ac:dyDescent="0.4">
      <c r="A380">
        <v>424</v>
      </c>
      <c r="B380" s="1">
        <v>42941</v>
      </c>
      <c r="C380">
        <v>2</v>
      </c>
      <c r="D380" s="1">
        <v>42941.382638888892</v>
      </c>
      <c r="E380" s="1">
        <v>42941.73541666667</v>
      </c>
      <c r="F380">
        <v>23750</v>
      </c>
      <c r="G380">
        <v>190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2052</v>
      </c>
      <c r="N380">
        <v>0</v>
      </c>
      <c r="O380">
        <v>0</v>
      </c>
      <c r="P380">
        <v>17820</v>
      </c>
      <c r="Q380">
        <v>0</v>
      </c>
      <c r="R380">
        <v>45522</v>
      </c>
      <c r="S380">
        <v>0</v>
      </c>
      <c r="T380">
        <v>0</v>
      </c>
      <c r="U380">
        <v>0</v>
      </c>
      <c r="V380">
        <v>1</v>
      </c>
      <c r="W380">
        <v>1</v>
      </c>
      <c r="X380">
        <v>0</v>
      </c>
      <c r="Y380">
        <v>50</v>
      </c>
      <c r="Z380">
        <v>35</v>
      </c>
      <c r="AA380">
        <v>111</v>
      </c>
      <c r="AB380">
        <v>20</v>
      </c>
      <c r="AC380">
        <v>82</v>
      </c>
      <c r="AD380">
        <v>12</v>
      </c>
      <c r="AE380">
        <v>42</v>
      </c>
      <c r="AF380">
        <v>0</v>
      </c>
      <c r="AG380">
        <v>95522</v>
      </c>
      <c r="AH380">
        <v>50000</v>
      </c>
      <c r="AI380">
        <v>0</v>
      </c>
      <c r="AJ380">
        <v>100</v>
      </c>
      <c r="AK380" t="s">
        <v>0</v>
      </c>
      <c r="AL380">
        <v>0</v>
      </c>
      <c r="AM380">
        <v>0</v>
      </c>
      <c r="AN380">
        <v>0</v>
      </c>
      <c r="AO380">
        <v>0</v>
      </c>
      <c r="AP380">
        <v>0</v>
      </c>
      <c r="AQ380">
        <v>0</v>
      </c>
      <c r="AR380">
        <v>0</v>
      </c>
      <c r="AS380">
        <v>0</v>
      </c>
      <c r="AT380">
        <v>0</v>
      </c>
      <c r="AU380">
        <v>0</v>
      </c>
      <c r="AV380">
        <v>0</v>
      </c>
      <c r="AW380">
        <v>0</v>
      </c>
      <c r="AX380">
        <v>486</v>
      </c>
      <c r="AY380">
        <v>41</v>
      </c>
      <c r="AZ380">
        <v>80</v>
      </c>
      <c r="BA380">
        <v>5661</v>
      </c>
    </row>
    <row r="381" spans="1:53" x14ac:dyDescent="0.4">
      <c r="A381">
        <v>425</v>
      </c>
      <c r="B381" s="1">
        <v>42941</v>
      </c>
      <c r="C381">
        <v>3</v>
      </c>
      <c r="D381" s="1">
        <v>42941.73541666667</v>
      </c>
      <c r="E381" s="1">
        <v>42941.748611111114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0</v>
      </c>
      <c r="O381">
        <v>0</v>
      </c>
      <c r="P381">
        <v>1620</v>
      </c>
      <c r="Q381">
        <v>0</v>
      </c>
      <c r="R381">
        <v>1620</v>
      </c>
      <c r="S381">
        <v>0</v>
      </c>
      <c r="T381">
        <v>0</v>
      </c>
      <c r="U381">
        <v>0</v>
      </c>
      <c r="V381">
        <v>1</v>
      </c>
      <c r="W381">
        <v>1</v>
      </c>
      <c r="X381">
        <v>0</v>
      </c>
      <c r="Y381">
        <v>52</v>
      </c>
      <c r="Z381">
        <v>34</v>
      </c>
      <c r="AA381">
        <v>112</v>
      </c>
      <c r="AB381">
        <v>19</v>
      </c>
      <c r="AC381">
        <v>89</v>
      </c>
      <c r="AD381">
        <v>12</v>
      </c>
      <c r="AE381">
        <v>42</v>
      </c>
      <c r="AF381">
        <v>0</v>
      </c>
      <c r="AG381">
        <v>97142</v>
      </c>
      <c r="AH381">
        <v>50000</v>
      </c>
      <c r="AI381">
        <v>0</v>
      </c>
      <c r="AJ381">
        <v>92</v>
      </c>
      <c r="AK381" t="s">
        <v>22</v>
      </c>
      <c r="AL381">
        <v>0</v>
      </c>
      <c r="AM381">
        <v>0</v>
      </c>
      <c r="AN381">
        <v>0</v>
      </c>
      <c r="AO381">
        <v>0</v>
      </c>
      <c r="AP381">
        <v>0</v>
      </c>
      <c r="AQ381">
        <v>0</v>
      </c>
      <c r="AR381">
        <v>0</v>
      </c>
      <c r="AS381">
        <v>0</v>
      </c>
      <c r="AT381">
        <v>0</v>
      </c>
      <c r="AU381">
        <v>0</v>
      </c>
      <c r="AV381">
        <v>0</v>
      </c>
      <c r="AW381">
        <v>0</v>
      </c>
      <c r="AX381">
        <v>1566</v>
      </c>
      <c r="AY381">
        <v>2</v>
      </c>
      <c r="AZ381">
        <v>3</v>
      </c>
      <c r="BA381">
        <v>310</v>
      </c>
    </row>
    <row r="382" spans="1:53" x14ac:dyDescent="0.4">
      <c r="A382">
        <v>426</v>
      </c>
      <c r="B382" s="1">
        <v>42941</v>
      </c>
      <c r="C382">
        <v>4</v>
      </c>
      <c r="D382" s="1">
        <v>42941.748611111114</v>
      </c>
      <c r="E382" s="1">
        <v>42941.961805555555</v>
      </c>
      <c r="F382">
        <v>55140</v>
      </c>
      <c r="G382">
        <v>183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4557</v>
      </c>
      <c r="N382">
        <v>0</v>
      </c>
      <c r="O382">
        <v>0</v>
      </c>
      <c r="P382">
        <v>-3888</v>
      </c>
      <c r="Q382">
        <v>0</v>
      </c>
      <c r="R382">
        <v>57639</v>
      </c>
      <c r="S382">
        <v>0</v>
      </c>
      <c r="T382">
        <v>0</v>
      </c>
      <c r="U382">
        <v>0</v>
      </c>
      <c r="V382">
        <v>3</v>
      </c>
      <c r="W382">
        <v>2</v>
      </c>
      <c r="X382">
        <v>0</v>
      </c>
      <c r="Y382">
        <v>67</v>
      </c>
      <c r="Z382">
        <v>33</v>
      </c>
      <c r="AA382">
        <v>101</v>
      </c>
      <c r="AB382">
        <v>17</v>
      </c>
      <c r="AC382">
        <v>80</v>
      </c>
      <c r="AD382">
        <v>13</v>
      </c>
      <c r="AE382">
        <v>26</v>
      </c>
      <c r="AF382">
        <v>19440</v>
      </c>
      <c r="AG382">
        <v>154781</v>
      </c>
      <c r="AH382">
        <v>50000</v>
      </c>
      <c r="AI382">
        <v>0</v>
      </c>
      <c r="AJ382">
        <v>89</v>
      </c>
      <c r="AK382" t="s">
        <v>12</v>
      </c>
      <c r="AL382">
        <v>0</v>
      </c>
      <c r="AM382">
        <v>0</v>
      </c>
      <c r="AN382">
        <v>0</v>
      </c>
      <c r="AO382">
        <v>0</v>
      </c>
      <c r="AP382">
        <v>0</v>
      </c>
      <c r="AQ382">
        <v>0</v>
      </c>
      <c r="AR382">
        <v>0</v>
      </c>
      <c r="AS382">
        <v>0</v>
      </c>
      <c r="AT382">
        <v>0</v>
      </c>
      <c r="AU382">
        <v>0</v>
      </c>
      <c r="AV382">
        <v>0</v>
      </c>
      <c r="AW382">
        <v>0</v>
      </c>
      <c r="AX382">
        <v>30844</v>
      </c>
      <c r="AY382">
        <v>15</v>
      </c>
      <c r="AZ382">
        <v>59</v>
      </c>
      <c r="BA382">
        <v>2744</v>
      </c>
    </row>
    <row r="383" spans="1:53" x14ac:dyDescent="0.4">
      <c r="A383">
        <v>427</v>
      </c>
      <c r="B383" s="1">
        <v>42941</v>
      </c>
      <c r="C383">
        <v>5</v>
      </c>
      <c r="D383" s="1">
        <v>42941.961805555555</v>
      </c>
      <c r="E383" s="1">
        <v>42942.102083333331</v>
      </c>
      <c r="F383">
        <v>57840</v>
      </c>
      <c r="G383">
        <v>2940</v>
      </c>
      <c r="H383">
        <v>0</v>
      </c>
      <c r="I383">
        <v>0</v>
      </c>
      <c r="J383">
        <v>1000</v>
      </c>
      <c r="K383">
        <v>7920</v>
      </c>
      <c r="L383">
        <v>0</v>
      </c>
      <c r="M383">
        <v>5416</v>
      </c>
      <c r="N383">
        <v>0</v>
      </c>
      <c r="O383">
        <v>0</v>
      </c>
      <c r="P383">
        <v>-8640</v>
      </c>
      <c r="Q383">
        <v>0</v>
      </c>
      <c r="R383">
        <v>64476</v>
      </c>
      <c r="S383">
        <v>0</v>
      </c>
      <c r="T383">
        <v>0</v>
      </c>
      <c r="U383">
        <v>0</v>
      </c>
      <c r="V383">
        <v>6</v>
      </c>
      <c r="W383">
        <v>4</v>
      </c>
      <c r="X383">
        <v>0</v>
      </c>
      <c r="Y383">
        <v>70</v>
      </c>
      <c r="Z383">
        <v>31</v>
      </c>
      <c r="AA383">
        <v>100</v>
      </c>
      <c r="AB383">
        <v>15</v>
      </c>
      <c r="AC383">
        <v>70</v>
      </c>
      <c r="AD383">
        <v>9</v>
      </c>
      <c r="AE383">
        <v>12</v>
      </c>
      <c r="AF383">
        <v>42220</v>
      </c>
      <c r="AG383">
        <v>219227</v>
      </c>
      <c r="AH383">
        <v>50000</v>
      </c>
      <c r="AI383">
        <v>-30</v>
      </c>
      <c r="AJ383">
        <v>1</v>
      </c>
      <c r="AK383" t="s">
        <v>3</v>
      </c>
      <c r="AL383">
        <v>0</v>
      </c>
      <c r="AM383">
        <v>0</v>
      </c>
      <c r="AN383">
        <v>0</v>
      </c>
      <c r="AO383">
        <v>0</v>
      </c>
      <c r="AP383">
        <v>0</v>
      </c>
      <c r="AQ383">
        <v>0</v>
      </c>
      <c r="AR383">
        <v>0</v>
      </c>
      <c r="AS383">
        <v>0</v>
      </c>
      <c r="AT383">
        <v>0</v>
      </c>
      <c r="AU383">
        <v>0</v>
      </c>
      <c r="AV383">
        <v>0</v>
      </c>
      <c r="AW383">
        <v>0</v>
      </c>
      <c r="AX383">
        <v>2160</v>
      </c>
      <c r="AY383">
        <v>4</v>
      </c>
      <c r="AZ383">
        <v>10</v>
      </c>
      <c r="BA383">
        <v>616</v>
      </c>
    </row>
    <row r="384" spans="1:53" x14ac:dyDescent="0.4">
      <c r="A384">
        <v>428</v>
      </c>
      <c r="B384" s="1">
        <v>42942</v>
      </c>
      <c r="C384">
        <v>1</v>
      </c>
      <c r="D384" s="1">
        <v>42942.291666666664</v>
      </c>
      <c r="E384" s="1">
        <v>42942.40902777778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0</v>
      </c>
      <c r="O384">
        <v>0</v>
      </c>
      <c r="P384">
        <v>0</v>
      </c>
      <c r="Q384">
        <v>0</v>
      </c>
      <c r="R384">
        <v>0</v>
      </c>
      <c r="S384">
        <v>0</v>
      </c>
      <c r="T384">
        <v>0</v>
      </c>
      <c r="U384">
        <v>0</v>
      </c>
      <c r="V384">
        <v>0</v>
      </c>
      <c r="W384">
        <v>1</v>
      </c>
      <c r="X384">
        <v>0</v>
      </c>
      <c r="Y384">
        <v>26</v>
      </c>
      <c r="Z384">
        <v>14</v>
      </c>
      <c r="AA384">
        <v>103</v>
      </c>
      <c r="AB384">
        <v>17</v>
      </c>
      <c r="AC384">
        <v>78</v>
      </c>
      <c r="AD384">
        <v>10</v>
      </c>
      <c r="AE384">
        <v>20</v>
      </c>
      <c r="AF384">
        <v>0</v>
      </c>
      <c r="AG384">
        <v>50000</v>
      </c>
      <c r="AH384">
        <v>0</v>
      </c>
      <c r="AI384">
        <v>50000</v>
      </c>
      <c r="AJ384">
        <v>0</v>
      </c>
      <c r="AK384" t="s">
        <v>6</v>
      </c>
      <c r="AL384">
        <v>0</v>
      </c>
      <c r="AM384">
        <v>0</v>
      </c>
      <c r="AN384">
        <v>0</v>
      </c>
      <c r="AO384">
        <v>0</v>
      </c>
      <c r="AP384">
        <v>0</v>
      </c>
      <c r="AQ384">
        <v>0</v>
      </c>
      <c r="AR384">
        <v>0</v>
      </c>
      <c r="AS384">
        <v>0</v>
      </c>
      <c r="AT384">
        <v>0</v>
      </c>
      <c r="AU384">
        <v>0</v>
      </c>
      <c r="AV384">
        <v>0</v>
      </c>
      <c r="AW384">
        <v>0</v>
      </c>
      <c r="AX384">
        <v>0</v>
      </c>
      <c r="AY384">
        <v>0</v>
      </c>
      <c r="AZ384">
        <v>0</v>
      </c>
      <c r="BA384">
        <v>0</v>
      </c>
    </row>
    <row r="385" spans="1:53" x14ac:dyDescent="0.4">
      <c r="A385">
        <v>429</v>
      </c>
      <c r="B385" s="1">
        <v>42942</v>
      </c>
      <c r="C385">
        <v>2</v>
      </c>
      <c r="D385" s="1">
        <v>42942.40902777778</v>
      </c>
      <c r="E385" s="1">
        <v>42942.73541666667</v>
      </c>
      <c r="F385">
        <v>24250</v>
      </c>
      <c r="G385">
        <v>174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2078</v>
      </c>
      <c r="N385">
        <v>0</v>
      </c>
      <c r="O385">
        <v>0</v>
      </c>
      <c r="P385">
        <v>12420</v>
      </c>
      <c r="Q385">
        <v>0</v>
      </c>
      <c r="R385">
        <v>40488</v>
      </c>
      <c r="S385">
        <v>0</v>
      </c>
      <c r="T385">
        <v>0</v>
      </c>
      <c r="U385">
        <v>0</v>
      </c>
      <c r="V385">
        <v>0</v>
      </c>
      <c r="W385">
        <v>4</v>
      </c>
      <c r="X385">
        <v>0</v>
      </c>
      <c r="Y385">
        <v>42</v>
      </c>
      <c r="Z385">
        <v>26</v>
      </c>
      <c r="AA385">
        <v>134</v>
      </c>
      <c r="AB385">
        <v>13</v>
      </c>
      <c r="AC385">
        <v>137</v>
      </c>
      <c r="AD385">
        <v>9</v>
      </c>
      <c r="AE385">
        <v>23</v>
      </c>
      <c r="AF385">
        <v>0</v>
      </c>
      <c r="AG385">
        <v>90488</v>
      </c>
      <c r="AH385">
        <v>50000</v>
      </c>
      <c r="AI385">
        <v>0</v>
      </c>
      <c r="AJ385">
        <v>92</v>
      </c>
      <c r="AK385" t="s">
        <v>22</v>
      </c>
      <c r="AL385">
        <v>0</v>
      </c>
      <c r="AM385">
        <v>0</v>
      </c>
      <c r="AN385">
        <v>0</v>
      </c>
      <c r="AO385">
        <v>0</v>
      </c>
      <c r="AP385">
        <v>0</v>
      </c>
      <c r="AQ385">
        <v>0</v>
      </c>
      <c r="AR385">
        <v>0</v>
      </c>
      <c r="AS385">
        <v>0</v>
      </c>
      <c r="AT385">
        <v>0</v>
      </c>
      <c r="AU385">
        <v>0</v>
      </c>
      <c r="AV385">
        <v>0</v>
      </c>
      <c r="AW385">
        <v>0</v>
      </c>
      <c r="AX385">
        <v>-162</v>
      </c>
      <c r="AY385">
        <v>34</v>
      </c>
      <c r="AZ385">
        <v>65</v>
      </c>
      <c r="BA385">
        <v>5724</v>
      </c>
    </row>
    <row r="386" spans="1:53" x14ac:dyDescent="0.4">
      <c r="A386">
        <v>430</v>
      </c>
      <c r="B386" s="1">
        <v>42942</v>
      </c>
      <c r="C386">
        <v>3</v>
      </c>
      <c r="D386" s="1">
        <v>42942.73541666667</v>
      </c>
      <c r="E386" s="1">
        <v>42942.949305555558</v>
      </c>
      <c r="F386">
        <v>40770</v>
      </c>
      <c r="G386">
        <v>2380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3452</v>
      </c>
      <c r="N386">
        <v>0</v>
      </c>
      <c r="O386">
        <v>0</v>
      </c>
      <c r="P386">
        <v>16740</v>
      </c>
      <c r="Q386">
        <v>0</v>
      </c>
      <c r="R386">
        <v>63342</v>
      </c>
      <c r="S386">
        <v>0</v>
      </c>
      <c r="T386">
        <v>0</v>
      </c>
      <c r="U386">
        <v>0</v>
      </c>
      <c r="V386">
        <v>8</v>
      </c>
      <c r="W386">
        <v>1</v>
      </c>
      <c r="X386">
        <v>0</v>
      </c>
      <c r="Y386">
        <v>38</v>
      </c>
      <c r="Z386">
        <v>24</v>
      </c>
      <c r="AA386">
        <v>122</v>
      </c>
      <c r="AB386">
        <v>14</v>
      </c>
      <c r="AC386">
        <v>115</v>
      </c>
      <c r="AD386">
        <v>7</v>
      </c>
      <c r="AE386">
        <v>15</v>
      </c>
      <c r="AF386">
        <v>4730</v>
      </c>
      <c r="AG386">
        <v>153830</v>
      </c>
      <c r="AH386">
        <v>50000</v>
      </c>
      <c r="AI386">
        <v>0</v>
      </c>
      <c r="AJ386">
        <v>1</v>
      </c>
      <c r="AK386" t="s">
        <v>3</v>
      </c>
      <c r="AL386">
        <v>0</v>
      </c>
      <c r="AM386">
        <v>0</v>
      </c>
      <c r="AN386">
        <v>0</v>
      </c>
      <c r="AO386">
        <v>0</v>
      </c>
      <c r="AP386">
        <v>0</v>
      </c>
      <c r="AQ386">
        <v>0</v>
      </c>
      <c r="AR386">
        <v>0</v>
      </c>
      <c r="AS386">
        <v>0</v>
      </c>
      <c r="AT386">
        <v>0</v>
      </c>
      <c r="AU386">
        <v>0</v>
      </c>
      <c r="AV386">
        <v>0</v>
      </c>
      <c r="AW386">
        <v>0</v>
      </c>
      <c r="AX386">
        <v>42120</v>
      </c>
      <c r="AY386">
        <v>19</v>
      </c>
      <c r="AZ386">
        <v>81</v>
      </c>
      <c r="BA386">
        <v>2339</v>
      </c>
    </row>
    <row r="387" spans="1:53" x14ac:dyDescent="0.4">
      <c r="A387">
        <v>431</v>
      </c>
      <c r="B387" s="1">
        <v>42943</v>
      </c>
      <c r="C387">
        <v>1</v>
      </c>
      <c r="D387" s="1">
        <v>42943.291666666664</v>
      </c>
      <c r="E387" s="1">
        <v>42943.411111111112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0</v>
      </c>
      <c r="O387">
        <v>0</v>
      </c>
      <c r="P387">
        <v>0</v>
      </c>
      <c r="Q387">
        <v>0</v>
      </c>
      <c r="R387">
        <v>0</v>
      </c>
      <c r="S387">
        <v>0</v>
      </c>
      <c r="T387">
        <v>0</v>
      </c>
      <c r="U387">
        <v>0</v>
      </c>
      <c r="V387">
        <v>0</v>
      </c>
      <c r="W387">
        <v>1</v>
      </c>
      <c r="X387">
        <v>0</v>
      </c>
      <c r="Y387">
        <v>25</v>
      </c>
      <c r="Z387">
        <v>15</v>
      </c>
      <c r="AA387">
        <v>110</v>
      </c>
      <c r="AB387">
        <v>11</v>
      </c>
      <c r="AC387">
        <v>92</v>
      </c>
      <c r="AD387">
        <v>5</v>
      </c>
      <c r="AE387">
        <v>5</v>
      </c>
      <c r="AF387">
        <v>0</v>
      </c>
      <c r="AG387">
        <v>50000</v>
      </c>
      <c r="AH387">
        <v>0</v>
      </c>
      <c r="AI387">
        <v>50000</v>
      </c>
      <c r="AJ387">
        <v>0</v>
      </c>
      <c r="AK387" t="s">
        <v>6</v>
      </c>
      <c r="AL387">
        <v>0</v>
      </c>
      <c r="AM387">
        <v>0</v>
      </c>
      <c r="AN387">
        <v>0</v>
      </c>
      <c r="AO387">
        <v>0</v>
      </c>
      <c r="AP387">
        <v>0</v>
      </c>
      <c r="AQ387">
        <v>0</v>
      </c>
      <c r="AR387">
        <v>0</v>
      </c>
      <c r="AS387">
        <v>0</v>
      </c>
      <c r="AT387">
        <v>0</v>
      </c>
      <c r="AU387">
        <v>0</v>
      </c>
      <c r="AV387">
        <v>0</v>
      </c>
      <c r="AW387">
        <v>0</v>
      </c>
      <c r="AX387">
        <v>0</v>
      </c>
      <c r="AY387">
        <v>0</v>
      </c>
      <c r="AZ387">
        <v>0</v>
      </c>
      <c r="BA387">
        <v>0</v>
      </c>
    </row>
    <row r="388" spans="1:53" x14ac:dyDescent="0.4">
      <c r="A388">
        <v>432</v>
      </c>
      <c r="B388" s="1">
        <v>42943</v>
      </c>
      <c r="C388">
        <v>2</v>
      </c>
      <c r="D388" s="1">
        <v>42943.411111111112</v>
      </c>
      <c r="E388" s="1">
        <v>42943.734722222223</v>
      </c>
      <c r="F388">
        <v>27250</v>
      </c>
      <c r="G388">
        <v>680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2234</v>
      </c>
      <c r="N388">
        <v>0</v>
      </c>
      <c r="O388">
        <v>0</v>
      </c>
      <c r="P388">
        <v>13500</v>
      </c>
      <c r="Q388">
        <v>0</v>
      </c>
      <c r="R388">
        <v>43664</v>
      </c>
      <c r="S388">
        <v>0</v>
      </c>
      <c r="T388">
        <v>0</v>
      </c>
      <c r="U388">
        <v>0</v>
      </c>
      <c r="V388">
        <v>1</v>
      </c>
      <c r="W388">
        <v>3</v>
      </c>
      <c r="X388">
        <v>0</v>
      </c>
      <c r="Y388">
        <v>41</v>
      </c>
      <c r="Z388">
        <v>25</v>
      </c>
      <c r="AA388">
        <v>128</v>
      </c>
      <c r="AB388">
        <v>20</v>
      </c>
      <c r="AC388">
        <v>134</v>
      </c>
      <c r="AD388">
        <v>4</v>
      </c>
      <c r="AE388">
        <v>4</v>
      </c>
      <c r="AF388">
        <v>0</v>
      </c>
      <c r="AG388">
        <v>93664</v>
      </c>
      <c r="AH388">
        <v>50000</v>
      </c>
      <c r="AI388">
        <v>0</v>
      </c>
      <c r="AJ388">
        <v>90</v>
      </c>
      <c r="AK388" t="s">
        <v>24</v>
      </c>
      <c r="AL388">
        <v>0</v>
      </c>
      <c r="AM388">
        <v>0</v>
      </c>
      <c r="AN388">
        <v>0</v>
      </c>
      <c r="AO388">
        <v>0</v>
      </c>
      <c r="AP388">
        <v>0</v>
      </c>
      <c r="AQ388">
        <v>0</v>
      </c>
      <c r="AR388">
        <v>0</v>
      </c>
      <c r="AS388">
        <v>0</v>
      </c>
      <c r="AT388">
        <v>0</v>
      </c>
      <c r="AU388">
        <v>0</v>
      </c>
      <c r="AV388">
        <v>0</v>
      </c>
      <c r="AW388">
        <v>0</v>
      </c>
      <c r="AX388">
        <v>0</v>
      </c>
      <c r="AY388">
        <v>35</v>
      </c>
      <c r="AZ388">
        <v>76</v>
      </c>
      <c r="BA388">
        <v>5274</v>
      </c>
    </row>
    <row r="389" spans="1:53" x14ac:dyDescent="0.4">
      <c r="A389">
        <v>433</v>
      </c>
      <c r="B389" s="1">
        <v>42943</v>
      </c>
      <c r="C389">
        <v>3</v>
      </c>
      <c r="D389" s="1">
        <v>42943.734722222223</v>
      </c>
      <c r="E389" s="1">
        <v>42943.944444444445</v>
      </c>
      <c r="F389">
        <v>35900</v>
      </c>
      <c r="G389">
        <v>380</v>
      </c>
      <c r="H389">
        <v>0</v>
      </c>
      <c r="I389">
        <v>0</v>
      </c>
      <c r="J389">
        <v>500</v>
      </c>
      <c r="K389">
        <v>0</v>
      </c>
      <c r="L389">
        <v>0</v>
      </c>
      <c r="M389">
        <v>2862</v>
      </c>
      <c r="N389">
        <v>0</v>
      </c>
      <c r="O389">
        <v>0</v>
      </c>
      <c r="P389">
        <v>-8208</v>
      </c>
      <c r="Q389">
        <v>0</v>
      </c>
      <c r="R389">
        <v>30434</v>
      </c>
      <c r="S389">
        <v>0</v>
      </c>
      <c r="T389">
        <v>0</v>
      </c>
      <c r="U389">
        <v>0</v>
      </c>
      <c r="V389">
        <v>3</v>
      </c>
      <c r="W389">
        <v>2</v>
      </c>
      <c r="X389">
        <v>0</v>
      </c>
      <c r="Y389">
        <v>57</v>
      </c>
      <c r="Z389">
        <v>27</v>
      </c>
      <c r="AA389">
        <v>110</v>
      </c>
      <c r="AB389">
        <v>24</v>
      </c>
      <c r="AC389">
        <v>137</v>
      </c>
      <c r="AD389">
        <v>4</v>
      </c>
      <c r="AE389">
        <v>8</v>
      </c>
      <c r="AF389">
        <v>0</v>
      </c>
      <c r="AG389">
        <v>124098</v>
      </c>
      <c r="AH389">
        <v>50000</v>
      </c>
      <c r="AI389">
        <v>0</v>
      </c>
      <c r="AJ389">
        <v>91</v>
      </c>
      <c r="AK389" t="s">
        <v>14</v>
      </c>
      <c r="AL389">
        <v>0</v>
      </c>
      <c r="AM389">
        <v>0</v>
      </c>
      <c r="AN389">
        <v>0</v>
      </c>
      <c r="AO389">
        <v>0</v>
      </c>
      <c r="AP389">
        <v>0</v>
      </c>
      <c r="AQ389">
        <v>0</v>
      </c>
      <c r="AR389">
        <v>0</v>
      </c>
      <c r="AS389">
        <v>0</v>
      </c>
      <c r="AT389">
        <v>0</v>
      </c>
      <c r="AU389">
        <v>0</v>
      </c>
      <c r="AV389">
        <v>0</v>
      </c>
      <c r="AW389">
        <v>0</v>
      </c>
      <c r="AX389">
        <v>14191</v>
      </c>
      <c r="AY389">
        <v>23</v>
      </c>
      <c r="AZ389">
        <v>47</v>
      </c>
      <c r="BA389">
        <v>2665</v>
      </c>
    </row>
    <row r="390" spans="1:53" x14ac:dyDescent="0.4">
      <c r="A390">
        <v>434</v>
      </c>
      <c r="B390" s="1">
        <v>42943</v>
      </c>
      <c r="C390">
        <v>4</v>
      </c>
      <c r="D390" s="1">
        <v>42943.944444444445</v>
      </c>
      <c r="E390" s="1">
        <v>42944.1</v>
      </c>
      <c r="F390">
        <v>26440</v>
      </c>
      <c r="G390">
        <v>1100</v>
      </c>
      <c r="H390">
        <v>0</v>
      </c>
      <c r="I390">
        <v>0</v>
      </c>
      <c r="J390">
        <v>0</v>
      </c>
      <c r="K390">
        <v>2000</v>
      </c>
      <c r="L390">
        <v>0</v>
      </c>
      <c r="M390">
        <v>2364</v>
      </c>
      <c r="N390">
        <v>0</v>
      </c>
      <c r="O390">
        <v>0</v>
      </c>
      <c r="P390">
        <v>4860</v>
      </c>
      <c r="Q390">
        <v>0</v>
      </c>
      <c r="R390">
        <v>36764</v>
      </c>
      <c r="S390">
        <v>0</v>
      </c>
      <c r="T390">
        <v>0</v>
      </c>
      <c r="U390">
        <v>0</v>
      </c>
      <c r="V390">
        <v>3</v>
      </c>
      <c r="W390">
        <v>7</v>
      </c>
      <c r="X390">
        <v>0</v>
      </c>
      <c r="Y390">
        <v>67</v>
      </c>
      <c r="Z390">
        <v>30</v>
      </c>
      <c r="AA390">
        <v>111</v>
      </c>
      <c r="AB390">
        <v>27</v>
      </c>
      <c r="AC390">
        <v>139</v>
      </c>
      <c r="AD390">
        <v>3</v>
      </c>
      <c r="AE390">
        <v>7</v>
      </c>
      <c r="AF390">
        <v>0</v>
      </c>
      <c r="AG390">
        <v>160862</v>
      </c>
      <c r="AH390">
        <v>50000</v>
      </c>
      <c r="AI390">
        <v>0</v>
      </c>
      <c r="AJ390">
        <v>100</v>
      </c>
      <c r="AK390" t="s">
        <v>0</v>
      </c>
      <c r="AL390">
        <v>0</v>
      </c>
      <c r="AM390">
        <v>0</v>
      </c>
      <c r="AN390">
        <v>0</v>
      </c>
      <c r="AO390">
        <v>0</v>
      </c>
      <c r="AP390">
        <v>0</v>
      </c>
      <c r="AQ390">
        <v>0</v>
      </c>
      <c r="AR390">
        <v>0</v>
      </c>
      <c r="AS390">
        <v>0</v>
      </c>
      <c r="AT390">
        <v>0</v>
      </c>
      <c r="AU390">
        <v>0</v>
      </c>
      <c r="AV390">
        <v>0</v>
      </c>
      <c r="AW390">
        <v>0</v>
      </c>
      <c r="AX390">
        <v>14234</v>
      </c>
      <c r="AY390">
        <v>4</v>
      </c>
      <c r="AZ390">
        <v>16</v>
      </c>
      <c r="BA390">
        <v>1065</v>
      </c>
    </row>
    <row r="391" spans="1:53" x14ac:dyDescent="0.4">
      <c r="A391">
        <v>435</v>
      </c>
      <c r="B391" s="1">
        <v>42944</v>
      </c>
      <c r="C391">
        <v>1</v>
      </c>
      <c r="D391" s="1">
        <v>42944.291666666664</v>
      </c>
      <c r="E391" s="1">
        <v>42944.408333333333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0</v>
      </c>
      <c r="O391">
        <v>0</v>
      </c>
      <c r="P391">
        <v>0</v>
      </c>
      <c r="Q391">
        <v>0</v>
      </c>
      <c r="R391">
        <v>0</v>
      </c>
      <c r="S391">
        <v>0</v>
      </c>
      <c r="T391">
        <v>0</v>
      </c>
      <c r="U391">
        <v>0</v>
      </c>
      <c r="V391">
        <v>0</v>
      </c>
      <c r="W391">
        <v>0</v>
      </c>
      <c r="X391">
        <v>0</v>
      </c>
      <c r="Y391">
        <v>25</v>
      </c>
      <c r="Z391">
        <v>23</v>
      </c>
      <c r="AA391">
        <v>110</v>
      </c>
      <c r="AB391">
        <v>25</v>
      </c>
      <c r="AC391">
        <v>124</v>
      </c>
      <c r="AD391">
        <v>1</v>
      </c>
      <c r="AE391">
        <v>5</v>
      </c>
      <c r="AF391">
        <v>0</v>
      </c>
      <c r="AG391">
        <v>50000</v>
      </c>
      <c r="AH391">
        <v>0</v>
      </c>
      <c r="AI391">
        <v>50000</v>
      </c>
      <c r="AJ391">
        <v>0</v>
      </c>
      <c r="AK391" t="s">
        <v>6</v>
      </c>
      <c r="AL391">
        <v>0</v>
      </c>
      <c r="AM391">
        <v>0</v>
      </c>
      <c r="AN391">
        <v>0</v>
      </c>
      <c r="AO391">
        <v>0</v>
      </c>
      <c r="AP391">
        <v>0</v>
      </c>
      <c r="AQ391">
        <v>0</v>
      </c>
      <c r="AR391">
        <v>0</v>
      </c>
      <c r="AS391">
        <v>0</v>
      </c>
      <c r="AT391">
        <v>0</v>
      </c>
      <c r="AU391">
        <v>0</v>
      </c>
      <c r="AV391">
        <v>0</v>
      </c>
      <c r="AW391">
        <v>0</v>
      </c>
      <c r="AX391">
        <v>0</v>
      </c>
      <c r="AY391">
        <v>0</v>
      </c>
      <c r="AZ391">
        <v>0</v>
      </c>
      <c r="BA391">
        <v>0</v>
      </c>
    </row>
    <row r="392" spans="1:53" x14ac:dyDescent="0.4">
      <c r="A392">
        <v>436</v>
      </c>
      <c r="B392" s="1">
        <v>42944</v>
      </c>
      <c r="C392">
        <v>2</v>
      </c>
      <c r="D392" s="1">
        <v>42944.408333333333</v>
      </c>
      <c r="E392" s="1">
        <v>42944.749305555553</v>
      </c>
      <c r="F392">
        <v>27000</v>
      </c>
      <c r="G392">
        <v>4090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2488</v>
      </c>
      <c r="N392">
        <v>0</v>
      </c>
      <c r="O392">
        <v>0</v>
      </c>
      <c r="P392">
        <v>15930</v>
      </c>
      <c r="Q392">
        <v>0</v>
      </c>
      <c r="R392">
        <v>49508</v>
      </c>
      <c r="S392">
        <v>0</v>
      </c>
      <c r="T392">
        <v>0</v>
      </c>
      <c r="U392">
        <v>0</v>
      </c>
      <c r="V392">
        <v>2</v>
      </c>
      <c r="W392">
        <v>3</v>
      </c>
      <c r="X392">
        <v>0</v>
      </c>
      <c r="Y392">
        <v>33</v>
      </c>
      <c r="Z392">
        <v>34</v>
      </c>
      <c r="AA392">
        <v>113</v>
      </c>
      <c r="AB392">
        <v>33</v>
      </c>
      <c r="AC392">
        <v>153</v>
      </c>
      <c r="AD392">
        <v>5</v>
      </c>
      <c r="AE392">
        <v>10</v>
      </c>
      <c r="AF392">
        <v>0</v>
      </c>
      <c r="AG392">
        <v>99515</v>
      </c>
      <c r="AH392">
        <v>50000</v>
      </c>
      <c r="AI392">
        <v>7</v>
      </c>
      <c r="AJ392">
        <v>97</v>
      </c>
      <c r="AK392" t="s">
        <v>13</v>
      </c>
      <c r="AL392">
        <v>0</v>
      </c>
      <c r="AM392">
        <v>0</v>
      </c>
      <c r="AN392">
        <v>0</v>
      </c>
      <c r="AO392">
        <v>0</v>
      </c>
      <c r="AP392">
        <v>0</v>
      </c>
      <c r="AQ392">
        <v>0</v>
      </c>
      <c r="AR392">
        <v>0</v>
      </c>
      <c r="AS392">
        <v>0</v>
      </c>
      <c r="AT392">
        <v>0</v>
      </c>
      <c r="AU392">
        <v>0</v>
      </c>
      <c r="AV392">
        <v>0</v>
      </c>
      <c r="AW392">
        <v>0</v>
      </c>
      <c r="AX392">
        <v>-1080</v>
      </c>
      <c r="AY392">
        <v>39</v>
      </c>
      <c r="AZ392">
        <v>78</v>
      </c>
      <c r="BA392">
        <v>5867</v>
      </c>
    </row>
    <row r="393" spans="1:53" x14ac:dyDescent="0.4">
      <c r="A393">
        <v>437</v>
      </c>
      <c r="B393" s="1">
        <v>42944</v>
      </c>
      <c r="C393">
        <v>3</v>
      </c>
      <c r="D393" s="1">
        <v>42944.749305555553</v>
      </c>
      <c r="E393" s="1">
        <v>42945.097222222219</v>
      </c>
      <c r="F393">
        <v>315850</v>
      </c>
      <c r="G393">
        <v>8750</v>
      </c>
      <c r="H393">
        <v>0</v>
      </c>
      <c r="I393">
        <v>0</v>
      </c>
      <c r="J393">
        <v>0</v>
      </c>
      <c r="K393">
        <v>3000</v>
      </c>
      <c r="L393">
        <v>0</v>
      </c>
      <c r="M393">
        <v>26207</v>
      </c>
      <c r="N393">
        <v>0</v>
      </c>
      <c r="O393">
        <v>0</v>
      </c>
      <c r="P393">
        <v>137344</v>
      </c>
      <c r="Q393">
        <v>0</v>
      </c>
      <c r="R393">
        <v>491151</v>
      </c>
      <c r="S393">
        <v>0</v>
      </c>
      <c r="T393">
        <v>0</v>
      </c>
      <c r="U393">
        <v>0</v>
      </c>
      <c r="V393">
        <v>28</v>
      </c>
      <c r="W393">
        <v>8</v>
      </c>
      <c r="X393">
        <v>0</v>
      </c>
      <c r="Y393">
        <v>83</v>
      </c>
      <c r="Z393">
        <v>37</v>
      </c>
      <c r="AA393">
        <v>118</v>
      </c>
      <c r="AB393">
        <v>29</v>
      </c>
      <c r="AC393">
        <v>162</v>
      </c>
      <c r="AD393">
        <v>8</v>
      </c>
      <c r="AE393">
        <v>2</v>
      </c>
      <c r="AF393">
        <v>154267</v>
      </c>
      <c r="AG393">
        <v>590679</v>
      </c>
      <c r="AH393">
        <v>50000</v>
      </c>
      <c r="AI393">
        <v>20</v>
      </c>
      <c r="AJ393">
        <v>91</v>
      </c>
      <c r="AK393" t="s">
        <v>14</v>
      </c>
      <c r="AL393">
        <v>0</v>
      </c>
      <c r="AM393">
        <v>0</v>
      </c>
      <c r="AN393">
        <v>0</v>
      </c>
      <c r="AO393">
        <v>0</v>
      </c>
      <c r="AP393">
        <v>0</v>
      </c>
      <c r="AQ393">
        <v>0</v>
      </c>
      <c r="AR393">
        <v>0</v>
      </c>
      <c r="AS393">
        <v>0</v>
      </c>
      <c r="AT393">
        <v>0</v>
      </c>
      <c r="AU393">
        <v>0</v>
      </c>
      <c r="AV393">
        <v>0</v>
      </c>
      <c r="AW393">
        <v>0</v>
      </c>
      <c r="AX393">
        <v>8185</v>
      </c>
      <c r="AY393">
        <v>39</v>
      </c>
      <c r="AZ393">
        <v>227</v>
      </c>
      <c r="BA393">
        <v>6607</v>
      </c>
    </row>
    <row r="394" spans="1:53" x14ac:dyDescent="0.4">
      <c r="A394">
        <v>438</v>
      </c>
      <c r="B394" s="1">
        <v>42945</v>
      </c>
      <c r="C394">
        <v>1</v>
      </c>
      <c r="D394" s="1">
        <v>42945.291666666664</v>
      </c>
      <c r="E394" s="1">
        <v>42945.409722222219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0</v>
      </c>
      <c r="O394">
        <v>0</v>
      </c>
      <c r="P394">
        <v>0</v>
      </c>
      <c r="Q394">
        <v>0</v>
      </c>
      <c r="R394">
        <v>0</v>
      </c>
      <c r="S394">
        <v>0</v>
      </c>
      <c r="T394">
        <v>0</v>
      </c>
      <c r="U394">
        <v>0</v>
      </c>
      <c r="V394">
        <v>0</v>
      </c>
      <c r="W394">
        <v>1</v>
      </c>
      <c r="X394">
        <v>0</v>
      </c>
      <c r="Y394">
        <v>25</v>
      </c>
      <c r="Z394">
        <v>14</v>
      </c>
      <c r="AA394">
        <v>104</v>
      </c>
      <c r="AB394">
        <v>26</v>
      </c>
      <c r="AC394">
        <v>125</v>
      </c>
      <c r="AD394">
        <v>9</v>
      </c>
      <c r="AE394">
        <v>5</v>
      </c>
      <c r="AF394">
        <v>0</v>
      </c>
      <c r="AG394">
        <v>50000</v>
      </c>
      <c r="AH394">
        <v>0</v>
      </c>
      <c r="AI394">
        <v>50000</v>
      </c>
      <c r="AJ394">
        <v>0</v>
      </c>
      <c r="AK394" t="s">
        <v>6</v>
      </c>
      <c r="AL394">
        <v>0</v>
      </c>
      <c r="AM394">
        <v>0</v>
      </c>
      <c r="AN394">
        <v>0</v>
      </c>
      <c r="AO394">
        <v>0</v>
      </c>
      <c r="AP394">
        <v>0</v>
      </c>
      <c r="AQ394">
        <v>0</v>
      </c>
      <c r="AR394">
        <v>0</v>
      </c>
      <c r="AS394">
        <v>0</v>
      </c>
      <c r="AT394">
        <v>0</v>
      </c>
      <c r="AU394">
        <v>0</v>
      </c>
      <c r="AV394">
        <v>0</v>
      </c>
      <c r="AW394">
        <v>0</v>
      </c>
      <c r="AX394">
        <v>0</v>
      </c>
      <c r="AY394">
        <v>0</v>
      </c>
      <c r="AZ394">
        <v>0</v>
      </c>
      <c r="BA394">
        <v>0</v>
      </c>
    </row>
    <row r="395" spans="1:53" x14ac:dyDescent="0.4">
      <c r="A395">
        <v>439</v>
      </c>
      <c r="B395" s="1">
        <v>42945</v>
      </c>
      <c r="C395">
        <v>2</v>
      </c>
      <c r="D395" s="1">
        <v>42945.409722222219</v>
      </c>
      <c r="E395" s="1">
        <v>42945.736805555556</v>
      </c>
      <c r="F395">
        <v>39250</v>
      </c>
      <c r="G395">
        <v>4140</v>
      </c>
      <c r="H395">
        <v>0</v>
      </c>
      <c r="I395">
        <v>0</v>
      </c>
      <c r="J395">
        <v>0</v>
      </c>
      <c r="K395">
        <v>0</v>
      </c>
      <c r="L395">
        <v>0</v>
      </c>
      <c r="M395">
        <v>3471</v>
      </c>
      <c r="N395">
        <v>0</v>
      </c>
      <c r="O395">
        <v>0</v>
      </c>
      <c r="P395">
        <v>20520</v>
      </c>
      <c r="Q395">
        <v>0</v>
      </c>
      <c r="R395">
        <v>67381</v>
      </c>
      <c r="S395">
        <v>0</v>
      </c>
      <c r="T395">
        <v>0</v>
      </c>
      <c r="U395">
        <v>0</v>
      </c>
      <c r="V395">
        <v>2</v>
      </c>
      <c r="W395">
        <v>2</v>
      </c>
      <c r="X395">
        <v>0</v>
      </c>
      <c r="Y395">
        <v>38</v>
      </c>
      <c r="Z395">
        <v>40</v>
      </c>
      <c r="AA395">
        <v>119</v>
      </c>
      <c r="AB395">
        <v>19</v>
      </c>
      <c r="AC395">
        <v>194</v>
      </c>
      <c r="AD395">
        <v>13</v>
      </c>
      <c r="AE395">
        <v>12</v>
      </c>
      <c r="AF395">
        <v>14514</v>
      </c>
      <c r="AG395">
        <v>117381</v>
      </c>
      <c r="AH395">
        <v>50000</v>
      </c>
      <c r="AI395">
        <v>0</v>
      </c>
      <c r="AJ395">
        <v>16</v>
      </c>
      <c r="AK395" t="s">
        <v>11</v>
      </c>
      <c r="AL395">
        <v>0</v>
      </c>
      <c r="AM395">
        <v>0</v>
      </c>
      <c r="AN395">
        <v>0</v>
      </c>
      <c r="AO395">
        <v>0</v>
      </c>
      <c r="AP395">
        <v>0</v>
      </c>
      <c r="AQ395">
        <v>0</v>
      </c>
      <c r="AR395">
        <v>0</v>
      </c>
      <c r="AS395">
        <v>0</v>
      </c>
      <c r="AT395">
        <v>0</v>
      </c>
      <c r="AU395">
        <v>0</v>
      </c>
      <c r="AV395">
        <v>0</v>
      </c>
      <c r="AW395">
        <v>0</v>
      </c>
      <c r="AX395">
        <v>583</v>
      </c>
      <c r="AY395">
        <v>49</v>
      </c>
      <c r="AZ395">
        <v>116</v>
      </c>
      <c r="BA395">
        <v>6858</v>
      </c>
    </row>
    <row r="396" spans="1:53" x14ac:dyDescent="0.4">
      <c r="A396">
        <v>440</v>
      </c>
      <c r="B396" s="1">
        <v>42945</v>
      </c>
      <c r="C396">
        <v>3</v>
      </c>
      <c r="D396" s="1">
        <v>42945.736805555556</v>
      </c>
      <c r="E396" s="1">
        <v>42946.116666666669</v>
      </c>
      <c r="F396">
        <v>285300</v>
      </c>
      <c r="G396">
        <v>16160</v>
      </c>
      <c r="H396">
        <v>0</v>
      </c>
      <c r="I396">
        <v>0</v>
      </c>
      <c r="J396">
        <v>1600</v>
      </c>
      <c r="K396">
        <v>500</v>
      </c>
      <c r="L396">
        <v>0</v>
      </c>
      <c r="M396">
        <v>24026</v>
      </c>
      <c r="N396">
        <v>0</v>
      </c>
      <c r="O396">
        <v>0</v>
      </c>
      <c r="P396">
        <v>100453</v>
      </c>
      <c r="Q396">
        <v>0</v>
      </c>
      <c r="R396">
        <v>424839</v>
      </c>
      <c r="S396">
        <v>0</v>
      </c>
      <c r="T396">
        <v>0</v>
      </c>
      <c r="U396">
        <v>0</v>
      </c>
      <c r="V396">
        <v>31</v>
      </c>
      <c r="W396">
        <v>4</v>
      </c>
      <c r="X396">
        <v>0</v>
      </c>
      <c r="Y396">
        <v>97</v>
      </c>
      <c r="Z396">
        <v>48</v>
      </c>
      <c r="AA396">
        <v>139</v>
      </c>
      <c r="AB396">
        <v>7</v>
      </c>
      <c r="AC396">
        <v>267</v>
      </c>
      <c r="AD396">
        <v>6</v>
      </c>
      <c r="AE396">
        <v>14</v>
      </c>
      <c r="AF396">
        <v>74756</v>
      </c>
      <c r="AG396">
        <v>542720</v>
      </c>
      <c r="AH396">
        <v>50000</v>
      </c>
      <c r="AI396">
        <v>500</v>
      </c>
      <c r="AJ396">
        <v>89</v>
      </c>
      <c r="AK396" t="s">
        <v>12</v>
      </c>
      <c r="AL396">
        <v>0</v>
      </c>
      <c r="AM396">
        <v>0</v>
      </c>
      <c r="AN396">
        <v>0</v>
      </c>
      <c r="AO396">
        <v>0</v>
      </c>
      <c r="AP396">
        <v>0</v>
      </c>
      <c r="AQ396">
        <v>0</v>
      </c>
      <c r="AR396">
        <v>0</v>
      </c>
      <c r="AS396">
        <v>0</v>
      </c>
      <c r="AT396">
        <v>0</v>
      </c>
      <c r="AU396">
        <v>0</v>
      </c>
      <c r="AV396">
        <v>0</v>
      </c>
      <c r="AW396">
        <v>0</v>
      </c>
      <c r="AX396">
        <v>5637</v>
      </c>
      <c r="AY396">
        <v>46</v>
      </c>
      <c r="AZ396">
        <v>220</v>
      </c>
      <c r="BA396">
        <v>6631</v>
      </c>
    </row>
    <row r="397" spans="1:53" x14ac:dyDescent="0.4">
      <c r="A397">
        <v>441</v>
      </c>
      <c r="B397" s="1">
        <v>42946</v>
      </c>
      <c r="C397">
        <v>1</v>
      </c>
      <c r="D397" s="1">
        <v>42946.291666666664</v>
      </c>
      <c r="E397" s="1">
        <v>42946.749305555553</v>
      </c>
      <c r="F397">
        <v>48500</v>
      </c>
      <c r="G397">
        <v>3580</v>
      </c>
      <c r="H397">
        <v>0</v>
      </c>
      <c r="I397">
        <v>0</v>
      </c>
      <c r="J397">
        <v>0</v>
      </c>
      <c r="K397">
        <v>0</v>
      </c>
      <c r="L397">
        <v>0</v>
      </c>
      <c r="M397">
        <v>4165</v>
      </c>
      <c r="N397">
        <v>0</v>
      </c>
      <c r="O397">
        <v>0</v>
      </c>
      <c r="P397">
        <v>28080</v>
      </c>
      <c r="Q397">
        <v>0</v>
      </c>
      <c r="R397">
        <v>84325</v>
      </c>
      <c r="S397">
        <v>0</v>
      </c>
      <c r="T397">
        <v>0</v>
      </c>
      <c r="U397">
        <v>0</v>
      </c>
      <c r="V397">
        <v>3</v>
      </c>
      <c r="W397">
        <v>3</v>
      </c>
      <c r="X397">
        <v>0</v>
      </c>
      <c r="Y397">
        <v>72</v>
      </c>
      <c r="Z397">
        <v>7</v>
      </c>
      <c r="AA397">
        <v>115</v>
      </c>
      <c r="AB397">
        <v>10</v>
      </c>
      <c r="AC397">
        <v>177</v>
      </c>
      <c r="AD397">
        <v>3</v>
      </c>
      <c r="AE397">
        <v>39</v>
      </c>
      <c r="AF397">
        <v>0</v>
      </c>
      <c r="AG397">
        <v>134324</v>
      </c>
      <c r="AH397">
        <v>50000</v>
      </c>
      <c r="AI397">
        <v>-1</v>
      </c>
      <c r="AJ397">
        <v>84</v>
      </c>
      <c r="AK397" t="s">
        <v>16</v>
      </c>
      <c r="AL397">
        <v>0</v>
      </c>
      <c r="AM397">
        <v>0</v>
      </c>
      <c r="AN397">
        <v>0</v>
      </c>
      <c r="AO397">
        <v>0</v>
      </c>
      <c r="AP397">
        <v>0</v>
      </c>
      <c r="AQ397">
        <v>0</v>
      </c>
      <c r="AR397">
        <v>0</v>
      </c>
      <c r="AS397">
        <v>0</v>
      </c>
      <c r="AT397">
        <v>0</v>
      </c>
      <c r="AU397">
        <v>0</v>
      </c>
      <c r="AV397">
        <v>0</v>
      </c>
      <c r="AW397">
        <v>0</v>
      </c>
      <c r="AX397">
        <v>-626</v>
      </c>
      <c r="AY397">
        <v>59</v>
      </c>
      <c r="AZ397">
        <v>149</v>
      </c>
      <c r="BA397">
        <v>8628</v>
      </c>
    </row>
    <row r="398" spans="1:53" x14ac:dyDescent="0.4">
      <c r="A398">
        <v>442</v>
      </c>
      <c r="B398" s="1">
        <v>42946</v>
      </c>
      <c r="C398">
        <v>2</v>
      </c>
      <c r="D398" s="1">
        <v>42946.749305555553</v>
      </c>
      <c r="E398" s="1">
        <v>42946.96597222222</v>
      </c>
      <c r="F398">
        <v>64700</v>
      </c>
      <c r="G398">
        <v>2080</v>
      </c>
      <c r="H398">
        <v>0</v>
      </c>
      <c r="I398">
        <v>0</v>
      </c>
      <c r="J398">
        <v>0</v>
      </c>
      <c r="K398">
        <v>0</v>
      </c>
      <c r="L398">
        <v>0</v>
      </c>
      <c r="M398">
        <v>5342</v>
      </c>
      <c r="N398">
        <v>0</v>
      </c>
      <c r="O398">
        <v>0</v>
      </c>
      <c r="P398">
        <v>27810</v>
      </c>
      <c r="Q398">
        <v>0</v>
      </c>
      <c r="R398">
        <v>99932</v>
      </c>
      <c r="S398">
        <v>0</v>
      </c>
      <c r="T398">
        <v>0</v>
      </c>
      <c r="U398">
        <v>0</v>
      </c>
      <c r="V398">
        <v>10</v>
      </c>
      <c r="W398">
        <v>5</v>
      </c>
      <c r="X398">
        <v>0</v>
      </c>
      <c r="Y398">
        <v>94</v>
      </c>
      <c r="Z398">
        <v>5</v>
      </c>
      <c r="AA398">
        <v>103</v>
      </c>
      <c r="AB398">
        <v>11</v>
      </c>
      <c r="AC398">
        <v>185</v>
      </c>
      <c r="AD398">
        <v>2</v>
      </c>
      <c r="AE398">
        <v>46</v>
      </c>
      <c r="AF398">
        <v>0</v>
      </c>
      <c r="AG398">
        <v>234256</v>
      </c>
      <c r="AH398">
        <v>50000</v>
      </c>
      <c r="AI398">
        <v>-1</v>
      </c>
      <c r="AJ398">
        <v>70</v>
      </c>
      <c r="AK398" t="s">
        <v>25</v>
      </c>
      <c r="AL398">
        <v>0</v>
      </c>
      <c r="AM398">
        <v>0</v>
      </c>
      <c r="AN398">
        <v>0</v>
      </c>
      <c r="AO398">
        <v>0</v>
      </c>
      <c r="AP398">
        <v>0</v>
      </c>
      <c r="AQ398">
        <v>0</v>
      </c>
      <c r="AR398">
        <v>0</v>
      </c>
      <c r="AS398">
        <v>0</v>
      </c>
      <c r="AT398">
        <v>0</v>
      </c>
      <c r="AU398">
        <v>0</v>
      </c>
      <c r="AV398">
        <v>0</v>
      </c>
      <c r="AW398">
        <v>0</v>
      </c>
      <c r="AX398">
        <v>19746</v>
      </c>
      <c r="AY398">
        <v>30</v>
      </c>
      <c r="AZ398">
        <v>80</v>
      </c>
      <c r="BA398">
        <v>3967</v>
      </c>
    </row>
    <row r="399" spans="1:53" x14ac:dyDescent="0.4">
      <c r="A399">
        <v>443</v>
      </c>
      <c r="B399" s="1">
        <v>42946</v>
      </c>
      <c r="C399">
        <v>3</v>
      </c>
      <c r="D399" s="1">
        <v>42946.96597222222</v>
      </c>
      <c r="E399" s="1">
        <v>42947.104861111111</v>
      </c>
      <c r="F399">
        <v>68540</v>
      </c>
      <c r="G399">
        <v>2010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5643</v>
      </c>
      <c r="N399">
        <v>0</v>
      </c>
      <c r="O399">
        <v>0</v>
      </c>
      <c r="P399">
        <v>21384</v>
      </c>
      <c r="Q399">
        <v>0</v>
      </c>
      <c r="R399">
        <v>97577</v>
      </c>
      <c r="S399">
        <v>0</v>
      </c>
      <c r="T399">
        <v>0</v>
      </c>
      <c r="U399">
        <v>0</v>
      </c>
      <c r="V399">
        <v>17</v>
      </c>
      <c r="W399">
        <v>7</v>
      </c>
      <c r="X399">
        <v>0</v>
      </c>
      <c r="Y399">
        <v>101</v>
      </c>
      <c r="Z399">
        <v>4</v>
      </c>
      <c r="AA399">
        <v>92</v>
      </c>
      <c r="AB399">
        <v>11</v>
      </c>
      <c r="AC399">
        <v>193</v>
      </c>
      <c r="AD399">
        <v>2</v>
      </c>
      <c r="AE399">
        <v>48</v>
      </c>
      <c r="AF399">
        <v>12096</v>
      </c>
      <c r="AG399">
        <v>331834</v>
      </c>
      <c r="AH399">
        <v>50000</v>
      </c>
      <c r="AI399">
        <v>0</v>
      </c>
      <c r="AJ399">
        <v>1</v>
      </c>
      <c r="AK399" t="s">
        <v>3</v>
      </c>
      <c r="AL399">
        <v>0</v>
      </c>
      <c r="AM399">
        <v>0</v>
      </c>
      <c r="AN399">
        <v>0</v>
      </c>
      <c r="AO399">
        <v>0</v>
      </c>
      <c r="AP399">
        <v>0</v>
      </c>
      <c r="AQ399">
        <v>0</v>
      </c>
      <c r="AR399">
        <v>0</v>
      </c>
      <c r="AS399">
        <v>0</v>
      </c>
      <c r="AT399">
        <v>0</v>
      </c>
      <c r="AU399">
        <v>0</v>
      </c>
      <c r="AV399">
        <v>0</v>
      </c>
      <c r="AW399">
        <v>0</v>
      </c>
      <c r="AX399">
        <v>13230</v>
      </c>
      <c r="AY399">
        <v>17</v>
      </c>
      <c r="AZ399">
        <v>50</v>
      </c>
      <c r="BA399">
        <v>2835</v>
      </c>
    </row>
    <row r="400" spans="1:53" x14ac:dyDescent="0.4">
      <c r="A400">
        <v>444</v>
      </c>
      <c r="B400" s="1">
        <v>42947</v>
      </c>
      <c r="C400">
        <v>1</v>
      </c>
      <c r="D400" s="1">
        <v>42947.291666666664</v>
      </c>
      <c r="E400" s="1">
        <v>42947.411805555559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0</v>
      </c>
      <c r="O400">
        <v>0</v>
      </c>
      <c r="P400">
        <v>0</v>
      </c>
      <c r="Q400">
        <v>0</v>
      </c>
      <c r="R400">
        <v>0</v>
      </c>
      <c r="S400">
        <v>0</v>
      </c>
      <c r="T400">
        <v>0</v>
      </c>
      <c r="U400">
        <v>0</v>
      </c>
      <c r="V400">
        <v>0</v>
      </c>
      <c r="W400">
        <v>1</v>
      </c>
      <c r="X400">
        <v>0</v>
      </c>
      <c r="Y400">
        <v>32</v>
      </c>
      <c r="Z400">
        <v>5</v>
      </c>
      <c r="AA400">
        <v>89</v>
      </c>
      <c r="AB400">
        <v>4</v>
      </c>
      <c r="AC400">
        <v>135</v>
      </c>
      <c r="AD400">
        <v>1</v>
      </c>
      <c r="AE400">
        <v>45</v>
      </c>
      <c r="AF400">
        <v>0</v>
      </c>
      <c r="AG400">
        <v>50000</v>
      </c>
      <c r="AH400">
        <v>0</v>
      </c>
      <c r="AI400">
        <v>50000</v>
      </c>
      <c r="AJ400">
        <v>0</v>
      </c>
      <c r="AK400" t="s">
        <v>6</v>
      </c>
      <c r="AL400">
        <v>0</v>
      </c>
      <c r="AM400">
        <v>0</v>
      </c>
      <c r="AN400">
        <v>0</v>
      </c>
      <c r="AO400">
        <v>0</v>
      </c>
      <c r="AP400">
        <v>0</v>
      </c>
      <c r="AQ400">
        <v>0</v>
      </c>
      <c r="AR400">
        <v>0</v>
      </c>
      <c r="AS400">
        <v>0</v>
      </c>
      <c r="AT400">
        <v>0</v>
      </c>
      <c r="AU400">
        <v>0</v>
      </c>
      <c r="AV400">
        <v>0</v>
      </c>
      <c r="AW400">
        <v>0</v>
      </c>
      <c r="AX400">
        <v>0</v>
      </c>
      <c r="AY400">
        <v>0</v>
      </c>
      <c r="AZ400">
        <v>0</v>
      </c>
      <c r="BA400">
        <v>0</v>
      </c>
    </row>
    <row r="401" spans="1:53" x14ac:dyDescent="0.4">
      <c r="A401">
        <v>445</v>
      </c>
      <c r="B401" s="1">
        <v>42947</v>
      </c>
      <c r="C401">
        <v>2</v>
      </c>
      <c r="D401" s="1">
        <v>42947.411805555559</v>
      </c>
      <c r="E401" s="1">
        <v>42947.740972222222</v>
      </c>
      <c r="F401">
        <v>28000</v>
      </c>
      <c r="G401">
        <v>1740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2379</v>
      </c>
      <c r="N401">
        <v>0</v>
      </c>
      <c r="O401">
        <v>0</v>
      </c>
      <c r="P401">
        <v>17010</v>
      </c>
      <c r="Q401">
        <v>0</v>
      </c>
      <c r="R401">
        <v>49129</v>
      </c>
      <c r="S401">
        <v>0</v>
      </c>
      <c r="T401">
        <v>0</v>
      </c>
      <c r="U401">
        <v>0</v>
      </c>
      <c r="V401">
        <v>4</v>
      </c>
      <c r="W401">
        <v>0</v>
      </c>
      <c r="X401">
        <v>0</v>
      </c>
      <c r="Y401">
        <v>31</v>
      </c>
      <c r="Z401">
        <v>28</v>
      </c>
      <c r="AA401">
        <v>107</v>
      </c>
      <c r="AB401">
        <v>6</v>
      </c>
      <c r="AC401">
        <v>199</v>
      </c>
      <c r="AD401">
        <v>2</v>
      </c>
      <c r="AE401">
        <v>49</v>
      </c>
      <c r="AF401">
        <v>1080</v>
      </c>
      <c r="AG401">
        <v>99129</v>
      </c>
      <c r="AH401">
        <v>50000</v>
      </c>
      <c r="AI401">
        <v>0</v>
      </c>
      <c r="AJ401">
        <v>92</v>
      </c>
      <c r="AK401" t="s">
        <v>22</v>
      </c>
      <c r="AL401">
        <v>0</v>
      </c>
      <c r="AM401">
        <v>0</v>
      </c>
      <c r="AN401">
        <v>0</v>
      </c>
      <c r="AO401">
        <v>0</v>
      </c>
      <c r="AP401">
        <v>0</v>
      </c>
      <c r="AQ401">
        <v>0</v>
      </c>
      <c r="AR401">
        <v>0</v>
      </c>
      <c r="AS401">
        <v>0</v>
      </c>
      <c r="AT401">
        <v>0</v>
      </c>
      <c r="AU401">
        <v>0</v>
      </c>
      <c r="AV401">
        <v>0</v>
      </c>
      <c r="AW401">
        <v>0</v>
      </c>
      <c r="AX401">
        <v>-368</v>
      </c>
      <c r="AY401">
        <v>40</v>
      </c>
      <c r="AZ401">
        <v>87</v>
      </c>
      <c r="BA401">
        <v>6207</v>
      </c>
    </row>
    <row r="402" spans="1:53" x14ac:dyDescent="0.4">
      <c r="A402">
        <v>446</v>
      </c>
      <c r="B402" s="1">
        <v>42947</v>
      </c>
      <c r="C402">
        <v>3</v>
      </c>
      <c r="D402" s="1">
        <v>42947.740972222222</v>
      </c>
      <c r="E402" s="1">
        <v>42947.949305555558</v>
      </c>
      <c r="F402">
        <v>37450</v>
      </c>
      <c r="G402">
        <v>5200</v>
      </c>
      <c r="H402">
        <v>0</v>
      </c>
      <c r="I402">
        <v>0</v>
      </c>
      <c r="J402">
        <v>1000</v>
      </c>
      <c r="K402">
        <v>0</v>
      </c>
      <c r="L402">
        <v>0</v>
      </c>
      <c r="M402">
        <v>3331</v>
      </c>
      <c r="N402">
        <v>0</v>
      </c>
      <c r="O402">
        <v>0</v>
      </c>
      <c r="P402">
        <v>21870</v>
      </c>
      <c r="Q402">
        <v>0</v>
      </c>
      <c r="R402">
        <v>66851</v>
      </c>
      <c r="S402">
        <v>0</v>
      </c>
      <c r="T402">
        <v>0</v>
      </c>
      <c r="U402">
        <v>0</v>
      </c>
      <c r="V402">
        <v>8</v>
      </c>
      <c r="W402">
        <v>0</v>
      </c>
      <c r="X402">
        <v>0</v>
      </c>
      <c r="Y402">
        <v>25</v>
      </c>
      <c r="Z402">
        <v>28</v>
      </c>
      <c r="AA402">
        <v>113</v>
      </c>
      <c r="AB402">
        <v>3</v>
      </c>
      <c r="AC402">
        <v>201</v>
      </c>
      <c r="AD402">
        <v>1</v>
      </c>
      <c r="AE402">
        <v>35</v>
      </c>
      <c r="AF402">
        <v>33480</v>
      </c>
      <c r="AG402">
        <v>166980</v>
      </c>
      <c r="AH402">
        <v>50000</v>
      </c>
      <c r="AI402">
        <v>1000</v>
      </c>
      <c r="AJ402">
        <v>16</v>
      </c>
      <c r="AK402" t="s">
        <v>11</v>
      </c>
      <c r="AL402">
        <v>0</v>
      </c>
      <c r="AM402">
        <v>0</v>
      </c>
      <c r="AN402">
        <v>0</v>
      </c>
      <c r="AO402">
        <v>0</v>
      </c>
      <c r="AP402">
        <v>0</v>
      </c>
      <c r="AQ402">
        <v>0</v>
      </c>
      <c r="AR402">
        <v>0</v>
      </c>
      <c r="AS402">
        <v>0</v>
      </c>
      <c r="AT402">
        <v>0</v>
      </c>
      <c r="AU402">
        <v>0</v>
      </c>
      <c r="AV402">
        <v>0</v>
      </c>
      <c r="AW402">
        <v>0</v>
      </c>
      <c r="AX402">
        <v>30554</v>
      </c>
      <c r="AY402">
        <v>20</v>
      </c>
      <c r="AZ402">
        <v>71</v>
      </c>
      <c r="BA402">
        <v>2547</v>
      </c>
    </row>
    <row r="403" spans="1:53" x14ac:dyDescent="0.4">
      <c r="A403">
        <v>447</v>
      </c>
      <c r="B403" s="1">
        <v>42948</v>
      </c>
      <c r="C403">
        <v>1</v>
      </c>
      <c r="D403" s="1">
        <v>42948.291666666664</v>
      </c>
      <c r="E403" s="1">
        <v>42948.420138888891</v>
      </c>
      <c r="F403">
        <v>0</v>
      </c>
      <c r="G403">
        <v>0</v>
      </c>
      <c r="H403">
        <v>0</v>
      </c>
      <c r="I403">
        <v>0</v>
      </c>
      <c r="J403">
        <v>0</v>
      </c>
      <c r="K403">
        <v>0</v>
      </c>
      <c r="L403">
        <v>0</v>
      </c>
      <c r="M403">
        <v>0</v>
      </c>
      <c r="N403">
        <v>0</v>
      </c>
      <c r="O403">
        <v>0</v>
      </c>
      <c r="P403">
        <v>3240</v>
      </c>
      <c r="Q403">
        <v>0</v>
      </c>
      <c r="R403">
        <v>3240</v>
      </c>
      <c r="S403">
        <v>0</v>
      </c>
      <c r="T403">
        <v>0</v>
      </c>
      <c r="U403">
        <v>0</v>
      </c>
      <c r="V403">
        <v>0</v>
      </c>
      <c r="W403">
        <v>0</v>
      </c>
      <c r="X403">
        <v>0</v>
      </c>
      <c r="Y403">
        <v>32</v>
      </c>
      <c r="Z403">
        <v>17</v>
      </c>
      <c r="AA403">
        <v>108</v>
      </c>
      <c r="AB403">
        <v>4</v>
      </c>
      <c r="AC403">
        <v>173</v>
      </c>
      <c r="AD403">
        <v>2</v>
      </c>
      <c r="AE403">
        <v>0</v>
      </c>
      <c r="AF403">
        <v>0</v>
      </c>
      <c r="AG403">
        <v>53240</v>
      </c>
      <c r="AH403">
        <v>50000</v>
      </c>
      <c r="AI403">
        <v>0</v>
      </c>
      <c r="AJ403">
        <v>89</v>
      </c>
      <c r="AK403" t="s">
        <v>12</v>
      </c>
      <c r="AL403">
        <v>0</v>
      </c>
      <c r="AM403">
        <v>0</v>
      </c>
      <c r="AN403">
        <v>0</v>
      </c>
      <c r="AO403">
        <v>0</v>
      </c>
      <c r="AP403">
        <v>0</v>
      </c>
      <c r="AQ403">
        <v>0</v>
      </c>
      <c r="AR403">
        <v>0</v>
      </c>
      <c r="AS403">
        <v>0</v>
      </c>
      <c r="AT403">
        <v>0</v>
      </c>
      <c r="AU403">
        <v>0</v>
      </c>
      <c r="AV403">
        <v>0</v>
      </c>
      <c r="AW403">
        <v>0</v>
      </c>
      <c r="AX403">
        <v>-3240</v>
      </c>
      <c r="AY403">
        <v>4</v>
      </c>
      <c r="AZ403">
        <v>6</v>
      </c>
      <c r="BA403">
        <v>13</v>
      </c>
    </row>
    <row r="404" spans="1:53" x14ac:dyDescent="0.4">
      <c r="A404">
        <v>448</v>
      </c>
      <c r="B404" s="1">
        <v>42948</v>
      </c>
      <c r="C404">
        <v>2</v>
      </c>
      <c r="D404" s="1">
        <v>42948.420138888891</v>
      </c>
      <c r="E404" s="1">
        <v>42948.750694444447</v>
      </c>
      <c r="F404">
        <v>28500</v>
      </c>
      <c r="G404">
        <v>301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2520</v>
      </c>
      <c r="N404">
        <v>0</v>
      </c>
      <c r="O404">
        <v>0</v>
      </c>
      <c r="P404">
        <v>6480</v>
      </c>
      <c r="Q404">
        <v>0</v>
      </c>
      <c r="R404">
        <v>40510</v>
      </c>
      <c r="S404">
        <v>0</v>
      </c>
      <c r="T404">
        <v>0</v>
      </c>
      <c r="U404">
        <v>0</v>
      </c>
      <c r="V404">
        <v>1</v>
      </c>
      <c r="W404">
        <v>0</v>
      </c>
      <c r="X404">
        <v>0</v>
      </c>
      <c r="Y404">
        <v>63</v>
      </c>
      <c r="Z404">
        <v>23</v>
      </c>
      <c r="AA404">
        <v>73</v>
      </c>
      <c r="AB404">
        <v>2</v>
      </c>
      <c r="AC404">
        <v>181</v>
      </c>
      <c r="AD404">
        <v>6</v>
      </c>
      <c r="AE404">
        <v>10</v>
      </c>
      <c r="AF404">
        <v>0</v>
      </c>
      <c r="AG404">
        <v>93750</v>
      </c>
      <c r="AH404">
        <v>50000</v>
      </c>
      <c r="AI404">
        <v>0</v>
      </c>
      <c r="AJ404">
        <v>16</v>
      </c>
      <c r="AK404" t="s">
        <v>11</v>
      </c>
      <c r="AL404">
        <v>0</v>
      </c>
      <c r="AM404">
        <v>0</v>
      </c>
      <c r="AN404">
        <v>0</v>
      </c>
      <c r="AO404">
        <v>0</v>
      </c>
      <c r="AP404">
        <v>0</v>
      </c>
      <c r="AQ404">
        <v>0</v>
      </c>
      <c r="AR404">
        <v>0</v>
      </c>
      <c r="AS404">
        <v>0</v>
      </c>
      <c r="AT404">
        <v>0</v>
      </c>
      <c r="AU404">
        <v>0</v>
      </c>
      <c r="AV404">
        <v>0</v>
      </c>
      <c r="AW404">
        <v>0</v>
      </c>
      <c r="AX404">
        <v>0</v>
      </c>
      <c r="AY404">
        <v>34</v>
      </c>
      <c r="AZ404">
        <v>69</v>
      </c>
      <c r="BA404">
        <v>6379</v>
      </c>
    </row>
    <row r="405" spans="1:53" x14ac:dyDescent="0.4">
      <c r="A405">
        <v>449</v>
      </c>
      <c r="B405" s="1">
        <v>42948</v>
      </c>
      <c r="C405">
        <v>3</v>
      </c>
      <c r="D405" s="1">
        <v>42948.750694444447</v>
      </c>
      <c r="E405" s="1">
        <v>42948.958333333336</v>
      </c>
      <c r="F405">
        <v>36180</v>
      </c>
      <c r="G405">
        <v>1920</v>
      </c>
      <c r="H405">
        <v>0</v>
      </c>
      <c r="I405">
        <v>0</v>
      </c>
      <c r="J405">
        <v>0</v>
      </c>
      <c r="K405">
        <v>0</v>
      </c>
      <c r="L405">
        <v>0</v>
      </c>
      <c r="M405">
        <v>3047</v>
      </c>
      <c r="N405">
        <v>0</v>
      </c>
      <c r="O405">
        <v>0</v>
      </c>
      <c r="P405">
        <v>14796</v>
      </c>
      <c r="Q405">
        <v>0</v>
      </c>
      <c r="R405">
        <v>55943</v>
      </c>
      <c r="S405">
        <v>0</v>
      </c>
      <c r="T405">
        <v>0</v>
      </c>
      <c r="U405">
        <v>0</v>
      </c>
      <c r="V405">
        <v>5</v>
      </c>
      <c r="W405">
        <v>0</v>
      </c>
      <c r="X405">
        <v>0</v>
      </c>
      <c r="Y405">
        <v>60</v>
      </c>
      <c r="Z405">
        <v>23</v>
      </c>
      <c r="AA405">
        <v>74</v>
      </c>
      <c r="AB405">
        <v>0</v>
      </c>
      <c r="AC405">
        <v>175</v>
      </c>
      <c r="AD405">
        <v>6</v>
      </c>
      <c r="AE405">
        <v>5</v>
      </c>
      <c r="AF405">
        <v>19008</v>
      </c>
      <c r="AG405">
        <v>149693</v>
      </c>
      <c r="AH405">
        <v>50000</v>
      </c>
      <c r="AI405">
        <v>0</v>
      </c>
      <c r="AJ405">
        <v>16</v>
      </c>
      <c r="AK405" t="s">
        <v>11</v>
      </c>
      <c r="AL405">
        <v>0</v>
      </c>
      <c r="AM405">
        <v>0</v>
      </c>
      <c r="AN405">
        <v>0</v>
      </c>
      <c r="AO405">
        <v>0</v>
      </c>
      <c r="AP405">
        <v>0</v>
      </c>
      <c r="AQ405">
        <v>0</v>
      </c>
      <c r="AR405">
        <v>0</v>
      </c>
      <c r="AS405">
        <v>0</v>
      </c>
      <c r="AT405">
        <v>0</v>
      </c>
      <c r="AU405">
        <v>0</v>
      </c>
      <c r="AV405">
        <v>0</v>
      </c>
      <c r="AW405">
        <v>0</v>
      </c>
      <c r="AX405">
        <v>-17928</v>
      </c>
      <c r="AY405">
        <v>13</v>
      </c>
      <c r="AZ405">
        <v>35</v>
      </c>
      <c r="BA405">
        <v>1435</v>
      </c>
    </row>
    <row r="406" spans="1:53" x14ac:dyDescent="0.4">
      <c r="A406">
        <v>450</v>
      </c>
      <c r="B406" s="1">
        <v>42949</v>
      </c>
      <c r="C406">
        <v>1</v>
      </c>
      <c r="D406" s="1">
        <v>42949.291666666664</v>
      </c>
      <c r="E406" s="1">
        <v>42949.399305555555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0</v>
      </c>
      <c r="O406">
        <v>0</v>
      </c>
      <c r="P406">
        <v>0</v>
      </c>
      <c r="Q406">
        <v>0</v>
      </c>
      <c r="R406">
        <v>0</v>
      </c>
      <c r="S406">
        <v>0</v>
      </c>
      <c r="T406">
        <v>0</v>
      </c>
      <c r="U406">
        <v>0</v>
      </c>
      <c r="V406">
        <v>0</v>
      </c>
      <c r="W406">
        <v>1</v>
      </c>
      <c r="X406">
        <v>0</v>
      </c>
      <c r="Y406">
        <v>25</v>
      </c>
      <c r="Z406">
        <v>20</v>
      </c>
      <c r="AA406">
        <v>86</v>
      </c>
      <c r="AB406">
        <v>1</v>
      </c>
      <c r="AC406">
        <v>101</v>
      </c>
      <c r="AD406">
        <v>57</v>
      </c>
      <c r="AE406">
        <v>55</v>
      </c>
      <c r="AF406">
        <v>0</v>
      </c>
      <c r="AG406">
        <v>50000</v>
      </c>
      <c r="AH406">
        <v>50000</v>
      </c>
      <c r="AI406">
        <v>0</v>
      </c>
      <c r="AJ406">
        <v>0</v>
      </c>
      <c r="AK406" t="s">
        <v>6</v>
      </c>
      <c r="AL406">
        <v>0</v>
      </c>
      <c r="AM406">
        <v>0</v>
      </c>
      <c r="AN406">
        <v>0</v>
      </c>
      <c r="AO406">
        <v>0</v>
      </c>
      <c r="AP406">
        <v>0</v>
      </c>
      <c r="AQ406">
        <v>0</v>
      </c>
      <c r="AR406">
        <v>0</v>
      </c>
      <c r="AS406">
        <v>0</v>
      </c>
      <c r="AT406">
        <v>0</v>
      </c>
      <c r="AU406">
        <v>0</v>
      </c>
      <c r="AV406">
        <v>0</v>
      </c>
      <c r="AW406">
        <v>0</v>
      </c>
      <c r="AX406">
        <v>0</v>
      </c>
      <c r="AY406">
        <v>0</v>
      </c>
      <c r="AZ406">
        <v>0</v>
      </c>
      <c r="BA406">
        <v>0</v>
      </c>
    </row>
    <row r="407" spans="1:53" x14ac:dyDescent="0.4">
      <c r="A407">
        <v>451</v>
      </c>
      <c r="B407" s="1">
        <v>42949</v>
      </c>
      <c r="C407">
        <v>2</v>
      </c>
      <c r="D407" s="1">
        <v>42949.399305555555</v>
      </c>
      <c r="E407" s="1">
        <v>42949.754861111112</v>
      </c>
      <c r="F407">
        <v>31000</v>
      </c>
      <c r="G407">
        <v>273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2698</v>
      </c>
      <c r="N407">
        <v>0</v>
      </c>
      <c r="O407">
        <v>0</v>
      </c>
      <c r="P407">
        <v>17280</v>
      </c>
      <c r="Q407">
        <v>0</v>
      </c>
      <c r="R407">
        <v>53708</v>
      </c>
      <c r="S407">
        <v>0</v>
      </c>
      <c r="T407">
        <v>0</v>
      </c>
      <c r="U407">
        <v>0</v>
      </c>
      <c r="V407">
        <v>1</v>
      </c>
      <c r="W407">
        <v>1</v>
      </c>
      <c r="X407">
        <v>0</v>
      </c>
      <c r="Y407">
        <v>60</v>
      </c>
      <c r="Z407">
        <v>37</v>
      </c>
      <c r="AA407">
        <v>88</v>
      </c>
      <c r="AB407">
        <v>3</v>
      </c>
      <c r="AC407">
        <v>91</v>
      </c>
      <c r="AD407">
        <v>58</v>
      </c>
      <c r="AE407">
        <v>58</v>
      </c>
      <c r="AF407">
        <v>0</v>
      </c>
      <c r="AG407">
        <v>103708</v>
      </c>
      <c r="AH407">
        <v>50000</v>
      </c>
      <c r="AI407">
        <v>0</v>
      </c>
      <c r="AJ407">
        <v>92</v>
      </c>
      <c r="AK407" t="s">
        <v>22</v>
      </c>
      <c r="AL407">
        <v>0</v>
      </c>
      <c r="AM407">
        <v>0</v>
      </c>
      <c r="AN407">
        <v>0</v>
      </c>
      <c r="AO407">
        <v>0</v>
      </c>
      <c r="AP407">
        <v>0</v>
      </c>
      <c r="AQ407">
        <v>0</v>
      </c>
      <c r="AR407">
        <v>0</v>
      </c>
      <c r="AS407">
        <v>0</v>
      </c>
      <c r="AT407">
        <v>0</v>
      </c>
      <c r="AU407">
        <v>0</v>
      </c>
      <c r="AV407">
        <v>0</v>
      </c>
      <c r="AW407">
        <v>0</v>
      </c>
      <c r="AX407">
        <v>3628</v>
      </c>
      <c r="AY407">
        <v>47</v>
      </c>
      <c r="AZ407">
        <v>96</v>
      </c>
      <c r="BA407">
        <v>6557</v>
      </c>
    </row>
    <row r="408" spans="1:53" x14ac:dyDescent="0.4">
      <c r="A408">
        <v>452</v>
      </c>
      <c r="B408" s="1">
        <v>42949</v>
      </c>
      <c r="C408">
        <v>3</v>
      </c>
      <c r="D408" s="1">
        <v>42949.754861111112</v>
      </c>
      <c r="E408" s="1">
        <v>42949.959722222222</v>
      </c>
      <c r="F408">
        <v>52920</v>
      </c>
      <c r="G408">
        <v>341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4506</v>
      </c>
      <c r="N408">
        <v>0</v>
      </c>
      <c r="O408">
        <v>0</v>
      </c>
      <c r="P408">
        <v>8856</v>
      </c>
      <c r="Q408">
        <v>0</v>
      </c>
      <c r="R408">
        <v>69692</v>
      </c>
      <c r="S408">
        <v>0</v>
      </c>
      <c r="T408">
        <v>0</v>
      </c>
      <c r="U408">
        <v>0</v>
      </c>
      <c r="V408">
        <v>6</v>
      </c>
      <c r="W408">
        <v>1</v>
      </c>
      <c r="X408">
        <v>0</v>
      </c>
      <c r="Y408">
        <v>73</v>
      </c>
      <c r="Z408">
        <v>33</v>
      </c>
      <c r="AA408">
        <v>68</v>
      </c>
      <c r="AB408">
        <v>0</v>
      </c>
      <c r="AC408">
        <v>81</v>
      </c>
      <c r="AD408">
        <v>57</v>
      </c>
      <c r="AE408">
        <v>111</v>
      </c>
      <c r="AF408">
        <v>10894</v>
      </c>
      <c r="AG408">
        <v>173400</v>
      </c>
      <c r="AH408">
        <v>50000</v>
      </c>
      <c r="AI408">
        <v>0</v>
      </c>
      <c r="AJ408">
        <v>84</v>
      </c>
      <c r="AK408" t="s">
        <v>16</v>
      </c>
      <c r="AL408">
        <v>0</v>
      </c>
      <c r="AM408">
        <v>0</v>
      </c>
      <c r="AN408">
        <v>0</v>
      </c>
      <c r="AO408">
        <v>0</v>
      </c>
      <c r="AP408">
        <v>0</v>
      </c>
      <c r="AQ408">
        <v>0</v>
      </c>
      <c r="AR408">
        <v>0</v>
      </c>
      <c r="AS408">
        <v>0</v>
      </c>
      <c r="AT408">
        <v>0</v>
      </c>
      <c r="AU408">
        <v>0</v>
      </c>
      <c r="AV408">
        <v>0</v>
      </c>
      <c r="AW408">
        <v>0</v>
      </c>
      <c r="AX408">
        <v>6750</v>
      </c>
      <c r="AY408">
        <v>17</v>
      </c>
      <c r="AZ408">
        <v>52</v>
      </c>
      <c r="BA408">
        <v>2894</v>
      </c>
    </row>
    <row r="409" spans="1:53" x14ac:dyDescent="0.4">
      <c r="A409">
        <v>453</v>
      </c>
      <c r="B409" s="1">
        <v>42949</v>
      </c>
      <c r="C409">
        <v>4</v>
      </c>
      <c r="D409" s="1">
        <v>42949.959722222222</v>
      </c>
      <c r="E409" s="1">
        <v>42950.106944444444</v>
      </c>
      <c r="F409">
        <v>37000</v>
      </c>
      <c r="G409">
        <v>2130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3130</v>
      </c>
      <c r="N409">
        <v>0</v>
      </c>
      <c r="O409">
        <v>0</v>
      </c>
      <c r="P409">
        <v>-9288</v>
      </c>
      <c r="Q409">
        <v>0</v>
      </c>
      <c r="R409">
        <v>32972</v>
      </c>
      <c r="S409">
        <v>0</v>
      </c>
      <c r="T409">
        <v>0</v>
      </c>
      <c r="U409">
        <v>0</v>
      </c>
      <c r="V409">
        <v>9</v>
      </c>
      <c r="W409">
        <v>0</v>
      </c>
      <c r="X409">
        <v>0</v>
      </c>
      <c r="Y409">
        <v>81</v>
      </c>
      <c r="Z409">
        <v>33</v>
      </c>
      <c r="AA409">
        <v>70</v>
      </c>
      <c r="AB409">
        <v>1</v>
      </c>
      <c r="AC409">
        <v>54</v>
      </c>
      <c r="AD409">
        <v>58</v>
      </c>
      <c r="AE409">
        <v>98</v>
      </c>
      <c r="AF409">
        <v>10894</v>
      </c>
      <c r="AG409">
        <v>206372</v>
      </c>
      <c r="AH409">
        <v>50000</v>
      </c>
      <c r="AI409">
        <v>0</v>
      </c>
      <c r="AJ409">
        <v>16</v>
      </c>
      <c r="AK409" t="s">
        <v>11</v>
      </c>
      <c r="AL409">
        <v>0</v>
      </c>
      <c r="AM409">
        <v>0</v>
      </c>
      <c r="AN409">
        <v>0</v>
      </c>
      <c r="AO409">
        <v>0</v>
      </c>
      <c r="AP409">
        <v>0</v>
      </c>
      <c r="AQ409">
        <v>0</v>
      </c>
      <c r="AR409">
        <v>0</v>
      </c>
      <c r="AS409">
        <v>0</v>
      </c>
      <c r="AT409">
        <v>0</v>
      </c>
      <c r="AU409">
        <v>0</v>
      </c>
      <c r="AV409">
        <v>0</v>
      </c>
      <c r="AW409">
        <v>0</v>
      </c>
      <c r="AX409">
        <v>0</v>
      </c>
      <c r="AY409">
        <v>5</v>
      </c>
      <c r="AZ409">
        <v>12</v>
      </c>
      <c r="BA409">
        <v>1038</v>
      </c>
    </row>
    <row r="410" spans="1:53" x14ac:dyDescent="0.4">
      <c r="A410">
        <v>454</v>
      </c>
      <c r="B410" s="1">
        <v>42950</v>
      </c>
      <c r="C410">
        <v>1</v>
      </c>
      <c r="D410" s="1">
        <v>42950.291666666664</v>
      </c>
      <c r="E410" s="1">
        <v>42950.411805555559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0</v>
      </c>
      <c r="O410">
        <v>0</v>
      </c>
      <c r="P410">
        <v>0</v>
      </c>
      <c r="Q410">
        <v>0</v>
      </c>
      <c r="R410">
        <v>0</v>
      </c>
      <c r="S410">
        <v>0</v>
      </c>
      <c r="T410">
        <v>0</v>
      </c>
      <c r="U410">
        <v>0</v>
      </c>
      <c r="V410">
        <v>0</v>
      </c>
      <c r="W410">
        <v>0</v>
      </c>
      <c r="X410">
        <v>0</v>
      </c>
      <c r="Y410">
        <v>30</v>
      </c>
      <c r="Z410">
        <v>25</v>
      </c>
      <c r="AA410">
        <v>64</v>
      </c>
      <c r="AB410">
        <v>3</v>
      </c>
      <c r="AC410">
        <v>56</v>
      </c>
      <c r="AD410">
        <v>58</v>
      </c>
      <c r="AE410">
        <v>100</v>
      </c>
      <c r="AF410">
        <v>0</v>
      </c>
      <c r="AG410">
        <v>50000</v>
      </c>
      <c r="AH410">
        <v>0</v>
      </c>
      <c r="AI410">
        <v>50000</v>
      </c>
      <c r="AJ410">
        <v>0</v>
      </c>
      <c r="AK410" t="s">
        <v>6</v>
      </c>
      <c r="AL410">
        <v>0</v>
      </c>
      <c r="AM410">
        <v>0</v>
      </c>
      <c r="AN410">
        <v>0</v>
      </c>
      <c r="AO410">
        <v>0</v>
      </c>
      <c r="AP410">
        <v>0</v>
      </c>
      <c r="AQ410">
        <v>0</v>
      </c>
      <c r="AR410">
        <v>0</v>
      </c>
      <c r="AS410">
        <v>0</v>
      </c>
      <c r="AT410">
        <v>0</v>
      </c>
      <c r="AU410">
        <v>0</v>
      </c>
      <c r="AV410">
        <v>0</v>
      </c>
      <c r="AW410">
        <v>0</v>
      </c>
      <c r="AX410">
        <v>0</v>
      </c>
      <c r="AY410">
        <v>0</v>
      </c>
      <c r="AZ410">
        <v>0</v>
      </c>
      <c r="BA410">
        <v>0</v>
      </c>
    </row>
    <row r="411" spans="1:53" x14ac:dyDescent="0.4">
      <c r="A411">
        <v>455</v>
      </c>
      <c r="B411" s="1">
        <v>42950</v>
      </c>
      <c r="C411">
        <v>2</v>
      </c>
      <c r="D411" s="1">
        <v>42950.411805555559</v>
      </c>
      <c r="E411" s="1">
        <v>42950.973611111112</v>
      </c>
      <c r="F411">
        <v>80670</v>
      </c>
      <c r="G411">
        <v>5210</v>
      </c>
      <c r="H411">
        <v>0</v>
      </c>
      <c r="I411">
        <v>0</v>
      </c>
      <c r="J411">
        <v>1000</v>
      </c>
      <c r="K411">
        <v>0</v>
      </c>
      <c r="L411">
        <v>0</v>
      </c>
      <c r="M411">
        <v>6790</v>
      </c>
      <c r="N411">
        <v>0</v>
      </c>
      <c r="O411">
        <v>0</v>
      </c>
      <c r="P411">
        <v>2592</v>
      </c>
      <c r="Q411">
        <v>0</v>
      </c>
      <c r="R411">
        <v>94262</v>
      </c>
      <c r="S411">
        <v>0</v>
      </c>
      <c r="T411">
        <v>0</v>
      </c>
      <c r="U411">
        <v>0</v>
      </c>
      <c r="V411">
        <v>6</v>
      </c>
      <c r="W411">
        <v>0</v>
      </c>
      <c r="X411">
        <v>0</v>
      </c>
      <c r="Y411">
        <v>30</v>
      </c>
      <c r="Z411">
        <v>34</v>
      </c>
      <c r="AA411">
        <v>100</v>
      </c>
      <c r="AB411">
        <v>7</v>
      </c>
      <c r="AC411">
        <v>129</v>
      </c>
      <c r="AD411">
        <v>14</v>
      </c>
      <c r="AE411">
        <v>125</v>
      </c>
      <c r="AF411">
        <v>25167</v>
      </c>
      <c r="AG411">
        <v>144002</v>
      </c>
      <c r="AH411">
        <v>50000</v>
      </c>
      <c r="AI411">
        <v>-260</v>
      </c>
      <c r="AJ411">
        <v>100</v>
      </c>
      <c r="AK411" t="s">
        <v>0</v>
      </c>
      <c r="AL411">
        <v>0</v>
      </c>
      <c r="AM411">
        <v>0</v>
      </c>
      <c r="AN411">
        <v>0</v>
      </c>
      <c r="AO411">
        <v>0</v>
      </c>
      <c r="AP411">
        <v>0</v>
      </c>
      <c r="AQ411">
        <v>0</v>
      </c>
      <c r="AR411">
        <v>0</v>
      </c>
      <c r="AS411">
        <v>0</v>
      </c>
      <c r="AT411">
        <v>0</v>
      </c>
      <c r="AU411">
        <v>0</v>
      </c>
      <c r="AV411">
        <v>0</v>
      </c>
      <c r="AW411">
        <v>0</v>
      </c>
      <c r="AX411">
        <v>50749</v>
      </c>
      <c r="AY411">
        <v>62</v>
      </c>
      <c r="AZ411">
        <v>132</v>
      </c>
      <c r="BA411">
        <v>8699</v>
      </c>
    </row>
    <row r="412" spans="1:53" x14ac:dyDescent="0.4">
      <c r="A412">
        <v>456</v>
      </c>
      <c r="B412" s="1">
        <v>42950</v>
      </c>
      <c r="C412">
        <v>3</v>
      </c>
      <c r="D412" s="1">
        <v>42950.973611111112</v>
      </c>
      <c r="E412" s="1">
        <v>42951.088194444441</v>
      </c>
      <c r="F412">
        <v>61760</v>
      </c>
      <c r="G412">
        <v>2540</v>
      </c>
      <c r="H412">
        <v>0</v>
      </c>
      <c r="I412">
        <v>0</v>
      </c>
      <c r="J412">
        <v>250</v>
      </c>
      <c r="K412">
        <v>0</v>
      </c>
      <c r="L412">
        <v>0</v>
      </c>
      <c r="M412">
        <v>5124</v>
      </c>
      <c r="N412">
        <v>0</v>
      </c>
      <c r="O412">
        <v>0</v>
      </c>
      <c r="P412">
        <v>26352</v>
      </c>
      <c r="Q412">
        <v>0</v>
      </c>
      <c r="R412">
        <v>95526</v>
      </c>
      <c r="S412">
        <v>0</v>
      </c>
      <c r="T412">
        <v>0</v>
      </c>
      <c r="U412">
        <v>0</v>
      </c>
      <c r="V412">
        <v>9</v>
      </c>
      <c r="W412">
        <v>3</v>
      </c>
      <c r="X412">
        <v>0</v>
      </c>
      <c r="Y412">
        <v>31</v>
      </c>
      <c r="Z412">
        <v>32</v>
      </c>
      <c r="AA412">
        <v>100</v>
      </c>
      <c r="AB412">
        <v>6</v>
      </c>
      <c r="AC412">
        <v>127</v>
      </c>
      <c r="AD412">
        <v>64</v>
      </c>
      <c r="AE412">
        <v>113</v>
      </c>
      <c r="AF412">
        <v>76030</v>
      </c>
      <c r="AG412">
        <v>240033</v>
      </c>
      <c r="AH412">
        <v>50000</v>
      </c>
      <c r="AI412">
        <v>245</v>
      </c>
      <c r="AJ412">
        <v>100</v>
      </c>
      <c r="AK412" t="s">
        <v>0</v>
      </c>
      <c r="AL412">
        <v>0</v>
      </c>
      <c r="AM412">
        <v>0</v>
      </c>
      <c r="AN412">
        <v>0</v>
      </c>
      <c r="AO412">
        <v>0</v>
      </c>
      <c r="AP412">
        <v>0</v>
      </c>
      <c r="AQ412">
        <v>0</v>
      </c>
      <c r="AR412">
        <v>0</v>
      </c>
      <c r="AS412">
        <v>0</v>
      </c>
      <c r="AT412">
        <v>0</v>
      </c>
      <c r="AU412">
        <v>0</v>
      </c>
      <c r="AV412">
        <v>0</v>
      </c>
      <c r="AW412">
        <v>0</v>
      </c>
      <c r="AX412">
        <v>3402</v>
      </c>
      <c r="AY412">
        <v>7</v>
      </c>
      <c r="AZ412">
        <v>29</v>
      </c>
      <c r="BA412">
        <v>679</v>
      </c>
    </row>
    <row r="413" spans="1:53" x14ac:dyDescent="0.4">
      <c r="A413">
        <v>457</v>
      </c>
      <c r="B413" s="1">
        <v>42951</v>
      </c>
      <c r="C413">
        <v>1</v>
      </c>
      <c r="D413" s="1">
        <v>42951.291666666664</v>
      </c>
      <c r="E413" s="1">
        <v>42951.411805555559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0</v>
      </c>
      <c r="O413">
        <v>0</v>
      </c>
      <c r="P413">
        <v>0</v>
      </c>
      <c r="Q413">
        <v>0</v>
      </c>
      <c r="R413">
        <v>0</v>
      </c>
      <c r="S413">
        <v>0</v>
      </c>
      <c r="T413">
        <v>0</v>
      </c>
      <c r="U413">
        <v>0</v>
      </c>
      <c r="V413">
        <v>0</v>
      </c>
      <c r="W413">
        <v>0</v>
      </c>
      <c r="X413">
        <v>0</v>
      </c>
      <c r="Y413">
        <v>21</v>
      </c>
      <c r="Z413">
        <v>35</v>
      </c>
      <c r="AA413">
        <v>94</v>
      </c>
      <c r="AB413">
        <v>9</v>
      </c>
      <c r="AC413">
        <v>122</v>
      </c>
      <c r="AD413">
        <v>63</v>
      </c>
      <c r="AE413">
        <v>115</v>
      </c>
      <c r="AF413">
        <v>0</v>
      </c>
      <c r="AG413">
        <v>50000</v>
      </c>
      <c r="AH413">
        <v>0</v>
      </c>
      <c r="AI413">
        <v>50000</v>
      </c>
      <c r="AJ413">
        <v>0</v>
      </c>
      <c r="AK413" t="s">
        <v>6</v>
      </c>
      <c r="AL413">
        <v>0</v>
      </c>
      <c r="AM413">
        <v>0</v>
      </c>
      <c r="AN413">
        <v>0</v>
      </c>
      <c r="AO413">
        <v>0</v>
      </c>
      <c r="AP413">
        <v>0</v>
      </c>
      <c r="AQ413">
        <v>0</v>
      </c>
      <c r="AR413">
        <v>0</v>
      </c>
      <c r="AS413">
        <v>0</v>
      </c>
      <c r="AT413">
        <v>0</v>
      </c>
      <c r="AU413">
        <v>0</v>
      </c>
      <c r="AV413">
        <v>0</v>
      </c>
      <c r="AW413">
        <v>0</v>
      </c>
      <c r="AX413">
        <v>0</v>
      </c>
      <c r="AY413">
        <v>0</v>
      </c>
      <c r="AZ413">
        <v>0</v>
      </c>
      <c r="BA413">
        <v>0</v>
      </c>
    </row>
    <row r="414" spans="1:53" x14ac:dyDescent="0.4">
      <c r="A414">
        <v>458</v>
      </c>
      <c r="B414" s="1">
        <v>42951</v>
      </c>
      <c r="C414">
        <v>2</v>
      </c>
      <c r="D414" s="1">
        <v>42951.411805555559</v>
      </c>
      <c r="E414" s="1">
        <v>42951.745138888888</v>
      </c>
      <c r="F414">
        <v>37250</v>
      </c>
      <c r="G414">
        <v>1760</v>
      </c>
      <c r="H414">
        <v>0</v>
      </c>
      <c r="I414">
        <v>0</v>
      </c>
      <c r="J414">
        <v>0</v>
      </c>
      <c r="K414">
        <v>0</v>
      </c>
      <c r="L414">
        <v>0</v>
      </c>
      <c r="M414">
        <v>3120</v>
      </c>
      <c r="N414">
        <v>0</v>
      </c>
      <c r="O414">
        <v>0</v>
      </c>
      <c r="P414">
        <v>8100</v>
      </c>
      <c r="Q414">
        <v>0</v>
      </c>
      <c r="R414">
        <v>50230</v>
      </c>
      <c r="S414">
        <v>0</v>
      </c>
      <c r="T414">
        <v>0</v>
      </c>
      <c r="U414">
        <v>0</v>
      </c>
      <c r="V414">
        <v>0</v>
      </c>
      <c r="W414">
        <v>3</v>
      </c>
      <c r="X414">
        <v>0</v>
      </c>
      <c r="Y414">
        <v>43</v>
      </c>
      <c r="Z414">
        <v>52</v>
      </c>
      <c r="AA414">
        <v>131</v>
      </c>
      <c r="AB414">
        <v>12</v>
      </c>
      <c r="AC414">
        <v>208</v>
      </c>
      <c r="AD414">
        <v>66</v>
      </c>
      <c r="AE414">
        <v>120</v>
      </c>
      <c r="AF414">
        <v>0</v>
      </c>
      <c r="AG414">
        <v>100230</v>
      </c>
      <c r="AH414">
        <v>50000</v>
      </c>
      <c r="AI414">
        <v>0</v>
      </c>
      <c r="AJ414">
        <v>96</v>
      </c>
      <c r="AK414" t="s">
        <v>4</v>
      </c>
      <c r="AL414">
        <v>0</v>
      </c>
      <c r="AM414">
        <v>0</v>
      </c>
      <c r="AN414">
        <v>0</v>
      </c>
      <c r="AO414">
        <v>0</v>
      </c>
      <c r="AP414">
        <v>0</v>
      </c>
      <c r="AQ414">
        <v>0</v>
      </c>
      <c r="AR414">
        <v>0</v>
      </c>
      <c r="AS414">
        <v>0</v>
      </c>
      <c r="AT414">
        <v>0</v>
      </c>
      <c r="AU414">
        <v>0</v>
      </c>
      <c r="AV414">
        <v>0</v>
      </c>
      <c r="AW414">
        <v>0</v>
      </c>
      <c r="AX414">
        <v>-886</v>
      </c>
      <c r="AY414">
        <v>42</v>
      </c>
      <c r="AZ414">
        <v>90</v>
      </c>
      <c r="BA414">
        <v>6817</v>
      </c>
    </row>
    <row r="415" spans="1:53" x14ac:dyDescent="0.4">
      <c r="A415">
        <v>459</v>
      </c>
      <c r="B415" s="1">
        <v>42951</v>
      </c>
      <c r="C415">
        <v>3</v>
      </c>
      <c r="D415" s="1">
        <v>42951.745138888888</v>
      </c>
      <c r="E415" s="1">
        <v>42952.113888888889</v>
      </c>
      <c r="F415">
        <v>315450</v>
      </c>
      <c r="G415">
        <v>17230</v>
      </c>
      <c r="H415">
        <v>0</v>
      </c>
      <c r="I415">
        <v>0</v>
      </c>
      <c r="J415">
        <v>800</v>
      </c>
      <c r="K415">
        <v>6000</v>
      </c>
      <c r="L415">
        <v>0</v>
      </c>
      <c r="M415">
        <v>27029</v>
      </c>
      <c r="N415">
        <v>0</v>
      </c>
      <c r="O415">
        <v>0</v>
      </c>
      <c r="P415">
        <v>78300</v>
      </c>
      <c r="Q415">
        <v>0</v>
      </c>
      <c r="R415">
        <v>443209</v>
      </c>
      <c r="S415">
        <v>0</v>
      </c>
      <c r="T415">
        <v>0</v>
      </c>
      <c r="U415">
        <v>0</v>
      </c>
      <c r="V415">
        <v>31</v>
      </c>
      <c r="W415">
        <v>3</v>
      </c>
      <c r="X415">
        <v>0</v>
      </c>
      <c r="Y415">
        <v>99</v>
      </c>
      <c r="Z415">
        <v>45</v>
      </c>
      <c r="AA415">
        <v>126</v>
      </c>
      <c r="AB415">
        <v>0</v>
      </c>
      <c r="AC415">
        <v>206</v>
      </c>
      <c r="AD415">
        <v>61</v>
      </c>
      <c r="AE415">
        <v>127</v>
      </c>
      <c r="AF415">
        <v>81847</v>
      </c>
      <c r="AG415">
        <v>543439</v>
      </c>
      <c r="AH415">
        <v>50000</v>
      </c>
      <c r="AI415">
        <v>0</v>
      </c>
      <c r="AJ415">
        <v>94</v>
      </c>
      <c r="AK415" t="s">
        <v>26</v>
      </c>
      <c r="AL415">
        <v>0</v>
      </c>
      <c r="AM415">
        <v>0</v>
      </c>
      <c r="AN415">
        <v>0</v>
      </c>
      <c r="AO415">
        <v>0</v>
      </c>
      <c r="AP415">
        <v>0</v>
      </c>
      <c r="AQ415">
        <v>0</v>
      </c>
      <c r="AR415">
        <v>0</v>
      </c>
      <c r="AS415">
        <v>0</v>
      </c>
      <c r="AT415">
        <v>0</v>
      </c>
      <c r="AU415">
        <v>0</v>
      </c>
      <c r="AV415">
        <v>0</v>
      </c>
      <c r="AW415">
        <v>0</v>
      </c>
      <c r="AX415">
        <v>11697</v>
      </c>
      <c r="AY415">
        <v>44</v>
      </c>
      <c r="AZ415">
        <v>198</v>
      </c>
      <c r="BA415">
        <v>6074</v>
      </c>
    </row>
    <row r="416" spans="1:53" x14ac:dyDescent="0.4">
      <c r="A416">
        <v>460</v>
      </c>
      <c r="B416" s="1">
        <v>42952</v>
      </c>
      <c r="C416">
        <v>1</v>
      </c>
      <c r="D416" s="1">
        <v>42952.291666666664</v>
      </c>
      <c r="E416" s="1">
        <v>42952.410416666666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0</v>
      </c>
      <c r="O416">
        <v>0</v>
      </c>
      <c r="P416">
        <v>0</v>
      </c>
      <c r="Q416">
        <v>0</v>
      </c>
      <c r="R416">
        <v>0</v>
      </c>
      <c r="S416">
        <v>0</v>
      </c>
      <c r="T416">
        <v>0</v>
      </c>
      <c r="U416">
        <v>0</v>
      </c>
      <c r="V416">
        <v>0</v>
      </c>
      <c r="W416">
        <v>1</v>
      </c>
      <c r="X416">
        <v>0</v>
      </c>
      <c r="Y416">
        <v>25</v>
      </c>
      <c r="Z416">
        <v>12</v>
      </c>
      <c r="AA416">
        <v>125</v>
      </c>
      <c r="AB416">
        <v>0</v>
      </c>
      <c r="AC416">
        <v>108</v>
      </c>
      <c r="AD416">
        <v>59</v>
      </c>
      <c r="AE416">
        <v>125</v>
      </c>
      <c r="AF416">
        <v>0</v>
      </c>
      <c r="AG416">
        <v>50000</v>
      </c>
      <c r="AH416">
        <v>0</v>
      </c>
      <c r="AI416">
        <v>50000</v>
      </c>
      <c r="AJ416">
        <v>0</v>
      </c>
      <c r="AK416" t="s">
        <v>6</v>
      </c>
      <c r="AL416">
        <v>0</v>
      </c>
      <c r="AM416">
        <v>0</v>
      </c>
      <c r="AN416">
        <v>0</v>
      </c>
      <c r="AO416">
        <v>0</v>
      </c>
      <c r="AP416">
        <v>0</v>
      </c>
      <c r="AQ416">
        <v>0</v>
      </c>
      <c r="AR416">
        <v>0</v>
      </c>
      <c r="AS416">
        <v>0</v>
      </c>
      <c r="AT416">
        <v>0</v>
      </c>
      <c r="AU416">
        <v>0</v>
      </c>
      <c r="AV416">
        <v>0</v>
      </c>
      <c r="AW416">
        <v>0</v>
      </c>
      <c r="AX416">
        <v>0</v>
      </c>
      <c r="AY416">
        <v>0</v>
      </c>
      <c r="AZ416">
        <v>0</v>
      </c>
      <c r="BA416">
        <v>0</v>
      </c>
    </row>
    <row r="417" spans="1:53" x14ac:dyDescent="0.4">
      <c r="A417">
        <v>461</v>
      </c>
      <c r="B417" s="1">
        <v>42952</v>
      </c>
      <c r="C417">
        <v>2</v>
      </c>
      <c r="D417" s="1">
        <v>42952.410416666666</v>
      </c>
      <c r="E417" s="1">
        <v>42952.961111111108</v>
      </c>
      <c r="F417">
        <v>135310</v>
      </c>
      <c r="G417">
        <v>12330</v>
      </c>
      <c r="H417">
        <v>0</v>
      </c>
      <c r="I417">
        <v>0</v>
      </c>
      <c r="J417">
        <v>0</v>
      </c>
      <c r="K417">
        <v>2000</v>
      </c>
      <c r="L417">
        <v>0</v>
      </c>
      <c r="M417">
        <v>11970</v>
      </c>
      <c r="N417">
        <v>0</v>
      </c>
      <c r="O417">
        <v>0</v>
      </c>
      <c r="P417">
        <v>0</v>
      </c>
      <c r="Q417">
        <v>0</v>
      </c>
      <c r="R417">
        <v>161610</v>
      </c>
      <c r="S417">
        <v>0</v>
      </c>
      <c r="T417">
        <v>0</v>
      </c>
      <c r="U417">
        <v>0</v>
      </c>
      <c r="V417">
        <v>10</v>
      </c>
      <c r="W417">
        <v>6</v>
      </c>
      <c r="X417">
        <v>0</v>
      </c>
      <c r="Y417">
        <v>36</v>
      </c>
      <c r="Z417">
        <v>38</v>
      </c>
      <c r="AA417">
        <v>148</v>
      </c>
      <c r="AB417">
        <v>16</v>
      </c>
      <c r="AC417">
        <v>141</v>
      </c>
      <c r="AD417">
        <v>55</v>
      </c>
      <c r="AE417">
        <v>124</v>
      </c>
      <c r="AF417">
        <v>8662</v>
      </c>
      <c r="AG417">
        <v>211071</v>
      </c>
      <c r="AH417">
        <v>50000</v>
      </c>
      <c r="AI417">
        <v>-539</v>
      </c>
      <c r="AJ417">
        <v>84</v>
      </c>
      <c r="AK417" t="s">
        <v>16</v>
      </c>
      <c r="AL417">
        <v>0</v>
      </c>
      <c r="AM417">
        <v>0</v>
      </c>
      <c r="AN417">
        <v>0</v>
      </c>
      <c r="AO417">
        <v>0</v>
      </c>
      <c r="AP417">
        <v>0</v>
      </c>
      <c r="AQ417">
        <v>0</v>
      </c>
      <c r="AR417">
        <v>0</v>
      </c>
      <c r="AS417">
        <v>0</v>
      </c>
      <c r="AT417">
        <v>0</v>
      </c>
      <c r="AU417">
        <v>0</v>
      </c>
      <c r="AV417">
        <v>0</v>
      </c>
      <c r="AW417">
        <v>0</v>
      </c>
      <c r="AX417">
        <v>94651</v>
      </c>
      <c r="AY417">
        <v>72</v>
      </c>
      <c r="AZ417">
        <v>196</v>
      </c>
      <c r="BA417">
        <v>10693</v>
      </c>
    </row>
    <row r="418" spans="1:53" x14ac:dyDescent="0.4">
      <c r="A418">
        <v>462</v>
      </c>
      <c r="B418" s="1">
        <v>42952</v>
      </c>
      <c r="C418">
        <v>3</v>
      </c>
      <c r="D418" s="1">
        <v>42952.961111111108</v>
      </c>
      <c r="E418" s="1">
        <v>42953.09375</v>
      </c>
      <c r="F418">
        <v>99100</v>
      </c>
      <c r="G418">
        <v>5540</v>
      </c>
      <c r="H418">
        <v>0</v>
      </c>
      <c r="I418">
        <v>0</v>
      </c>
      <c r="J418">
        <v>0</v>
      </c>
      <c r="K418">
        <v>0</v>
      </c>
      <c r="L418">
        <v>0</v>
      </c>
      <c r="M418">
        <v>8371</v>
      </c>
      <c r="N418">
        <v>0</v>
      </c>
      <c r="O418">
        <v>0</v>
      </c>
      <c r="P418">
        <v>134633</v>
      </c>
      <c r="Q418">
        <v>0</v>
      </c>
      <c r="R418">
        <v>247644</v>
      </c>
      <c r="S418">
        <v>0</v>
      </c>
      <c r="T418">
        <v>0</v>
      </c>
      <c r="U418">
        <v>0</v>
      </c>
      <c r="V418">
        <v>33</v>
      </c>
      <c r="W418">
        <v>4</v>
      </c>
      <c r="X418">
        <v>0</v>
      </c>
      <c r="Y418">
        <v>56</v>
      </c>
      <c r="Z418">
        <v>44</v>
      </c>
      <c r="AA418">
        <v>149</v>
      </c>
      <c r="AB418">
        <v>13</v>
      </c>
      <c r="AC418">
        <v>120</v>
      </c>
      <c r="AD418">
        <v>51</v>
      </c>
      <c r="AE418">
        <v>125</v>
      </c>
      <c r="AF418">
        <v>14124</v>
      </c>
      <c r="AG418">
        <v>459254</v>
      </c>
      <c r="AH418">
        <v>50000</v>
      </c>
      <c r="AI418">
        <v>0</v>
      </c>
      <c r="AJ418">
        <v>100</v>
      </c>
      <c r="AK418" t="s">
        <v>0</v>
      </c>
      <c r="AL418">
        <v>0</v>
      </c>
      <c r="AM418">
        <v>0</v>
      </c>
      <c r="AN418">
        <v>0</v>
      </c>
      <c r="AO418">
        <v>0</v>
      </c>
      <c r="AP418">
        <v>0</v>
      </c>
      <c r="AQ418">
        <v>0</v>
      </c>
      <c r="AR418">
        <v>0</v>
      </c>
      <c r="AS418">
        <v>0</v>
      </c>
      <c r="AT418">
        <v>0</v>
      </c>
      <c r="AU418">
        <v>0</v>
      </c>
      <c r="AV418">
        <v>0</v>
      </c>
      <c r="AW418">
        <v>0</v>
      </c>
      <c r="AX418">
        <v>69099</v>
      </c>
      <c r="AY418">
        <v>18</v>
      </c>
      <c r="AZ418">
        <v>84</v>
      </c>
      <c r="BA418">
        <v>2504</v>
      </c>
    </row>
    <row r="419" spans="1:53" x14ac:dyDescent="0.4">
      <c r="A419">
        <v>463</v>
      </c>
      <c r="B419" s="1">
        <v>42953</v>
      </c>
      <c r="C419">
        <v>1</v>
      </c>
      <c r="D419" s="1">
        <v>42953.291666666664</v>
      </c>
      <c r="E419" s="1">
        <v>42953.40625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0</v>
      </c>
      <c r="O419">
        <v>0</v>
      </c>
      <c r="P419">
        <v>0</v>
      </c>
      <c r="Q419">
        <v>0</v>
      </c>
      <c r="R419">
        <v>0</v>
      </c>
      <c r="S419">
        <v>0</v>
      </c>
      <c r="T419">
        <v>0</v>
      </c>
      <c r="U419">
        <v>0</v>
      </c>
      <c r="V419">
        <v>0</v>
      </c>
      <c r="W419">
        <v>1</v>
      </c>
      <c r="X419">
        <v>0</v>
      </c>
      <c r="Y419">
        <v>25</v>
      </c>
      <c r="Z419">
        <v>16</v>
      </c>
      <c r="AA419">
        <v>98</v>
      </c>
      <c r="AB419">
        <v>13</v>
      </c>
      <c r="AC419">
        <v>119</v>
      </c>
      <c r="AD419">
        <v>50</v>
      </c>
      <c r="AE419">
        <v>110</v>
      </c>
      <c r="AF419">
        <v>0</v>
      </c>
      <c r="AG419">
        <v>50000</v>
      </c>
      <c r="AH419">
        <v>50000</v>
      </c>
      <c r="AI419">
        <v>0</v>
      </c>
      <c r="AJ419">
        <v>0</v>
      </c>
      <c r="AK419" t="s">
        <v>6</v>
      </c>
      <c r="AL419">
        <v>0</v>
      </c>
      <c r="AM419">
        <v>0</v>
      </c>
      <c r="AN419">
        <v>0</v>
      </c>
      <c r="AO419">
        <v>0</v>
      </c>
      <c r="AP419">
        <v>0</v>
      </c>
      <c r="AQ419">
        <v>0</v>
      </c>
      <c r="AR419">
        <v>0</v>
      </c>
      <c r="AS419">
        <v>0</v>
      </c>
      <c r="AT419">
        <v>0</v>
      </c>
      <c r="AU419">
        <v>0</v>
      </c>
      <c r="AV419">
        <v>0</v>
      </c>
      <c r="AW419">
        <v>0</v>
      </c>
      <c r="AX419">
        <v>0</v>
      </c>
      <c r="AY419">
        <v>0</v>
      </c>
      <c r="AZ419">
        <v>0</v>
      </c>
      <c r="BA419">
        <v>0</v>
      </c>
    </row>
    <row r="420" spans="1:53" x14ac:dyDescent="0.4">
      <c r="A420">
        <v>464</v>
      </c>
      <c r="B420" s="1">
        <v>42953</v>
      </c>
      <c r="C420">
        <v>2</v>
      </c>
      <c r="D420" s="1">
        <v>42953.40625</v>
      </c>
      <c r="E420" s="1">
        <v>42953.757638888892</v>
      </c>
      <c r="F420">
        <v>40750</v>
      </c>
      <c r="G420">
        <v>6330</v>
      </c>
      <c r="H420">
        <v>0</v>
      </c>
      <c r="I420">
        <v>0</v>
      </c>
      <c r="J420">
        <v>100</v>
      </c>
      <c r="K420">
        <v>0</v>
      </c>
      <c r="L420">
        <v>0</v>
      </c>
      <c r="M420">
        <v>3756</v>
      </c>
      <c r="N420">
        <v>0</v>
      </c>
      <c r="O420">
        <v>0</v>
      </c>
      <c r="P420">
        <v>23220</v>
      </c>
      <c r="Q420">
        <v>0</v>
      </c>
      <c r="R420">
        <v>73956</v>
      </c>
      <c r="S420">
        <v>0</v>
      </c>
      <c r="T420">
        <v>0</v>
      </c>
      <c r="U420">
        <v>0</v>
      </c>
      <c r="V420">
        <v>2</v>
      </c>
      <c r="W420">
        <v>3</v>
      </c>
      <c r="X420">
        <v>0</v>
      </c>
      <c r="Y420">
        <v>60</v>
      </c>
      <c r="Z420">
        <v>27</v>
      </c>
      <c r="AA420">
        <v>96</v>
      </c>
      <c r="AB420">
        <v>25</v>
      </c>
      <c r="AC420">
        <v>164</v>
      </c>
      <c r="AD420">
        <v>54</v>
      </c>
      <c r="AE420">
        <v>104</v>
      </c>
      <c r="AF420">
        <v>2592</v>
      </c>
      <c r="AG420">
        <v>123956</v>
      </c>
      <c r="AH420">
        <v>50000</v>
      </c>
      <c r="AI420">
        <v>0</v>
      </c>
      <c r="AJ420">
        <v>16</v>
      </c>
      <c r="AK420" t="s">
        <v>11</v>
      </c>
      <c r="AL420">
        <v>0</v>
      </c>
      <c r="AM420">
        <v>0</v>
      </c>
      <c r="AN420">
        <v>0</v>
      </c>
      <c r="AO420">
        <v>0</v>
      </c>
      <c r="AP420">
        <v>0</v>
      </c>
      <c r="AQ420">
        <v>0</v>
      </c>
      <c r="AR420">
        <v>0</v>
      </c>
      <c r="AS420">
        <v>0</v>
      </c>
      <c r="AT420">
        <v>0</v>
      </c>
      <c r="AU420">
        <v>0</v>
      </c>
      <c r="AV420">
        <v>0</v>
      </c>
      <c r="AW420">
        <v>0</v>
      </c>
      <c r="AX420">
        <v>8456</v>
      </c>
      <c r="AY420">
        <v>55</v>
      </c>
      <c r="AZ420">
        <v>124</v>
      </c>
      <c r="BA420">
        <v>8013</v>
      </c>
    </row>
    <row r="421" spans="1:53" x14ac:dyDescent="0.4">
      <c r="A421">
        <v>465</v>
      </c>
      <c r="B421" s="1">
        <v>42953</v>
      </c>
      <c r="C421">
        <v>3</v>
      </c>
      <c r="D421" s="1">
        <v>42953.757638888892</v>
      </c>
      <c r="E421" s="1">
        <v>42953.96875</v>
      </c>
      <c r="F421">
        <v>77900</v>
      </c>
      <c r="G421">
        <v>11840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7179</v>
      </c>
      <c r="N421">
        <v>0</v>
      </c>
      <c r="O421">
        <v>0</v>
      </c>
      <c r="P421">
        <v>-9180</v>
      </c>
      <c r="Q421">
        <v>0</v>
      </c>
      <c r="R421">
        <v>87739</v>
      </c>
      <c r="S421">
        <v>0</v>
      </c>
      <c r="T421">
        <v>0</v>
      </c>
      <c r="U421">
        <v>0</v>
      </c>
      <c r="V421">
        <v>11</v>
      </c>
      <c r="W421">
        <v>0</v>
      </c>
      <c r="X421">
        <v>0</v>
      </c>
      <c r="Y421">
        <v>65</v>
      </c>
      <c r="Z421">
        <v>30</v>
      </c>
      <c r="AA421">
        <v>93</v>
      </c>
      <c r="AB421">
        <v>21</v>
      </c>
      <c r="AC421">
        <v>165</v>
      </c>
      <c r="AD421">
        <v>52</v>
      </c>
      <c r="AE421">
        <v>104</v>
      </c>
      <c r="AF421">
        <v>9331</v>
      </c>
      <c r="AG421">
        <v>211695</v>
      </c>
      <c r="AH421">
        <v>50000</v>
      </c>
      <c r="AI421">
        <v>0</v>
      </c>
      <c r="AJ421">
        <v>91</v>
      </c>
      <c r="AK421" t="s">
        <v>14</v>
      </c>
      <c r="AL421">
        <v>0</v>
      </c>
      <c r="AM421">
        <v>0</v>
      </c>
      <c r="AN421">
        <v>0</v>
      </c>
      <c r="AO421">
        <v>0</v>
      </c>
      <c r="AP421">
        <v>0</v>
      </c>
      <c r="AQ421">
        <v>0</v>
      </c>
      <c r="AR421">
        <v>0</v>
      </c>
      <c r="AS421">
        <v>0</v>
      </c>
      <c r="AT421">
        <v>0</v>
      </c>
      <c r="AU421">
        <v>0</v>
      </c>
      <c r="AV421">
        <v>0</v>
      </c>
      <c r="AW421">
        <v>0</v>
      </c>
      <c r="AX421">
        <v>18533</v>
      </c>
      <c r="AY421">
        <v>18</v>
      </c>
      <c r="AZ421">
        <v>85</v>
      </c>
      <c r="BA421">
        <v>2943</v>
      </c>
    </row>
    <row r="422" spans="1:53" x14ac:dyDescent="0.4">
      <c r="A422">
        <v>466</v>
      </c>
      <c r="B422" s="1">
        <v>42954</v>
      </c>
      <c r="C422">
        <v>1</v>
      </c>
      <c r="D422" s="1">
        <v>42954.291666666664</v>
      </c>
      <c r="E422" s="1">
        <v>42954.412499999999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0</v>
      </c>
      <c r="O422">
        <v>0</v>
      </c>
      <c r="P422">
        <v>0</v>
      </c>
      <c r="Q422">
        <v>0</v>
      </c>
      <c r="R422">
        <v>0</v>
      </c>
      <c r="S422">
        <v>0</v>
      </c>
      <c r="T422">
        <v>0</v>
      </c>
      <c r="U422">
        <v>0</v>
      </c>
      <c r="V422">
        <v>0</v>
      </c>
      <c r="W422">
        <v>0</v>
      </c>
      <c r="X422">
        <v>0</v>
      </c>
      <c r="Y422">
        <v>30</v>
      </c>
      <c r="Z422">
        <v>19</v>
      </c>
      <c r="AA422">
        <v>83</v>
      </c>
      <c r="AB422">
        <v>26</v>
      </c>
      <c r="AC422">
        <v>54</v>
      </c>
      <c r="AD422">
        <v>53</v>
      </c>
      <c r="AE422">
        <v>95</v>
      </c>
      <c r="AF422">
        <v>0</v>
      </c>
      <c r="AG422">
        <v>50000</v>
      </c>
      <c r="AH422">
        <v>0</v>
      </c>
      <c r="AI422">
        <v>50000</v>
      </c>
      <c r="AJ422">
        <v>0</v>
      </c>
      <c r="AK422" t="s">
        <v>6</v>
      </c>
      <c r="AL422">
        <v>0</v>
      </c>
      <c r="AM422">
        <v>0</v>
      </c>
      <c r="AN422">
        <v>0</v>
      </c>
      <c r="AO422">
        <v>0</v>
      </c>
      <c r="AP422">
        <v>0</v>
      </c>
      <c r="AQ422">
        <v>0</v>
      </c>
      <c r="AR422">
        <v>0</v>
      </c>
      <c r="AS422">
        <v>0</v>
      </c>
      <c r="AT422">
        <v>0</v>
      </c>
      <c r="AU422">
        <v>0</v>
      </c>
      <c r="AV422">
        <v>0</v>
      </c>
      <c r="AW422">
        <v>0</v>
      </c>
      <c r="AX422">
        <v>0</v>
      </c>
      <c r="AY422">
        <v>0</v>
      </c>
      <c r="AZ422">
        <v>0</v>
      </c>
      <c r="BA422">
        <v>0</v>
      </c>
    </row>
    <row r="423" spans="1:53" x14ac:dyDescent="0.4">
      <c r="A423">
        <v>467</v>
      </c>
      <c r="B423" s="1">
        <v>42954</v>
      </c>
      <c r="C423">
        <v>2</v>
      </c>
      <c r="D423" s="1">
        <v>42954.412499999999</v>
      </c>
      <c r="E423" s="1">
        <v>42954.748611111114</v>
      </c>
      <c r="F423">
        <v>43000</v>
      </c>
      <c r="G423">
        <v>5810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3904</v>
      </c>
      <c r="N423">
        <v>0</v>
      </c>
      <c r="O423">
        <v>0</v>
      </c>
      <c r="P423">
        <v>12420</v>
      </c>
      <c r="Q423">
        <v>0</v>
      </c>
      <c r="R423">
        <v>65134</v>
      </c>
      <c r="S423">
        <v>0</v>
      </c>
      <c r="T423">
        <v>0</v>
      </c>
      <c r="U423">
        <v>0</v>
      </c>
      <c r="V423">
        <v>2</v>
      </c>
      <c r="W423">
        <v>1</v>
      </c>
      <c r="X423">
        <v>0</v>
      </c>
      <c r="Y423">
        <v>57</v>
      </c>
      <c r="Z423">
        <v>33</v>
      </c>
      <c r="AA423">
        <v>121</v>
      </c>
      <c r="AB423">
        <v>38</v>
      </c>
      <c r="AC423">
        <v>125</v>
      </c>
      <c r="AD423">
        <v>58</v>
      </c>
      <c r="AE423">
        <v>94</v>
      </c>
      <c r="AF423">
        <v>0</v>
      </c>
      <c r="AG423">
        <v>114134</v>
      </c>
      <c r="AH423">
        <v>50000</v>
      </c>
      <c r="AI423">
        <v>-1000</v>
      </c>
      <c r="AJ423">
        <v>82</v>
      </c>
      <c r="AK423" t="s">
        <v>17</v>
      </c>
      <c r="AL423">
        <v>0</v>
      </c>
      <c r="AM423">
        <v>0</v>
      </c>
      <c r="AN423">
        <v>0</v>
      </c>
      <c r="AO423">
        <v>0</v>
      </c>
      <c r="AP423">
        <v>0</v>
      </c>
      <c r="AQ423">
        <v>0</v>
      </c>
      <c r="AR423">
        <v>0</v>
      </c>
      <c r="AS423">
        <v>0</v>
      </c>
      <c r="AT423">
        <v>0</v>
      </c>
      <c r="AU423">
        <v>0</v>
      </c>
      <c r="AV423">
        <v>0</v>
      </c>
      <c r="AW423">
        <v>0</v>
      </c>
      <c r="AX423">
        <v>-670</v>
      </c>
      <c r="AY423">
        <v>42</v>
      </c>
      <c r="AZ423">
        <v>101</v>
      </c>
      <c r="BA423">
        <v>7066</v>
      </c>
    </row>
    <row r="424" spans="1:53" x14ac:dyDescent="0.4">
      <c r="A424">
        <v>468</v>
      </c>
      <c r="B424" s="1">
        <v>42954</v>
      </c>
      <c r="C424">
        <v>3</v>
      </c>
      <c r="D424" s="1">
        <v>42954.748611111114</v>
      </c>
      <c r="E424" s="1">
        <v>42954.966666666667</v>
      </c>
      <c r="F424">
        <v>27500</v>
      </c>
      <c r="G424">
        <v>1180</v>
      </c>
      <c r="H424">
        <v>0</v>
      </c>
      <c r="I424">
        <v>0</v>
      </c>
      <c r="J424">
        <v>0</v>
      </c>
      <c r="K424">
        <v>0</v>
      </c>
      <c r="L424">
        <v>0</v>
      </c>
      <c r="M424">
        <v>2294</v>
      </c>
      <c r="N424">
        <v>0</v>
      </c>
      <c r="O424">
        <v>0</v>
      </c>
      <c r="P424">
        <v>-6588</v>
      </c>
      <c r="Q424">
        <v>0</v>
      </c>
      <c r="R424">
        <v>24386</v>
      </c>
      <c r="S424">
        <v>0</v>
      </c>
      <c r="T424">
        <v>0</v>
      </c>
      <c r="U424">
        <v>0</v>
      </c>
      <c r="V424">
        <v>3</v>
      </c>
      <c r="W424">
        <v>0</v>
      </c>
      <c r="X424">
        <v>0</v>
      </c>
      <c r="Y424">
        <v>75</v>
      </c>
      <c r="Z424">
        <v>33</v>
      </c>
      <c r="AA424">
        <v>127</v>
      </c>
      <c r="AB424">
        <v>37</v>
      </c>
      <c r="AC424">
        <v>122</v>
      </c>
      <c r="AD424">
        <v>56</v>
      </c>
      <c r="AE424">
        <v>90</v>
      </c>
      <c r="AF424">
        <v>1880</v>
      </c>
      <c r="AG424">
        <v>139520</v>
      </c>
      <c r="AH424">
        <v>50000</v>
      </c>
      <c r="AI424">
        <v>0</v>
      </c>
      <c r="AJ424">
        <v>104</v>
      </c>
      <c r="AK424" t="s">
        <v>10</v>
      </c>
      <c r="AL424">
        <v>0</v>
      </c>
      <c r="AM424">
        <v>0</v>
      </c>
      <c r="AN424">
        <v>0</v>
      </c>
      <c r="AO424">
        <v>0</v>
      </c>
      <c r="AP424">
        <v>0</v>
      </c>
      <c r="AQ424">
        <v>0</v>
      </c>
      <c r="AR424">
        <v>0</v>
      </c>
      <c r="AS424">
        <v>0</v>
      </c>
      <c r="AT424">
        <v>0</v>
      </c>
      <c r="AU424">
        <v>0</v>
      </c>
      <c r="AV424">
        <v>0</v>
      </c>
      <c r="AW424">
        <v>0</v>
      </c>
      <c r="AX424">
        <v>4320</v>
      </c>
      <c r="AY424">
        <v>8</v>
      </c>
      <c r="AZ424">
        <v>24</v>
      </c>
      <c r="BA424">
        <v>1459</v>
      </c>
    </row>
    <row r="425" spans="1:53" x14ac:dyDescent="0.4">
      <c r="A425">
        <v>469</v>
      </c>
      <c r="B425" s="1">
        <v>42954</v>
      </c>
      <c r="C425">
        <v>4</v>
      </c>
      <c r="D425" s="1">
        <v>42954.966666666667</v>
      </c>
      <c r="E425" s="1">
        <v>42955.081944444442</v>
      </c>
      <c r="F425">
        <v>11400</v>
      </c>
      <c r="G425">
        <v>0</v>
      </c>
      <c r="H425">
        <v>0</v>
      </c>
      <c r="I425">
        <v>0</v>
      </c>
      <c r="J425">
        <v>0</v>
      </c>
      <c r="K425">
        <v>0</v>
      </c>
      <c r="L425">
        <v>0</v>
      </c>
      <c r="M425">
        <v>912</v>
      </c>
      <c r="N425">
        <v>0</v>
      </c>
      <c r="O425">
        <v>0</v>
      </c>
      <c r="P425">
        <v>-5832</v>
      </c>
      <c r="Q425">
        <v>0</v>
      </c>
      <c r="R425">
        <v>6480</v>
      </c>
      <c r="S425">
        <v>0</v>
      </c>
      <c r="T425">
        <v>0</v>
      </c>
      <c r="U425">
        <v>0</v>
      </c>
      <c r="V425">
        <v>3</v>
      </c>
      <c r="W425">
        <v>0</v>
      </c>
      <c r="X425">
        <v>0</v>
      </c>
      <c r="Y425">
        <v>81</v>
      </c>
      <c r="Z425">
        <v>33</v>
      </c>
      <c r="AA425">
        <v>132</v>
      </c>
      <c r="AB425">
        <v>37</v>
      </c>
      <c r="AC425">
        <v>120</v>
      </c>
      <c r="AD425">
        <v>56</v>
      </c>
      <c r="AE425">
        <v>90</v>
      </c>
      <c r="AF425">
        <v>1880</v>
      </c>
      <c r="AG425">
        <v>146000</v>
      </c>
      <c r="AH425">
        <v>50000</v>
      </c>
      <c r="AI425">
        <v>0</v>
      </c>
      <c r="AJ425">
        <v>104</v>
      </c>
      <c r="AK425" t="s">
        <v>10</v>
      </c>
      <c r="AL425">
        <v>0</v>
      </c>
      <c r="AM425">
        <v>0</v>
      </c>
      <c r="AN425">
        <v>0</v>
      </c>
      <c r="AO425">
        <v>0</v>
      </c>
      <c r="AP425">
        <v>0</v>
      </c>
      <c r="AQ425">
        <v>0</v>
      </c>
      <c r="AR425">
        <v>0</v>
      </c>
      <c r="AS425">
        <v>0</v>
      </c>
      <c r="AT425">
        <v>0</v>
      </c>
      <c r="AU425">
        <v>0</v>
      </c>
      <c r="AV425">
        <v>0</v>
      </c>
      <c r="AW425">
        <v>0</v>
      </c>
      <c r="AX425">
        <v>0</v>
      </c>
      <c r="AY425">
        <v>0</v>
      </c>
      <c r="AZ425">
        <v>0</v>
      </c>
      <c r="BA425">
        <v>146</v>
      </c>
    </row>
    <row r="426" spans="1:53" x14ac:dyDescent="0.4">
      <c r="A426">
        <v>470</v>
      </c>
      <c r="B426" s="1">
        <v>42955</v>
      </c>
      <c r="C426">
        <v>1</v>
      </c>
      <c r="D426" s="1">
        <v>42955.291666666664</v>
      </c>
      <c r="E426" s="1">
        <v>42955.408333333333</v>
      </c>
      <c r="F426">
        <v>0</v>
      </c>
      <c r="G426">
        <v>0</v>
      </c>
      <c r="H426">
        <v>0</v>
      </c>
      <c r="I426">
        <v>0</v>
      </c>
      <c r="J426">
        <v>0</v>
      </c>
      <c r="K426">
        <v>0</v>
      </c>
      <c r="L426">
        <v>0</v>
      </c>
      <c r="M426">
        <v>0</v>
      </c>
      <c r="N426">
        <v>0</v>
      </c>
      <c r="O426">
        <v>0</v>
      </c>
      <c r="P426">
        <v>0</v>
      </c>
      <c r="Q426">
        <v>0</v>
      </c>
      <c r="R426">
        <v>0</v>
      </c>
      <c r="S426">
        <v>0</v>
      </c>
      <c r="T426">
        <v>0</v>
      </c>
      <c r="U426">
        <v>0</v>
      </c>
      <c r="V426">
        <v>0</v>
      </c>
      <c r="W426">
        <v>0</v>
      </c>
      <c r="X426">
        <v>0</v>
      </c>
      <c r="Y426">
        <v>30</v>
      </c>
      <c r="Z426">
        <v>11</v>
      </c>
      <c r="AA426">
        <v>112</v>
      </c>
      <c r="AB426">
        <v>37</v>
      </c>
      <c r="AC426">
        <v>108</v>
      </c>
      <c r="AD426">
        <v>56</v>
      </c>
      <c r="AE426">
        <v>90</v>
      </c>
      <c r="AF426">
        <v>0</v>
      </c>
      <c r="AG426">
        <v>50000</v>
      </c>
      <c r="AH426">
        <v>50000</v>
      </c>
      <c r="AI426">
        <v>0</v>
      </c>
      <c r="AJ426">
        <v>0</v>
      </c>
      <c r="AK426" t="s">
        <v>6</v>
      </c>
      <c r="AL426">
        <v>0</v>
      </c>
      <c r="AM426">
        <v>0</v>
      </c>
      <c r="AN426">
        <v>0</v>
      </c>
      <c r="AO426">
        <v>0</v>
      </c>
      <c r="AP426">
        <v>0</v>
      </c>
      <c r="AQ426">
        <v>0</v>
      </c>
      <c r="AR426">
        <v>0</v>
      </c>
      <c r="AS426">
        <v>0</v>
      </c>
      <c r="AT426">
        <v>0</v>
      </c>
      <c r="AU426">
        <v>0</v>
      </c>
      <c r="AV426">
        <v>0</v>
      </c>
      <c r="AW426">
        <v>0</v>
      </c>
      <c r="AX426">
        <v>0</v>
      </c>
      <c r="AY426">
        <v>0</v>
      </c>
      <c r="AZ426">
        <v>0</v>
      </c>
      <c r="BA426">
        <v>0</v>
      </c>
    </row>
    <row r="427" spans="1:53" x14ac:dyDescent="0.4">
      <c r="A427">
        <v>471</v>
      </c>
      <c r="B427" s="1">
        <v>42955</v>
      </c>
      <c r="C427">
        <v>2</v>
      </c>
      <c r="D427" s="1">
        <v>42955.408333333333</v>
      </c>
      <c r="E427" s="1">
        <v>42955.734027777777</v>
      </c>
      <c r="F427">
        <v>27000</v>
      </c>
      <c r="G427">
        <v>156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2284</v>
      </c>
      <c r="N427">
        <v>0</v>
      </c>
      <c r="O427">
        <v>0</v>
      </c>
      <c r="P427">
        <v>22410</v>
      </c>
      <c r="Q427">
        <v>0</v>
      </c>
      <c r="R427">
        <v>53254</v>
      </c>
      <c r="S427">
        <v>0</v>
      </c>
      <c r="T427">
        <v>0</v>
      </c>
      <c r="U427">
        <v>0</v>
      </c>
      <c r="V427">
        <v>0</v>
      </c>
      <c r="W427">
        <v>2</v>
      </c>
      <c r="X427">
        <v>0</v>
      </c>
      <c r="Y427">
        <v>61</v>
      </c>
      <c r="Z427">
        <v>25</v>
      </c>
      <c r="AA427">
        <v>138</v>
      </c>
      <c r="AB427">
        <v>41</v>
      </c>
      <c r="AC427">
        <v>163</v>
      </c>
      <c r="AD427">
        <v>59</v>
      </c>
      <c r="AE427">
        <v>89</v>
      </c>
      <c r="AF427">
        <v>1890</v>
      </c>
      <c r="AG427">
        <v>103254</v>
      </c>
      <c r="AH427">
        <v>50000</v>
      </c>
      <c r="AI427">
        <v>0</v>
      </c>
      <c r="AJ427">
        <v>0</v>
      </c>
      <c r="AK427" t="s">
        <v>6</v>
      </c>
      <c r="AL427">
        <v>0</v>
      </c>
      <c r="AM427">
        <v>0</v>
      </c>
      <c r="AN427">
        <v>0</v>
      </c>
      <c r="AO427">
        <v>0</v>
      </c>
      <c r="AP427">
        <v>0</v>
      </c>
      <c r="AQ427">
        <v>0</v>
      </c>
      <c r="AR427">
        <v>0</v>
      </c>
      <c r="AS427">
        <v>0</v>
      </c>
      <c r="AT427">
        <v>0</v>
      </c>
      <c r="AU427">
        <v>0</v>
      </c>
      <c r="AV427">
        <v>0</v>
      </c>
      <c r="AW427">
        <v>0</v>
      </c>
      <c r="AX427">
        <v>8865</v>
      </c>
      <c r="AY427">
        <v>43</v>
      </c>
      <c r="AZ427">
        <v>93</v>
      </c>
      <c r="BA427">
        <v>6247</v>
      </c>
    </row>
    <row r="428" spans="1:53" x14ac:dyDescent="0.4">
      <c r="A428">
        <v>472</v>
      </c>
      <c r="B428" s="1">
        <v>42955</v>
      </c>
      <c r="C428">
        <v>3</v>
      </c>
      <c r="D428" s="1">
        <v>42955.734027777777</v>
      </c>
      <c r="E428" s="1">
        <v>42955.960416666669</v>
      </c>
      <c r="F428">
        <v>78400</v>
      </c>
      <c r="G428">
        <v>10430</v>
      </c>
      <c r="H428">
        <v>0</v>
      </c>
      <c r="I428">
        <v>0</v>
      </c>
      <c r="J428">
        <v>0</v>
      </c>
      <c r="K428">
        <v>0</v>
      </c>
      <c r="L428">
        <v>0</v>
      </c>
      <c r="M428">
        <v>7106</v>
      </c>
      <c r="N428">
        <v>0</v>
      </c>
      <c r="O428">
        <v>0</v>
      </c>
      <c r="P428">
        <v>-19818</v>
      </c>
      <c r="Q428">
        <v>0</v>
      </c>
      <c r="R428">
        <v>76118</v>
      </c>
      <c r="S428">
        <v>0</v>
      </c>
      <c r="T428">
        <v>0</v>
      </c>
      <c r="U428">
        <v>0</v>
      </c>
      <c r="V428">
        <v>3</v>
      </c>
      <c r="W428">
        <v>1</v>
      </c>
      <c r="X428">
        <v>0</v>
      </c>
      <c r="Y428">
        <v>82</v>
      </c>
      <c r="Z428">
        <v>25</v>
      </c>
      <c r="AA428">
        <v>139</v>
      </c>
      <c r="AB428">
        <v>44</v>
      </c>
      <c r="AC428">
        <v>181</v>
      </c>
      <c r="AD428">
        <v>56</v>
      </c>
      <c r="AE428">
        <v>92</v>
      </c>
      <c r="AF428">
        <v>31590</v>
      </c>
      <c r="AG428">
        <v>179372</v>
      </c>
      <c r="AH428">
        <v>50000</v>
      </c>
      <c r="AI428">
        <v>0</v>
      </c>
      <c r="AJ428">
        <v>84</v>
      </c>
      <c r="AK428" t="s">
        <v>16</v>
      </c>
      <c r="AL428">
        <v>0</v>
      </c>
      <c r="AM428">
        <v>0</v>
      </c>
      <c r="AN428">
        <v>0</v>
      </c>
      <c r="AO428">
        <v>0</v>
      </c>
      <c r="AP428">
        <v>0</v>
      </c>
      <c r="AQ428">
        <v>0</v>
      </c>
      <c r="AR428">
        <v>0</v>
      </c>
      <c r="AS428">
        <v>0</v>
      </c>
      <c r="AT428">
        <v>0</v>
      </c>
      <c r="AU428">
        <v>0</v>
      </c>
      <c r="AV428">
        <v>0</v>
      </c>
      <c r="AW428">
        <v>0</v>
      </c>
      <c r="AX428">
        <v>45749</v>
      </c>
      <c r="AY428">
        <v>27</v>
      </c>
      <c r="AZ428">
        <v>94</v>
      </c>
      <c r="BA428">
        <v>4060</v>
      </c>
    </row>
    <row r="429" spans="1:53" x14ac:dyDescent="0.4">
      <c r="A429">
        <v>473</v>
      </c>
      <c r="B429" s="1">
        <v>42955</v>
      </c>
      <c r="C429">
        <v>4</v>
      </c>
      <c r="D429" s="1">
        <v>42955.960416666669</v>
      </c>
      <c r="E429" s="1">
        <v>42956.12777777778</v>
      </c>
      <c r="F429">
        <v>92190</v>
      </c>
      <c r="G429">
        <v>3900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7686</v>
      </c>
      <c r="N429">
        <v>0</v>
      </c>
      <c r="O429">
        <v>0</v>
      </c>
      <c r="P429">
        <v>10314</v>
      </c>
      <c r="Q429">
        <v>0</v>
      </c>
      <c r="R429">
        <v>114090</v>
      </c>
      <c r="S429">
        <v>0</v>
      </c>
      <c r="T429">
        <v>0</v>
      </c>
      <c r="U429">
        <v>0</v>
      </c>
      <c r="V429">
        <v>16</v>
      </c>
      <c r="W429">
        <v>0</v>
      </c>
      <c r="X429">
        <v>0</v>
      </c>
      <c r="Y429">
        <v>63</v>
      </c>
      <c r="Z429">
        <v>20</v>
      </c>
      <c r="AA429">
        <v>144</v>
      </c>
      <c r="AB429">
        <v>46</v>
      </c>
      <c r="AC429">
        <v>176</v>
      </c>
      <c r="AD429">
        <v>56</v>
      </c>
      <c r="AE429">
        <v>92</v>
      </c>
      <c r="AF429">
        <v>41630</v>
      </c>
      <c r="AG429">
        <v>293462</v>
      </c>
      <c r="AH429">
        <v>50000</v>
      </c>
      <c r="AI429">
        <v>0</v>
      </c>
      <c r="AJ429">
        <v>16</v>
      </c>
      <c r="AK429" t="s">
        <v>11</v>
      </c>
      <c r="AL429">
        <v>0</v>
      </c>
      <c r="AM429">
        <v>0</v>
      </c>
      <c r="AN429">
        <v>0</v>
      </c>
      <c r="AO429">
        <v>0</v>
      </c>
      <c r="AP429">
        <v>0</v>
      </c>
      <c r="AQ429">
        <v>0</v>
      </c>
      <c r="AR429">
        <v>0</v>
      </c>
      <c r="AS429">
        <v>0</v>
      </c>
      <c r="AT429">
        <v>0</v>
      </c>
      <c r="AU429">
        <v>0</v>
      </c>
      <c r="AV429">
        <v>0</v>
      </c>
      <c r="AW429">
        <v>0</v>
      </c>
      <c r="AX429">
        <v>0</v>
      </c>
      <c r="AY429">
        <v>7</v>
      </c>
      <c r="AZ429">
        <v>25</v>
      </c>
      <c r="BA429">
        <v>1006</v>
      </c>
    </row>
    <row r="430" spans="1:53" x14ac:dyDescent="0.4">
      <c r="A430">
        <v>474</v>
      </c>
      <c r="B430" s="1">
        <v>42956</v>
      </c>
      <c r="C430">
        <v>1</v>
      </c>
      <c r="D430" s="1">
        <v>42956.291666666664</v>
      </c>
      <c r="E430" s="1">
        <v>42956.40902777778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0</v>
      </c>
      <c r="O430">
        <v>0</v>
      </c>
      <c r="P430">
        <v>0</v>
      </c>
      <c r="Q430">
        <v>0</v>
      </c>
      <c r="R430">
        <v>0</v>
      </c>
      <c r="S430">
        <v>0</v>
      </c>
      <c r="T430">
        <v>0</v>
      </c>
      <c r="U430">
        <v>0</v>
      </c>
      <c r="V430">
        <v>0</v>
      </c>
      <c r="W430">
        <v>0</v>
      </c>
      <c r="X430">
        <v>0</v>
      </c>
      <c r="Y430">
        <v>30</v>
      </c>
      <c r="Z430">
        <v>15</v>
      </c>
      <c r="AA430">
        <v>86</v>
      </c>
      <c r="AB430">
        <v>46</v>
      </c>
      <c r="AC430">
        <v>123</v>
      </c>
      <c r="AD430">
        <v>56</v>
      </c>
      <c r="AE430">
        <v>90</v>
      </c>
      <c r="AF430">
        <v>0</v>
      </c>
      <c r="AG430">
        <v>50000</v>
      </c>
      <c r="AH430">
        <v>50000</v>
      </c>
      <c r="AI430">
        <v>0</v>
      </c>
      <c r="AJ430">
        <v>0</v>
      </c>
      <c r="AK430" t="s">
        <v>6</v>
      </c>
      <c r="AL430">
        <v>0</v>
      </c>
      <c r="AM430">
        <v>0</v>
      </c>
      <c r="AN430">
        <v>0</v>
      </c>
      <c r="AO430">
        <v>0</v>
      </c>
      <c r="AP430">
        <v>0</v>
      </c>
      <c r="AQ430">
        <v>0</v>
      </c>
      <c r="AR430">
        <v>0</v>
      </c>
      <c r="AS430">
        <v>0</v>
      </c>
      <c r="AT430">
        <v>0</v>
      </c>
      <c r="AU430">
        <v>0</v>
      </c>
      <c r="AV430">
        <v>0</v>
      </c>
      <c r="AW430">
        <v>0</v>
      </c>
      <c r="AX430">
        <v>0</v>
      </c>
      <c r="AY430">
        <v>0</v>
      </c>
      <c r="AZ430">
        <v>0</v>
      </c>
      <c r="BA430">
        <v>0</v>
      </c>
    </row>
    <row r="431" spans="1:53" x14ac:dyDescent="0.4">
      <c r="A431">
        <v>475</v>
      </c>
      <c r="B431" s="1">
        <v>42956</v>
      </c>
      <c r="C431">
        <v>2</v>
      </c>
      <c r="D431" s="1">
        <v>42956.40902777778</v>
      </c>
      <c r="E431" s="1">
        <v>42956.746527777781</v>
      </c>
      <c r="F431">
        <v>41000</v>
      </c>
      <c r="G431">
        <v>2650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3492</v>
      </c>
      <c r="N431">
        <v>0</v>
      </c>
      <c r="O431">
        <v>0</v>
      </c>
      <c r="P431">
        <v>12960</v>
      </c>
      <c r="Q431">
        <v>0</v>
      </c>
      <c r="R431">
        <v>60102</v>
      </c>
      <c r="S431">
        <v>0</v>
      </c>
      <c r="T431">
        <v>0</v>
      </c>
      <c r="U431">
        <v>0</v>
      </c>
      <c r="V431">
        <v>2</v>
      </c>
      <c r="W431">
        <v>2</v>
      </c>
      <c r="X431">
        <v>0</v>
      </c>
      <c r="Y431">
        <v>53</v>
      </c>
      <c r="Z431">
        <v>27</v>
      </c>
      <c r="AA431">
        <v>82</v>
      </c>
      <c r="AB431">
        <v>62</v>
      </c>
      <c r="AC431">
        <v>192</v>
      </c>
      <c r="AD431">
        <v>58</v>
      </c>
      <c r="AE431">
        <v>92</v>
      </c>
      <c r="AF431">
        <v>0</v>
      </c>
      <c r="AG431">
        <v>110102</v>
      </c>
      <c r="AH431">
        <v>50000</v>
      </c>
      <c r="AI431">
        <v>0</v>
      </c>
      <c r="AJ431">
        <v>100</v>
      </c>
      <c r="AK431" t="s">
        <v>0</v>
      </c>
      <c r="AL431">
        <v>0</v>
      </c>
      <c r="AM431">
        <v>0</v>
      </c>
      <c r="AN431">
        <v>0</v>
      </c>
      <c r="AO431">
        <v>0</v>
      </c>
      <c r="AP431">
        <v>0</v>
      </c>
      <c r="AQ431">
        <v>0</v>
      </c>
      <c r="AR431">
        <v>0</v>
      </c>
      <c r="AS431">
        <v>0</v>
      </c>
      <c r="AT431">
        <v>0</v>
      </c>
      <c r="AU431">
        <v>0</v>
      </c>
      <c r="AV431">
        <v>0</v>
      </c>
      <c r="AW431">
        <v>0</v>
      </c>
      <c r="AX431">
        <v>-1620</v>
      </c>
      <c r="AY431">
        <v>51</v>
      </c>
      <c r="AZ431">
        <v>103</v>
      </c>
      <c r="BA431">
        <v>7588</v>
      </c>
    </row>
    <row r="432" spans="1:53" x14ac:dyDescent="0.4">
      <c r="A432">
        <v>476</v>
      </c>
      <c r="B432" s="1">
        <v>42956</v>
      </c>
      <c r="C432">
        <v>3</v>
      </c>
      <c r="D432" s="1">
        <v>42956.746527777781</v>
      </c>
      <c r="E432" s="1">
        <v>42956.950694444444</v>
      </c>
      <c r="F432">
        <v>38150</v>
      </c>
      <c r="G432">
        <v>3200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3308</v>
      </c>
      <c r="N432">
        <v>0</v>
      </c>
      <c r="O432">
        <v>0</v>
      </c>
      <c r="P432">
        <v>30996</v>
      </c>
      <c r="Q432">
        <v>0</v>
      </c>
      <c r="R432">
        <v>75654</v>
      </c>
      <c r="S432">
        <v>0</v>
      </c>
      <c r="T432">
        <v>0</v>
      </c>
      <c r="U432">
        <v>0</v>
      </c>
      <c r="V432">
        <v>5</v>
      </c>
      <c r="W432">
        <v>4</v>
      </c>
      <c r="X432">
        <v>0</v>
      </c>
      <c r="Y432">
        <v>79</v>
      </c>
      <c r="Z432">
        <v>28</v>
      </c>
      <c r="AA432">
        <v>63</v>
      </c>
      <c r="AB432">
        <v>62</v>
      </c>
      <c r="AC432">
        <v>188</v>
      </c>
      <c r="AD432">
        <v>55</v>
      </c>
      <c r="AE432">
        <v>81</v>
      </c>
      <c r="AF432">
        <v>11120</v>
      </c>
      <c r="AG432">
        <v>185756</v>
      </c>
      <c r="AH432">
        <v>50000</v>
      </c>
      <c r="AI432">
        <v>0</v>
      </c>
      <c r="AJ432">
        <v>1</v>
      </c>
      <c r="AK432" t="s">
        <v>3</v>
      </c>
      <c r="AL432">
        <v>0</v>
      </c>
      <c r="AM432">
        <v>0</v>
      </c>
      <c r="AN432">
        <v>0</v>
      </c>
      <c r="AO432">
        <v>0</v>
      </c>
      <c r="AP432">
        <v>0</v>
      </c>
      <c r="AQ432">
        <v>0</v>
      </c>
      <c r="AR432">
        <v>0</v>
      </c>
      <c r="AS432">
        <v>0</v>
      </c>
      <c r="AT432">
        <v>0</v>
      </c>
      <c r="AU432">
        <v>0</v>
      </c>
      <c r="AV432">
        <v>0</v>
      </c>
      <c r="AW432">
        <v>0</v>
      </c>
      <c r="AX432">
        <v>25887</v>
      </c>
      <c r="AY432">
        <v>19</v>
      </c>
      <c r="AZ432">
        <v>73</v>
      </c>
      <c r="BA432">
        <v>2793</v>
      </c>
    </row>
    <row r="433" spans="1:53" x14ac:dyDescent="0.4">
      <c r="A433">
        <v>477</v>
      </c>
      <c r="B433" s="1">
        <v>42957</v>
      </c>
      <c r="C433">
        <v>1</v>
      </c>
      <c r="D433" s="1">
        <v>42957.291666666664</v>
      </c>
      <c r="E433" s="1">
        <v>42957.410416666666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0</v>
      </c>
      <c r="O433">
        <v>0</v>
      </c>
      <c r="P433">
        <v>0</v>
      </c>
      <c r="Q433">
        <v>0</v>
      </c>
      <c r="R433">
        <v>0</v>
      </c>
      <c r="S433">
        <v>0</v>
      </c>
      <c r="T433">
        <v>0</v>
      </c>
      <c r="U433">
        <v>0</v>
      </c>
      <c r="V433">
        <v>0</v>
      </c>
      <c r="W433">
        <v>1</v>
      </c>
      <c r="X433">
        <v>0</v>
      </c>
      <c r="Y433">
        <v>25</v>
      </c>
      <c r="Z433">
        <v>18</v>
      </c>
      <c r="AA433">
        <v>65</v>
      </c>
      <c r="AB433">
        <v>56</v>
      </c>
      <c r="AC433">
        <v>134</v>
      </c>
      <c r="AD433">
        <v>56</v>
      </c>
      <c r="AE433">
        <v>80</v>
      </c>
      <c r="AF433">
        <v>0</v>
      </c>
      <c r="AG433">
        <v>50000</v>
      </c>
      <c r="AH433">
        <v>0</v>
      </c>
      <c r="AI433">
        <v>50000</v>
      </c>
      <c r="AJ433">
        <v>0</v>
      </c>
      <c r="AK433" t="s">
        <v>6</v>
      </c>
      <c r="AL433">
        <v>0</v>
      </c>
      <c r="AM433">
        <v>0</v>
      </c>
      <c r="AN433">
        <v>0</v>
      </c>
      <c r="AO433">
        <v>0</v>
      </c>
      <c r="AP433">
        <v>0</v>
      </c>
      <c r="AQ433">
        <v>0</v>
      </c>
      <c r="AR433">
        <v>0</v>
      </c>
      <c r="AS433">
        <v>0</v>
      </c>
      <c r="AT433">
        <v>0</v>
      </c>
      <c r="AU433">
        <v>0</v>
      </c>
      <c r="AV433">
        <v>0</v>
      </c>
      <c r="AW433">
        <v>0</v>
      </c>
      <c r="AX433">
        <v>0</v>
      </c>
      <c r="AY433">
        <v>0</v>
      </c>
      <c r="AZ433">
        <v>0</v>
      </c>
      <c r="BA433">
        <v>0</v>
      </c>
    </row>
    <row r="434" spans="1:53" x14ac:dyDescent="0.4">
      <c r="A434">
        <v>478</v>
      </c>
      <c r="B434" s="1">
        <v>42957</v>
      </c>
      <c r="C434">
        <v>2</v>
      </c>
      <c r="D434" s="1">
        <v>42957.410416666666</v>
      </c>
      <c r="E434" s="1">
        <v>42957.743750000001</v>
      </c>
      <c r="F434">
        <v>35500</v>
      </c>
      <c r="G434">
        <v>50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2880</v>
      </c>
      <c r="N434">
        <v>0</v>
      </c>
      <c r="O434">
        <v>0</v>
      </c>
      <c r="P434">
        <v>10800</v>
      </c>
      <c r="Q434">
        <v>0</v>
      </c>
      <c r="R434">
        <v>49680</v>
      </c>
      <c r="S434">
        <v>0</v>
      </c>
      <c r="T434">
        <v>0</v>
      </c>
      <c r="U434">
        <v>0</v>
      </c>
      <c r="V434">
        <v>0</v>
      </c>
      <c r="W434">
        <v>2</v>
      </c>
      <c r="X434">
        <v>0</v>
      </c>
      <c r="Y434">
        <v>43</v>
      </c>
      <c r="Z434">
        <v>34</v>
      </c>
      <c r="AA434">
        <v>112</v>
      </c>
      <c r="AB434">
        <v>66</v>
      </c>
      <c r="AC434">
        <v>204</v>
      </c>
      <c r="AD434">
        <v>69</v>
      </c>
      <c r="AE434">
        <v>89</v>
      </c>
      <c r="AF434">
        <v>12706</v>
      </c>
      <c r="AG434">
        <v>99680</v>
      </c>
      <c r="AH434">
        <v>50000</v>
      </c>
      <c r="AI434">
        <v>0</v>
      </c>
      <c r="AJ434">
        <v>92</v>
      </c>
      <c r="AK434" t="s">
        <v>22</v>
      </c>
      <c r="AL434">
        <v>0</v>
      </c>
      <c r="AM434">
        <v>0</v>
      </c>
      <c r="AN434">
        <v>0</v>
      </c>
      <c r="AO434">
        <v>0</v>
      </c>
      <c r="AP434">
        <v>0</v>
      </c>
      <c r="AQ434">
        <v>0</v>
      </c>
      <c r="AR434">
        <v>0</v>
      </c>
      <c r="AS434">
        <v>0</v>
      </c>
      <c r="AT434">
        <v>0</v>
      </c>
      <c r="AU434">
        <v>0</v>
      </c>
      <c r="AV434">
        <v>0</v>
      </c>
      <c r="AW434">
        <v>0</v>
      </c>
      <c r="AX434">
        <v>410</v>
      </c>
      <c r="AY434">
        <v>41</v>
      </c>
      <c r="AZ434">
        <v>87</v>
      </c>
      <c r="BA434">
        <v>6758</v>
      </c>
    </row>
    <row r="435" spans="1:53" x14ac:dyDescent="0.4">
      <c r="A435">
        <v>479</v>
      </c>
      <c r="B435" s="1">
        <v>42957</v>
      </c>
      <c r="C435">
        <v>3</v>
      </c>
      <c r="D435" s="1">
        <v>42957.743750000001</v>
      </c>
      <c r="E435" s="1">
        <v>42957.974305555559</v>
      </c>
      <c r="F435">
        <v>67480</v>
      </c>
      <c r="G435">
        <v>3210</v>
      </c>
      <c r="H435">
        <v>0</v>
      </c>
      <c r="I435">
        <v>0</v>
      </c>
      <c r="J435">
        <v>0</v>
      </c>
      <c r="K435">
        <v>1400</v>
      </c>
      <c r="L435">
        <v>0</v>
      </c>
      <c r="M435">
        <v>5767</v>
      </c>
      <c r="N435">
        <v>0</v>
      </c>
      <c r="O435">
        <v>0</v>
      </c>
      <c r="P435">
        <v>-10800</v>
      </c>
      <c r="Q435">
        <v>0</v>
      </c>
      <c r="R435">
        <v>67057</v>
      </c>
      <c r="S435">
        <v>0</v>
      </c>
      <c r="T435">
        <v>0</v>
      </c>
      <c r="U435">
        <v>0</v>
      </c>
      <c r="V435">
        <v>3</v>
      </c>
      <c r="W435">
        <v>4</v>
      </c>
      <c r="X435">
        <v>0</v>
      </c>
      <c r="Y435">
        <v>58</v>
      </c>
      <c r="Z435">
        <v>32</v>
      </c>
      <c r="AA435">
        <v>103</v>
      </c>
      <c r="AB435">
        <v>66</v>
      </c>
      <c r="AC435">
        <v>196</v>
      </c>
      <c r="AD435">
        <v>71</v>
      </c>
      <c r="AE435">
        <v>76</v>
      </c>
      <c r="AF435">
        <v>26746</v>
      </c>
      <c r="AG435">
        <v>166737</v>
      </c>
      <c r="AH435">
        <v>50000</v>
      </c>
      <c r="AI435">
        <v>0</v>
      </c>
      <c r="AJ435">
        <v>70</v>
      </c>
      <c r="AK435" t="s">
        <v>25</v>
      </c>
      <c r="AL435">
        <v>0</v>
      </c>
      <c r="AM435">
        <v>0</v>
      </c>
      <c r="AN435">
        <v>0</v>
      </c>
      <c r="AO435">
        <v>0</v>
      </c>
      <c r="AP435">
        <v>0</v>
      </c>
      <c r="AQ435">
        <v>0</v>
      </c>
      <c r="AR435">
        <v>0</v>
      </c>
      <c r="AS435">
        <v>0</v>
      </c>
      <c r="AT435">
        <v>0</v>
      </c>
      <c r="AU435">
        <v>0</v>
      </c>
      <c r="AV435">
        <v>0</v>
      </c>
      <c r="AW435">
        <v>0</v>
      </c>
      <c r="AX435">
        <v>72953</v>
      </c>
      <c r="AY435">
        <v>29</v>
      </c>
      <c r="AZ435">
        <v>112</v>
      </c>
      <c r="BA435">
        <v>3199</v>
      </c>
    </row>
    <row r="436" spans="1:53" x14ac:dyDescent="0.4">
      <c r="A436">
        <v>480</v>
      </c>
      <c r="B436" s="1">
        <v>42957</v>
      </c>
      <c r="C436">
        <v>4</v>
      </c>
      <c r="D436" s="1">
        <v>42957.974305555559</v>
      </c>
      <c r="E436" s="1">
        <v>42958.081250000003</v>
      </c>
      <c r="F436">
        <v>109080</v>
      </c>
      <c r="G436">
        <v>153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8849</v>
      </c>
      <c r="N436">
        <v>0</v>
      </c>
      <c r="O436">
        <v>0</v>
      </c>
      <c r="P436">
        <v>46742</v>
      </c>
      <c r="Q436">
        <v>0</v>
      </c>
      <c r="R436">
        <v>166201</v>
      </c>
      <c r="S436">
        <v>0</v>
      </c>
      <c r="T436">
        <v>0</v>
      </c>
      <c r="U436">
        <v>0</v>
      </c>
      <c r="V436">
        <v>15</v>
      </c>
      <c r="W436">
        <v>7</v>
      </c>
      <c r="X436">
        <v>0</v>
      </c>
      <c r="Y436">
        <v>92</v>
      </c>
      <c r="Z436">
        <v>29</v>
      </c>
      <c r="AA436">
        <v>90</v>
      </c>
      <c r="AB436">
        <v>64</v>
      </c>
      <c r="AC436">
        <v>207</v>
      </c>
      <c r="AD436">
        <v>70</v>
      </c>
      <c r="AE436">
        <v>72</v>
      </c>
      <c r="AF436">
        <v>26746</v>
      </c>
      <c r="AG436">
        <v>332938</v>
      </c>
      <c r="AH436">
        <v>50000</v>
      </c>
      <c r="AI436">
        <v>0</v>
      </c>
      <c r="AJ436">
        <v>84</v>
      </c>
      <c r="AK436" t="s">
        <v>16</v>
      </c>
      <c r="AL436">
        <v>0</v>
      </c>
      <c r="AM436">
        <v>0</v>
      </c>
      <c r="AN436">
        <v>0</v>
      </c>
      <c r="AO436">
        <v>0</v>
      </c>
      <c r="AP436">
        <v>0</v>
      </c>
      <c r="AQ436">
        <v>0</v>
      </c>
      <c r="AR436">
        <v>0</v>
      </c>
      <c r="AS436">
        <v>0</v>
      </c>
      <c r="AT436">
        <v>0</v>
      </c>
      <c r="AU436">
        <v>0</v>
      </c>
      <c r="AV436">
        <v>0</v>
      </c>
      <c r="AW436">
        <v>0</v>
      </c>
      <c r="AX436">
        <v>2656</v>
      </c>
      <c r="AY436">
        <v>8</v>
      </c>
      <c r="AZ436">
        <v>29</v>
      </c>
      <c r="BA436">
        <v>1301</v>
      </c>
    </row>
    <row r="437" spans="1:53" x14ac:dyDescent="0.4">
      <c r="A437">
        <v>481</v>
      </c>
      <c r="B437" s="1">
        <v>42958</v>
      </c>
      <c r="C437">
        <v>1</v>
      </c>
      <c r="D437" s="1">
        <v>42958.291666666664</v>
      </c>
      <c r="E437" s="1">
        <v>42958.411805555559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0</v>
      </c>
      <c r="O437">
        <v>0</v>
      </c>
      <c r="P437">
        <v>0</v>
      </c>
      <c r="Q437">
        <v>0</v>
      </c>
      <c r="R437">
        <v>0</v>
      </c>
      <c r="S437">
        <v>0</v>
      </c>
      <c r="T437">
        <v>0</v>
      </c>
      <c r="U437">
        <v>0</v>
      </c>
      <c r="V437">
        <v>0</v>
      </c>
      <c r="W437">
        <v>0</v>
      </c>
      <c r="X437">
        <v>0</v>
      </c>
      <c r="Y437">
        <v>21</v>
      </c>
      <c r="Z437">
        <v>26</v>
      </c>
      <c r="AA437">
        <v>103</v>
      </c>
      <c r="AB437">
        <v>63</v>
      </c>
      <c r="AC437">
        <v>213</v>
      </c>
      <c r="AD437">
        <v>70</v>
      </c>
      <c r="AE437">
        <v>70</v>
      </c>
      <c r="AF437">
        <v>0</v>
      </c>
      <c r="AG437">
        <v>50000</v>
      </c>
      <c r="AH437">
        <v>0</v>
      </c>
      <c r="AI437">
        <v>50000</v>
      </c>
      <c r="AJ437">
        <v>0</v>
      </c>
      <c r="AK437" t="s">
        <v>6</v>
      </c>
      <c r="AL437">
        <v>0</v>
      </c>
      <c r="AM437">
        <v>0</v>
      </c>
      <c r="AN437">
        <v>0</v>
      </c>
      <c r="AO437">
        <v>0</v>
      </c>
      <c r="AP437">
        <v>0</v>
      </c>
      <c r="AQ437">
        <v>0</v>
      </c>
      <c r="AR437">
        <v>0</v>
      </c>
      <c r="AS437">
        <v>0</v>
      </c>
      <c r="AT437">
        <v>0</v>
      </c>
      <c r="AU437">
        <v>0</v>
      </c>
      <c r="AV437">
        <v>0</v>
      </c>
      <c r="AW437">
        <v>0</v>
      </c>
      <c r="AX437">
        <v>0</v>
      </c>
      <c r="AY437">
        <v>0</v>
      </c>
      <c r="AZ437">
        <v>0</v>
      </c>
      <c r="BA437">
        <v>0</v>
      </c>
    </row>
    <row r="438" spans="1:53" x14ac:dyDescent="0.4">
      <c r="A438">
        <v>482</v>
      </c>
      <c r="B438" s="1">
        <v>42958</v>
      </c>
      <c r="C438">
        <v>2</v>
      </c>
      <c r="D438" s="1">
        <v>42958.411805555559</v>
      </c>
      <c r="E438" s="1">
        <v>42958.744444444441</v>
      </c>
      <c r="F438">
        <v>37000</v>
      </c>
      <c r="G438">
        <v>1680</v>
      </c>
      <c r="H438">
        <v>0</v>
      </c>
      <c r="I438">
        <v>0</v>
      </c>
      <c r="J438">
        <v>0</v>
      </c>
      <c r="K438">
        <v>0</v>
      </c>
      <c r="L438">
        <v>0</v>
      </c>
      <c r="M438">
        <v>3095</v>
      </c>
      <c r="N438">
        <v>0</v>
      </c>
      <c r="O438">
        <v>0</v>
      </c>
      <c r="P438">
        <v>15660</v>
      </c>
      <c r="Q438">
        <v>0</v>
      </c>
      <c r="R438">
        <v>57435</v>
      </c>
      <c r="S438">
        <v>0</v>
      </c>
      <c r="T438">
        <v>0</v>
      </c>
      <c r="U438">
        <v>0</v>
      </c>
      <c r="V438">
        <v>3</v>
      </c>
      <c r="W438">
        <v>2</v>
      </c>
      <c r="X438">
        <v>0</v>
      </c>
      <c r="Y438">
        <v>28</v>
      </c>
      <c r="Z438">
        <v>40</v>
      </c>
      <c r="AA438">
        <v>117</v>
      </c>
      <c r="AB438">
        <v>88</v>
      </c>
      <c r="AC438">
        <v>290</v>
      </c>
      <c r="AD438">
        <v>71</v>
      </c>
      <c r="AE438">
        <v>80</v>
      </c>
      <c r="AF438">
        <v>0</v>
      </c>
      <c r="AG438">
        <v>107435</v>
      </c>
      <c r="AH438">
        <v>50000</v>
      </c>
      <c r="AI438">
        <v>0</v>
      </c>
      <c r="AJ438">
        <v>93</v>
      </c>
      <c r="AK438" t="s">
        <v>20</v>
      </c>
      <c r="AL438">
        <v>0</v>
      </c>
      <c r="AM438">
        <v>0</v>
      </c>
      <c r="AN438">
        <v>0</v>
      </c>
      <c r="AO438">
        <v>0</v>
      </c>
      <c r="AP438">
        <v>0</v>
      </c>
      <c r="AQ438">
        <v>0</v>
      </c>
      <c r="AR438">
        <v>0</v>
      </c>
      <c r="AS438">
        <v>0</v>
      </c>
      <c r="AT438">
        <v>0</v>
      </c>
      <c r="AU438">
        <v>0</v>
      </c>
      <c r="AV438">
        <v>0</v>
      </c>
      <c r="AW438">
        <v>0</v>
      </c>
      <c r="AX438">
        <v>907</v>
      </c>
      <c r="AY438">
        <v>47</v>
      </c>
      <c r="AZ438">
        <v>101</v>
      </c>
      <c r="BA438">
        <v>7262</v>
      </c>
    </row>
    <row r="439" spans="1:53" x14ac:dyDescent="0.4">
      <c r="A439">
        <v>483</v>
      </c>
      <c r="B439" s="1">
        <v>42958</v>
      </c>
      <c r="C439">
        <v>3</v>
      </c>
      <c r="D439" s="1">
        <v>42958.744444444441</v>
      </c>
      <c r="E439" s="1">
        <v>42958.966666666667</v>
      </c>
      <c r="F439">
        <v>90600</v>
      </c>
      <c r="G439">
        <v>293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7482</v>
      </c>
      <c r="N439">
        <v>0</v>
      </c>
      <c r="O439">
        <v>0</v>
      </c>
      <c r="P439">
        <v>1091</v>
      </c>
      <c r="Q439">
        <v>0</v>
      </c>
      <c r="R439">
        <v>102103</v>
      </c>
      <c r="S439">
        <v>0</v>
      </c>
      <c r="T439">
        <v>0</v>
      </c>
      <c r="U439">
        <v>0</v>
      </c>
      <c r="V439">
        <v>13</v>
      </c>
      <c r="W439">
        <v>0</v>
      </c>
      <c r="X439">
        <v>0</v>
      </c>
      <c r="Y439">
        <v>27</v>
      </c>
      <c r="Z439">
        <v>33</v>
      </c>
      <c r="AA439">
        <v>124</v>
      </c>
      <c r="AB439">
        <v>84</v>
      </c>
      <c r="AC439">
        <v>281</v>
      </c>
      <c r="AD439">
        <v>70</v>
      </c>
      <c r="AE439">
        <v>78</v>
      </c>
      <c r="AF439">
        <v>16200</v>
      </c>
      <c r="AG439">
        <v>209538</v>
      </c>
      <c r="AH439">
        <v>50000</v>
      </c>
      <c r="AI439">
        <v>0</v>
      </c>
      <c r="AJ439">
        <v>1</v>
      </c>
      <c r="AK439" t="s">
        <v>3</v>
      </c>
      <c r="AL439">
        <v>0</v>
      </c>
      <c r="AM439">
        <v>0</v>
      </c>
      <c r="AN439">
        <v>0</v>
      </c>
      <c r="AO439">
        <v>0</v>
      </c>
      <c r="AP439">
        <v>0</v>
      </c>
      <c r="AQ439">
        <v>0</v>
      </c>
      <c r="AR439">
        <v>0</v>
      </c>
      <c r="AS439">
        <v>0</v>
      </c>
      <c r="AT439">
        <v>0</v>
      </c>
      <c r="AU439">
        <v>0</v>
      </c>
      <c r="AV439">
        <v>0</v>
      </c>
      <c r="AW439">
        <v>0</v>
      </c>
      <c r="AX439">
        <v>138484</v>
      </c>
      <c r="AY439">
        <v>26</v>
      </c>
      <c r="AZ439">
        <v>135</v>
      </c>
      <c r="BA439">
        <v>3350</v>
      </c>
    </row>
    <row r="440" spans="1:53" x14ac:dyDescent="0.4">
      <c r="A440">
        <v>484</v>
      </c>
      <c r="B440" s="1">
        <v>42958</v>
      </c>
      <c r="C440">
        <v>4</v>
      </c>
      <c r="D440" s="1">
        <v>42958.966666666667</v>
      </c>
      <c r="E440" s="1">
        <v>42959.098611111112</v>
      </c>
      <c r="F440">
        <v>167420</v>
      </c>
      <c r="G440">
        <v>14880</v>
      </c>
      <c r="H440">
        <v>0</v>
      </c>
      <c r="I440">
        <v>0</v>
      </c>
      <c r="J440">
        <v>1200</v>
      </c>
      <c r="K440">
        <v>4410</v>
      </c>
      <c r="L440">
        <v>0</v>
      </c>
      <c r="M440">
        <v>14841</v>
      </c>
      <c r="N440">
        <v>0</v>
      </c>
      <c r="O440">
        <v>0</v>
      </c>
      <c r="P440">
        <v>112428</v>
      </c>
      <c r="Q440">
        <v>0</v>
      </c>
      <c r="R440">
        <v>312779</v>
      </c>
      <c r="S440">
        <v>0</v>
      </c>
      <c r="T440">
        <v>0</v>
      </c>
      <c r="U440">
        <v>0</v>
      </c>
      <c r="V440">
        <v>31</v>
      </c>
      <c r="W440">
        <v>0</v>
      </c>
      <c r="X440">
        <v>0</v>
      </c>
      <c r="Y440">
        <v>61</v>
      </c>
      <c r="Z440">
        <v>35</v>
      </c>
      <c r="AA440">
        <v>137</v>
      </c>
      <c r="AB440">
        <v>80</v>
      </c>
      <c r="AC440">
        <v>285</v>
      </c>
      <c r="AD440">
        <v>70</v>
      </c>
      <c r="AE440">
        <v>78</v>
      </c>
      <c r="AF440">
        <v>111839</v>
      </c>
      <c r="AG440">
        <v>521317</v>
      </c>
      <c r="AH440">
        <v>50000</v>
      </c>
      <c r="AI440">
        <v>-1000</v>
      </c>
      <c r="AJ440">
        <v>99</v>
      </c>
      <c r="AK440" t="s">
        <v>9</v>
      </c>
      <c r="AL440">
        <v>0</v>
      </c>
      <c r="AM440">
        <v>0</v>
      </c>
      <c r="AN440">
        <v>0</v>
      </c>
      <c r="AO440">
        <v>0</v>
      </c>
      <c r="AP440">
        <v>0</v>
      </c>
      <c r="AQ440">
        <v>0</v>
      </c>
      <c r="AR440">
        <v>0</v>
      </c>
      <c r="AS440">
        <v>0</v>
      </c>
      <c r="AT440">
        <v>0</v>
      </c>
      <c r="AU440">
        <v>0</v>
      </c>
      <c r="AV440">
        <v>0</v>
      </c>
      <c r="AW440">
        <v>0</v>
      </c>
      <c r="AX440">
        <v>-11664</v>
      </c>
      <c r="AY440">
        <v>19</v>
      </c>
      <c r="AZ440">
        <v>77</v>
      </c>
      <c r="BA440">
        <v>2669</v>
      </c>
    </row>
    <row r="441" spans="1:53" x14ac:dyDescent="0.4">
      <c r="A441">
        <v>485</v>
      </c>
      <c r="B441" s="1">
        <v>42959</v>
      </c>
      <c r="C441">
        <v>1</v>
      </c>
      <c r="D441" s="1">
        <v>42959.291666666664</v>
      </c>
      <c r="E441" s="1">
        <v>42959.413194444445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0</v>
      </c>
      <c r="O441">
        <v>0</v>
      </c>
      <c r="P441">
        <v>0</v>
      </c>
      <c r="Q441">
        <v>0</v>
      </c>
      <c r="R441">
        <v>0</v>
      </c>
      <c r="S441">
        <v>0</v>
      </c>
      <c r="T441">
        <v>0</v>
      </c>
      <c r="U441">
        <v>0</v>
      </c>
      <c r="V441">
        <v>0</v>
      </c>
      <c r="W441">
        <v>1</v>
      </c>
      <c r="X441">
        <v>0</v>
      </c>
      <c r="Y441">
        <v>25</v>
      </c>
      <c r="Z441">
        <v>15</v>
      </c>
      <c r="AA441">
        <v>76</v>
      </c>
      <c r="AB441">
        <v>69</v>
      </c>
      <c r="AC441">
        <v>103</v>
      </c>
      <c r="AD441">
        <v>67</v>
      </c>
      <c r="AE441">
        <v>85</v>
      </c>
      <c r="AF441">
        <v>0</v>
      </c>
      <c r="AG441">
        <v>50000</v>
      </c>
      <c r="AH441">
        <v>0</v>
      </c>
      <c r="AI441">
        <v>50000</v>
      </c>
      <c r="AJ441">
        <v>0</v>
      </c>
      <c r="AK441" t="s">
        <v>6</v>
      </c>
      <c r="AL441">
        <v>0</v>
      </c>
      <c r="AM441">
        <v>0</v>
      </c>
      <c r="AN441">
        <v>0</v>
      </c>
      <c r="AO441">
        <v>0</v>
      </c>
      <c r="AP441">
        <v>0</v>
      </c>
      <c r="AQ441">
        <v>0</v>
      </c>
      <c r="AR441">
        <v>0</v>
      </c>
      <c r="AS441">
        <v>0</v>
      </c>
      <c r="AT441">
        <v>0</v>
      </c>
      <c r="AU441">
        <v>0</v>
      </c>
      <c r="AV441">
        <v>0</v>
      </c>
      <c r="AW441">
        <v>0</v>
      </c>
      <c r="AX441">
        <v>0</v>
      </c>
      <c r="AY441">
        <v>0</v>
      </c>
      <c r="AZ441">
        <v>0</v>
      </c>
      <c r="BA441">
        <v>0</v>
      </c>
    </row>
    <row r="442" spans="1:53" x14ac:dyDescent="0.4">
      <c r="A442">
        <v>486</v>
      </c>
      <c r="B442" s="1">
        <v>42959</v>
      </c>
      <c r="C442">
        <v>2</v>
      </c>
      <c r="D442" s="1">
        <v>42959.413194444445</v>
      </c>
      <c r="E442" s="1">
        <v>42959.738194444442</v>
      </c>
      <c r="F442">
        <v>44750</v>
      </c>
      <c r="G442">
        <v>5580</v>
      </c>
      <c r="H442">
        <v>0</v>
      </c>
      <c r="I442">
        <v>0</v>
      </c>
      <c r="J442">
        <v>0</v>
      </c>
      <c r="K442">
        <v>0</v>
      </c>
      <c r="L442">
        <v>0</v>
      </c>
      <c r="M442">
        <v>4026</v>
      </c>
      <c r="N442">
        <v>0</v>
      </c>
      <c r="O442">
        <v>0</v>
      </c>
      <c r="P442">
        <v>9720</v>
      </c>
      <c r="Q442">
        <v>0</v>
      </c>
      <c r="R442">
        <v>64076</v>
      </c>
      <c r="S442">
        <v>0</v>
      </c>
      <c r="T442">
        <v>0</v>
      </c>
      <c r="U442">
        <v>0</v>
      </c>
      <c r="V442">
        <v>2</v>
      </c>
      <c r="W442">
        <v>1</v>
      </c>
      <c r="X442">
        <v>0</v>
      </c>
      <c r="Y442">
        <v>56</v>
      </c>
      <c r="Z442">
        <v>34</v>
      </c>
      <c r="AA442">
        <v>102</v>
      </c>
      <c r="AB442">
        <v>74</v>
      </c>
      <c r="AC442">
        <v>178</v>
      </c>
      <c r="AD442">
        <v>62</v>
      </c>
      <c r="AE442">
        <v>87</v>
      </c>
      <c r="AF442">
        <v>0</v>
      </c>
      <c r="AG442">
        <v>114077</v>
      </c>
      <c r="AH442">
        <v>50000</v>
      </c>
      <c r="AI442">
        <v>1</v>
      </c>
      <c r="AJ442">
        <v>92</v>
      </c>
      <c r="AK442" t="s">
        <v>22</v>
      </c>
      <c r="AL442">
        <v>0</v>
      </c>
      <c r="AM442">
        <v>0</v>
      </c>
      <c r="AN442">
        <v>0</v>
      </c>
      <c r="AO442">
        <v>0</v>
      </c>
      <c r="AP442">
        <v>0</v>
      </c>
      <c r="AQ442">
        <v>0</v>
      </c>
      <c r="AR442">
        <v>0</v>
      </c>
      <c r="AS442">
        <v>0</v>
      </c>
      <c r="AT442">
        <v>0</v>
      </c>
      <c r="AU442">
        <v>0</v>
      </c>
      <c r="AV442">
        <v>0</v>
      </c>
      <c r="AW442">
        <v>0</v>
      </c>
      <c r="AX442">
        <v>-1080</v>
      </c>
      <c r="AY442">
        <v>43</v>
      </c>
      <c r="AZ442">
        <v>98</v>
      </c>
      <c r="BA442">
        <v>7278</v>
      </c>
    </row>
    <row r="443" spans="1:53" x14ac:dyDescent="0.4">
      <c r="A443">
        <v>487</v>
      </c>
      <c r="B443" s="1">
        <v>42960</v>
      </c>
      <c r="C443">
        <v>1</v>
      </c>
      <c r="D443" s="1">
        <v>42960.291666666664</v>
      </c>
      <c r="E443" s="1">
        <v>42960.405555555553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0</v>
      </c>
      <c r="O443">
        <v>0</v>
      </c>
      <c r="P443">
        <v>0</v>
      </c>
      <c r="Q443">
        <v>0</v>
      </c>
      <c r="R443">
        <v>0</v>
      </c>
      <c r="S443">
        <v>0</v>
      </c>
      <c r="T443">
        <v>0</v>
      </c>
      <c r="U443">
        <v>0</v>
      </c>
      <c r="V443">
        <v>0</v>
      </c>
      <c r="W443">
        <v>1</v>
      </c>
      <c r="X443">
        <v>0</v>
      </c>
      <c r="Y443">
        <v>25</v>
      </c>
      <c r="Z443">
        <v>15</v>
      </c>
      <c r="AA443">
        <v>74</v>
      </c>
      <c r="AB443">
        <v>68</v>
      </c>
      <c r="AC443">
        <v>136</v>
      </c>
      <c r="AD443">
        <v>54</v>
      </c>
      <c r="AE443">
        <v>70</v>
      </c>
      <c r="AF443">
        <v>0</v>
      </c>
      <c r="AG443">
        <v>50000</v>
      </c>
      <c r="AH443">
        <v>50000</v>
      </c>
      <c r="AI443">
        <v>0</v>
      </c>
      <c r="AJ443">
        <v>0</v>
      </c>
      <c r="AK443" t="s">
        <v>6</v>
      </c>
      <c r="AL443">
        <v>0</v>
      </c>
      <c r="AM443">
        <v>0</v>
      </c>
      <c r="AN443">
        <v>0</v>
      </c>
      <c r="AO443">
        <v>0</v>
      </c>
      <c r="AP443">
        <v>0</v>
      </c>
      <c r="AQ443">
        <v>0</v>
      </c>
      <c r="AR443">
        <v>0</v>
      </c>
      <c r="AS443">
        <v>0</v>
      </c>
      <c r="AT443">
        <v>0</v>
      </c>
      <c r="AU443">
        <v>0</v>
      </c>
      <c r="AV443">
        <v>0</v>
      </c>
      <c r="AW443">
        <v>0</v>
      </c>
      <c r="AX443">
        <v>0</v>
      </c>
      <c r="AY443">
        <v>0</v>
      </c>
      <c r="AZ443">
        <v>0</v>
      </c>
      <c r="BA443">
        <v>0</v>
      </c>
    </row>
    <row r="444" spans="1:53" x14ac:dyDescent="0.4">
      <c r="A444">
        <v>488</v>
      </c>
      <c r="B444" s="1">
        <v>42960</v>
      </c>
      <c r="C444">
        <v>2</v>
      </c>
      <c r="D444" s="1">
        <v>42960.405555555553</v>
      </c>
      <c r="E444" s="1">
        <v>42960.750694444447</v>
      </c>
      <c r="F444">
        <v>41250</v>
      </c>
      <c r="G444">
        <v>14090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4426</v>
      </c>
      <c r="N444">
        <v>0</v>
      </c>
      <c r="O444">
        <v>0</v>
      </c>
      <c r="P444">
        <v>16200</v>
      </c>
      <c r="Q444">
        <v>0</v>
      </c>
      <c r="R444">
        <v>75966</v>
      </c>
      <c r="S444">
        <v>0</v>
      </c>
      <c r="T444">
        <v>0</v>
      </c>
      <c r="U444">
        <v>0</v>
      </c>
      <c r="V444">
        <v>3</v>
      </c>
      <c r="W444">
        <v>0</v>
      </c>
      <c r="X444">
        <v>0</v>
      </c>
      <c r="Y444">
        <v>62</v>
      </c>
      <c r="Z444">
        <v>35</v>
      </c>
      <c r="AA444">
        <v>99</v>
      </c>
      <c r="AB444">
        <v>83</v>
      </c>
      <c r="AC444">
        <v>199</v>
      </c>
      <c r="AD444">
        <v>51</v>
      </c>
      <c r="AE444">
        <v>71</v>
      </c>
      <c r="AF444">
        <v>0</v>
      </c>
      <c r="AG444">
        <v>125866</v>
      </c>
      <c r="AH444">
        <v>50000</v>
      </c>
      <c r="AI444">
        <v>-100</v>
      </c>
      <c r="AJ444">
        <v>89</v>
      </c>
      <c r="AK444" t="s">
        <v>12</v>
      </c>
      <c r="AL444">
        <v>0</v>
      </c>
      <c r="AM444">
        <v>0</v>
      </c>
      <c r="AN444">
        <v>0</v>
      </c>
      <c r="AO444">
        <v>0</v>
      </c>
      <c r="AP444">
        <v>0</v>
      </c>
      <c r="AQ444">
        <v>0</v>
      </c>
      <c r="AR444">
        <v>0</v>
      </c>
      <c r="AS444">
        <v>0</v>
      </c>
      <c r="AT444">
        <v>0</v>
      </c>
      <c r="AU444">
        <v>0</v>
      </c>
      <c r="AV444">
        <v>0</v>
      </c>
      <c r="AW444">
        <v>0</v>
      </c>
      <c r="AX444">
        <v>3401</v>
      </c>
      <c r="AY444">
        <v>49</v>
      </c>
      <c r="AZ444">
        <v>113</v>
      </c>
      <c r="BA444">
        <v>7288</v>
      </c>
    </row>
    <row r="445" spans="1:53" x14ac:dyDescent="0.4">
      <c r="A445">
        <v>489</v>
      </c>
      <c r="B445" s="1">
        <v>42960</v>
      </c>
      <c r="C445">
        <v>3</v>
      </c>
      <c r="D445" s="1">
        <v>42960.750694444447</v>
      </c>
      <c r="E445" s="1">
        <v>42960.931944444441</v>
      </c>
      <c r="F445">
        <v>50540</v>
      </c>
      <c r="G445">
        <v>5910</v>
      </c>
      <c r="H445">
        <v>0</v>
      </c>
      <c r="I445">
        <v>0</v>
      </c>
      <c r="J445">
        <v>1000</v>
      </c>
      <c r="K445">
        <v>0</v>
      </c>
      <c r="L445">
        <v>0</v>
      </c>
      <c r="M445">
        <v>4435</v>
      </c>
      <c r="N445">
        <v>0</v>
      </c>
      <c r="O445">
        <v>0</v>
      </c>
      <c r="P445">
        <v>2808</v>
      </c>
      <c r="Q445">
        <v>0</v>
      </c>
      <c r="R445">
        <v>62693</v>
      </c>
      <c r="S445">
        <v>0</v>
      </c>
      <c r="T445">
        <v>0</v>
      </c>
      <c r="U445">
        <v>0</v>
      </c>
      <c r="V445">
        <v>6</v>
      </c>
      <c r="W445">
        <v>1</v>
      </c>
      <c r="X445">
        <v>0</v>
      </c>
      <c r="Y445">
        <v>90</v>
      </c>
      <c r="Z445">
        <v>35</v>
      </c>
      <c r="AA445">
        <v>98</v>
      </c>
      <c r="AB445">
        <v>80</v>
      </c>
      <c r="AC445">
        <v>195</v>
      </c>
      <c r="AD445">
        <v>50</v>
      </c>
      <c r="AE445">
        <v>59</v>
      </c>
      <c r="AF445">
        <v>0</v>
      </c>
      <c r="AG445">
        <v>188559</v>
      </c>
      <c r="AH445">
        <v>50000</v>
      </c>
      <c r="AI445">
        <v>-100</v>
      </c>
      <c r="AJ445">
        <v>91</v>
      </c>
      <c r="AK445" t="s">
        <v>14</v>
      </c>
      <c r="AL445">
        <v>0</v>
      </c>
      <c r="AM445">
        <v>0</v>
      </c>
      <c r="AN445">
        <v>0</v>
      </c>
      <c r="AO445">
        <v>0</v>
      </c>
      <c r="AP445">
        <v>0</v>
      </c>
      <c r="AQ445">
        <v>0</v>
      </c>
      <c r="AR445">
        <v>0</v>
      </c>
      <c r="AS445">
        <v>0</v>
      </c>
      <c r="AT445">
        <v>0</v>
      </c>
      <c r="AU445">
        <v>0</v>
      </c>
      <c r="AV445">
        <v>0</v>
      </c>
      <c r="AW445">
        <v>0</v>
      </c>
      <c r="AX445">
        <v>56376</v>
      </c>
      <c r="AY445">
        <v>25</v>
      </c>
      <c r="AZ445">
        <v>96</v>
      </c>
      <c r="BA445">
        <v>3245</v>
      </c>
    </row>
    <row r="446" spans="1:53" x14ac:dyDescent="0.4">
      <c r="A446">
        <v>490</v>
      </c>
      <c r="B446" s="1">
        <v>42960</v>
      </c>
      <c r="C446">
        <v>4</v>
      </c>
      <c r="D446" s="1">
        <v>42960.931944444441</v>
      </c>
      <c r="E446" s="1">
        <v>42961.111111111109</v>
      </c>
      <c r="F446">
        <v>137760</v>
      </c>
      <c r="G446">
        <v>4680</v>
      </c>
      <c r="H446">
        <v>0</v>
      </c>
      <c r="I446">
        <v>0</v>
      </c>
      <c r="J446">
        <v>0</v>
      </c>
      <c r="K446">
        <v>2000</v>
      </c>
      <c r="L446">
        <v>0</v>
      </c>
      <c r="M446">
        <v>11554</v>
      </c>
      <c r="N446">
        <v>0</v>
      </c>
      <c r="O446">
        <v>0</v>
      </c>
      <c r="P446">
        <v>17064</v>
      </c>
      <c r="Q446">
        <v>0</v>
      </c>
      <c r="R446">
        <v>173058</v>
      </c>
      <c r="S446">
        <v>0</v>
      </c>
      <c r="T446">
        <v>0</v>
      </c>
      <c r="U446">
        <v>0</v>
      </c>
      <c r="V446">
        <v>18</v>
      </c>
      <c r="W446">
        <v>7</v>
      </c>
      <c r="X446">
        <v>0</v>
      </c>
      <c r="Y446">
        <v>114</v>
      </c>
      <c r="Z446">
        <v>35</v>
      </c>
      <c r="AA446">
        <v>89</v>
      </c>
      <c r="AB446">
        <v>78</v>
      </c>
      <c r="AC446">
        <v>209</v>
      </c>
      <c r="AD446">
        <v>53</v>
      </c>
      <c r="AE446">
        <v>62</v>
      </c>
      <c r="AF446">
        <v>0</v>
      </c>
      <c r="AG446">
        <v>361717</v>
      </c>
      <c r="AH446">
        <v>50000</v>
      </c>
      <c r="AI446">
        <v>0</v>
      </c>
      <c r="AJ446">
        <v>16</v>
      </c>
      <c r="AK446" t="s">
        <v>11</v>
      </c>
      <c r="AL446">
        <v>0</v>
      </c>
      <c r="AM446">
        <v>0</v>
      </c>
      <c r="AN446">
        <v>0</v>
      </c>
      <c r="AO446">
        <v>0</v>
      </c>
      <c r="AP446">
        <v>0</v>
      </c>
      <c r="AQ446">
        <v>0</v>
      </c>
      <c r="AR446">
        <v>0</v>
      </c>
      <c r="AS446">
        <v>0</v>
      </c>
      <c r="AT446">
        <v>0</v>
      </c>
      <c r="AU446">
        <v>0</v>
      </c>
      <c r="AV446">
        <v>0</v>
      </c>
      <c r="AW446">
        <v>0</v>
      </c>
      <c r="AX446">
        <v>16524</v>
      </c>
      <c r="AY446">
        <v>17</v>
      </c>
      <c r="AZ446">
        <v>54</v>
      </c>
      <c r="BA446">
        <v>3196</v>
      </c>
    </row>
    <row r="447" spans="1:53" x14ac:dyDescent="0.4">
      <c r="A447">
        <v>491</v>
      </c>
      <c r="B447" s="1">
        <v>42961</v>
      </c>
      <c r="C447">
        <v>1</v>
      </c>
      <c r="D447" s="1">
        <v>42961.291666666664</v>
      </c>
      <c r="E447" s="1">
        <v>42961.409722222219</v>
      </c>
      <c r="F447">
        <v>0</v>
      </c>
      <c r="G447">
        <v>0</v>
      </c>
      <c r="H447">
        <v>0</v>
      </c>
      <c r="I447">
        <v>0</v>
      </c>
      <c r="J447">
        <v>0</v>
      </c>
      <c r="K447">
        <v>0</v>
      </c>
      <c r="L447">
        <v>0</v>
      </c>
      <c r="M447">
        <v>0</v>
      </c>
      <c r="N447">
        <v>0</v>
      </c>
      <c r="O447">
        <v>0</v>
      </c>
      <c r="P447">
        <v>0</v>
      </c>
      <c r="Q447">
        <v>0</v>
      </c>
      <c r="R447">
        <v>0</v>
      </c>
      <c r="S447">
        <v>0</v>
      </c>
      <c r="T447">
        <v>0</v>
      </c>
      <c r="U447">
        <v>0</v>
      </c>
      <c r="V447">
        <v>0</v>
      </c>
      <c r="W447">
        <v>1</v>
      </c>
      <c r="X447">
        <v>0</v>
      </c>
      <c r="Y447">
        <v>25</v>
      </c>
      <c r="Z447">
        <v>13</v>
      </c>
      <c r="AA447">
        <v>83</v>
      </c>
      <c r="AB447">
        <v>78</v>
      </c>
      <c r="AC447">
        <v>98</v>
      </c>
      <c r="AD447">
        <v>52</v>
      </c>
      <c r="AE447">
        <v>60</v>
      </c>
      <c r="AF447">
        <v>0</v>
      </c>
      <c r="AG447">
        <v>50000</v>
      </c>
      <c r="AH447">
        <v>0</v>
      </c>
      <c r="AI447">
        <v>50000</v>
      </c>
      <c r="AJ447">
        <v>0</v>
      </c>
      <c r="AK447" t="s">
        <v>6</v>
      </c>
      <c r="AL447">
        <v>0</v>
      </c>
      <c r="AM447">
        <v>0</v>
      </c>
      <c r="AN447">
        <v>0</v>
      </c>
      <c r="AO447">
        <v>0</v>
      </c>
      <c r="AP447">
        <v>0</v>
      </c>
      <c r="AQ447">
        <v>0</v>
      </c>
      <c r="AR447">
        <v>0</v>
      </c>
      <c r="AS447">
        <v>0</v>
      </c>
      <c r="AT447">
        <v>0</v>
      </c>
      <c r="AU447">
        <v>0</v>
      </c>
      <c r="AV447">
        <v>0</v>
      </c>
      <c r="AW447">
        <v>0</v>
      </c>
      <c r="AX447">
        <v>0</v>
      </c>
      <c r="AY447">
        <v>0</v>
      </c>
      <c r="AZ447">
        <v>0</v>
      </c>
      <c r="BA447">
        <v>0</v>
      </c>
    </row>
    <row r="448" spans="1:53" x14ac:dyDescent="0.4">
      <c r="A448">
        <v>492</v>
      </c>
      <c r="B448" s="1">
        <v>42961</v>
      </c>
      <c r="C448">
        <v>2</v>
      </c>
      <c r="D448" s="1">
        <v>42961.409722222219</v>
      </c>
      <c r="E448" s="1">
        <v>42961.751388888886</v>
      </c>
      <c r="F448">
        <v>38750</v>
      </c>
      <c r="G448">
        <v>3760</v>
      </c>
      <c r="H448">
        <v>0</v>
      </c>
      <c r="I448">
        <v>0</v>
      </c>
      <c r="J448">
        <v>0</v>
      </c>
      <c r="K448">
        <v>0</v>
      </c>
      <c r="L448">
        <v>0</v>
      </c>
      <c r="M448">
        <v>3400</v>
      </c>
      <c r="N448">
        <v>0</v>
      </c>
      <c r="O448">
        <v>0</v>
      </c>
      <c r="P448">
        <v>20520</v>
      </c>
      <c r="Q448">
        <v>0</v>
      </c>
      <c r="R448">
        <v>66430</v>
      </c>
      <c r="S448">
        <v>0</v>
      </c>
      <c r="T448">
        <v>0</v>
      </c>
      <c r="U448">
        <v>0</v>
      </c>
      <c r="V448">
        <v>2</v>
      </c>
      <c r="W448">
        <v>3</v>
      </c>
      <c r="X448">
        <v>0</v>
      </c>
      <c r="Y448">
        <v>53</v>
      </c>
      <c r="Z448">
        <v>18</v>
      </c>
      <c r="AA448">
        <v>129</v>
      </c>
      <c r="AB448">
        <v>87</v>
      </c>
      <c r="AC448">
        <v>186</v>
      </c>
      <c r="AD448">
        <v>58</v>
      </c>
      <c r="AE448">
        <v>64</v>
      </c>
      <c r="AF448">
        <v>0</v>
      </c>
      <c r="AG448">
        <v>116464</v>
      </c>
      <c r="AH448">
        <v>50000</v>
      </c>
      <c r="AI448">
        <v>34</v>
      </c>
      <c r="AJ448">
        <v>92</v>
      </c>
      <c r="AK448" t="s">
        <v>22</v>
      </c>
      <c r="AL448">
        <v>0</v>
      </c>
      <c r="AM448">
        <v>0</v>
      </c>
      <c r="AN448">
        <v>0</v>
      </c>
      <c r="AO448">
        <v>0</v>
      </c>
      <c r="AP448">
        <v>0</v>
      </c>
      <c r="AQ448">
        <v>0</v>
      </c>
      <c r="AR448">
        <v>0</v>
      </c>
      <c r="AS448">
        <v>0</v>
      </c>
      <c r="AT448">
        <v>0</v>
      </c>
      <c r="AU448">
        <v>0</v>
      </c>
      <c r="AV448">
        <v>0</v>
      </c>
      <c r="AW448">
        <v>0</v>
      </c>
      <c r="AX448">
        <v>32</v>
      </c>
      <c r="AY448">
        <v>45</v>
      </c>
      <c r="AZ448">
        <v>113</v>
      </c>
      <c r="BA448">
        <v>7162</v>
      </c>
    </row>
    <row r="449" spans="1:53" x14ac:dyDescent="0.4">
      <c r="A449">
        <v>493</v>
      </c>
      <c r="B449" s="1">
        <v>42961</v>
      </c>
      <c r="C449">
        <v>3</v>
      </c>
      <c r="D449" s="1">
        <v>42961.751388888886</v>
      </c>
      <c r="E449" s="1">
        <v>42962.176388888889</v>
      </c>
      <c r="F449">
        <v>270460</v>
      </c>
      <c r="G449">
        <v>9640</v>
      </c>
      <c r="H449">
        <v>0</v>
      </c>
      <c r="I449">
        <v>0</v>
      </c>
      <c r="J449">
        <v>3000</v>
      </c>
      <c r="K449">
        <v>8500</v>
      </c>
      <c r="L449">
        <v>0</v>
      </c>
      <c r="M449">
        <v>22845</v>
      </c>
      <c r="N449">
        <v>0</v>
      </c>
      <c r="O449">
        <v>0</v>
      </c>
      <c r="P449">
        <v>-3348</v>
      </c>
      <c r="Q449">
        <v>0</v>
      </c>
      <c r="R449">
        <v>305097</v>
      </c>
      <c r="S449">
        <v>0</v>
      </c>
      <c r="T449">
        <v>0</v>
      </c>
      <c r="U449">
        <v>0</v>
      </c>
      <c r="V449">
        <v>23</v>
      </c>
      <c r="W449">
        <v>6</v>
      </c>
      <c r="X449">
        <v>0</v>
      </c>
      <c r="Y449">
        <v>116</v>
      </c>
      <c r="Z449">
        <v>20</v>
      </c>
      <c r="AA449">
        <v>129</v>
      </c>
      <c r="AB449">
        <v>84</v>
      </c>
      <c r="AC449">
        <v>190</v>
      </c>
      <c r="AD449">
        <v>57</v>
      </c>
      <c r="AE449">
        <v>39</v>
      </c>
      <c r="AF449">
        <v>16203</v>
      </c>
      <c r="AG449">
        <v>421527</v>
      </c>
      <c r="AH449">
        <v>50000</v>
      </c>
      <c r="AI449">
        <v>0</v>
      </c>
      <c r="AJ449">
        <v>104</v>
      </c>
      <c r="AK449" t="s">
        <v>10</v>
      </c>
      <c r="AL449">
        <v>0</v>
      </c>
      <c r="AM449">
        <v>0</v>
      </c>
      <c r="AN449">
        <v>0</v>
      </c>
      <c r="AO449">
        <v>0</v>
      </c>
      <c r="AP449">
        <v>0</v>
      </c>
      <c r="AQ449">
        <v>0</v>
      </c>
      <c r="AR449">
        <v>0</v>
      </c>
      <c r="AS449">
        <v>0</v>
      </c>
      <c r="AT449">
        <v>0</v>
      </c>
      <c r="AU449">
        <v>0</v>
      </c>
      <c r="AV449">
        <v>0</v>
      </c>
      <c r="AW449">
        <v>0</v>
      </c>
      <c r="AX449">
        <v>1544</v>
      </c>
      <c r="AY449">
        <v>45</v>
      </c>
      <c r="AZ449">
        <v>160</v>
      </c>
      <c r="BA449">
        <v>7338</v>
      </c>
    </row>
    <row r="450" spans="1:53" x14ac:dyDescent="0.4">
      <c r="A450">
        <v>494</v>
      </c>
      <c r="B450" s="1">
        <v>42962</v>
      </c>
      <c r="C450">
        <v>1</v>
      </c>
      <c r="D450" s="1">
        <v>42962.291666666664</v>
      </c>
      <c r="E450" s="1">
        <v>42962.407638888886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0</v>
      </c>
      <c r="O450">
        <v>0</v>
      </c>
      <c r="P450">
        <v>0</v>
      </c>
      <c r="Q450">
        <v>0</v>
      </c>
      <c r="R450">
        <v>0</v>
      </c>
      <c r="S450">
        <v>0</v>
      </c>
      <c r="T450">
        <v>0</v>
      </c>
      <c r="U450">
        <v>0</v>
      </c>
      <c r="V450">
        <v>0</v>
      </c>
      <c r="W450">
        <v>1</v>
      </c>
      <c r="X450">
        <v>0</v>
      </c>
      <c r="Y450">
        <v>25</v>
      </c>
      <c r="Z450">
        <v>14</v>
      </c>
      <c r="AA450">
        <v>76</v>
      </c>
      <c r="AB450">
        <v>76</v>
      </c>
      <c r="AC450">
        <v>129</v>
      </c>
      <c r="AD450">
        <v>55</v>
      </c>
      <c r="AE450">
        <v>35</v>
      </c>
      <c r="AF450">
        <v>0</v>
      </c>
      <c r="AG450">
        <v>50000</v>
      </c>
      <c r="AH450">
        <v>50000</v>
      </c>
      <c r="AI450">
        <v>0</v>
      </c>
      <c r="AJ450">
        <v>0</v>
      </c>
      <c r="AK450" t="s">
        <v>6</v>
      </c>
      <c r="AL450">
        <v>0</v>
      </c>
      <c r="AM450">
        <v>0</v>
      </c>
      <c r="AN450">
        <v>0</v>
      </c>
      <c r="AO450">
        <v>0</v>
      </c>
      <c r="AP450">
        <v>0</v>
      </c>
      <c r="AQ450">
        <v>0</v>
      </c>
      <c r="AR450">
        <v>0</v>
      </c>
      <c r="AS450">
        <v>0</v>
      </c>
      <c r="AT450">
        <v>0</v>
      </c>
      <c r="AU450">
        <v>0</v>
      </c>
      <c r="AV450">
        <v>0</v>
      </c>
      <c r="AW450">
        <v>0</v>
      </c>
      <c r="AX450">
        <v>0</v>
      </c>
      <c r="AY450">
        <v>0</v>
      </c>
      <c r="AZ450">
        <v>0</v>
      </c>
      <c r="BA450">
        <v>0</v>
      </c>
    </row>
    <row r="451" spans="1:53" x14ac:dyDescent="0.4">
      <c r="A451">
        <v>495</v>
      </c>
      <c r="B451" s="1">
        <v>42962</v>
      </c>
      <c r="C451">
        <v>2</v>
      </c>
      <c r="D451" s="1">
        <v>42962.407638888886</v>
      </c>
      <c r="E451" s="1">
        <v>42962.73541666667</v>
      </c>
      <c r="F451">
        <v>37000</v>
      </c>
      <c r="G451">
        <v>746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3557</v>
      </c>
      <c r="N451">
        <v>0</v>
      </c>
      <c r="O451">
        <v>0</v>
      </c>
      <c r="P451">
        <v>15660</v>
      </c>
      <c r="Q451">
        <v>0</v>
      </c>
      <c r="R451">
        <v>63677</v>
      </c>
      <c r="S451">
        <v>0</v>
      </c>
      <c r="T451">
        <v>0</v>
      </c>
      <c r="U451">
        <v>0</v>
      </c>
      <c r="V451">
        <v>3</v>
      </c>
      <c r="W451">
        <v>0</v>
      </c>
      <c r="X451">
        <v>0</v>
      </c>
      <c r="Y451">
        <v>54</v>
      </c>
      <c r="Z451">
        <v>28</v>
      </c>
      <c r="AA451">
        <v>90</v>
      </c>
      <c r="AB451">
        <v>77</v>
      </c>
      <c r="AC451">
        <v>147</v>
      </c>
      <c r="AD451">
        <v>53</v>
      </c>
      <c r="AE451">
        <v>32</v>
      </c>
      <c r="AF451">
        <v>0</v>
      </c>
      <c r="AG451">
        <v>112617</v>
      </c>
      <c r="AH451">
        <v>50000</v>
      </c>
      <c r="AI451">
        <v>-1060</v>
      </c>
      <c r="AJ451">
        <v>92</v>
      </c>
      <c r="AK451" t="s">
        <v>22</v>
      </c>
      <c r="AL451">
        <v>0</v>
      </c>
      <c r="AM451">
        <v>0</v>
      </c>
      <c r="AN451">
        <v>0</v>
      </c>
      <c r="AO451">
        <v>0</v>
      </c>
      <c r="AP451">
        <v>0</v>
      </c>
      <c r="AQ451">
        <v>0</v>
      </c>
      <c r="AR451">
        <v>0</v>
      </c>
      <c r="AS451">
        <v>0</v>
      </c>
      <c r="AT451">
        <v>0</v>
      </c>
      <c r="AU451">
        <v>0</v>
      </c>
      <c r="AV451">
        <v>0</v>
      </c>
      <c r="AW451">
        <v>0</v>
      </c>
      <c r="AX451">
        <v>-324</v>
      </c>
      <c r="AY451">
        <v>44</v>
      </c>
      <c r="AZ451">
        <v>95</v>
      </c>
      <c r="BA451">
        <v>7171</v>
      </c>
    </row>
    <row r="452" spans="1:53" x14ac:dyDescent="0.4">
      <c r="A452">
        <v>496</v>
      </c>
      <c r="B452" s="1">
        <v>42962</v>
      </c>
      <c r="C452">
        <v>3</v>
      </c>
      <c r="D452" s="1">
        <v>42962.73541666667</v>
      </c>
      <c r="E452" s="1">
        <v>42962.956944444442</v>
      </c>
      <c r="F452">
        <v>90740</v>
      </c>
      <c r="G452">
        <v>10620</v>
      </c>
      <c r="H452">
        <v>0</v>
      </c>
      <c r="I452">
        <v>0</v>
      </c>
      <c r="J452">
        <v>2750</v>
      </c>
      <c r="K452">
        <v>1160</v>
      </c>
      <c r="L452">
        <v>0</v>
      </c>
      <c r="M452">
        <v>7981</v>
      </c>
      <c r="N452">
        <v>0</v>
      </c>
      <c r="O452">
        <v>0</v>
      </c>
      <c r="P452">
        <v>24732</v>
      </c>
      <c r="Q452">
        <v>0</v>
      </c>
      <c r="R452">
        <v>132483</v>
      </c>
      <c r="S452">
        <v>0</v>
      </c>
      <c r="T452">
        <v>0</v>
      </c>
      <c r="U452">
        <v>0</v>
      </c>
      <c r="V452">
        <v>11</v>
      </c>
      <c r="W452">
        <v>3</v>
      </c>
      <c r="X452">
        <v>0</v>
      </c>
      <c r="Y452">
        <v>91</v>
      </c>
      <c r="Z452">
        <v>29</v>
      </c>
      <c r="AA452">
        <v>83</v>
      </c>
      <c r="AB452">
        <v>76</v>
      </c>
      <c r="AC452">
        <v>131</v>
      </c>
      <c r="AD452">
        <v>48</v>
      </c>
      <c r="AE452">
        <v>28</v>
      </c>
      <c r="AF452">
        <v>913</v>
      </c>
      <c r="AG452">
        <v>245091</v>
      </c>
      <c r="AH452">
        <v>50000</v>
      </c>
      <c r="AI452">
        <v>-1069</v>
      </c>
      <c r="AJ452">
        <v>91</v>
      </c>
      <c r="AK452" t="s">
        <v>14</v>
      </c>
      <c r="AL452">
        <v>0</v>
      </c>
      <c r="AM452">
        <v>0</v>
      </c>
      <c r="AN452">
        <v>0</v>
      </c>
      <c r="AO452">
        <v>0</v>
      </c>
      <c r="AP452">
        <v>0</v>
      </c>
      <c r="AQ452">
        <v>0</v>
      </c>
      <c r="AR452">
        <v>0</v>
      </c>
      <c r="AS452">
        <v>0</v>
      </c>
      <c r="AT452">
        <v>0</v>
      </c>
      <c r="AU452">
        <v>0</v>
      </c>
      <c r="AV452">
        <v>0</v>
      </c>
      <c r="AW452">
        <v>0</v>
      </c>
      <c r="AX452">
        <v>87218</v>
      </c>
      <c r="AY452">
        <v>32</v>
      </c>
      <c r="AZ452">
        <v>136</v>
      </c>
      <c r="BA452">
        <v>4511</v>
      </c>
    </row>
    <row r="453" spans="1:53" x14ac:dyDescent="0.4">
      <c r="A453">
        <v>497</v>
      </c>
      <c r="B453" s="1">
        <v>42962</v>
      </c>
      <c r="C453">
        <v>4</v>
      </c>
      <c r="D453" s="1">
        <v>42962.956944444442</v>
      </c>
      <c r="E453" s="1">
        <v>42963.106249999997</v>
      </c>
      <c r="F453">
        <v>168720</v>
      </c>
      <c r="G453">
        <v>0</v>
      </c>
      <c r="H453">
        <v>0</v>
      </c>
      <c r="I453">
        <v>0</v>
      </c>
      <c r="J453">
        <v>4320</v>
      </c>
      <c r="K453">
        <v>0</v>
      </c>
      <c r="L453">
        <v>0</v>
      </c>
      <c r="M453">
        <v>13151</v>
      </c>
      <c r="N453">
        <v>0</v>
      </c>
      <c r="O453">
        <v>0</v>
      </c>
      <c r="P453">
        <v>33588</v>
      </c>
      <c r="Q453">
        <v>0</v>
      </c>
      <c r="R453">
        <v>211139</v>
      </c>
      <c r="S453">
        <v>0</v>
      </c>
      <c r="T453">
        <v>0</v>
      </c>
      <c r="U453">
        <v>0</v>
      </c>
      <c r="V453">
        <v>28</v>
      </c>
      <c r="W453">
        <v>5</v>
      </c>
      <c r="X453">
        <v>0</v>
      </c>
      <c r="Y453">
        <v>112</v>
      </c>
      <c r="Z453">
        <v>26</v>
      </c>
      <c r="AA453">
        <v>78</v>
      </c>
      <c r="AB453">
        <v>79</v>
      </c>
      <c r="AC453">
        <v>136</v>
      </c>
      <c r="AD453">
        <v>47</v>
      </c>
      <c r="AE453">
        <v>4</v>
      </c>
      <c r="AF453">
        <v>12886</v>
      </c>
      <c r="AG453">
        <v>456235</v>
      </c>
      <c r="AH453">
        <v>50000</v>
      </c>
      <c r="AI453">
        <v>-1064</v>
      </c>
      <c r="AJ453">
        <v>99</v>
      </c>
      <c r="AK453" t="s">
        <v>9</v>
      </c>
      <c r="AL453">
        <v>0</v>
      </c>
      <c r="AM453">
        <v>0</v>
      </c>
      <c r="AN453">
        <v>0</v>
      </c>
      <c r="AO453">
        <v>0</v>
      </c>
      <c r="AP453">
        <v>0</v>
      </c>
      <c r="AQ453">
        <v>0</v>
      </c>
      <c r="AR453">
        <v>0</v>
      </c>
      <c r="AS453">
        <v>0</v>
      </c>
      <c r="AT453">
        <v>0</v>
      </c>
      <c r="AU453">
        <v>0</v>
      </c>
      <c r="AV453">
        <v>0</v>
      </c>
      <c r="AW453">
        <v>0</v>
      </c>
      <c r="AX453">
        <v>29797</v>
      </c>
      <c r="AY453">
        <v>16</v>
      </c>
      <c r="AZ453">
        <v>58</v>
      </c>
      <c r="BA453">
        <v>3111</v>
      </c>
    </row>
    <row r="454" spans="1:53" x14ac:dyDescent="0.4">
      <c r="A454">
        <v>498</v>
      </c>
      <c r="B454" s="1">
        <v>42963</v>
      </c>
      <c r="C454">
        <v>1</v>
      </c>
      <c r="D454" s="1">
        <v>42963.291666666664</v>
      </c>
      <c r="E454" s="1">
        <v>42963.40902777778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0</v>
      </c>
      <c r="O454">
        <v>0</v>
      </c>
      <c r="P454">
        <v>0</v>
      </c>
      <c r="Q454">
        <v>0</v>
      </c>
      <c r="R454">
        <v>0</v>
      </c>
      <c r="S454">
        <v>0</v>
      </c>
      <c r="T454">
        <v>0</v>
      </c>
      <c r="U454">
        <v>0</v>
      </c>
      <c r="V454">
        <v>0</v>
      </c>
      <c r="W454">
        <v>1</v>
      </c>
      <c r="X454">
        <v>0</v>
      </c>
      <c r="Y454">
        <v>26</v>
      </c>
      <c r="Z454">
        <v>14</v>
      </c>
      <c r="AA454">
        <v>67</v>
      </c>
      <c r="AB454">
        <v>81</v>
      </c>
      <c r="AC454">
        <v>100</v>
      </c>
      <c r="AD454">
        <v>47</v>
      </c>
      <c r="AE454">
        <v>15</v>
      </c>
      <c r="AF454">
        <v>0</v>
      </c>
      <c r="AG454">
        <v>50000</v>
      </c>
      <c r="AH454">
        <v>50000</v>
      </c>
      <c r="AI454">
        <v>0</v>
      </c>
      <c r="AJ454">
        <v>0</v>
      </c>
      <c r="AK454" t="s">
        <v>6</v>
      </c>
      <c r="AL454">
        <v>0</v>
      </c>
      <c r="AM454">
        <v>0</v>
      </c>
      <c r="AN454">
        <v>0</v>
      </c>
      <c r="AO454">
        <v>0</v>
      </c>
      <c r="AP454">
        <v>0</v>
      </c>
      <c r="AQ454">
        <v>0</v>
      </c>
      <c r="AR454">
        <v>0</v>
      </c>
      <c r="AS454">
        <v>0</v>
      </c>
      <c r="AT454">
        <v>0</v>
      </c>
      <c r="AU454">
        <v>0</v>
      </c>
      <c r="AV454">
        <v>0</v>
      </c>
      <c r="AW454">
        <v>0</v>
      </c>
      <c r="AX454">
        <v>0</v>
      </c>
      <c r="AY454">
        <v>0</v>
      </c>
      <c r="AZ454">
        <v>0</v>
      </c>
      <c r="BA454">
        <v>0</v>
      </c>
    </row>
    <row r="455" spans="1:53" x14ac:dyDescent="0.4">
      <c r="A455">
        <v>499</v>
      </c>
      <c r="B455" s="1">
        <v>42963</v>
      </c>
      <c r="C455">
        <v>2</v>
      </c>
      <c r="D455" s="1">
        <v>42963.40902777778</v>
      </c>
      <c r="E455" s="1">
        <v>42963.759027777778</v>
      </c>
      <c r="F455">
        <v>41500</v>
      </c>
      <c r="G455">
        <v>308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3565</v>
      </c>
      <c r="N455">
        <v>0</v>
      </c>
      <c r="O455">
        <v>0</v>
      </c>
      <c r="P455">
        <v>27000</v>
      </c>
      <c r="Q455">
        <v>0</v>
      </c>
      <c r="R455">
        <v>75145</v>
      </c>
      <c r="S455">
        <v>0</v>
      </c>
      <c r="T455">
        <v>0</v>
      </c>
      <c r="U455">
        <v>0</v>
      </c>
      <c r="V455">
        <v>4</v>
      </c>
      <c r="W455">
        <v>2</v>
      </c>
      <c r="X455">
        <v>0</v>
      </c>
      <c r="Y455">
        <v>36</v>
      </c>
      <c r="Z455">
        <v>19</v>
      </c>
      <c r="AA455">
        <v>97</v>
      </c>
      <c r="AB455">
        <v>94</v>
      </c>
      <c r="AC455">
        <v>167</v>
      </c>
      <c r="AD455">
        <v>49</v>
      </c>
      <c r="AE455">
        <v>12</v>
      </c>
      <c r="AF455">
        <v>13328</v>
      </c>
      <c r="AG455">
        <v>125155</v>
      </c>
      <c r="AH455">
        <v>50000</v>
      </c>
      <c r="AI455">
        <v>10</v>
      </c>
      <c r="AJ455">
        <v>92</v>
      </c>
      <c r="AK455" t="s">
        <v>22</v>
      </c>
      <c r="AL455">
        <v>0</v>
      </c>
      <c r="AM455">
        <v>0</v>
      </c>
      <c r="AN455">
        <v>0</v>
      </c>
      <c r="AO455">
        <v>0</v>
      </c>
      <c r="AP455">
        <v>0</v>
      </c>
      <c r="AQ455">
        <v>0</v>
      </c>
      <c r="AR455">
        <v>0</v>
      </c>
      <c r="AS455">
        <v>0</v>
      </c>
      <c r="AT455">
        <v>0</v>
      </c>
      <c r="AU455">
        <v>0</v>
      </c>
      <c r="AV455">
        <v>0</v>
      </c>
      <c r="AW455">
        <v>0</v>
      </c>
      <c r="AX455">
        <v>594</v>
      </c>
      <c r="AY455">
        <v>55</v>
      </c>
      <c r="AZ455">
        <v>128</v>
      </c>
      <c r="BA455">
        <v>8536</v>
      </c>
    </row>
    <row r="456" spans="1:53" x14ac:dyDescent="0.4">
      <c r="A456">
        <v>500</v>
      </c>
      <c r="B456" s="1">
        <v>42963</v>
      </c>
      <c r="C456">
        <v>3</v>
      </c>
      <c r="D456" s="1">
        <v>42963.759027777778</v>
      </c>
      <c r="E456" s="1">
        <v>42963.959722222222</v>
      </c>
      <c r="F456">
        <v>59620</v>
      </c>
      <c r="G456">
        <v>287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4999</v>
      </c>
      <c r="N456">
        <v>0</v>
      </c>
      <c r="O456">
        <v>0</v>
      </c>
      <c r="P456">
        <v>30888</v>
      </c>
      <c r="Q456">
        <v>0</v>
      </c>
      <c r="R456">
        <v>98377</v>
      </c>
      <c r="S456">
        <v>0</v>
      </c>
      <c r="T456">
        <v>0</v>
      </c>
      <c r="U456">
        <v>0</v>
      </c>
      <c r="V456">
        <v>10</v>
      </c>
      <c r="W456">
        <v>3</v>
      </c>
      <c r="X456">
        <v>0</v>
      </c>
      <c r="Y456">
        <v>67</v>
      </c>
      <c r="Z456">
        <v>19</v>
      </c>
      <c r="AA456">
        <v>82</v>
      </c>
      <c r="AB456">
        <v>96</v>
      </c>
      <c r="AC456">
        <v>163</v>
      </c>
      <c r="AD456">
        <v>49</v>
      </c>
      <c r="AE456">
        <v>17</v>
      </c>
      <c r="AF456">
        <v>17130</v>
      </c>
      <c r="AG456">
        <v>223522</v>
      </c>
      <c r="AH456">
        <v>50000</v>
      </c>
      <c r="AI456">
        <v>0</v>
      </c>
      <c r="AJ456">
        <v>1</v>
      </c>
      <c r="AK456" t="s">
        <v>3</v>
      </c>
      <c r="AL456">
        <v>0</v>
      </c>
      <c r="AM456">
        <v>0</v>
      </c>
      <c r="AN456">
        <v>0</v>
      </c>
      <c r="AO456">
        <v>0</v>
      </c>
      <c r="AP456">
        <v>0</v>
      </c>
      <c r="AQ456">
        <v>0</v>
      </c>
      <c r="AR456">
        <v>0</v>
      </c>
      <c r="AS456">
        <v>0</v>
      </c>
      <c r="AT456">
        <v>0</v>
      </c>
      <c r="AU456">
        <v>0</v>
      </c>
      <c r="AV456">
        <v>0</v>
      </c>
      <c r="AW456">
        <v>0</v>
      </c>
      <c r="AX456">
        <v>25110</v>
      </c>
      <c r="AY456">
        <v>24</v>
      </c>
      <c r="AZ456">
        <v>86</v>
      </c>
      <c r="BA456">
        <v>4062</v>
      </c>
    </row>
    <row r="457" spans="1:53" x14ac:dyDescent="0.4">
      <c r="A457">
        <v>501</v>
      </c>
      <c r="B457" s="1">
        <v>42963</v>
      </c>
      <c r="C457">
        <v>4</v>
      </c>
      <c r="D457" s="1">
        <v>42963.959722222222</v>
      </c>
      <c r="E457" s="1">
        <v>42964.109722222223</v>
      </c>
      <c r="F457">
        <v>104320</v>
      </c>
      <c r="G457">
        <v>1630</v>
      </c>
      <c r="H457">
        <v>0</v>
      </c>
      <c r="I457">
        <v>0</v>
      </c>
      <c r="J457">
        <v>0</v>
      </c>
      <c r="K457">
        <v>15000</v>
      </c>
      <c r="L457">
        <v>0</v>
      </c>
      <c r="M457">
        <v>9675</v>
      </c>
      <c r="N457">
        <v>0</v>
      </c>
      <c r="O457">
        <v>0</v>
      </c>
      <c r="P457">
        <v>-25186</v>
      </c>
      <c r="Q457">
        <v>0</v>
      </c>
      <c r="R457">
        <v>105439</v>
      </c>
      <c r="S457">
        <v>0</v>
      </c>
      <c r="T457">
        <v>0</v>
      </c>
      <c r="U457">
        <v>0</v>
      </c>
      <c r="V457">
        <v>20</v>
      </c>
      <c r="W457">
        <v>0</v>
      </c>
      <c r="X457">
        <v>0</v>
      </c>
      <c r="Y457">
        <v>74</v>
      </c>
      <c r="Z457">
        <v>18</v>
      </c>
      <c r="AA457">
        <v>83</v>
      </c>
      <c r="AB457">
        <v>95</v>
      </c>
      <c r="AC457">
        <v>159</v>
      </c>
      <c r="AD457">
        <v>50</v>
      </c>
      <c r="AE457">
        <v>13</v>
      </c>
      <c r="AF457">
        <v>31058</v>
      </c>
      <c r="AG457">
        <v>328961</v>
      </c>
      <c r="AH457">
        <v>50000</v>
      </c>
      <c r="AI457">
        <v>0</v>
      </c>
      <c r="AJ457">
        <v>99</v>
      </c>
      <c r="AK457" t="s">
        <v>9</v>
      </c>
      <c r="AL457">
        <v>0</v>
      </c>
      <c r="AM457">
        <v>0</v>
      </c>
      <c r="AN457">
        <v>0</v>
      </c>
      <c r="AO457">
        <v>0</v>
      </c>
      <c r="AP457">
        <v>0</v>
      </c>
      <c r="AQ457">
        <v>0</v>
      </c>
      <c r="AR457">
        <v>0</v>
      </c>
      <c r="AS457">
        <v>0</v>
      </c>
      <c r="AT457">
        <v>0</v>
      </c>
      <c r="AU457">
        <v>0</v>
      </c>
      <c r="AV457">
        <v>0</v>
      </c>
      <c r="AW457">
        <v>0</v>
      </c>
      <c r="AX457">
        <v>1458</v>
      </c>
      <c r="AY457">
        <v>10</v>
      </c>
      <c r="AZ457">
        <v>29</v>
      </c>
      <c r="BA457">
        <v>1938</v>
      </c>
    </row>
    <row r="458" spans="1:53" x14ac:dyDescent="0.4">
      <c r="A458">
        <v>502</v>
      </c>
      <c r="B458" s="1">
        <v>42964</v>
      </c>
      <c r="C458">
        <v>1</v>
      </c>
      <c r="D458" s="1">
        <v>42964.291666666664</v>
      </c>
      <c r="E458" s="1">
        <v>42964.411805555559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0</v>
      </c>
      <c r="O458">
        <v>0</v>
      </c>
      <c r="P458">
        <v>0</v>
      </c>
      <c r="Q458">
        <v>0</v>
      </c>
      <c r="R458">
        <v>0</v>
      </c>
      <c r="S458">
        <v>0</v>
      </c>
      <c r="T458">
        <v>0</v>
      </c>
      <c r="U458">
        <v>0</v>
      </c>
      <c r="V458">
        <v>0</v>
      </c>
      <c r="W458">
        <v>0</v>
      </c>
      <c r="X458">
        <v>0</v>
      </c>
      <c r="Y458">
        <v>30</v>
      </c>
      <c r="Z458">
        <v>14</v>
      </c>
      <c r="AA458">
        <v>74</v>
      </c>
      <c r="AB458">
        <v>86</v>
      </c>
      <c r="AC458">
        <v>105</v>
      </c>
      <c r="AD458">
        <v>48</v>
      </c>
      <c r="AE458">
        <v>10</v>
      </c>
      <c r="AF458">
        <v>0</v>
      </c>
      <c r="AG458">
        <v>50000</v>
      </c>
      <c r="AH458">
        <v>0</v>
      </c>
      <c r="AI458">
        <v>50000</v>
      </c>
      <c r="AJ458">
        <v>0</v>
      </c>
      <c r="AK458" t="s">
        <v>6</v>
      </c>
      <c r="AL458">
        <v>0</v>
      </c>
      <c r="AM458">
        <v>0</v>
      </c>
      <c r="AN458">
        <v>0</v>
      </c>
      <c r="AO458">
        <v>0</v>
      </c>
      <c r="AP458">
        <v>0</v>
      </c>
      <c r="AQ458">
        <v>0</v>
      </c>
      <c r="AR458">
        <v>0</v>
      </c>
      <c r="AS458">
        <v>0</v>
      </c>
      <c r="AT458">
        <v>0</v>
      </c>
      <c r="AU458">
        <v>0</v>
      </c>
      <c r="AV458">
        <v>0</v>
      </c>
      <c r="AW458">
        <v>0</v>
      </c>
      <c r="AX458">
        <v>0</v>
      </c>
      <c r="AY458">
        <v>0</v>
      </c>
      <c r="AZ458">
        <v>0</v>
      </c>
      <c r="BA458">
        <v>0</v>
      </c>
    </row>
    <row r="459" spans="1:53" x14ac:dyDescent="0.4">
      <c r="A459">
        <v>503</v>
      </c>
      <c r="B459" s="1">
        <v>42964</v>
      </c>
      <c r="C459">
        <v>2</v>
      </c>
      <c r="D459" s="1">
        <v>42964.411805555559</v>
      </c>
      <c r="E459" s="1">
        <v>42964.731944444444</v>
      </c>
      <c r="F459">
        <v>37250</v>
      </c>
      <c r="G459">
        <v>2310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3164</v>
      </c>
      <c r="N459">
        <v>0</v>
      </c>
      <c r="O459">
        <v>0</v>
      </c>
      <c r="P459">
        <v>18360</v>
      </c>
      <c r="Q459">
        <v>0</v>
      </c>
      <c r="R459">
        <v>61084</v>
      </c>
      <c r="S459">
        <v>0</v>
      </c>
      <c r="T459">
        <v>0</v>
      </c>
      <c r="U459">
        <v>0</v>
      </c>
      <c r="V459">
        <v>1</v>
      </c>
      <c r="W459">
        <v>0</v>
      </c>
      <c r="X459">
        <v>1</v>
      </c>
      <c r="Y459">
        <v>54</v>
      </c>
      <c r="Z459">
        <v>44</v>
      </c>
      <c r="AA459">
        <v>110</v>
      </c>
      <c r="AB459">
        <v>98</v>
      </c>
      <c r="AC459">
        <v>211</v>
      </c>
      <c r="AD459">
        <v>49</v>
      </c>
      <c r="AE459">
        <v>16</v>
      </c>
      <c r="AF459">
        <v>4814</v>
      </c>
      <c r="AG459">
        <v>111085</v>
      </c>
      <c r="AH459">
        <v>50000</v>
      </c>
      <c r="AI459">
        <v>1</v>
      </c>
      <c r="AJ459">
        <v>96</v>
      </c>
      <c r="AK459" t="s">
        <v>4</v>
      </c>
      <c r="AL459">
        <v>0</v>
      </c>
      <c r="AM459">
        <v>0</v>
      </c>
      <c r="AN459">
        <v>0</v>
      </c>
      <c r="AO459">
        <v>0</v>
      </c>
      <c r="AP459">
        <v>0</v>
      </c>
      <c r="AQ459">
        <v>0</v>
      </c>
      <c r="AR459">
        <v>0</v>
      </c>
      <c r="AS459">
        <v>0</v>
      </c>
      <c r="AT459">
        <v>0</v>
      </c>
      <c r="AU459">
        <v>0</v>
      </c>
      <c r="AV459">
        <v>0</v>
      </c>
      <c r="AW459">
        <v>0</v>
      </c>
      <c r="AX459">
        <v>-270</v>
      </c>
      <c r="AY459">
        <v>48</v>
      </c>
      <c r="AZ459">
        <v>108</v>
      </c>
      <c r="BA459">
        <v>7185</v>
      </c>
    </row>
    <row r="460" spans="1:53" x14ac:dyDescent="0.4">
      <c r="A460">
        <v>504</v>
      </c>
      <c r="B460" s="1">
        <v>42964</v>
      </c>
      <c r="C460">
        <v>3</v>
      </c>
      <c r="D460" s="1">
        <v>42964.731944444444</v>
      </c>
      <c r="E460" s="1">
        <v>42964.944444444445</v>
      </c>
      <c r="F460">
        <v>58960</v>
      </c>
      <c r="G460">
        <v>3850</v>
      </c>
      <c r="H460">
        <v>0</v>
      </c>
      <c r="I460">
        <v>0</v>
      </c>
      <c r="J460">
        <v>2000</v>
      </c>
      <c r="K460">
        <v>0</v>
      </c>
      <c r="L460">
        <v>0</v>
      </c>
      <c r="M460">
        <v>4864</v>
      </c>
      <c r="N460">
        <v>0</v>
      </c>
      <c r="O460">
        <v>0</v>
      </c>
      <c r="P460">
        <v>7560</v>
      </c>
      <c r="Q460">
        <v>0</v>
      </c>
      <c r="R460">
        <v>73234</v>
      </c>
      <c r="S460">
        <v>0</v>
      </c>
      <c r="T460">
        <v>0</v>
      </c>
      <c r="U460">
        <v>0</v>
      </c>
      <c r="V460">
        <v>4</v>
      </c>
      <c r="W460">
        <v>3</v>
      </c>
      <c r="X460">
        <v>1</v>
      </c>
      <c r="Y460">
        <v>72</v>
      </c>
      <c r="Z460">
        <v>43</v>
      </c>
      <c r="AA460">
        <v>122</v>
      </c>
      <c r="AB460">
        <v>102</v>
      </c>
      <c r="AC460">
        <v>220</v>
      </c>
      <c r="AD460">
        <v>45</v>
      </c>
      <c r="AE460">
        <v>17</v>
      </c>
      <c r="AF460">
        <v>13536</v>
      </c>
      <c r="AG460">
        <v>183778</v>
      </c>
      <c r="AH460">
        <v>50000</v>
      </c>
      <c r="AI460">
        <v>-540</v>
      </c>
      <c r="AJ460">
        <v>1</v>
      </c>
      <c r="AK460" t="s">
        <v>3</v>
      </c>
      <c r="AL460">
        <v>0</v>
      </c>
      <c r="AM460">
        <v>0</v>
      </c>
      <c r="AN460">
        <v>0</v>
      </c>
      <c r="AO460">
        <v>0</v>
      </c>
      <c r="AP460">
        <v>0</v>
      </c>
      <c r="AQ460">
        <v>0</v>
      </c>
      <c r="AR460">
        <v>0</v>
      </c>
      <c r="AS460">
        <v>0</v>
      </c>
      <c r="AT460">
        <v>0</v>
      </c>
      <c r="AU460">
        <v>0</v>
      </c>
      <c r="AV460">
        <v>0</v>
      </c>
      <c r="AW460">
        <v>0</v>
      </c>
      <c r="AX460">
        <v>34084</v>
      </c>
      <c r="AY460">
        <v>27</v>
      </c>
      <c r="AZ460">
        <v>85</v>
      </c>
      <c r="BA460">
        <v>3828</v>
      </c>
    </row>
    <row r="461" spans="1:53" x14ac:dyDescent="0.4">
      <c r="A461">
        <v>505</v>
      </c>
      <c r="B461" s="1">
        <v>42965</v>
      </c>
      <c r="C461">
        <v>1</v>
      </c>
      <c r="D461" s="1">
        <v>42965.291666666664</v>
      </c>
      <c r="E461" s="1">
        <v>42965.414583333331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0</v>
      </c>
      <c r="O461">
        <v>0</v>
      </c>
      <c r="P461">
        <v>0</v>
      </c>
      <c r="Q461">
        <v>0</v>
      </c>
      <c r="R461">
        <v>0</v>
      </c>
      <c r="S461">
        <v>0</v>
      </c>
      <c r="T461">
        <v>0</v>
      </c>
      <c r="U461">
        <v>0</v>
      </c>
      <c r="V461">
        <v>0</v>
      </c>
      <c r="W461">
        <v>1</v>
      </c>
      <c r="X461">
        <v>0</v>
      </c>
      <c r="Y461">
        <v>25</v>
      </c>
      <c r="Z461">
        <v>14</v>
      </c>
      <c r="AA461">
        <v>99</v>
      </c>
      <c r="AB461">
        <v>36</v>
      </c>
      <c r="AC461">
        <v>106</v>
      </c>
      <c r="AD461">
        <v>44</v>
      </c>
      <c r="AE461">
        <v>20</v>
      </c>
      <c r="AF461">
        <v>0</v>
      </c>
      <c r="AG461">
        <v>50000</v>
      </c>
      <c r="AH461">
        <v>0</v>
      </c>
      <c r="AI461">
        <v>50000</v>
      </c>
      <c r="AJ461">
        <v>0</v>
      </c>
      <c r="AK461" t="s">
        <v>6</v>
      </c>
      <c r="AL461">
        <v>0</v>
      </c>
      <c r="AM461">
        <v>0</v>
      </c>
      <c r="AN461">
        <v>0</v>
      </c>
      <c r="AO461">
        <v>0</v>
      </c>
      <c r="AP461">
        <v>0</v>
      </c>
      <c r="AQ461">
        <v>0</v>
      </c>
      <c r="AR461">
        <v>0</v>
      </c>
      <c r="AS461">
        <v>0</v>
      </c>
      <c r="AT461">
        <v>0</v>
      </c>
      <c r="AU461">
        <v>0</v>
      </c>
      <c r="AV461">
        <v>0</v>
      </c>
      <c r="AW461">
        <v>0</v>
      </c>
      <c r="AX461">
        <v>0</v>
      </c>
      <c r="AY461">
        <v>0</v>
      </c>
      <c r="AZ461">
        <v>0</v>
      </c>
      <c r="BA461">
        <v>0</v>
      </c>
    </row>
    <row r="462" spans="1:53" x14ac:dyDescent="0.4">
      <c r="A462">
        <v>506</v>
      </c>
      <c r="B462" s="1">
        <v>42965</v>
      </c>
      <c r="C462">
        <v>2</v>
      </c>
      <c r="D462" s="1">
        <v>42965.414583333331</v>
      </c>
      <c r="E462" s="1">
        <v>42965.745833333334</v>
      </c>
      <c r="F462">
        <v>36000</v>
      </c>
      <c r="G462">
        <v>421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3217</v>
      </c>
      <c r="N462">
        <v>0</v>
      </c>
      <c r="O462">
        <v>0</v>
      </c>
      <c r="P462">
        <v>19440</v>
      </c>
      <c r="Q462">
        <v>0</v>
      </c>
      <c r="R462">
        <v>62867</v>
      </c>
      <c r="S462">
        <v>0</v>
      </c>
      <c r="T462">
        <v>0</v>
      </c>
      <c r="U462">
        <v>0</v>
      </c>
      <c r="V462">
        <v>4</v>
      </c>
      <c r="W462">
        <v>0</v>
      </c>
      <c r="X462">
        <v>0</v>
      </c>
      <c r="Y462">
        <v>47</v>
      </c>
      <c r="Z462">
        <v>23</v>
      </c>
      <c r="AA462">
        <v>90</v>
      </c>
      <c r="AB462">
        <v>44</v>
      </c>
      <c r="AC462">
        <v>181</v>
      </c>
      <c r="AD462">
        <v>52</v>
      </c>
      <c r="AE462">
        <v>17</v>
      </c>
      <c r="AF462">
        <v>1080</v>
      </c>
      <c r="AG462">
        <v>112867</v>
      </c>
      <c r="AH462">
        <v>50000</v>
      </c>
      <c r="AI462">
        <v>0</v>
      </c>
      <c r="AJ462">
        <v>90</v>
      </c>
      <c r="AK462" t="s">
        <v>24</v>
      </c>
      <c r="AL462">
        <v>0</v>
      </c>
      <c r="AM462">
        <v>0</v>
      </c>
      <c r="AN462">
        <v>0</v>
      </c>
      <c r="AO462">
        <v>0</v>
      </c>
      <c r="AP462">
        <v>0</v>
      </c>
      <c r="AQ462">
        <v>0</v>
      </c>
      <c r="AR462">
        <v>0</v>
      </c>
      <c r="AS462">
        <v>0</v>
      </c>
      <c r="AT462">
        <v>0</v>
      </c>
      <c r="AU462">
        <v>0</v>
      </c>
      <c r="AV462">
        <v>0</v>
      </c>
      <c r="AW462">
        <v>0</v>
      </c>
      <c r="AX462">
        <v>2829</v>
      </c>
      <c r="AY462">
        <v>47</v>
      </c>
      <c r="AZ462">
        <v>103</v>
      </c>
      <c r="BA462">
        <v>7155</v>
      </c>
    </row>
    <row r="463" spans="1:53" x14ac:dyDescent="0.4">
      <c r="A463">
        <v>507</v>
      </c>
      <c r="B463" s="1">
        <v>42965</v>
      </c>
      <c r="C463">
        <v>3</v>
      </c>
      <c r="D463" s="1">
        <v>42965.745833333334</v>
      </c>
      <c r="E463" s="1">
        <v>42965.947916666664</v>
      </c>
      <c r="F463">
        <v>32400</v>
      </c>
      <c r="G463">
        <v>3570</v>
      </c>
      <c r="H463">
        <v>0</v>
      </c>
      <c r="I463">
        <v>0</v>
      </c>
      <c r="J463">
        <v>0</v>
      </c>
      <c r="K463">
        <v>0</v>
      </c>
      <c r="L463">
        <v>0</v>
      </c>
      <c r="M463">
        <v>2877</v>
      </c>
      <c r="N463">
        <v>0</v>
      </c>
      <c r="O463">
        <v>0</v>
      </c>
      <c r="P463">
        <v>-19440</v>
      </c>
      <c r="Q463">
        <v>0</v>
      </c>
      <c r="R463">
        <v>19407</v>
      </c>
      <c r="S463">
        <v>0</v>
      </c>
      <c r="T463">
        <v>0</v>
      </c>
      <c r="U463">
        <v>0</v>
      </c>
      <c r="V463">
        <v>6</v>
      </c>
      <c r="W463">
        <v>0</v>
      </c>
      <c r="X463">
        <v>0</v>
      </c>
      <c r="Y463">
        <v>39</v>
      </c>
      <c r="Z463">
        <v>24</v>
      </c>
      <c r="AA463">
        <v>85</v>
      </c>
      <c r="AB463">
        <v>46</v>
      </c>
      <c r="AC463">
        <v>192</v>
      </c>
      <c r="AD463">
        <v>52</v>
      </c>
      <c r="AE463">
        <v>38</v>
      </c>
      <c r="AF463">
        <v>8256</v>
      </c>
      <c r="AG463">
        <v>132274</v>
      </c>
      <c r="AH463">
        <v>50000</v>
      </c>
      <c r="AI463">
        <v>0</v>
      </c>
      <c r="AJ463">
        <v>16</v>
      </c>
      <c r="AK463" t="s">
        <v>11</v>
      </c>
      <c r="AL463">
        <v>0</v>
      </c>
      <c r="AM463">
        <v>0</v>
      </c>
      <c r="AN463">
        <v>0</v>
      </c>
      <c r="AO463">
        <v>0</v>
      </c>
      <c r="AP463">
        <v>0</v>
      </c>
      <c r="AQ463">
        <v>0</v>
      </c>
      <c r="AR463">
        <v>0</v>
      </c>
      <c r="AS463">
        <v>0</v>
      </c>
      <c r="AT463">
        <v>0</v>
      </c>
      <c r="AU463">
        <v>0</v>
      </c>
      <c r="AV463">
        <v>0</v>
      </c>
      <c r="AW463">
        <v>0</v>
      </c>
      <c r="AX463">
        <v>98819</v>
      </c>
      <c r="AY463">
        <v>20</v>
      </c>
      <c r="AZ463">
        <v>72</v>
      </c>
      <c r="BA463">
        <v>3093</v>
      </c>
    </row>
    <row r="464" spans="1:53" x14ac:dyDescent="0.4">
      <c r="A464">
        <v>508</v>
      </c>
      <c r="B464" s="1">
        <v>42965</v>
      </c>
      <c r="C464">
        <v>4</v>
      </c>
      <c r="D464" s="1">
        <v>42965.947916666664</v>
      </c>
      <c r="E464" s="1">
        <v>42966.089583333334</v>
      </c>
      <c r="F464">
        <v>152100</v>
      </c>
      <c r="G464">
        <v>4500</v>
      </c>
      <c r="H464">
        <v>0</v>
      </c>
      <c r="I464">
        <v>0</v>
      </c>
      <c r="J464">
        <v>2100</v>
      </c>
      <c r="K464">
        <v>0</v>
      </c>
      <c r="L464">
        <v>0</v>
      </c>
      <c r="M464">
        <v>12359</v>
      </c>
      <c r="N464">
        <v>0</v>
      </c>
      <c r="O464">
        <v>0</v>
      </c>
      <c r="P464">
        <v>37152</v>
      </c>
      <c r="Q464">
        <v>0</v>
      </c>
      <c r="R464">
        <v>204011</v>
      </c>
      <c r="S464">
        <v>0</v>
      </c>
      <c r="T464">
        <v>0</v>
      </c>
      <c r="U464">
        <v>0</v>
      </c>
      <c r="V464">
        <v>19</v>
      </c>
      <c r="W464">
        <v>3</v>
      </c>
      <c r="X464">
        <v>0</v>
      </c>
      <c r="Y464">
        <v>96</v>
      </c>
      <c r="Z464">
        <v>23</v>
      </c>
      <c r="AA464">
        <v>84</v>
      </c>
      <c r="AB464">
        <v>46</v>
      </c>
      <c r="AC464">
        <v>175</v>
      </c>
      <c r="AD464">
        <v>51</v>
      </c>
      <c r="AE464">
        <v>16</v>
      </c>
      <c r="AF464">
        <v>11064</v>
      </c>
      <c r="AG464">
        <v>336285</v>
      </c>
      <c r="AH464">
        <v>50000</v>
      </c>
      <c r="AI464">
        <v>0</v>
      </c>
      <c r="AJ464">
        <v>100</v>
      </c>
      <c r="AK464" t="s">
        <v>0</v>
      </c>
      <c r="AL464">
        <v>0</v>
      </c>
      <c r="AM464">
        <v>0</v>
      </c>
      <c r="AN464">
        <v>0</v>
      </c>
      <c r="AO464">
        <v>0</v>
      </c>
      <c r="AP464">
        <v>0</v>
      </c>
      <c r="AQ464">
        <v>0</v>
      </c>
      <c r="AR464">
        <v>0</v>
      </c>
      <c r="AS464">
        <v>0</v>
      </c>
      <c r="AT464">
        <v>0</v>
      </c>
      <c r="AU464">
        <v>0</v>
      </c>
      <c r="AV464">
        <v>0</v>
      </c>
      <c r="AW464">
        <v>0</v>
      </c>
      <c r="AX464">
        <v>6145</v>
      </c>
      <c r="AY464">
        <v>13</v>
      </c>
      <c r="AZ464">
        <v>44</v>
      </c>
      <c r="BA464">
        <v>2243</v>
      </c>
    </row>
    <row r="465" spans="1:53" x14ac:dyDescent="0.4">
      <c r="A465">
        <v>509</v>
      </c>
      <c r="B465" s="1">
        <v>42966</v>
      </c>
      <c r="C465">
        <v>1</v>
      </c>
      <c r="D465" s="1">
        <v>42966.291666666664</v>
      </c>
      <c r="E465" s="1">
        <v>42966.411111111112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0</v>
      </c>
      <c r="O465">
        <v>0</v>
      </c>
      <c r="P465">
        <v>0</v>
      </c>
      <c r="Q465">
        <v>0</v>
      </c>
      <c r="R465">
        <v>0</v>
      </c>
      <c r="S465">
        <v>0</v>
      </c>
      <c r="T465">
        <v>0</v>
      </c>
      <c r="U465">
        <v>0</v>
      </c>
      <c r="V465">
        <v>0</v>
      </c>
      <c r="W465">
        <v>1</v>
      </c>
      <c r="X465">
        <v>0</v>
      </c>
      <c r="Y465">
        <v>25</v>
      </c>
      <c r="Z465">
        <v>17</v>
      </c>
      <c r="AA465">
        <v>79</v>
      </c>
      <c r="AB465">
        <v>44</v>
      </c>
      <c r="AC465">
        <v>116</v>
      </c>
      <c r="AD465">
        <v>46</v>
      </c>
      <c r="AE465">
        <v>10</v>
      </c>
      <c r="AF465">
        <v>0</v>
      </c>
      <c r="AG465">
        <v>50000</v>
      </c>
      <c r="AH465">
        <v>0</v>
      </c>
      <c r="AI465">
        <v>50000</v>
      </c>
      <c r="AJ465">
        <v>0</v>
      </c>
      <c r="AK465" t="s">
        <v>6</v>
      </c>
      <c r="AL465">
        <v>0</v>
      </c>
      <c r="AM465">
        <v>0</v>
      </c>
      <c r="AN465">
        <v>0</v>
      </c>
      <c r="AO465">
        <v>0</v>
      </c>
      <c r="AP465">
        <v>0</v>
      </c>
      <c r="AQ465">
        <v>0</v>
      </c>
      <c r="AR465">
        <v>0</v>
      </c>
      <c r="AS465">
        <v>0</v>
      </c>
      <c r="AT465">
        <v>0</v>
      </c>
      <c r="AU465">
        <v>0</v>
      </c>
      <c r="AV465">
        <v>0</v>
      </c>
      <c r="AW465">
        <v>0</v>
      </c>
      <c r="AX465">
        <v>0</v>
      </c>
      <c r="AY465">
        <v>0</v>
      </c>
      <c r="AZ465">
        <v>0</v>
      </c>
      <c r="BA465">
        <v>0</v>
      </c>
    </row>
    <row r="466" spans="1:53" x14ac:dyDescent="0.4">
      <c r="A466">
        <v>510</v>
      </c>
      <c r="B466" s="1">
        <v>42966</v>
      </c>
      <c r="C466">
        <v>2</v>
      </c>
      <c r="D466" s="1">
        <v>42966.411111111112</v>
      </c>
      <c r="E466" s="1">
        <v>42966.73333333333</v>
      </c>
      <c r="F466">
        <v>35250</v>
      </c>
      <c r="G466">
        <v>442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3173</v>
      </c>
      <c r="N466">
        <v>0</v>
      </c>
      <c r="O466">
        <v>0</v>
      </c>
      <c r="P466">
        <v>13500</v>
      </c>
      <c r="Q466">
        <v>0</v>
      </c>
      <c r="R466">
        <v>56343</v>
      </c>
      <c r="S466">
        <v>0</v>
      </c>
      <c r="T466">
        <v>0</v>
      </c>
      <c r="U466">
        <v>0</v>
      </c>
      <c r="V466">
        <v>0</v>
      </c>
      <c r="W466">
        <v>2</v>
      </c>
      <c r="X466">
        <v>0</v>
      </c>
      <c r="Y466">
        <v>52</v>
      </c>
      <c r="Z466">
        <v>35</v>
      </c>
      <c r="AA466">
        <v>84</v>
      </c>
      <c r="AB466">
        <v>61</v>
      </c>
      <c r="AC466">
        <v>202</v>
      </c>
      <c r="AD466">
        <v>46</v>
      </c>
      <c r="AE466">
        <v>11</v>
      </c>
      <c r="AF466">
        <v>13132</v>
      </c>
      <c r="AG466">
        <v>106343</v>
      </c>
      <c r="AH466">
        <v>50000</v>
      </c>
      <c r="AI466">
        <v>0</v>
      </c>
      <c r="AJ466">
        <v>91</v>
      </c>
      <c r="AK466" t="s">
        <v>14</v>
      </c>
      <c r="AL466">
        <v>0</v>
      </c>
      <c r="AM466">
        <v>0</v>
      </c>
      <c r="AN466">
        <v>0</v>
      </c>
      <c r="AO466">
        <v>0</v>
      </c>
      <c r="AP466">
        <v>0</v>
      </c>
      <c r="AQ466">
        <v>0</v>
      </c>
      <c r="AR466">
        <v>0</v>
      </c>
      <c r="AS466">
        <v>0</v>
      </c>
      <c r="AT466">
        <v>0</v>
      </c>
      <c r="AU466">
        <v>0</v>
      </c>
      <c r="AV466">
        <v>0</v>
      </c>
      <c r="AW466">
        <v>0</v>
      </c>
      <c r="AX466">
        <v>594</v>
      </c>
      <c r="AY466">
        <v>45</v>
      </c>
      <c r="AZ466">
        <v>90</v>
      </c>
      <c r="BA466">
        <v>7259</v>
      </c>
    </row>
    <row r="467" spans="1:53" x14ac:dyDescent="0.4">
      <c r="A467">
        <v>511</v>
      </c>
      <c r="B467" s="1">
        <v>42966</v>
      </c>
      <c r="C467">
        <v>3</v>
      </c>
      <c r="D467" s="1">
        <v>42966.73333333333</v>
      </c>
      <c r="E467" s="1">
        <v>42966.947222222225</v>
      </c>
      <c r="F467">
        <v>68700</v>
      </c>
      <c r="G467">
        <v>4220</v>
      </c>
      <c r="H467">
        <v>0</v>
      </c>
      <c r="I467">
        <v>0</v>
      </c>
      <c r="J467">
        <v>0</v>
      </c>
      <c r="K467">
        <v>0</v>
      </c>
      <c r="L467">
        <v>0</v>
      </c>
      <c r="M467">
        <v>5833</v>
      </c>
      <c r="N467">
        <v>0</v>
      </c>
      <c r="O467">
        <v>0</v>
      </c>
      <c r="P467">
        <v>-8100</v>
      </c>
      <c r="Q467">
        <v>0</v>
      </c>
      <c r="R467">
        <v>70653</v>
      </c>
      <c r="S467">
        <v>0</v>
      </c>
      <c r="T467">
        <v>0</v>
      </c>
      <c r="U467">
        <v>0</v>
      </c>
      <c r="V467">
        <v>9</v>
      </c>
      <c r="W467">
        <v>1</v>
      </c>
      <c r="X467">
        <v>0</v>
      </c>
      <c r="Y467">
        <v>37</v>
      </c>
      <c r="Z467">
        <v>36</v>
      </c>
      <c r="AA467">
        <v>86</v>
      </c>
      <c r="AB467">
        <v>61</v>
      </c>
      <c r="AC467">
        <v>200</v>
      </c>
      <c r="AD467">
        <v>43</v>
      </c>
      <c r="AE467">
        <v>2</v>
      </c>
      <c r="AF467">
        <v>13132</v>
      </c>
      <c r="AG467">
        <v>176999</v>
      </c>
      <c r="AH467">
        <v>50000</v>
      </c>
      <c r="AI467">
        <v>3</v>
      </c>
      <c r="AJ467">
        <v>100</v>
      </c>
      <c r="AK467" t="s">
        <v>0</v>
      </c>
      <c r="AL467">
        <v>0</v>
      </c>
      <c r="AM467">
        <v>0</v>
      </c>
      <c r="AN467">
        <v>0</v>
      </c>
      <c r="AO467">
        <v>0</v>
      </c>
      <c r="AP467">
        <v>0</v>
      </c>
      <c r="AQ467">
        <v>0</v>
      </c>
      <c r="AR467">
        <v>0</v>
      </c>
      <c r="AS467">
        <v>0</v>
      </c>
      <c r="AT467">
        <v>0</v>
      </c>
      <c r="AU467">
        <v>0</v>
      </c>
      <c r="AV467">
        <v>0</v>
      </c>
      <c r="AW467">
        <v>0</v>
      </c>
      <c r="AX467">
        <v>80549</v>
      </c>
      <c r="AY467">
        <v>31</v>
      </c>
      <c r="AZ467">
        <v>104</v>
      </c>
      <c r="BA467">
        <v>4077</v>
      </c>
    </row>
    <row r="468" spans="1:53" x14ac:dyDescent="0.4">
      <c r="A468">
        <v>512</v>
      </c>
      <c r="B468" s="1">
        <v>42966</v>
      </c>
      <c r="C468">
        <v>4</v>
      </c>
      <c r="D468" s="1">
        <v>42966.947222222225</v>
      </c>
      <c r="E468" s="1">
        <v>42967.130555555559</v>
      </c>
      <c r="F468">
        <v>161080</v>
      </c>
      <c r="G468">
        <v>5090</v>
      </c>
      <c r="H468">
        <v>0</v>
      </c>
      <c r="I468">
        <v>0</v>
      </c>
      <c r="J468">
        <v>760</v>
      </c>
      <c r="K468">
        <v>1960</v>
      </c>
      <c r="L468">
        <v>0</v>
      </c>
      <c r="M468">
        <v>13390</v>
      </c>
      <c r="N468">
        <v>0</v>
      </c>
      <c r="O468">
        <v>0</v>
      </c>
      <c r="P468">
        <v>84780</v>
      </c>
      <c r="Q468">
        <v>0</v>
      </c>
      <c r="R468">
        <v>265540</v>
      </c>
      <c r="S468">
        <v>0</v>
      </c>
      <c r="T468">
        <v>0</v>
      </c>
      <c r="U468">
        <v>0</v>
      </c>
      <c r="V468">
        <v>28</v>
      </c>
      <c r="W468">
        <v>7</v>
      </c>
      <c r="X468">
        <v>0</v>
      </c>
      <c r="Y468">
        <v>83</v>
      </c>
      <c r="Z468">
        <v>38</v>
      </c>
      <c r="AA468">
        <v>74</v>
      </c>
      <c r="AB468">
        <v>57</v>
      </c>
      <c r="AC468">
        <v>194</v>
      </c>
      <c r="AD468">
        <v>42</v>
      </c>
      <c r="AE468">
        <v>4</v>
      </c>
      <c r="AF468">
        <v>13132</v>
      </c>
      <c r="AG468">
        <v>442536</v>
      </c>
      <c r="AH468">
        <v>50000</v>
      </c>
      <c r="AI468">
        <v>0</v>
      </c>
      <c r="AJ468">
        <v>84</v>
      </c>
      <c r="AK468" t="s">
        <v>16</v>
      </c>
      <c r="AL468">
        <v>0</v>
      </c>
      <c r="AM468">
        <v>0</v>
      </c>
      <c r="AN468">
        <v>0</v>
      </c>
      <c r="AO468">
        <v>0</v>
      </c>
      <c r="AP468">
        <v>0</v>
      </c>
      <c r="AQ468">
        <v>0</v>
      </c>
      <c r="AR468">
        <v>0</v>
      </c>
      <c r="AS468">
        <v>0</v>
      </c>
      <c r="AT468">
        <v>0</v>
      </c>
      <c r="AU468">
        <v>0</v>
      </c>
      <c r="AV468">
        <v>0</v>
      </c>
      <c r="AW468">
        <v>0</v>
      </c>
      <c r="AX468">
        <v>6437</v>
      </c>
      <c r="AY468">
        <v>18</v>
      </c>
      <c r="AZ468">
        <v>74</v>
      </c>
      <c r="BA468">
        <v>3378</v>
      </c>
    </row>
    <row r="469" spans="1:53" x14ac:dyDescent="0.4">
      <c r="A469">
        <v>513</v>
      </c>
      <c r="B469" s="1">
        <v>42967</v>
      </c>
      <c r="C469">
        <v>1</v>
      </c>
      <c r="D469" s="1">
        <v>42967.291666666664</v>
      </c>
      <c r="E469" s="1">
        <v>42967.40625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0</v>
      </c>
      <c r="O469">
        <v>0</v>
      </c>
      <c r="P469">
        <v>0</v>
      </c>
      <c r="Q469">
        <v>0</v>
      </c>
      <c r="R469">
        <v>0</v>
      </c>
      <c r="S469">
        <v>0</v>
      </c>
      <c r="T469">
        <v>0</v>
      </c>
      <c r="U469">
        <v>0</v>
      </c>
      <c r="V469">
        <v>0</v>
      </c>
      <c r="W469">
        <v>1</v>
      </c>
      <c r="X469">
        <v>0</v>
      </c>
      <c r="Y469">
        <v>25</v>
      </c>
      <c r="Z469">
        <v>18</v>
      </c>
      <c r="AA469">
        <v>65</v>
      </c>
      <c r="AB469">
        <v>58</v>
      </c>
      <c r="AC469">
        <v>137</v>
      </c>
      <c r="AD469">
        <v>43</v>
      </c>
      <c r="AE469">
        <v>15</v>
      </c>
      <c r="AF469">
        <v>0</v>
      </c>
      <c r="AG469">
        <v>50000</v>
      </c>
      <c r="AH469">
        <v>50000</v>
      </c>
      <c r="AI469">
        <v>0</v>
      </c>
      <c r="AJ469">
        <v>0</v>
      </c>
      <c r="AK469" t="s">
        <v>6</v>
      </c>
      <c r="AL469">
        <v>0</v>
      </c>
      <c r="AM469">
        <v>0</v>
      </c>
      <c r="AN469">
        <v>0</v>
      </c>
      <c r="AO469">
        <v>0</v>
      </c>
      <c r="AP469">
        <v>0</v>
      </c>
      <c r="AQ469">
        <v>0</v>
      </c>
      <c r="AR469">
        <v>0</v>
      </c>
      <c r="AS469">
        <v>0</v>
      </c>
      <c r="AT469">
        <v>0</v>
      </c>
      <c r="AU469">
        <v>0</v>
      </c>
      <c r="AV469">
        <v>0</v>
      </c>
      <c r="AW469">
        <v>0</v>
      </c>
      <c r="AX469">
        <v>0</v>
      </c>
      <c r="AY469">
        <v>0</v>
      </c>
      <c r="AZ469">
        <v>0</v>
      </c>
      <c r="BA469">
        <v>0</v>
      </c>
    </row>
    <row r="470" spans="1:53" x14ac:dyDescent="0.4">
      <c r="A470">
        <v>514</v>
      </c>
      <c r="B470" s="1">
        <v>42967</v>
      </c>
      <c r="C470">
        <v>2</v>
      </c>
      <c r="D470" s="1">
        <v>42967.40625</v>
      </c>
      <c r="E470" s="1">
        <v>42967.743750000001</v>
      </c>
      <c r="F470">
        <v>43000</v>
      </c>
      <c r="G470">
        <v>8680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4133</v>
      </c>
      <c r="N470">
        <v>0</v>
      </c>
      <c r="O470">
        <v>0</v>
      </c>
      <c r="P470">
        <v>17820</v>
      </c>
      <c r="Q470">
        <v>0</v>
      </c>
      <c r="R470">
        <v>73633</v>
      </c>
      <c r="S470">
        <v>0</v>
      </c>
      <c r="T470">
        <v>0</v>
      </c>
      <c r="U470">
        <v>0</v>
      </c>
      <c r="V470">
        <v>4</v>
      </c>
      <c r="W470">
        <v>1</v>
      </c>
      <c r="X470">
        <v>0</v>
      </c>
      <c r="Y470">
        <v>53</v>
      </c>
      <c r="Z470">
        <v>34</v>
      </c>
      <c r="AA470">
        <v>31</v>
      </c>
      <c r="AB470">
        <v>69</v>
      </c>
      <c r="AC470">
        <v>196</v>
      </c>
      <c r="AD470">
        <v>40</v>
      </c>
      <c r="AE470">
        <v>3</v>
      </c>
      <c r="AF470">
        <v>100</v>
      </c>
      <c r="AG470">
        <v>123813</v>
      </c>
      <c r="AH470">
        <v>50000</v>
      </c>
      <c r="AI470">
        <v>180</v>
      </c>
      <c r="AJ470">
        <v>92</v>
      </c>
      <c r="AK470" t="s">
        <v>22</v>
      </c>
      <c r="AL470">
        <v>0</v>
      </c>
      <c r="AM470">
        <v>0</v>
      </c>
      <c r="AN470">
        <v>0</v>
      </c>
      <c r="AO470">
        <v>0</v>
      </c>
      <c r="AP470">
        <v>0</v>
      </c>
      <c r="AQ470">
        <v>0</v>
      </c>
      <c r="AR470">
        <v>0</v>
      </c>
      <c r="AS470">
        <v>0</v>
      </c>
      <c r="AT470">
        <v>0</v>
      </c>
      <c r="AU470">
        <v>0</v>
      </c>
      <c r="AV470">
        <v>0</v>
      </c>
      <c r="AW470">
        <v>0</v>
      </c>
      <c r="AX470">
        <v>886</v>
      </c>
      <c r="AY470">
        <v>49</v>
      </c>
      <c r="AZ470">
        <v>115</v>
      </c>
      <c r="BA470">
        <v>7359</v>
      </c>
    </row>
    <row r="471" spans="1:53" x14ac:dyDescent="0.4">
      <c r="A471">
        <v>515</v>
      </c>
      <c r="B471" s="1">
        <v>42967</v>
      </c>
      <c r="C471">
        <v>3</v>
      </c>
      <c r="D471" s="1">
        <v>42967.743750000001</v>
      </c>
      <c r="E471" s="1">
        <v>42967.9375</v>
      </c>
      <c r="F471">
        <v>43300</v>
      </c>
      <c r="G471">
        <v>820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3530</v>
      </c>
      <c r="N471">
        <v>0</v>
      </c>
      <c r="O471">
        <v>0</v>
      </c>
      <c r="P471">
        <v>-15228</v>
      </c>
      <c r="Q471">
        <v>0</v>
      </c>
      <c r="R471">
        <v>32422</v>
      </c>
      <c r="S471">
        <v>0</v>
      </c>
      <c r="T471">
        <v>0</v>
      </c>
      <c r="U471">
        <v>0</v>
      </c>
      <c r="V471">
        <v>5</v>
      </c>
      <c r="W471">
        <v>1</v>
      </c>
      <c r="X471">
        <v>0</v>
      </c>
      <c r="Y471">
        <v>74</v>
      </c>
      <c r="Z471">
        <v>35</v>
      </c>
      <c r="AA471">
        <v>39</v>
      </c>
      <c r="AB471">
        <v>71</v>
      </c>
      <c r="AC471">
        <v>177</v>
      </c>
      <c r="AD471">
        <v>43</v>
      </c>
      <c r="AE471">
        <v>20</v>
      </c>
      <c r="AF471">
        <v>100</v>
      </c>
      <c r="AG471">
        <v>156055</v>
      </c>
      <c r="AH471">
        <v>50000</v>
      </c>
      <c r="AI471">
        <v>0</v>
      </c>
      <c r="AJ471">
        <v>91</v>
      </c>
      <c r="AK471" t="s">
        <v>14</v>
      </c>
      <c r="AL471">
        <v>0</v>
      </c>
      <c r="AM471">
        <v>0</v>
      </c>
      <c r="AN471">
        <v>0</v>
      </c>
      <c r="AO471">
        <v>0</v>
      </c>
      <c r="AP471">
        <v>0</v>
      </c>
      <c r="AQ471">
        <v>0</v>
      </c>
      <c r="AR471">
        <v>0</v>
      </c>
      <c r="AS471">
        <v>0</v>
      </c>
      <c r="AT471">
        <v>0</v>
      </c>
      <c r="AU471">
        <v>0</v>
      </c>
      <c r="AV471">
        <v>0</v>
      </c>
      <c r="AW471">
        <v>0</v>
      </c>
      <c r="AX471">
        <v>34257</v>
      </c>
      <c r="AY471">
        <v>17</v>
      </c>
      <c r="AZ471">
        <v>57</v>
      </c>
      <c r="BA471">
        <v>3020</v>
      </c>
    </row>
    <row r="472" spans="1:53" x14ac:dyDescent="0.4">
      <c r="A472">
        <v>516</v>
      </c>
      <c r="B472" s="1">
        <v>42968</v>
      </c>
      <c r="C472">
        <v>1</v>
      </c>
      <c r="D472" s="1">
        <v>42968.291666666664</v>
      </c>
      <c r="E472" s="1">
        <v>42968.409722222219</v>
      </c>
      <c r="F472">
        <v>0</v>
      </c>
      <c r="G472">
        <v>0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0</v>
      </c>
      <c r="O472">
        <v>0</v>
      </c>
      <c r="P472">
        <v>0</v>
      </c>
      <c r="Q472">
        <v>0</v>
      </c>
      <c r="R472">
        <v>0</v>
      </c>
      <c r="S472">
        <v>0</v>
      </c>
      <c r="T472">
        <v>0</v>
      </c>
      <c r="U472">
        <v>0</v>
      </c>
      <c r="V472">
        <v>0</v>
      </c>
      <c r="W472">
        <v>1</v>
      </c>
      <c r="X472">
        <v>0</v>
      </c>
      <c r="Y472">
        <v>25</v>
      </c>
      <c r="Z472">
        <v>20</v>
      </c>
      <c r="AA472">
        <v>52</v>
      </c>
      <c r="AB472">
        <v>68</v>
      </c>
      <c r="AC472">
        <v>115</v>
      </c>
      <c r="AD472">
        <v>39</v>
      </c>
      <c r="AE472">
        <v>55</v>
      </c>
      <c r="AF472">
        <v>0</v>
      </c>
      <c r="AG472">
        <v>50000</v>
      </c>
      <c r="AH472">
        <v>0</v>
      </c>
      <c r="AI472">
        <v>50000</v>
      </c>
      <c r="AJ472">
        <v>0</v>
      </c>
      <c r="AK472" t="s">
        <v>6</v>
      </c>
      <c r="AL472">
        <v>0</v>
      </c>
      <c r="AM472">
        <v>0</v>
      </c>
      <c r="AN472">
        <v>0</v>
      </c>
      <c r="AO472">
        <v>0</v>
      </c>
      <c r="AP472">
        <v>0</v>
      </c>
      <c r="AQ472">
        <v>0</v>
      </c>
      <c r="AR472">
        <v>0</v>
      </c>
      <c r="AS472">
        <v>0</v>
      </c>
      <c r="AT472">
        <v>0</v>
      </c>
      <c r="AU472">
        <v>0</v>
      </c>
      <c r="AV472">
        <v>0</v>
      </c>
      <c r="AW472">
        <v>0</v>
      </c>
      <c r="AX472">
        <v>0</v>
      </c>
      <c r="AY472">
        <v>0</v>
      </c>
      <c r="AZ472">
        <v>0</v>
      </c>
      <c r="BA472">
        <v>0</v>
      </c>
    </row>
    <row r="473" spans="1:53" x14ac:dyDescent="0.4">
      <c r="A473">
        <v>517</v>
      </c>
      <c r="B473" s="1">
        <v>42968</v>
      </c>
      <c r="C473">
        <v>2</v>
      </c>
      <c r="D473" s="1">
        <v>42968.409722222219</v>
      </c>
      <c r="E473" s="1">
        <v>42968.754166666666</v>
      </c>
      <c r="F473">
        <v>33500</v>
      </c>
      <c r="G473">
        <v>173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2818</v>
      </c>
      <c r="N473">
        <v>0</v>
      </c>
      <c r="O473">
        <v>0</v>
      </c>
      <c r="P473">
        <v>15120</v>
      </c>
      <c r="Q473">
        <v>0</v>
      </c>
      <c r="R473">
        <v>53168</v>
      </c>
      <c r="S473">
        <v>0</v>
      </c>
      <c r="T473">
        <v>0</v>
      </c>
      <c r="U473">
        <v>0</v>
      </c>
      <c r="V473">
        <v>0</v>
      </c>
      <c r="W473">
        <v>2</v>
      </c>
      <c r="X473">
        <v>0</v>
      </c>
      <c r="Y473">
        <v>58</v>
      </c>
      <c r="Z473">
        <v>38</v>
      </c>
      <c r="AA473">
        <v>58</v>
      </c>
      <c r="AB473">
        <v>70</v>
      </c>
      <c r="AC473">
        <v>232</v>
      </c>
      <c r="AD473">
        <v>38</v>
      </c>
      <c r="AE473">
        <v>50</v>
      </c>
      <c r="AF473">
        <v>4308</v>
      </c>
      <c r="AG473">
        <v>103168</v>
      </c>
      <c r="AH473">
        <v>50000</v>
      </c>
      <c r="AI473">
        <v>0</v>
      </c>
      <c r="AJ473">
        <v>100</v>
      </c>
      <c r="AK473" t="s">
        <v>0</v>
      </c>
      <c r="AL473">
        <v>0</v>
      </c>
      <c r="AM473">
        <v>0</v>
      </c>
      <c r="AN473">
        <v>0</v>
      </c>
      <c r="AO473">
        <v>0</v>
      </c>
      <c r="AP473">
        <v>0</v>
      </c>
      <c r="AQ473">
        <v>0</v>
      </c>
      <c r="AR473">
        <v>0</v>
      </c>
      <c r="AS473">
        <v>0</v>
      </c>
      <c r="AT473">
        <v>0</v>
      </c>
      <c r="AU473">
        <v>0</v>
      </c>
      <c r="AV473">
        <v>0</v>
      </c>
      <c r="AW473">
        <v>0</v>
      </c>
      <c r="AX473">
        <v>0</v>
      </c>
      <c r="AY473">
        <v>45</v>
      </c>
      <c r="AZ473">
        <v>94</v>
      </c>
      <c r="BA473">
        <v>7083</v>
      </c>
    </row>
    <row r="474" spans="1:53" x14ac:dyDescent="0.4">
      <c r="A474">
        <v>518</v>
      </c>
      <c r="B474" s="1">
        <v>42968</v>
      </c>
      <c r="C474">
        <v>3</v>
      </c>
      <c r="D474" s="1">
        <v>42968.754166666666</v>
      </c>
      <c r="E474" s="1">
        <v>42968.950694444444</v>
      </c>
      <c r="F474">
        <v>27020</v>
      </c>
      <c r="G474">
        <v>1950</v>
      </c>
      <c r="H474">
        <v>0</v>
      </c>
      <c r="I474">
        <v>0</v>
      </c>
      <c r="J474">
        <v>0</v>
      </c>
      <c r="K474">
        <v>0</v>
      </c>
      <c r="L474">
        <v>0</v>
      </c>
      <c r="M474">
        <v>2318</v>
      </c>
      <c r="N474">
        <v>0</v>
      </c>
      <c r="O474">
        <v>0</v>
      </c>
      <c r="P474">
        <v>-1728</v>
      </c>
      <c r="Q474">
        <v>0</v>
      </c>
      <c r="R474">
        <v>29560</v>
      </c>
      <c r="S474">
        <v>0</v>
      </c>
      <c r="T474">
        <v>0</v>
      </c>
      <c r="U474">
        <v>0</v>
      </c>
      <c r="V474">
        <v>2</v>
      </c>
      <c r="W474">
        <v>1</v>
      </c>
      <c r="X474">
        <v>0</v>
      </c>
      <c r="Y474">
        <v>72</v>
      </c>
      <c r="Z474">
        <v>40</v>
      </c>
      <c r="AA474">
        <v>56</v>
      </c>
      <c r="AB474">
        <v>68</v>
      </c>
      <c r="AC474">
        <v>220</v>
      </c>
      <c r="AD474">
        <v>35</v>
      </c>
      <c r="AE474">
        <v>45</v>
      </c>
      <c r="AF474">
        <v>4308</v>
      </c>
      <c r="AG474">
        <v>132728</v>
      </c>
      <c r="AH474">
        <v>50000</v>
      </c>
      <c r="AI474">
        <v>0</v>
      </c>
      <c r="AJ474">
        <v>1</v>
      </c>
      <c r="AK474" t="s">
        <v>3</v>
      </c>
      <c r="AL474">
        <v>0</v>
      </c>
      <c r="AM474">
        <v>0</v>
      </c>
      <c r="AN474">
        <v>0</v>
      </c>
      <c r="AO474">
        <v>0</v>
      </c>
      <c r="AP474">
        <v>0</v>
      </c>
      <c r="AQ474">
        <v>0</v>
      </c>
      <c r="AR474">
        <v>0</v>
      </c>
      <c r="AS474">
        <v>0</v>
      </c>
      <c r="AT474">
        <v>0</v>
      </c>
      <c r="AU474">
        <v>0</v>
      </c>
      <c r="AV474">
        <v>0</v>
      </c>
      <c r="AW474">
        <v>0</v>
      </c>
      <c r="AX474">
        <v>5335</v>
      </c>
      <c r="AY474">
        <v>15</v>
      </c>
      <c r="AZ474">
        <v>41</v>
      </c>
      <c r="BA474">
        <v>1806</v>
      </c>
    </row>
    <row r="475" spans="1:53" x14ac:dyDescent="0.4">
      <c r="A475">
        <v>519</v>
      </c>
      <c r="B475" s="1">
        <v>42968</v>
      </c>
      <c r="C475">
        <v>4</v>
      </c>
      <c r="D475" s="1">
        <v>42968.950694444444</v>
      </c>
      <c r="E475" s="1">
        <v>42969.138194444444</v>
      </c>
      <c r="F475">
        <v>4174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3339</v>
      </c>
      <c r="N475">
        <v>0</v>
      </c>
      <c r="O475">
        <v>0</v>
      </c>
      <c r="P475">
        <v>-5076</v>
      </c>
      <c r="Q475">
        <v>0</v>
      </c>
      <c r="R475">
        <v>40003</v>
      </c>
      <c r="S475">
        <v>0</v>
      </c>
      <c r="T475">
        <v>0</v>
      </c>
      <c r="U475">
        <v>0</v>
      </c>
      <c r="V475">
        <v>4</v>
      </c>
      <c r="W475">
        <v>1</v>
      </c>
      <c r="X475">
        <v>0</v>
      </c>
      <c r="Y475">
        <v>85</v>
      </c>
      <c r="Z475">
        <v>40</v>
      </c>
      <c r="AA475">
        <v>61</v>
      </c>
      <c r="AB475">
        <v>71</v>
      </c>
      <c r="AC475">
        <v>208</v>
      </c>
      <c r="AD475">
        <v>34</v>
      </c>
      <c r="AE475">
        <v>43</v>
      </c>
      <c r="AF475">
        <v>10788</v>
      </c>
      <c r="AG475">
        <v>172731</v>
      </c>
      <c r="AH475">
        <v>50000</v>
      </c>
      <c r="AI475">
        <v>0</v>
      </c>
      <c r="AJ475">
        <v>16</v>
      </c>
      <c r="AK475" t="s">
        <v>11</v>
      </c>
      <c r="AL475">
        <v>0</v>
      </c>
      <c r="AM475">
        <v>0</v>
      </c>
      <c r="AN475">
        <v>0</v>
      </c>
      <c r="AO475">
        <v>0</v>
      </c>
      <c r="AP475">
        <v>0</v>
      </c>
      <c r="AQ475">
        <v>0</v>
      </c>
      <c r="AR475">
        <v>0</v>
      </c>
      <c r="AS475">
        <v>0</v>
      </c>
      <c r="AT475">
        <v>0</v>
      </c>
      <c r="AU475">
        <v>0</v>
      </c>
      <c r="AV475">
        <v>0</v>
      </c>
      <c r="AW475">
        <v>0</v>
      </c>
      <c r="AX475">
        <v>0</v>
      </c>
      <c r="AY475">
        <v>7</v>
      </c>
      <c r="AZ475">
        <v>16</v>
      </c>
      <c r="BA475">
        <v>1442</v>
      </c>
    </row>
    <row r="476" spans="1:53" x14ac:dyDescent="0.4">
      <c r="A476">
        <v>520</v>
      </c>
      <c r="B476" s="1">
        <v>42969</v>
      </c>
      <c r="C476">
        <v>1</v>
      </c>
      <c r="D476" s="1">
        <v>42969.291666666664</v>
      </c>
      <c r="E476" s="1">
        <v>42969.747916666667</v>
      </c>
      <c r="F476">
        <v>34750</v>
      </c>
      <c r="G476">
        <v>523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3196</v>
      </c>
      <c r="N476">
        <v>0</v>
      </c>
      <c r="O476">
        <v>0</v>
      </c>
      <c r="P476">
        <v>14850</v>
      </c>
      <c r="Q476">
        <v>0</v>
      </c>
      <c r="R476">
        <v>58026</v>
      </c>
      <c r="S476">
        <v>0</v>
      </c>
      <c r="T476">
        <v>0</v>
      </c>
      <c r="U476">
        <v>0</v>
      </c>
      <c r="V476">
        <v>3</v>
      </c>
      <c r="W476">
        <v>1</v>
      </c>
      <c r="X476">
        <v>0</v>
      </c>
      <c r="Y476">
        <v>39</v>
      </c>
      <c r="Z476">
        <v>36</v>
      </c>
      <c r="AA476">
        <v>96</v>
      </c>
      <c r="AB476">
        <v>85</v>
      </c>
      <c r="AC476">
        <v>192</v>
      </c>
      <c r="AD476">
        <v>40</v>
      </c>
      <c r="AE476">
        <v>56</v>
      </c>
      <c r="AF476">
        <v>0</v>
      </c>
      <c r="AG476">
        <v>108026</v>
      </c>
      <c r="AH476">
        <v>50000</v>
      </c>
      <c r="AI476">
        <v>0</v>
      </c>
      <c r="AJ476">
        <v>92</v>
      </c>
      <c r="AK476" t="s">
        <v>22</v>
      </c>
      <c r="AL476">
        <v>0</v>
      </c>
      <c r="AM476">
        <v>0</v>
      </c>
      <c r="AN476">
        <v>0</v>
      </c>
      <c r="AO476">
        <v>0</v>
      </c>
      <c r="AP476">
        <v>0</v>
      </c>
      <c r="AQ476">
        <v>0</v>
      </c>
      <c r="AR476">
        <v>0</v>
      </c>
      <c r="AS476">
        <v>0</v>
      </c>
      <c r="AT476">
        <v>0</v>
      </c>
      <c r="AU476">
        <v>0</v>
      </c>
      <c r="AV476">
        <v>0</v>
      </c>
      <c r="AW476">
        <v>0</v>
      </c>
      <c r="AX476">
        <v>378</v>
      </c>
      <c r="AY476">
        <v>44</v>
      </c>
      <c r="AZ476">
        <v>97</v>
      </c>
      <c r="BA476">
        <v>6631</v>
      </c>
    </row>
    <row r="477" spans="1:53" x14ac:dyDescent="0.4">
      <c r="A477">
        <v>521</v>
      </c>
      <c r="B477" s="1">
        <v>42969</v>
      </c>
      <c r="C477">
        <v>2</v>
      </c>
      <c r="D477" s="1">
        <v>42969.747916666667</v>
      </c>
      <c r="E477" s="1">
        <v>42969.947916666664</v>
      </c>
      <c r="F477">
        <v>26650</v>
      </c>
      <c r="G477">
        <v>108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2219</v>
      </c>
      <c r="N477">
        <v>0</v>
      </c>
      <c r="O477">
        <v>0</v>
      </c>
      <c r="P477">
        <v>1026</v>
      </c>
      <c r="Q477">
        <v>0</v>
      </c>
      <c r="R477">
        <v>30975</v>
      </c>
      <c r="S477">
        <v>0</v>
      </c>
      <c r="T477">
        <v>0</v>
      </c>
      <c r="U477">
        <v>0</v>
      </c>
      <c r="V477">
        <v>5</v>
      </c>
      <c r="W477">
        <v>2</v>
      </c>
      <c r="X477">
        <v>0</v>
      </c>
      <c r="Y477">
        <v>43</v>
      </c>
      <c r="Z477">
        <v>36</v>
      </c>
      <c r="AA477">
        <v>97</v>
      </c>
      <c r="AB477">
        <v>85</v>
      </c>
      <c r="AC477">
        <v>189</v>
      </c>
      <c r="AD477">
        <v>40</v>
      </c>
      <c r="AE477">
        <v>60</v>
      </c>
      <c r="AF477">
        <v>1901</v>
      </c>
      <c r="AG477">
        <v>139001</v>
      </c>
      <c r="AH477">
        <v>50000</v>
      </c>
      <c r="AI477">
        <v>0</v>
      </c>
      <c r="AJ477">
        <v>16</v>
      </c>
      <c r="AK477" t="s">
        <v>11</v>
      </c>
      <c r="AL477">
        <v>0</v>
      </c>
      <c r="AM477">
        <v>0</v>
      </c>
      <c r="AN477">
        <v>0</v>
      </c>
      <c r="AO477">
        <v>0</v>
      </c>
      <c r="AP477">
        <v>0</v>
      </c>
      <c r="AQ477">
        <v>0</v>
      </c>
      <c r="AR477">
        <v>0</v>
      </c>
      <c r="AS477">
        <v>0</v>
      </c>
      <c r="AT477">
        <v>0</v>
      </c>
      <c r="AU477">
        <v>0</v>
      </c>
      <c r="AV477">
        <v>0</v>
      </c>
      <c r="AW477">
        <v>0</v>
      </c>
      <c r="AX477">
        <v>8412</v>
      </c>
      <c r="AY477">
        <v>10</v>
      </c>
      <c r="AZ477">
        <v>24</v>
      </c>
      <c r="BA477">
        <v>1958</v>
      </c>
    </row>
    <row r="478" spans="1:53" x14ac:dyDescent="0.4">
      <c r="A478">
        <v>522</v>
      </c>
      <c r="B478" s="1">
        <v>42970</v>
      </c>
      <c r="C478">
        <v>1</v>
      </c>
      <c r="D478" s="1">
        <v>42970.291666666664</v>
      </c>
      <c r="E478" s="1">
        <v>42970.408333333333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0</v>
      </c>
      <c r="O478">
        <v>0</v>
      </c>
      <c r="P478">
        <v>0</v>
      </c>
      <c r="Q478">
        <v>0</v>
      </c>
      <c r="R478">
        <v>0</v>
      </c>
      <c r="S478">
        <v>0</v>
      </c>
      <c r="T478">
        <v>0</v>
      </c>
      <c r="U478">
        <v>0</v>
      </c>
      <c r="V478">
        <v>0</v>
      </c>
      <c r="W478">
        <v>1</v>
      </c>
      <c r="X478">
        <v>0</v>
      </c>
      <c r="Y478">
        <v>24</v>
      </c>
      <c r="Z478">
        <v>15</v>
      </c>
      <c r="AA478">
        <v>76</v>
      </c>
      <c r="AB478">
        <v>74</v>
      </c>
      <c r="AC478">
        <v>116</v>
      </c>
      <c r="AD478">
        <v>38</v>
      </c>
      <c r="AE478">
        <v>50</v>
      </c>
      <c r="AF478">
        <v>0</v>
      </c>
      <c r="AG478">
        <v>50000</v>
      </c>
      <c r="AH478">
        <v>50000</v>
      </c>
      <c r="AI478">
        <v>0</v>
      </c>
      <c r="AJ478">
        <v>0</v>
      </c>
      <c r="AK478" t="s">
        <v>6</v>
      </c>
      <c r="AL478">
        <v>0</v>
      </c>
      <c r="AM478">
        <v>0</v>
      </c>
      <c r="AN478">
        <v>0</v>
      </c>
      <c r="AO478">
        <v>0</v>
      </c>
      <c r="AP478">
        <v>0</v>
      </c>
      <c r="AQ478">
        <v>0</v>
      </c>
      <c r="AR478">
        <v>0</v>
      </c>
      <c r="AS478">
        <v>0</v>
      </c>
      <c r="AT478">
        <v>0</v>
      </c>
      <c r="AU478">
        <v>0</v>
      </c>
      <c r="AV478">
        <v>0</v>
      </c>
      <c r="AW478">
        <v>0</v>
      </c>
      <c r="AX478">
        <v>0</v>
      </c>
      <c r="AY478">
        <v>0</v>
      </c>
      <c r="AZ478">
        <v>0</v>
      </c>
      <c r="BA478">
        <v>0</v>
      </c>
    </row>
    <row r="479" spans="1:53" x14ac:dyDescent="0.4">
      <c r="A479">
        <v>523</v>
      </c>
      <c r="B479" s="1">
        <v>42970</v>
      </c>
      <c r="C479">
        <v>2</v>
      </c>
      <c r="D479" s="1">
        <v>42970.408333333333</v>
      </c>
      <c r="E479" s="1">
        <v>42970.73541666667</v>
      </c>
      <c r="F479">
        <v>27000</v>
      </c>
      <c r="G479">
        <v>440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2510</v>
      </c>
      <c r="N479">
        <v>0</v>
      </c>
      <c r="O479">
        <v>0</v>
      </c>
      <c r="P479">
        <v>19980</v>
      </c>
      <c r="Q479">
        <v>0</v>
      </c>
      <c r="R479">
        <v>53890</v>
      </c>
      <c r="S479">
        <v>0</v>
      </c>
      <c r="T479">
        <v>0</v>
      </c>
      <c r="U479">
        <v>0</v>
      </c>
      <c r="V479">
        <v>1</v>
      </c>
      <c r="W479">
        <v>2</v>
      </c>
      <c r="X479">
        <v>0</v>
      </c>
      <c r="Y479">
        <v>61</v>
      </c>
      <c r="Z479">
        <v>24</v>
      </c>
      <c r="AA479">
        <v>32</v>
      </c>
      <c r="AB479">
        <v>79</v>
      </c>
      <c r="AC479">
        <v>191</v>
      </c>
      <c r="AD479">
        <v>37</v>
      </c>
      <c r="AE479">
        <v>46</v>
      </c>
      <c r="AF479">
        <v>800</v>
      </c>
      <c r="AG479">
        <v>103091</v>
      </c>
      <c r="AH479">
        <v>50000</v>
      </c>
      <c r="AI479">
        <v>-799</v>
      </c>
      <c r="AJ479">
        <v>90</v>
      </c>
      <c r="AK479" t="s">
        <v>24</v>
      </c>
      <c r="AL479">
        <v>0</v>
      </c>
      <c r="AM479">
        <v>0</v>
      </c>
      <c r="AN479">
        <v>0</v>
      </c>
      <c r="AO479">
        <v>0</v>
      </c>
      <c r="AP479">
        <v>0</v>
      </c>
      <c r="AQ479">
        <v>0</v>
      </c>
      <c r="AR479">
        <v>0</v>
      </c>
      <c r="AS479">
        <v>0</v>
      </c>
      <c r="AT479">
        <v>0</v>
      </c>
      <c r="AU479">
        <v>0</v>
      </c>
      <c r="AV479">
        <v>0</v>
      </c>
      <c r="AW479">
        <v>0</v>
      </c>
      <c r="AX479">
        <v>2462</v>
      </c>
      <c r="AY479">
        <v>41</v>
      </c>
      <c r="AZ479">
        <v>84</v>
      </c>
      <c r="BA479">
        <v>6723</v>
      </c>
    </row>
    <row r="480" spans="1:53" x14ac:dyDescent="0.4">
      <c r="A480">
        <v>524</v>
      </c>
      <c r="B480" s="1">
        <v>42970</v>
      </c>
      <c r="C480">
        <v>3</v>
      </c>
      <c r="D480" s="1">
        <v>42970.73541666667</v>
      </c>
      <c r="E480" s="1">
        <v>42970.955555555556</v>
      </c>
      <c r="F480">
        <v>61280</v>
      </c>
      <c r="G480">
        <v>525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5323</v>
      </c>
      <c r="N480">
        <v>0</v>
      </c>
      <c r="O480">
        <v>0</v>
      </c>
      <c r="P480">
        <v>-2916</v>
      </c>
      <c r="Q480">
        <v>0</v>
      </c>
      <c r="R480">
        <v>68937</v>
      </c>
      <c r="S480">
        <v>0</v>
      </c>
      <c r="T480">
        <v>0</v>
      </c>
      <c r="U480">
        <v>0</v>
      </c>
      <c r="V480">
        <v>4</v>
      </c>
      <c r="W480">
        <v>5</v>
      </c>
      <c r="X480">
        <v>0</v>
      </c>
      <c r="Y480">
        <v>84</v>
      </c>
      <c r="Z480">
        <v>25</v>
      </c>
      <c r="AA480">
        <v>42</v>
      </c>
      <c r="AB480">
        <v>81</v>
      </c>
      <c r="AC480">
        <v>201</v>
      </c>
      <c r="AD480">
        <v>42</v>
      </c>
      <c r="AE480">
        <v>57</v>
      </c>
      <c r="AF480">
        <v>800</v>
      </c>
      <c r="AG480">
        <v>172827</v>
      </c>
      <c r="AH480">
        <v>50000</v>
      </c>
      <c r="AI480">
        <v>0</v>
      </c>
      <c r="AJ480">
        <v>1</v>
      </c>
      <c r="AK480" t="s">
        <v>3</v>
      </c>
      <c r="AL480">
        <v>0</v>
      </c>
      <c r="AM480">
        <v>0</v>
      </c>
      <c r="AN480">
        <v>0</v>
      </c>
      <c r="AO480">
        <v>0</v>
      </c>
      <c r="AP480">
        <v>0</v>
      </c>
      <c r="AQ480">
        <v>0</v>
      </c>
      <c r="AR480">
        <v>0</v>
      </c>
      <c r="AS480">
        <v>0</v>
      </c>
      <c r="AT480">
        <v>0</v>
      </c>
      <c r="AU480">
        <v>0</v>
      </c>
      <c r="AV480">
        <v>0</v>
      </c>
      <c r="AW480">
        <v>0</v>
      </c>
      <c r="AX480">
        <v>8910</v>
      </c>
      <c r="AY480">
        <v>23</v>
      </c>
      <c r="AZ480">
        <v>57</v>
      </c>
      <c r="BA480">
        <v>3491</v>
      </c>
    </row>
    <row r="481" spans="1:53" x14ac:dyDescent="0.4">
      <c r="A481">
        <v>525</v>
      </c>
      <c r="B481" s="1">
        <v>42970</v>
      </c>
      <c r="C481">
        <v>4</v>
      </c>
      <c r="D481" s="1">
        <v>42970.955555555556</v>
      </c>
      <c r="E481" s="1">
        <v>42971.102083333331</v>
      </c>
      <c r="F481">
        <v>42500</v>
      </c>
      <c r="G481">
        <v>13640</v>
      </c>
      <c r="H481">
        <v>0</v>
      </c>
      <c r="I481">
        <v>0</v>
      </c>
      <c r="J481">
        <v>700</v>
      </c>
      <c r="K481">
        <v>1000</v>
      </c>
      <c r="L481">
        <v>0</v>
      </c>
      <c r="M481">
        <v>4516</v>
      </c>
      <c r="N481">
        <v>0</v>
      </c>
      <c r="O481">
        <v>0</v>
      </c>
      <c r="P481">
        <v>3372</v>
      </c>
      <c r="Q481">
        <v>0</v>
      </c>
      <c r="R481">
        <v>64328</v>
      </c>
      <c r="S481">
        <v>0</v>
      </c>
      <c r="T481">
        <v>0</v>
      </c>
      <c r="U481">
        <v>0</v>
      </c>
      <c r="V481">
        <v>12</v>
      </c>
      <c r="W481">
        <v>2</v>
      </c>
      <c r="X481">
        <v>0</v>
      </c>
      <c r="Y481">
        <v>84</v>
      </c>
      <c r="Z481">
        <v>25</v>
      </c>
      <c r="AA481">
        <v>39</v>
      </c>
      <c r="AB481">
        <v>81</v>
      </c>
      <c r="AC481">
        <v>161</v>
      </c>
      <c r="AD481">
        <v>40</v>
      </c>
      <c r="AE481">
        <v>95</v>
      </c>
      <c r="AF481">
        <v>800</v>
      </c>
      <c r="AG481">
        <v>237155</v>
      </c>
      <c r="AH481">
        <v>50000</v>
      </c>
      <c r="AI481">
        <v>0</v>
      </c>
      <c r="AJ481">
        <v>104</v>
      </c>
      <c r="AK481" t="s">
        <v>10</v>
      </c>
      <c r="AL481">
        <v>0</v>
      </c>
      <c r="AM481">
        <v>0</v>
      </c>
      <c r="AN481">
        <v>0</v>
      </c>
      <c r="AO481">
        <v>0</v>
      </c>
      <c r="AP481">
        <v>0</v>
      </c>
      <c r="AQ481">
        <v>0</v>
      </c>
      <c r="AR481">
        <v>0</v>
      </c>
      <c r="AS481">
        <v>0</v>
      </c>
      <c r="AT481">
        <v>0</v>
      </c>
      <c r="AU481">
        <v>0</v>
      </c>
      <c r="AV481">
        <v>0</v>
      </c>
      <c r="AW481">
        <v>0</v>
      </c>
      <c r="AX481">
        <v>1920</v>
      </c>
      <c r="AY481">
        <v>9</v>
      </c>
      <c r="AZ481">
        <v>28</v>
      </c>
      <c r="BA481">
        <v>1391</v>
      </c>
    </row>
    <row r="482" spans="1:53" x14ac:dyDescent="0.4">
      <c r="A482">
        <v>526</v>
      </c>
      <c r="B482" s="1">
        <v>42971</v>
      </c>
      <c r="C482">
        <v>1</v>
      </c>
      <c r="D482" s="1">
        <v>42971.291666666664</v>
      </c>
      <c r="E482" s="1">
        <v>42971.40902777778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0</v>
      </c>
      <c r="O482">
        <v>0</v>
      </c>
      <c r="P482">
        <v>0</v>
      </c>
      <c r="Q482">
        <v>0</v>
      </c>
      <c r="R482">
        <v>0</v>
      </c>
      <c r="S482">
        <v>0</v>
      </c>
      <c r="T482">
        <v>0</v>
      </c>
      <c r="U482">
        <v>0</v>
      </c>
      <c r="V482">
        <v>0</v>
      </c>
      <c r="W482">
        <v>1</v>
      </c>
      <c r="X482">
        <v>0</v>
      </c>
      <c r="Y482">
        <v>25</v>
      </c>
      <c r="Z482">
        <v>23</v>
      </c>
      <c r="AA482">
        <v>33</v>
      </c>
      <c r="AB482">
        <v>77</v>
      </c>
      <c r="AC482">
        <v>110</v>
      </c>
      <c r="AD482">
        <v>41</v>
      </c>
      <c r="AE482">
        <v>45</v>
      </c>
      <c r="AF482">
        <v>0</v>
      </c>
      <c r="AG482">
        <v>50000</v>
      </c>
      <c r="AH482">
        <v>0</v>
      </c>
      <c r="AI482">
        <v>50000</v>
      </c>
      <c r="AJ482">
        <v>0</v>
      </c>
      <c r="AK482" t="s">
        <v>6</v>
      </c>
      <c r="AL482">
        <v>0</v>
      </c>
      <c r="AM482">
        <v>0</v>
      </c>
      <c r="AN482">
        <v>0</v>
      </c>
      <c r="AO482">
        <v>0</v>
      </c>
      <c r="AP482">
        <v>0</v>
      </c>
      <c r="AQ482">
        <v>0</v>
      </c>
      <c r="AR482">
        <v>0</v>
      </c>
      <c r="AS482">
        <v>0</v>
      </c>
      <c r="AT482">
        <v>0</v>
      </c>
      <c r="AU482">
        <v>0</v>
      </c>
      <c r="AV482">
        <v>0</v>
      </c>
      <c r="AW482">
        <v>0</v>
      </c>
      <c r="AX482">
        <v>0</v>
      </c>
      <c r="AY482">
        <v>0</v>
      </c>
      <c r="AZ482">
        <v>0</v>
      </c>
      <c r="BA482">
        <v>0</v>
      </c>
    </row>
    <row r="483" spans="1:53" x14ac:dyDescent="0.4">
      <c r="A483">
        <v>527</v>
      </c>
      <c r="B483" s="1">
        <v>42971</v>
      </c>
      <c r="C483">
        <v>2</v>
      </c>
      <c r="D483" s="1">
        <v>42971.40902777778</v>
      </c>
      <c r="E483" s="1">
        <v>42971.750694444447</v>
      </c>
      <c r="F483">
        <v>30000</v>
      </c>
      <c r="G483">
        <v>334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2666</v>
      </c>
      <c r="N483">
        <v>0</v>
      </c>
      <c r="O483">
        <v>0</v>
      </c>
      <c r="P483">
        <v>24570</v>
      </c>
      <c r="Q483">
        <v>0</v>
      </c>
      <c r="R483">
        <v>60576</v>
      </c>
      <c r="S483">
        <v>0</v>
      </c>
      <c r="T483">
        <v>0</v>
      </c>
      <c r="U483">
        <v>0</v>
      </c>
      <c r="V483">
        <v>1</v>
      </c>
      <c r="W483">
        <v>1</v>
      </c>
      <c r="X483">
        <v>0</v>
      </c>
      <c r="Y483">
        <v>57</v>
      </c>
      <c r="Z483">
        <v>38</v>
      </c>
      <c r="AA483">
        <v>51</v>
      </c>
      <c r="AB483">
        <v>93</v>
      </c>
      <c r="AC483">
        <v>195</v>
      </c>
      <c r="AD483">
        <v>43</v>
      </c>
      <c r="AE483">
        <v>59</v>
      </c>
      <c r="AF483">
        <v>7602</v>
      </c>
      <c r="AG483">
        <v>110576</v>
      </c>
      <c r="AH483">
        <v>50000</v>
      </c>
      <c r="AI483">
        <v>0</v>
      </c>
      <c r="AJ483">
        <v>90</v>
      </c>
      <c r="AK483" t="s">
        <v>24</v>
      </c>
      <c r="AL483">
        <v>0</v>
      </c>
      <c r="AM483">
        <v>0</v>
      </c>
      <c r="AN483">
        <v>0</v>
      </c>
      <c r="AO483">
        <v>0</v>
      </c>
      <c r="AP483">
        <v>0</v>
      </c>
      <c r="AQ483">
        <v>0</v>
      </c>
      <c r="AR483">
        <v>0</v>
      </c>
      <c r="AS483">
        <v>0</v>
      </c>
      <c r="AT483">
        <v>0</v>
      </c>
      <c r="AU483">
        <v>0</v>
      </c>
      <c r="AV483">
        <v>0</v>
      </c>
      <c r="AW483">
        <v>0</v>
      </c>
      <c r="AX483">
        <v>-1815</v>
      </c>
      <c r="AY483">
        <v>47</v>
      </c>
      <c r="AZ483">
        <v>101</v>
      </c>
      <c r="BA483">
        <v>6696</v>
      </c>
    </row>
    <row r="484" spans="1:53" x14ac:dyDescent="0.4">
      <c r="A484">
        <v>528</v>
      </c>
      <c r="B484" s="1">
        <v>42971</v>
      </c>
      <c r="C484">
        <v>3</v>
      </c>
      <c r="D484" s="1">
        <v>42971.750694444447</v>
      </c>
      <c r="E484" s="1">
        <v>42971.961111111108</v>
      </c>
      <c r="F484">
        <v>50660</v>
      </c>
      <c r="G484">
        <v>446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4408</v>
      </c>
      <c r="N484">
        <v>0</v>
      </c>
      <c r="O484">
        <v>0</v>
      </c>
      <c r="P484">
        <v>-6418</v>
      </c>
      <c r="Q484">
        <v>0</v>
      </c>
      <c r="R484">
        <v>53110</v>
      </c>
      <c r="S484">
        <v>0</v>
      </c>
      <c r="T484">
        <v>0</v>
      </c>
      <c r="U484">
        <v>0</v>
      </c>
      <c r="V484">
        <v>5</v>
      </c>
      <c r="W484">
        <v>0</v>
      </c>
      <c r="X484">
        <v>0</v>
      </c>
      <c r="Y484">
        <v>75</v>
      </c>
      <c r="Z484">
        <v>40</v>
      </c>
      <c r="AA484">
        <v>42</v>
      </c>
      <c r="AB484">
        <v>94</v>
      </c>
      <c r="AC484">
        <v>192</v>
      </c>
      <c r="AD484">
        <v>40</v>
      </c>
      <c r="AE484">
        <v>56</v>
      </c>
      <c r="AF484">
        <v>7602</v>
      </c>
      <c r="AG484">
        <v>163678</v>
      </c>
      <c r="AH484">
        <v>50000</v>
      </c>
      <c r="AI484">
        <v>-8</v>
      </c>
      <c r="AJ484">
        <v>102</v>
      </c>
      <c r="AK484" t="s">
        <v>8</v>
      </c>
      <c r="AL484">
        <v>0</v>
      </c>
      <c r="AM484">
        <v>0</v>
      </c>
      <c r="AN484">
        <v>0</v>
      </c>
      <c r="AO484">
        <v>0</v>
      </c>
      <c r="AP484">
        <v>0</v>
      </c>
      <c r="AQ484">
        <v>0</v>
      </c>
      <c r="AR484">
        <v>0</v>
      </c>
      <c r="AS484">
        <v>0</v>
      </c>
      <c r="AT484">
        <v>0</v>
      </c>
      <c r="AU484">
        <v>0</v>
      </c>
      <c r="AV484">
        <v>0</v>
      </c>
      <c r="AW484">
        <v>0</v>
      </c>
      <c r="AX484">
        <v>26755</v>
      </c>
      <c r="AY484">
        <v>24</v>
      </c>
      <c r="AZ484">
        <v>60</v>
      </c>
      <c r="BA484">
        <v>3335</v>
      </c>
    </row>
    <row r="485" spans="1:53" x14ac:dyDescent="0.4">
      <c r="A485">
        <v>529</v>
      </c>
      <c r="B485" s="1">
        <v>42972</v>
      </c>
      <c r="C485">
        <v>1</v>
      </c>
      <c r="D485" s="1">
        <v>42972.291666666664</v>
      </c>
      <c r="E485" s="1">
        <v>42972.408333333333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0</v>
      </c>
      <c r="O485">
        <v>0</v>
      </c>
      <c r="P485">
        <v>0</v>
      </c>
      <c r="Q485">
        <v>0</v>
      </c>
      <c r="R485">
        <v>0</v>
      </c>
      <c r="S485">
        <v>0</v>
      </c>
      <c r="T485">
        <v>0</v>
      </c>
      <c r="U485">
        <v>0</v>
      </c>
      <c r="V485">
        <v>0</v>
      </c>
      <c r="W485">
        <v>0</v>
      </c>
      <c r="X485">
        <v>0</v>
      </c>
      <c r="Y485">
        <v>21</v>
      </c>
      <c r="Z485">
        <v>40</v>
      </c>
      <c r="AA485">
        <v>24</v>
      </c>
      <c r="AB485">
        <v>92</v>
      </c>
      <c r="AC485">
        <v>178</v>
      </c>
      <c r="AD485">
        <v>33</v>
      </c>
      <c r="AE485">
        <v>55</v>
      </c>
      <c r="AF485">
        <v>0</v>
      </c>
      <c r="AG485">
        <v>50000</v>
      </c>
      <c r="AH485">
        <v>0</v>
      </c>
      <c r="AI485">
        <v>50000</v>
      </c>
      <c r="AJ485">
        <v>0</v>
      </c>
      <c r="AK485" t="s">
        <v>6</v>
      </c>
      <c r="AL485">
        <v>0</v>
      </c>
      <c r="AM485">
        <v>0</v>
      </c>
      <c r="AN485">
        <v>0</v>
      </c>
      <c r="AO485">
        <v>0</v>
      </c>
      <c r="AP485">
        <v>0</v>
      </c>
      <c r="AQ485">
        <v>0</v>
      </c>
      <c r="AR485">
        <v>0</v>
      </c>
      <c r="AS485">
        <v>0</v>
      </c>
      <c r="AT485">
        <v>0</v>
      </c>
      <c r="AU485">
        <v>0</v>
      </c>
      <c r="AV485">
        <v>0</v>
      </c>
      <c r="AW485">
        <v>0</v>
      </c>
      <c r="AX485">
        <v>0</v>
      </c>
      <c r="AY485">
        <v>0</v>
      </c>
      <c r="AZ485">
        <v>0</v>
      </c>
      <c r="BA485">
        <v>0</v>
      </c>
    </row>
    <row r="486" spans="1:53" x14ac:dyDescent="0.4">
      <c r="A486">
        <v>530</v>
      </c>
      <c r="B486" s="1">
        <v>42972</v>
      </c>
      <c r="C486">
        <v>2</v>
      </c>
      <c r="D486" s="1">
        <v>42972.408333333333</v>
      </c>
      <c r="E486" s="1">
        <v>42972.742361111108</v>
      </c>
      <c r="F486">
        <v>33000</v>
      </c>
      <c r="G486">
        <v>1870</v>
      </c>
      <c r="H486">
        <v>0</v>
      </c>
      <c r="I486">
        <v>0</v>
      </c>
      <c r="J486">
        <v>0</v>
      </c>
      <c r="K486">
        <v>0</v>
      </c>
      <c r="L486">
        <v>0</v>
      </c>
      <c r="M486">
        <v>2790</v>
      </c>
      <c r="N486">
        <v>0</v>
      </c>
      <c r="O486">
        <v>0</v>
      </c>
      <c r="P486">
        <v>17280</v>
      </c>
      <c r="Q486">
        <v>0</v>
      </c>
      <c r="R486">
        <v>54940</v>
      </c>
      <c r="S486">
        <v>0</v>
      </c>
      <c r="T486">
        <v>0</v>
      </c>
      <c r="U486">
        <v>0</v>
      </c>
      <c r="V486">
        <v>2</v>
      </c>
      <c r="W486">
        <v>5</v>
      </c>
      <c r="X486">
        <v>0</v>
      </c>
      <c r="Y486">
        <v>26</v>
      </c>
      <c r="Z486">
        <v>43</v>
      </c>
      <c r="AA486">
        <v>51</v>
      </c>
      <c r="AB486">
        <v>97</v>
      </c>
      <c r="AC486">
        <v>228</v>
      </c>
      <c r="AD486">
        <v>32</v>
      </c>
      <c r="AE486">
        <v>50</v>
      </c>
      <c r="AF486">
        <v>0</v>
      </c>
      <c r="AG486">
        <v>104940</v>
      </c>
      <c r="AH486">
        <v>50000</v>
      </c>
      <c r="AI486">
        <v>0</v>
      </c>
      <c r="AJ486">
        <v>96</v>
      </c>
      <c r="AK486" t="s">
        <v>4</v>
      </c>
      <c r="AL486">
        <v>0</v>
      </c>
      <c r="AM486">
        <v>0</v>
      </c>
      <c r="AN486">
        <v>0</v>
      </c>
      <c r="AO486">
        <v>0</v>
      </c>
      <c r="AP486">
        <v>0</v>
      </c>
      <c r="AQ486">
        <v>0</v>
      </c>
      <c r="AR486">
        <v>0</v>
      </c>
      <c r="AS486">
        <v>0</v>
      </c>
      <c r="AT486">
        <v>0</v>
      </c>
      <c r="AU486">
        <v>0</v>
      </c>
      <c r="AV486">
        <v>0</v>
      </c>
      <c r="AW486">
        <v>0</v>
      </c>
      <c r="AX486">
        <v>3132</v>
      </c>
      <c r="AY486">
        <v>49</v>
      </c>
      <c r="AZ486">
        <v>94</v>
      </c>
      <c r="BA486">
        <v>7458</v>
      </c>
    </row>
    <row r="487" spans="1:53" x14ac:dyDescent="0.4">
      <c r="A487">
        <v>531</v>
      </c>
      <c r="B487" s="1">
        <v>42972</v>
      </c>
      <c r="C487">
        <v>3</v>
      </c>
      <c r="D487" s="1">
        <v>42972.742361111108</v>
      </c>
      <c r="E487" s="1">
        <v>42972.96875</v>
      </c>
      <c r="F487">
        <v>88300</v>
      </c>
      <c r="G487">
        <v>5350</v>
      </c>
      <c r="H487">
        <v>0</v>
      </c>
      <c r="I487">
        <v>0</v>
      </c>
      <c r="J487">
        <v>400</v>
      </c>
      <c r="K487">
        <v>0</v>
      </c>
      <c r="L487">
        <v>0</v>
      </c>
      <c r="M487">
        <v>7460</v>
      </c>
      <c r="N487">
        <v>0</v>
      </c>
      <c r="O487">
        <v>0</v>
      </c>
      <c r="P487">
        <v>-6048</v>
      </c>
      <c r="Q487">
        <v>0</v>
      </c>
      <c r="R487">
        <v>94662</v>
      </c>
      <c r="S487">
        <v>0</v>
      </c>
      <c r="T487">
        <v>0</v>
      </c>
      <c r="U487">
        <v>0</v>
      </c>
      <c r="V487">
        <v>10</v>
      </c>
      <c r="W487">
        <v>7</v>
      </c>
      <c r="X487">
        <v>0</v>
      </c>
      <c r="Y487">
        <v>27</v>
      </c>
      <c r="Z487">
        <v>46</v>
      </c>
      <c r="AA487">
        <v>71</v>
      </c>
      <c r="AB487">
        <v>102</v>
      </c>
      <c r="AC487">
        <v>220</v>
      </c>
      <c r="AD487">
        <v>29</v>
      </c>
      <c r="AE487">
        <v>57</v>
      </c>
      <c r="AF487">
        <v>0</v>
      </c>
      <c r="AG487">
        <v>199602</v>
      </c>
      <c r="AH487">
        <v>50000</v>
      </c>
      <c r="AI487">
        <v>0</v>
      </c>
      <c r="AJ487">
        <v>91</v>
      </c>
      <c r="AK487" t="s">
        <v>14</v>
      </c>
      <c r="AL487">
        <v>0</v>
      </c>
      <c r="AM487">
        <v>0</v>
      </c>
      <c r="AN487">
        <v>0</v>
      </c>
      <c r="AO487">
        <v>0</v>
      </c>
      <c r="AP487">
        <v>0</v>
      </c>
      <c r="AQ487">
        <v>0</v>
      </c>
      <c r="AR487">
        <v>0</v>
      </c>
      <c r="AS487">
        <v>0</v>
      </c>
      <c r="AT487">
        <v>0</v>
      </c>
      <c r="AU487">
        <v>0</v>
      </c>
      <c r="AV487">
        <v>0</v>
      </c>
      <c r="AW487">
        <v>0</v>
      </c>
      <c r="AX487">
        <v>132566</v>
      </c>
      <c r="AY487">
        <v>28</v>
      </c>
      <c r="AZ487">
        <v>134</v>
      </c>
      <c r="BA487">
        <v>3955</v>
      </c>
    </row>
    <row r="488" spans="1:53" x14ac:dyDescent="0.4">
      <c r="A488">
        <v>532</v>
      </c>
      <c r="B488" s="1">
        <v>42972</v>
      </c>
      <c r="C488">
        <v>4</v>
      </c>
      <c r="D488" s="1">
        <v>42972.96875</v>
      </c>
      <c r="E488" s="1">
        <v>42973.11041666667</v>
      </c>
      <c r="F488">
        <v>182310</v>
      </c>
      <c r="G488">
        <v>1053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15426</v>
      </c>
      <c r="N488">
        <v>0</v>
      </c>
      <c r="O488">
        <v>0</v>
      </c>
      <c r="P488">
        <v>102708</v>
      </c>
      <c r="Q488">
        <v>0</v>
      </c>
      <c r="R488">
        <v>310974</v>
      </c>
      <c r="S488">
        <v>0</v>
      </c>
      <c r="T488">
        <v>0</v>
      </c>
      <c r="U488">
        <v>0</v>
      </c>
      <c r="V488">
        <v>30</v>
      </c>
      <c r="W488">
        <v>7</v>
      </c>
      <c r="X488">
        <v>0</v>
      </c>
      <c r="Y488">
        <v>58</v>
      </c>
      <c r="Z488">
        <v>43</v>
      </c>
      <c r="AA488">
        <v>69</v>
      </c>
      <c r="AB488">
        <v>101</v>
      </c>
      <c r="AC488">
        <v>217</v>
      </c>
      <c r="AD488">
        <v>28</v>
      </c>
      <c r="AE488">
        <v>60</v>
      </c>
      <c r="AF488">
        <v>81756</v>
      </c>
      <c r="AG488">
        <v>510576</v>
      </c>
      <c r="AH488">
        <v>50000</v>
      </c>
      <c r="AI488">
        <v>0</v>
      </c>
      <c r="AJ488">
        <v>91</v>
      </c>
      <c r="AK488" t="s">
        <v>14</v>
      </c>
      <c r="AL488">
        <v>0</v>
      </c>
      <c r="AM488">
        <v>0</v>
      </c>
      <c r="AN488">
        <v>0</v>
      </c>
      <c r="AO488">
        <v>0</v>
      </c>
      <c r="AP488">
        <v>0</v>
      </c>
      <c r="AQ488">
        <v>0</v>
      </c>
      <c r="AR488">
        <v>0</v>
      </c>
      <c r="AS488">
        <v>0</v>
      </c>
      <c r="AT488">
        <v>0</v>
      </c>
      <c r="AU488">
        <v>0</v>
      </c>
      <c r="AV488">
        <v>0</v>
      </c>
      <c r="AW488">
        <v>0</v>
      </c>
      <c r="AX488">
        <v>1242</v>
      </c>
      <c r="AY488">
        <v>14</v>
      </c>
      <c r="AZ488">
        <v>68</v>
      </c>
      <c r="BA488">
        <v>2016</v>
      </c>
    </row>
    <row r="489" spans="1:53" x14ac:dyDescent="0.4">
      <c r="A489">
        <v>533</v>
      </c>
      <c r="B489" s="1">
        <v>42973</v>
      </c>
      <c r="C489">
        <v>1</v>
      </c>
      <c r="D489" s="1">
        <v>42973.291666666664</v>
      </c>
      <c r="E489" s="1">
        <v>42973.40625</v>
      </c>
      <c r="F489">
        <v>0</v>
      </c>
      <c r="G489">
        <v>0</v>
      </c>
      <c r="H489">
        <v>0</v>
      </c>
      <c r="I489">
        <v>0</v>
      </c>
      <c r="J489">
        <v>0</v>
      </c>
      <c r="K489">
        <v>0</v>
      </c>
      <c r="L489">
        <v>0</v>
      </c>
      <c r="M489">
        <v>0</v>
      </c>
      <c r="N489">
        <v>0</v>
      </c>
      <c r="O489">
        <v>0</v>
      </c>
      <c r="P489">
        <v>0</v>
      </c>
      <c r="Q489">
        <v>0</v>
      </c>
      <c r="R489">
        <v>0</v>
      </c>
      <c r="S489">
        <v>0</v>
      </c>
      <c r="T489">
        <v>0</v>
      </c>
      <c r="U489">
        <v>0</v>
      </c>
      <c r="V489">
        <v>0</v>
      </c>
      <c r="W489">
        <v>1</v>
      </c>
      <c r="X489">
        <v>0</v>
      </c>
      <c r="Y489">
        <v>25</v>
      </c>
      <c r="Z489">
        <v>19</v>
      </c>
      <c r="AA489">
        <v>60</v>
      </c>
      <c r="AB489">
        <v>64</v>
      </c>
      <c r="AC489">
        <v>110</v>
      </c>
      <c r="AD489">
        <v>28</v>
      </c>
      <c r="AE489">
        <v>60</v>
      </c>
      <c r="AF489">
        <v>0</v>
      </c>
      <c r="AG489">
        <v>50000</v>
      </c>
      <c r="AH489">
        <v>0</v>
      </c>
      <c r="AI489">
        <v>50000</v>
      </c>
      <c r="AJ489">
        <v>0</v>
      </c>
      <c r="AK489" t="s">
        <v>6</v>
      </c>
      <c r="AL489">
        <v>0</v>
      </c>
      <c r="AM489">
        <v>0</v>
      </c>
      <c r="AN489">
        <v>0</v>
      </c>
      <c r="AO489">
        <v>0</v>
      </c>
      <c r="AP489">
        <v>0</v>
      </c>
      <c r="AQ489">
        <v>0</v>
      </c>
      <c r="AR489">
        <v>0</v>
      </c>
      <c r="AS489">
        <v>0</v>
      </c>
      <c r="AT489">
        <v>0</v>
      </c>
      <c r="AU489">
        <v>0</v>
      </c>
      <c r="AV489">
        <v>0</v>
      </c>
      <c r="AW489">
        <v>0</v>
      </c>
      <c r="AX489">
        <v>0</v>
      </c>
      <c r="AY489">
        <v>0</v>
      </c>
      <c r="AZ489">
        <v>0</v>
      </c>
      <c r="BA489">
        <v>0</v>
      </c>
    </row>
    <row r="490" spans="1:53" x14ac:dyDescent="0.4">
      <c r="A490">
        <v>534</v>
      </c>
      <c r="B490" s="1">
        <v>42973</v>
      </c>
      <c r="C490">
        <v>2</v>
      </c>
      <c r="D490" s="1">
        <v>42973.40625</v>
      </c>
      <c r="E490" s="1">
        <v>42973.959027777775</v>
      </c>
      <c r="F490">
        <v>159820</v>
      </c>
      <c r="G490">
        <v>1152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13705</v>
      </c>
      <c r="N490">
        <v>0</v>
      </c>
      <c r="O490">
        <v>0</v>
      </c>
      <c r="P490">
        <v>10595</v>
      </c>
      <c r="Q490">
        <v>0</v>
      </c>
      <c r="R490">
        <v>195640</v>
      </c>
      <c r="S490">
        <v>0</v>
      </c>
      <c r="T490">
        <v>0</v>
      </c>
      <c r="U490">
        <v>0</v>
      </c>
      <c r="V490">
        <v>12</v>
      </c>
      <c r="W490">
        <v>0</v>
      </c>
      <c r="X490">
        <v>0</v>
      </c>
      <c r="Y490">
        <v>69</v>
      </c>
      <c r="Z490">
        <v>42</v>
      </c>
      <c r="AA490">
        <v>51</v>
      </c>
      <c r="AB490">
        <v>61</v>
      </c>
      <c r="AC490">
        <v>174</v>
      </c>
      <c r="AD490">
        <v>33</v>
      </c>
      <c r="AE490">
        <v>49</v>
      </c>
      <c r="AF490">
        <v>25536</v>
      </c>
      <c r="AG490">
        <v>245640</v>
      </c>
      <c r="AH490">
        <v>50000</v>
      </c>
      <c r="AI490">
        <v>0</v>
      </c>
      <c r="AJ490">
        <v>84</v>
      </c>
      <c r="AK490" t="s">
        <v>16</v>
      </c>
      <c r="AL490">
        <v>0</v>
      </c>
      <c r="AM490">
        <v>0</v>
      </c>
      <c r="AN490">
        <v>0</v>
      </c>
      <c r="AO490">
        <v>0</v>
      </c>
      <c r="AP490">
        <v>0</v>
      </c>
      <c r="AQ490">
        <v>0</v>
      </c>
      <c r="AR490">
        <v>0</v>
      </c>
      <c r="AS490">
        <v>0</v>
      </c>
      <c r="AT490">
        <v>0</v>
      </c>
      <c r="AU490">
        <v>0</v>
      </c>
      <c r="AV490">
        <v>0</v>
      </c>
      <c r="AW490">
        <v>0</v>
      </c>
      <c r="AX490">
        <v>161711</v>
      </c>
      <c r="AY490">
        <v>77</v>
      </c>
      <c r="AZ490">
        <v>253</v>
      </c>
      <c r="BA490">
        <v>12330</v>
      </c>
    </row>
    <row r="491" spans="1:53" x14ac:dyDescent="0.4">
      <c r="A491">
        <v>535</v>
      </c>
      <c r="B491" s="1">
        <v>42973</v>
      </c>
      <c r="C491">
        <v>3</v>
      </c>
      <c r="D491" s="1">
        <v>42973.959027777775</v>
      </c>
      <c r="E491" s="1">
        <v>42974.098611111112</v>
      </c>
      <c r="F491">
        <v>258090</v>
      </c>
      <c r="G491">
        <v>1052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21488</v>
      </c>
      <c r="N491">
        <v>0</v>
      </c>
      <c r="O491">
        <v>0</v>
      </c>
      <c r="P491">
        <v>148738</v>
      </c>
      <c r="Q491">
        <v>0</v>
      </c>
      <c r="R491">
        <v>438836</v>
      </c>
      <c r="S491">
        <v>0</v>
      </c>
      <c r="T491">
        <v>0</v>
      </c>
      <c r="U491">
        <v>0</v>
      </c>
      <c r="V491">
        <v>37</v>
      </c>
      <c r="W491">
        <v>7</v>
      </c>
      <c r="X491">
        <v>0</v>
      </c>
      <c r="Y491">
        <v>145</v>
      </c>
      <c r="Z491">
        <v>41</v>
      </c>
      <c r="AA491">
        <v>96</v>
      </c>
      <c r="AB491">
        <v>57</v>
      </c>
      <c r="AC491">
        <v>156</v>
      </c>
      <c r="AD491">
        <v>29</v>
      </c>
      <c r="AE491">
        <v>46</v>
      </c>
      <c r="AF491">
        <v>99775</v>
      </c>
      <c r="AG491">
        <v>684476</v>
      </c>
      <c r="AH491">
        <v>50000</v>
      </c>
      <c r="AI491">
        <v>0</v>
      </c>
      <c r="AJ491">
        <v>1</v>
      </c>
      <c r="AK491" t="s">
        <v>3</v>
      </c>
      <c r="AL491">
        <v>0</v>
      </c>
      <c r="AM491">
        <v>0</v>
      </c>
      <c r="AN491">
        <v>0</v>
      </c>
      <c r="AO491">
        <v>0</v>
      </c>
      <c r="AP491">
        <v>0</v>
      </c>
      <c r="AQ491">
        <v>0</v>
      </c>
      <c r="AR491">
        <v>0</v>
      </c>
      <c r="AS491">
        <v>0</v>
      </c>
      <c r="AT491">
        <v>0</v>
      </c>
      <c r="AU491">
        <v>0</v>
      </c>
      <c r="AV491">
        <v>0</v>
      </c>
      <c r="AW491">
        <v>0</v>
      </c>
      <c r="AX491">
        <v>10756</v>
      </c>
      <c r="AY491">
        <v>18</v>
      </c>
      <c r="AZ491">
        <v>92</v>
      </c>
      <c r="BA491">
        <v>3027</v>
      </c>
    </row>
    <row r="492" spans="1:53" x14ac:dyDescent="0.4">
      <c r="A492">
        <v>536</v>
      </c>
      <c r="B492" s="1">
        <v>42974</v>
      </c>
      <c r="C492">
        <v>1</v>
      </c>
      <c r="D492" s="1">
        <v>42974.291666666664</v>
      </c>
      <c r="E492" s="1">
        <v>42974.40902777778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0</v>
      </c>
      <c r="O492">
        <v>0</v>
      </c>
      <c r="P492">
        <v>0</v>
      </c>
      <c r="Q492">
        <v>0</v>
      </c>
      <c r="R492">
        <v>0</v>
      </c>
      <c r="S492">
        <v>0</v>
      </c>
      <c r="T492">
        <v>0</v>
      </c>
      <c r="U492">
        <v>0</v>
      </c>
      <c r="V492">
        <v>0</v>
      </c>
      <c r="W492">
        <v>1</v>
      </c>
      <c r="X492">
        <v>0</v>
      </c>
      <c r="Y492">
        <v>27</v>
      </c>
      <c r="Z492">
        <v>15</v>
      </c>
      <c r="AA492">
        <v>66</v>
      </c>
      <c r="AB492">
        <v>53</v>
      </c>
      <c r="AC492">
        <v>103</v>
      </c>
      <c r="AD492">
        <v>30</v>
      </c>
      <c r="AE492">
        <v>70</v>
      </c>
      <c r="AF492">
        <v>0</v>
      </c>
      <c r="AG492">
        <v>50000</v>
      </c>
      <c r="AH492">
        <v>50000</v>
      </c>
      <c r="AI492">
        <v>0</v>
      </c>
      <c r="AJ492">
        <v>0</v>
      </c>
      <c r="AK492" t="s">
        <v>6</v>
      </c>
      <c r="AL492">
        <v>0</v>
      </c>
      <c r="AM492">
        <v>0</v>
      </c>
      <c r="AN492">
        <v>0</v>
      </c>
      <c r="AO492">
        <v>0</v>
      </c>
      <c r="AP492">
        <v>0</v>
      </c>
      <c r="AQ492">
        <v>0</v>
      </c>
      <c r="AR492">
        <v>0</v>
      </c>
      <c r="AS492">
        <v>0</v>
      </c>
      <c r="AT492">
        <v>0</v>
      </c>
      <c r="AU492">
        <v>0</v>
      </c>
      <c r="AV492">
        <v>0</v>
      </c>
      <c r="AW492">
        <v>0</v>
      </c>
      <c r="AX492">
        <v>0</v>
      </c>
      <c r="AY492">
        <v>0</v>
      </c>
      <c r="AZ492">
        <v>0</v>
      </c>
      <c r="BA492">
        <v>0</v>
      </c>
    </row>
    <row r="493" spans="1:53" x14ac:dyDescent="0.4">
      <c r="A493">
        <v>537</v>
      </c>
      <c r="B493" s="1">
        <v>42974</v>
      </c>
      <c r="C493">
        <v>2</v>
      </c>
      <c r="D493" s="1">
        <v>42974.40902777778</v>
      </c>
      <c r="E493" s="1">
        <v>42974.748611111114</v>
      </c>
      <c r="F493">
        <v>45750</v>
      </c>
      <c r="G493">
        <v>511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4068</v>
      </c>
      <c r="N493">
        <v>0</v>
      </c>
      <c r="O493">
        <v>0</v>
      </c>
      <c r="P493">
        <v>4860</v>
      </c>
      <c r="Q493">
        <v>0</v>
      </c>
      <c r="R493">
        <v>59788</v>
      </c>
      <c r="S493">
        <v>0</v>
      </c>
      <c r="T493">
        <v>0</v>
      </c>
      <c r="U493">
        <v>0</v>
      </c>
      <c r="V493">
        <v>3</v>
      </c>
      <c r="W493">
        <v>2</v>
      </c>
      <c r="X493">
        <v>0</v>
      </c>
      <c r="Y493">
        <v>48</v>
      </c>
      <c r="Z493">
        <v>25</v>
      </c>
      <c r="AA493">
        <v>53</v>
      </c>
      <c r="AB493">
        <v>51</v>
      </c>
      <c r="AC493">
        <v>119</v>
      </c>
      <c r="AD493">
        <v>36</v>
      </c>
      <c r="AE493">
        <v>68</v>
      </c>
      <c r="AF493">
        <v>0</v>
      </c>
      <c r="AG493">
        <v>109788</v>
      </c>
      <c r="AH493">
        <v>50000</v>
      </c>
      <c r="AI493">
        <v>0</v>
      </c>
      <c r="AJ493">
        <v>84</v>
      </c>
      <c r="AK493" t="s">
        <v>16</v>
      </c>
      <c r="AL493">
        <v>0</v>
      </c>
      <c r="AM493">
        <v>0</v>
      </c>
      <c r="AN493">
        <v>0</v>
      </c>
      <c r="AO493">
        <v>0</v>
      </c>
      <c r="AP493">
        <v>0</v>
      </c>
      <c r="AQ493">
        <v>0</v>
      </c>
      <c r="AR493">
        <v>0</v>
      </c>
      <c r="AS493">
        <v>0</v>
      </c>
      <c r="AT493">
        <v>0</v>
      </c>
      <c r="AU493">
        <v>0</v>
      </c>
      <c r="AV493">
        <v>0</v>
      </c>
      <c r="AW493">
        <v>0</v>
      </c>
      <c r="AX493">
        <v>0</v>
      </c>
      <c r="AY493">
        <v>40</v>
      </c>
      <c r="AZ493">
        <v>104</v>
      </c>
      <c r="BA493">
        <v>6657</v>
      </c>
    </row>
    <row r="494" spans="1:53" x14ac:dyDescent="0.4">
      <c r="A494">
        <v>538</v>
      </c>
      <c r="B494" s="1">
        <v>42974</v>
      </c>
      <c r="C494">
        <v>3</v>
      </c>
      <c r="D494" s="1">
        <v>42974.748611111114</v>
      </c>
      <c r="E494" s="1">
        <v>42974.948611111111</v>
      </c>
      <c r="F494">
        <v>40300</v>
      </c>
      <c r="G494">
        <v>25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3244</v>
      </c>
      <c r="N494">
        <v>0</v>
      </c>
      <c r="O494">
        <v>0</v>
      </c>
      <c r="P494">
        <v>16092</v>
      </c>
      <c r="Q494">
        <v>0</v>
      </c>
      <c r="R494">
        <v>59886</v>
      </c>
      <c r="S494">
        <v>0</v>
      </c>
      <c r="T494">
        <v>0</v>
      </c>
      <c r="U494">
        <v>0</v>
      </c>
      <c r="V494">
        <v>5</v>
      </c>
      <c r="W494">
        <v>5</v>
      </c>
      <c r="X494">
        <v>0</v>
      </c>
      <c r="Y494">
        <v>70</v>
      </c>
      <c r="Z494">
        <v>28</v>
      </c>
      <c r="AA494">
        <v>64</v>
      </c>
      <c r="AB494">
        <v>55</v>
      </c>
      <c r="AC494">
        <v>131</v>
      </c>
      <c r="AD494">
        <v>33</v>
      </c>
      <c r="AE494">
        <v>51</v>
      </c>
      <c r="AF494">
        <v>0</v>
      </c>
      <c r="AG494">
        <v>169676</v>
      </c>
      <c r="AH494">
        <v>50000</v>
      </c>
      <c r="AI494">
        <v>2</v>
      </c>
      <c r="AJ494">
        <v>84</v>
      </c>
      <c r="AK494" t="s">
        <v>16</v>
      </c>
      <c r="AL494">
        <v>0</v>
      </c>
      <c r="AM494">
        <v>0</v>
      </c>
      <c r="AN494">
        <v>0</v>
      </c>
      <c r="AO494">
        <v>0</v>
      </c>
      <c r="AP494">
        <v>0</v>
      </c>
      <c r="AQ494">
        <v>0</v>
      </c>
      <c r="AR494">
        <v>0</v>
      </c>
      <c r="AS494">
        <v>0</v>
      </c>
      <c r="AT494">
        <v>0</v>
      </c>
      <c r="AU494">
        <v>0</v>
      </c>
      <c r="AV494">
        <v>0</v>
      </c>
      <c r="AW494">
        <v>0</v>
      </c>
      <c r="AX494">
        <v>17096</v>
      </c>
      <c r="AY494">
        <v>22</v>
      </c>
      <c r="AZ494">
        <v>58</v>
      </c>
      <c r="BA494">
        <v>2209</v>
      </c>
    </row>
    <row r="495" spans="1:53" x14ac:dyDescent="0.4">
      <c r="A495">
        <v>539</v>
      </c>
      <c r="B495" s="1">
        <v>42975</v>
      </c>
      <c r="C495">
        <v>1</v>
      </c>
      <c r="D495" s="1">
        <v>42975.291666666664</v>
      </c>
      <c r="E495" s="1">
        <v>42975.404166666667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0</v>
      </c>
      <c r="O495">
        <v>0</v>
      </c>
      <c r="P495">
        <v>0</v>
      </c>
      <c r="Q495">
        <v>0</v>
      </c>
      <c r="R495">
        <v>0</v>
      </c>
      <c r="S495">
        <v>0</v>
      </c>
      <c r="T495">
        <v>0</v>
      </c>
      <c r="U495">
        <v>0</v>
      </c>
      <c r="V495">
        <v>0</v>
      </c>
      <c r="W495">
        <v>1</v>
      </c>
      <c r="X495">
        <v>0</v>
      </c>
      <c r="Y495">
        <v>25</v>
      </c>
      <c r="Z495">
        <v>18</v>
      </c>
      <c r="AA495">
        <v>66</v>
      </c>
      <c r="AB495">
        <v>58</v>
      </c>
      <c r="AC495">
        <v>129</v>
      </c>
      <c r="AD495">
        <v>30</v>
      </c>
      <c r="AE495">
        <v>60</v>
      </c>
      <c r="AF495">
        <v>0</v>
      </c>
      <c r="AG495">
        <v>50000</v>
      </c>
      <c r="AH495">
        <v>0</v>
      </c>
      <c r="AI495">
        <v>50000</v>
      </c>
      <c r="AJ495">
        <v>0</v>
      </c>
      <c r="AK495" t="s">
        <v>6</v>
      </c>
      <c r="AL495">
        <v>0</v>
      </c>
      <c r="AM495">
        <v>0</v>
      </c>
      <c r="AN495">
        <v>0</v>
      </c>
      <c r="AO495">
        <v>0</v>
      </c>
      <c r="AP495">
        <v>0</v>
      </c>
      <c r="AQ495">
        <v>0</v>
      </c>
      <c r="AR495">
        <v>0</v>
      </c>
      <c r="AS495">
        <v>0</v>
      </c>
      <c r="AT495">
        <v>0</v>
      </c>
      <c r="AU495">
        <v>0</v>
      </c>
      <c r="AV495">
        <v>0</v>
      </c>
      <c r="AW495">
        <v>0</v>
      </c>
      <c r="AX495">
        <v>0</v>
      </c>
      <c r="AY495">
        <v>0</v>
      </c>
      <c r="AZ495">
        <v>0</v>
      </c>
      <c r="BA495">
        <v>0</v>
      </c>
    </row>
    <row r="496" spans="1:53" x14ac:dyDescent="0.4">
      <c r="A496">
        <v>540</v>
      </c>
      <c r="B496" s="1">
        <v>42975</v>
      </c>
      <c r="C496">
        <v>2</v>
      </c>
      <c r="D496" s="1">
        <v>42975.404166666667</v>
      </c>
      <c r="E496" s="1">
        <v>42975.740972222222</v>
      </c>
      <c r="F496">
        <v>44000</v>
      </c>
      <c r="G496">
        <v>448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3877</v>
      </c>
      <c r="N496">
        <v>0</v>
      </c>
      <c r="O496">
        <v>0</v>
      </c>
      <c r="P496">
        <v>13500</v>
      </c>
      <c r="Q496">
        <v>0</v>
      </c>
      <c r="R496">
        <v>65857</v>
      </c>
      <c r="S496">
        <v>0</v>
      </c>
      <c r="T496">
        <v>0</v>
      </c>
      <c r="U496">
        <v>0</v>
      </c>
      <c r="V496">
        <v>2</v>
      </c>
      <c r="W496">
        <v>2</v>
      </c>
      <c r="X496">
        <v>0</v>
      </c>
      <c r="Y496">
        <v>47</v>
      </c>
      <c r="Z496">
        <v>37</v>
      </c>
      <c r="AA496">
        <v>99</v>
      </c>
      <c r="AB496">
        <v>70</v>
      </c>
      <c r="AC496">
        <v>279</v>
      </c>
      <c r="AD496">
        <v>41</v>
      </c>
      <c r="AE496">
        <v>72</v>
      </c>
      <c r="AF496">
        <v>3890</v>
      </c>
      <c r="AG496">
        <v>115857</v>
      </c>
      <c r="AH496">
        <v>50000</v>
      </c>
      <c r="AI496">
        <v>0</v>
      </c>
      <c r="AJ496">
        <v>92</v>
      </c>
      <c r="AK496" t="s">
        <v>22</v>
      </c>
      <c r="AL496">
        <v>0</v>
      </c>
      <c r="AM496">
        <v>0</v>
      </c>
      <c r="AN496">
        <v>0</v>
      </c>
      <c r="AO496">
        <v>0</v>
      </c>
      <c r="AP496">
        <v>0</v>
      </c>
      <c r="AQ496">
        <v>0</v>
      </c>
      <c r="AR496">
        <v>0</v>
      </c>
      <c r="AS496">
        <v>0</v>
      </c>
      <c r="AT496">
        <v>0</v>
      </c>
      <c r="AU496">
        <v>0</v>
      </c>
      <c r="AV496">
        <v>0</v>
      </c>
      <c r="AW496">
        <v>0</v>
      </c>
      <c r="AX496">
        <v>-540</v>
      </c>
      <c r="AY496">
        <v>47</v>
      </c>
      <c r="AZ496">
        <v>103</v>
      </c>
      <c r="BA496">
        <v>7625</v>
      </c>
    </row>
    <row r="497" spans="1:53" x14ac:dyDescent="0.4">
      <c r="A497">
        <v>541</v>
      </c>
      <c r="B497" s="1">
        <v>42975</v>
      </c>
      <c r="C497">
        <v>3</v>
      </c>
      <c r="D497" s="1">
        <v>42975.740972222222</v>
      </c>
      <c r="E497" s="1">
        <v>42975.95416666667</v>
      </c>
      <c r="F497">
        <v>39400</v>
      </c>
      <c r="G497">
        <v>68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3206</v>
      </c>
      <c r="N497">
        <v>0</v>
      </c>
      <c r="O497">
        <v>0</v>
      </c>
      <c r="P497">
        <v>-108</v>
      </c>
      <c r="Q497">
        <v>0</v>
      </c>
      <c r="R497">
        <v>43178</v>
      </c>
      <c r="S497">
        <v>0</v>
      </c>
      <c r="T497">
        <v>0</v>
      </c>
      <c r="U497">
        <v>0</v>
      </c>
      <c r="V497">
        <v>3</v>
      </c>
      <c r="W497">
        <v>3</v>
      </c>
      <c r="X497">
        <v>0</v>
      </c>
      <c r="Y497">
        <v>73</v>
      </c>
      <c r="Z497">
        <v>36</v>
      </c>
      <c r="AA497">
        <v>71</v>
      </c>
      <c r="AB497">
        <v>68</v>
      </c>
      <c r="AC497">
        <v>262</v>
      </c>
      <c r="AD497">
        <v>39</v>
      </c>
      <c r="AE497">
        <v>71</v>
      </c>
      <c r="AF497">
        <v>9649</v>
      </c>
      <c r="AG497">
        <v>159035</v>
      </c>
      <c r="AH497">
        <v>50000</v>
      </c>
      <c r="AI497">
        <v>0</v>
      </c>
      <c r="AJ497">
        <v>1</v>
      </c>
      <c r="AK497" t="s">
        <v>3</v>
      </c>
      <c r="AL497">
        <v>0</v>
      </c>
      <c r="AM497">
        <v>0</v>
      </c>
      <c r="AN497">
        <v>0</v>
      </c>
      <c r="AO497">
        <v>0</v>
      </c>
      <c r="AP497">
        <v>0</v>
      </c>
      <c r="AQ497">
        <v>0</v>
      </c>
      <c r="AR497">
        <v>0</v>
      </c>
      <c r="AS497">
        <v>0</v>
      </c>
      <c r="AT497">
        <v>0</v>
      </c>
      <c r="AU497">
        <v>0</v>
      </c>
      <c r="AV497">
        <v>0</v>
      </c>
      <c r="AW497">
        <v>0</v>
      </c>
      <c r="AX497">
        <v>9720</v>
      </c>
      <c r="AY497">
        <v>18</v>
      </c>
      <c r="AZ497">
        <v>43</v>
      </c>
      <c r="BA497">
        <v>3482</v>
      </c>
    </row>
    <row r="498" spans="1:53" x14ac:dyDescent="0.4">
      <c r="A498">
        <v>542</v>
      </c>
      <c r="B498" s="1">
        <v>42975</v>
      </c>
      <c r="C498">
        <v>4</v>
      </c>
      <c r="D498" s="1">
        <v>42975.95416666667</v>
      </c>
      <c r="E498" s="1">
        <v>42976.104861111111</v>
      </c>
      <c r="F498">
        <v>36000</v>
      </c>
      <c r="G498">
        <v>0</v>
      </c>
      <c r="H498">
        <v>0</v>
      </c>
      <c r="I498">
        <v>0</v>
      </c>
      <c r="J498">
        <v>0</v>
      </c>
      <c r="K498">
        <v>1760</v>
      </c>
      <c r="L498">
        <v>0</v>
      </c>
      <c r="M498">
        <v>3021</v>
      </c>
      <c r="N498">
        <v>0</v>
      </c>
      <c r="O498">
        <v>0</v>
      </c>
      <c r="P498">
        <v>-1080</v>
      </c>
      <c r="Q498">
        <v>0</v>
      </c>
      <c r="R498">
        <v>39701</v>
      </c>
      <c r="S498">
        <v>0</v>
      </c>
      <c r="T498">
        <v>0</v>
      </c>
      <c r="U498">
        <v>0</v>
      </c>
      <c r="V498">
        <v>8</v>
      </c>
      <c r="W498">
        <v>0</v>
      </c>
      <c r="X498">
        <v>0</v>
      </c>
      <c r="Y498">
        <v>80</v>
      </c>
      <c r="Z498">
        <v>34</v>
      </c>
      <c r="AA498">
        <v>60</v>
      </c>
      <c r="AB498">
        <v>67</v>
      </c>
      <c r="AC498">
        <v>249</v>
      </c>
      <c r="AD498">
        <v>38</v>
      </c>
      <c r="AE498">
        <v>57</v>
      </c>
      <c r="AF498">
        <v>9649</v>
      </c>
      <c r="AG498">
        <v>198736</v>
      </c>
      <c r="AH498">
        <v>50000</v>
      </c>
      <c r="AI498">
        <v>0</v>
      </c>
      <c r="AJ498">
        <v>104</v>
      </c>
      <c r="AK498" t="s">
        <v>10</v>
      </c>
      <c r="AL498">
        <v>0</v>
      </c>
      <c r="AM498">
        <v>0</v>
      </c>
      <c r="AN498">
        <v>0</v>
      </c>
      <c r="AO498">
        <v>0</v>
      </c>
      <c r="AP498">
        <v>0</v>
      </c>
      <c r="AQ498">
        <v>0</v>
      </c>
      <c r="AR498">
        <v>0</v>
      </c>
      <c r="AS498">
        <v>0</v>
      </c>
      <c r="AT498">
        <v>0</v>
      </c>
      <c r="AU498">
        <v>0</v>
      </c>
      <c r="AV498">
        <v>0</v>
      </c>
      <c r="AW498">
        <v>0</v>
      </c>
      <c r="AX498">
        <v>-3456</v>
      </c>
      <c r="AY498">
        <v>5</v>
      </c>
      <c r="AZ498">
        <v>17</v>
      </c>
      <c r="BA498">
        <v>769</v>
      </c>
    </row>
    <row r="499" spans="1:53" x14ac:dyDescent="0.4">
      <c r="A499">
        <v>543</v>
      </c>
      <c r="B499" s="1">
        <v>42976</v>
      </c>
      <c r="C499">
        <v>1</v>
      </c>
      <c r="D499" s="1">
        <v>42976.291666666664</v>
      </c>
      <c r="E499" s="1">
        <v>42976.404166666667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0</v>
      </c>
      <c r="O499">
        <v>0</v>
      </c>
      <c r="P499">
        <v>0</v>
      </c>
      <c r="Q499">
        <v>0</v>
      </c>
      <c r="R499">
        <v>0</v>
      </c>
      <c r="S499">
        <v>0</v>
      </c>
      <c r="T499">
        <v>0</v>
      </c>
      <c r="U499">
        <v>0</v>
      </c>
      <c r="V499">
        <v>0</v>
      </c>
      <c r="W499">
        <v>0</v>
      </c>
      <c r="X499">
        <v>0</v>
      </c>
      <c r="Y499">
        <v>30</v>
      </c>
      <c r="Z499">
        <v>18</v>
      </c>
      <c r="AA499">
        <v>60</v>
      </c>
      <c r="AB499">
        <v>66</v>
      </c>
      <c r="AC499">
        <v>145</v>
      </c>
      <c r="AD499">
        <v>38</v>
      </c>
      <c r="AE499">
        <v>60</v>
      </c>
      <c r="AF499">
        <v>0</v>
      </c>
      <c r="AG499">
        <v>50000</v>
      </c>
      <c r="AH499">
        <v>50000</v>
      </c>
      <c r="AI499">
        <v>0</v>
      </c>
      <c r="AJ499">
        <v>0</v>
      </c>
      <c r="AK499" t="s">
        <v>6</v>
      </c>
      <c r="AL499">
        <v>0</v>
      </c>
      <c r="AM499">
        <v>0</v>
      </c>
      <c r="AN499">
        <v>0</v>
      </c>
      <c r="AO499">
        <v>0</v>
      </c>
      <c r="AP499">
        <v>0</v>
      </c>
      <c r="AQ499">
        <v>0</v>
      </c>
      <c r="AR499">
        <v>0</v>
      </c>
      <c r="AS499">
        <v>0</v>
      </c>
      <c r="AT499">
        <v>0</v>
      </c>
      <c r="AU499">
        <v>0</v>
      </c>
      <c r="AV499">
        <v>0</v>
      </c>
      <c r="AW499">
        <v>0</v>
      </c>
      <c r="AX499">
        <v>0</v>
      </c>
      <c r="AY499">
        <v>0</v>
      </c>
      <c r="AZ499">
        <v>0</v>
      </c>
      <c r="BA499">
        <v>0</v>
      </c>
    </row>
    <row r="500" spans="1:53" x14ac:dyDescent="0.4">
      <c r="A500">
        <v>544</v>
      </c>
      <c r="B500" s="1">
        <v>42976</v>
      </c>
      <c r="C500">
        <v>2</v>
      </c>
      <c r="D500" s="1">
        <v>42976.404166666667</v>
      </c>
      <c r="E500" s="1">
        <v>42976.741666666669</v>
      </c>
      <c r="F500">
        <v>38000</v>
      </c>
      <c r="G500">
        <v>4350</v>
      </c>
      <c r="H500">
        <v>0</v>
      </c>
      <c r="I500">
        <v>0</v>
      </c>
      <c r="J500">
        <v>0</v>
      </c>
      <c r="K500">
        <v>0</v>
      </c>
      <c r="L500">
        <v>0</v>
      </c>
      <c r="M500">
        <v>3387</v>
      </c>
      <c r="N500">
        <v>0</v>
      </c>
      <c r="O500">
        <v>0</v>
      </c>
      <c r="P500">
        <v>13500</v>
      </c>
      <c r="Q500">
        <v>0</v>
      </c>
      <c r="R500">
        <v>59237</v>
      </c>
      <c r="S500">
        <v>0</v>
      </c>
      <c r="T500">
        <v>0</v>
      </c>
      <c r="U500">
        <v>0</v>
      </c>
      <c r="V500">
        <v>1</v>
      </c>
      <c r="W500">
        <v>1</v>
      </c>
      <c r="X500">
        <v>0</v>
      </c>
      <c r="Y500">
        <v>62</v>
      </c>
      <c r="Z500">
        <v>36</v>
      </c>
      <c r="AA500">
        <v>78</v>
      </c>
      <c r="AB500">
        <v>83</v>
      </c>
      <c r="AC500">
        <v>203</v>
      </c>
      <c r="AD500">
        <v>39</v>
      </c>
      <c r="AE500">
        <v>62</v>
      </c>
      <c r="AF500">
        <v>0</v>
      </c>
      <c r="AG500">
        <v>109237</v>
      </c>
      <c r="AH500">
        <v>50000</v>
      </c>
      <c r="AI500">
        <v>0</v>
      </c>
      <c r="AJ500">
        <v>92</v>
      </c>
      <c r="AK500" t="s">
        <v>22</v>
      </c>
      <c r="AL500">
        <v>0</v>
      </c>
      <c r="AM500">
        <v>0</v>
      </c>
      <c r="AN500">
        <v>0</v>
      </c>
      <c r="AO500">
        <v>0</v>
      </c>
      <c r="AP500">
        <v>0</v>
      </c>
      <c r="AQ500">
        <v>0</v>
      </c>
      <c r="AR500">
        <v>0</v>
      </c>
      <c r="AS500">
        <v>0</v>
      </c>
      <c r="AT500">
        <v>0</v>
      </c>
      <c r="AU500">
        <v>0</v>
      </c>
      <c r="AV500">
        <v>0</v>
      </c>
      <c r="AW500">
        <v>0</v>
      </c>
      <c r="AX500">
        <v>-130</v>
      </c>
      <c r="AY500">
        <v>44</v>
      </c>
      <c r="AZ500">
        <v>94</v>
      </c>
      <c r="BA500">
        <v>7102</v>
      </c>
    </row>
    <row r="501" spans="1:53" x14ac:dyDescent="0.4">
      <c r="A501">
        <v>545</v>
      </c>
      <c r="B501" s="1">
        <v>42976</v>
      </c>
      <c r="C501">
        <v>3</v>
      </c>
      <c r="D501" s="1">
        <v>42976.741666666669</v>
      </c>
      <c r="E501" s="1">
        <v>42976.961111111108</v>
      </c>
      <c r="F501">
        <v>44550</v>
      </c>
      <c r="G501">
        <v>1600</v>
      </c>
      <c r="H501">
        <v>0</v>
      </c>
      <c r="I501">
        <v>0</v>
      </c>
      <c r="J501">
        <v>0</v>
      </c>
      <c r="K501">
        <v>1000</v>
      </c>
      <c r="L501">
        <v>0</v>
      </c>
      <c r="M501">
        <v>3771</v>
      </c>
      <c r="N501">
        <v>0</v>
      </c>
      <c r="O501">
        <v>0</v>
      </c>
      <c r="P501">
        <v>21751</v>
      </c>
      <c r="Q501">
        <v>0</v>
      </c>
      <c r="R501">
        <v>72672</v>
      </c>
      <c r="S501">
        <v>0</v>
      </c>
      <c r="T501">
        <v>0</v>
      </c>
      <c r="U501">
        <v>0</v>
      </c>
      <c r="V501">
        <v>6</v>
      </c>
      <c r="W501">
        <v>0</v>
      </c>
      <c r="X501">
        <v>0</v>
      </c>
      <c r="Y501">
        <v>87</v>
      </c>
      <c r="Z501">
        <v>38</v>
      </c>
      <c r="AA501">
        <v>92</v>
      </c>
      <c r="AB501">
        <v>86</v>
      </c>
      <c r="AC501">
        <v>219</v>
      </c>
      <c r="AD501">
        <v>37</v>
      </c>
      <c r="AE501">
        <v>34</v>
      </c>
      <c r="AF501">
        <v>0</v>
      </c>
      <c r="AG501">
        <v>181909</v>
      </c>
      <c r="AH501">
        <v>50000</v>
      </c>
      <c r="AI501">
        <v>0</v>
      </c>
      <c r="AJ501">
        <v>102</v>
      </c>
      <c r="AK501" t="s">
        <v>8</v>
      </c>
      <c r="AL501">
        <v>0</v>
      </c>
      <c r="AM501">
        <v>0</v>
      </c>
      <c r="AN501">
        <v>0</v>
      </c>
      <c r="AO501">
        <v>0</v>
      </c>
      <c r="AP501">
        <v>0</v>
      </c>
      <c r="AQ501">
        <v>0</v>
      </c>
      <c r="AR501">
        <v>0</v>
      </c>
      <c r="AS501">
        <v>0</v>
      </c>
      <c r="AT501">
        <v>0</v>
      </c>
      <c r="AU501">
        <v>0</v>
      </c>
      <c r="AV501">
        <v>0</v>
      </c>
      <c r="AW501">
        <v>0</v>
      </c>
      <c r="AX501">
        <v>27849</v>
      </c>
      <c r="AY501">
        <v>22</v>
      </c>
      <c r="AZ501">
        <v>75</v>
      </c>
      <c r="BA501">
        <v>2966</v>
      </c>
    </row>
    <row r="502" spans="1:53" x14ac:dyDescent="0.4">
      <c r="A502">
        <v>546</v>
      </c>
      <c r="B502" s="1">
        <v>42976</v>
      </c>
      <c r="C502">
        <v>4</v>
      </c>
      <c r="D502" s="1">
        <v>42976.961111111108</v>
      </c>
      <c r="E502" s="1">
        <v>42977.081944444442</v>
      </c>
      <c r="F502">
        <v>73770</v>
      </c>
      <c r="G502">
        <v>2220</v>
      </c>
      <c r="H502">
        <v>0</v>
      </c>
      <c r="I502">
        <v>0</v>
      </c>
      <c r="J502">
        <v>700</v>
      </c>
      <c r="K502">
        <v>3000</v>
      </c>
      <c r="L502">
        <v>0</v>
      </c>
      <c r="M502">
        <v>6263</v>
      </c>
      <c r="N502">
        <v>0</v>
      </c>
      <c r="O502">
        <v>0</v>
      </c>
      <c r="P502">
        <v>-17712</v>
      </c>
      <c r="Q502">
        <v>0</v>
      </c>
      <c r="R502">
        <v>66841</v>
      </c>
      <c r="S502">
        <v>0</v>
      </c>
      <c r="T502">
        <v>0</v>
      </c>
      <c r="U502">
        <v>0</v>
      </c>
      <c r="V502">
        <v>11</v>
      </c>
      <c r="W502">
        <v>1</v>
      </c>
      <c r="X502">
        <v>0</v>
      </c>
      <c r="Y502">
        <v>92</v>
      </c>
      <c r="Z502">
        <v>37</v>
      </c>
      <c r="AA502">
        <v>94</v>
      </c>
      <c r="AB502">
        <v>86</v>
      </c>
      <c r="AC502">
        <v>221</v>
      </c>
      <c r="AD502">
        <v>36</v>
      </c>
      <c r="AE502">
        <v>32</v>
      </c>
      <c r="AF502">
        <v>7128</v>
      </c>
      <c r="AG502">
        <v>248750</v>
      </c>
      <c r="AH502">
        <v>50000</v>
      </c>
      <c r="AI502">
        <v>0</v>
      </c>
      <c r="AJ502">
        <v>1</v>
      </c>
      <c r="AK502" t="s">
        <v>3</v>
      </c>
      <c r="AL502">
        <v>0</v>
      </c>
      <c r="AM502">
        <v>0</v>
      </c>
      <c r="AN502">
        <v>0</v>
      </c>
      <c r="AO502">
        <v>0</v>
      </c>
      <c r="AP502">
        <v>0</v>
      </c>
      <c r="AQ502">
        <v>0</v>
      </c>
      <c r="AR502">
        <v>0</v>
      </c>
      <c r="AS502">
        <v>0</v>
      </c>
      <c r="AT502">
        <v>0</v>
      </c>
      <c r="AU502">
        <v>0</v>
      </c>
      <c r="AV502">
        <v>0</v>
      </c>
      <c r="AW502">
        <v>0</v>
      </c>
      <c r="AX502">
        <v>0</v>
      </c>
      <c r="AY502">
        <v>6</v>
      </c>
      <c r="AZ502">
        <v>13</v>
      </c>
      <c r="BA502">
        <v>1474</v>
      </c>
    </row>
    <row r="503" spans="1:53" x14ac:dyDescent="0.4">
      <c r="A503">
        <v>547</v>
      </c>
      <c r="B503" s="1">
        <v>42977</v>
      </c>
      <c r="C503">
        <v>1</v>
      </c>
      <c r="D503" s="1">
        <v>42977.291666666664</v>
      </c>
      <c r="E503" s="1">
        <v>42977.393055555556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  <c r="M503">
        <v>0</v>
      </c>
      <c r="N503">
        <v>0</v>
      </c>
      <c r="O503">
        <v>0</v>
      </c>
      <c r="P503">
        <v>0</v>
      </c>
      <c r="Q503">
        <v>0</v>
      </c>
      <c r="R503">
        <v>0</v>
      </c>
      <c r="S503">
        <v>0</v>
      </c>
      <c r="T503">
        <v>0</v>
      </c>
      <c r="U503">
        <v>0</v>
      </c>
      <c r="V503">
        <v>0</v>
      </c>
      <c r="W503">
        <v>1</v>
      </c>
      <c r="X503">
        <v>0</v>
      </c>
      <c r="Y503">
        <v>25</v>
      </c>
      <c r="Z503">
        <v>15</v>
      </c>
      <c r="AA503">
        <v>70</v>
      </c>
      <c r="AB503">
        <v>84</v>
      </c>
      <c r="AC503">
        <v>110</v>
      </c>
      <c r="AD503">
        <v>35</v>
      </c>
      <c r="AE503">
        <v>25</v>
      </c>
      <c r="AF503">
        <v>0</v>
      </c>
      <c r="AG503">
        <v>50000</v>
      </c>
      <c r="AH503">
        <v>0</v>
      </c>
      <c r="AI503">
        <v>50000</v>
      </c>
      <c r="AJ503">
        <v>0</v>
      </c>
      <c r="AK503" t="s">
        <v>6</v>
      </c>
      <c r="AL503">
        <v>0</v>
      </c>
      <c r="AM503">
        <v>0</v>
      </c>
      <c r="AN503">
        <v>0</v>
      </c>
      <c r="AO503">
        <v>0</v>
      </c>
      <c r="AP503">
        <v>0</v>
      </c>
      <c r="AQ503">
        <v>0</v>
      </c>
      <c r="AR503">
        <v>0</v>
      </c>
      <c r="AS503">
        <v>0</v>
      </c>
      <c r="AT503">
        <v>0</v>
      </c>
      <c r="AU503">
        <v>0</v>
      </c>
      <c r="AV503">
        <v>0</v>
      </c>
      <c r="AW503">
        <v>0</v>
      </c>
      <c r="AX503">
        <v>0</v>
      </c>
      <c r="AY503">
        <v>0</v>
      </c>
      <c r="AZ503">
        <v>0</v>
      </c>
      <c r="BA503">
        <v>0</v>
      </c>
    </row>
    <row r="504" spans="1:53" x14ac:dyDescent="0.4">
      <c r="A504">
        <v>548</v>
      </c>
      <c r="B504" s="1">
        <v>42977</v>
      </c>
      <c r="C504">
        <v>2</v>
      </c>
      <c r="D504" s="1">
        <v>42977.393055555556</v>
      </c>
      <c r="E504" s="1">
        <v>42977.737500000003</v>
      </c>
      <c r="F504">
        <v>29000</v>
      </c>
      <c r="G504">
        <v>1680</v>
      </c>
      <c r="H504">
        <v>0</v>
      </c>
      <c r="I504">
        <v>0</v>
      </c>
      <c r="J504">
        <v>0</v>
      </c>
      <c r="K504">
        <v>0</v>
      </c>
      <c r="L504">
        <v>0</v>
      </c>
      <c r="M504">
        <v>2454</v>
      </c>
      <c r="N504">
        <v>0</v>
      </c>
      <c r="O504">
        <v>0</v>
      </c>
      <c r="P504">
        <v>23760</v>
      </c>
      <c r="Q504">
        <v>0</v>
      </c>
      <c r="R504">
        <v>56894</v>
      </c>
      <c r="S504">
        <v>0</v>
      </c>
      <c r="T504">
        <v>0</v>
      </c>
      <c r="U504">
        <v>0</v>
      </c>
      <c r="V504">
        <v>1</v>
      </c>
      <c r="W504">
        <v>3</v>
      </c>
      <c r="X504">
        <v>0</v>
      </c>
      <c r="Y504">
        <v>50</v>
      </c>
      <c r="Z504">
        <v>29</v>
      </c>
      <c r="AA504">
        <v>90</v>
      </c>
      <c r="AB504">
        <v>100</v>
      </c>
      <c r="AC504">
        <v>207</v>
      </c>
      <c r="AD504">
        <v>43</v>
      </c>
      <c r="AE504">
        <v>29</v>
      </c>
      <c r="AF504">
        <v>1080</v>
      </c>
      <c r="AG504">
        <v>106894</v>
      </c>
      <c r="AH504">
        <v>50000</v>
      </c>
      <c r="AI504">
        <v>0</v>
      </c>
      <c r="AJ504">
        <v>90</v>
      </c>
      <c r="AK504" t="s">
        <v>24</v>
      </c>
      <c r="AL504">
        <v>0</v>
      </c>
      <c r="AM504">
        <v>0</v>
      </c>
      <c r="AN504">
        <v>0</v>
      </c>
      <c r="AO504">
        <v>0</v>
      </c>
      <c r="AP504">
        <v>0</v>
      </c>
      <c r="AQ504">
        <v>0</v>
      </c>
      <c r="AR504">
        <v>0</v>
      </c>
      <c r="AS504">
        <v>0</v>
      </c>
      <c r="AT504">
        <v>0</v>
      </c>
      <c r="AU504">
        <v>0</v>
      </c>
      <c r="AV504">
        <v>0</v>
      </c>
      <c r="AW504">
        <v>0</v>
      </c>
      <c r="AX504">
        <v>1620</v>
      </c>
      <c r="AY504">
        <v>45</v>
      </c>
      <c r="AZ504">
        <v>98</v>
      </c>
      <c r="BA504">
        <v>6557</v>
      </c>
    </row>
    <row r="505" spans="1:53" x14ac:dyDescent="0.4">
      <c r="A505">
        <v>549</v>
      </c>
      <c r="B505" s="1">
        <v>42977</v>
      </c>
      <c r="C505">
        <v>3</v>
      </c>
      <c r="D505" s="1">
        <v>42977.737500000003</v>
      </c>
      <c r="E505" s="1">
        <v>42977.974999999999</v>
      </c>
      <c r="F505">
        <v>120980</v>
      </c>
      <c r="G505">
        <v>3140</v>
      </c>
      <c r="H505">
        <v>0</v>
      </c>
      <c r="I505">
        <v>0</v>
      </c>
      <c r="J505">
        <v>1140</v>
      </c>
      <c r="K505">
        <v>0</v>
      </c>
      <c r="L505">
        <v>0</v>
      </c>
      <c r="M505">
        <v>9838</v>
      </c>
      <c r="N505">
        <v>0</v>
      </c>
      <c r="O505">
        <v>0</v>
      </c>
      <c r="P505">
        <v>-2808</v>
      </c>
      <c r="Q505">
        <v>0</v>
      </c>
      <c r="R505">
        <v>130010</v>
      </c>
      <c r="S505">
        <v>0</v>
      </c>
      <c r="T505">
        <v>0</v>
      </c>
      <c r="U505">
        <v>0</v>
      </c>
      <c r="V505">
        <v>8</v>
      </c>
      <c r="W505">
        <v>5</v>
      </c>
      <c r="X505">
        <v>0</v>
      </c>
      <c r="Y505">
        <v>67</v>
      </c>
      <c r="Z505">
        <v>29</v>
      </c>
      <c r="AA505">
        <v>89</v>
      </c>
      <c r="AB505">
        <v>100</v>
      </c>
      <c r="AC505">
        <v>207</v>
      </c>
      <c r="AD505">
        <v>43</v>
      </c>
      <c r="AE505">
        <v>39</v>
      </c>
      <c r="AF505">
        <v>34180</v>
      </c>
      <c r="AG505">
        <v>236904</v>
      </c>
      <c r="AH505">
        <v>50000</v>
      </c>
      <c r="AI505">
        <v>0</v>
      </c>
      <c r="AJ505">
        <v>104</v>
      </c>
      <c r="AK505" t="s">
        <v>10</v>
      </c>
      <c r="AL505">
        <v>0</v>
      </c>
      <c r="AM505">
        <v>0</v>
      </c>
      <c r="AN505">
        <v>0</v>
      </c>
      <c r="AO505">
        <v>0</v>
      </c>
      <c r="AP505">
        <v>0</v>
      </c>
      <c r="AQ505">
        <v>0</v>
      </c>
      <c r="AR505">
        <v>0</v>
      </c>
      <c r="AS505">
        <v>0</v>
      </c>
      <c r="AT505">
        <v>0</v>
      </c>
      <c r="AU505">
        <v>0</v>
      </c>
      <c r="AV505">
        <v>0</v>
      </c>
      <c r="AW505">
        <v>0</v>
      </c>
      <c r="AX505">
        <v>2251</v>
      </c>
      <c r="AY505">
        <v>22</v>
      </c>
      <c r="AZ505">
        <v>78</v>
      </c>
      <c r="BA505">
        <v>3753</v>
      </c>
    </row>
    <row r="506" spans="1:53" x14ac:dyDescent="0.4">
      <c r="A506">
        <v>550</v>
      </c>
      <c r="B506" s="1">
        <v>42977</v>
      </c>
      <c r="C506">
        <v>4</v>
      </c>
      <c r="D506" s="1">
        <v>42977.974999999999</v>
      </c>
      <c r="E506" s="1">
        <v>42978.086111111108</v>
      </c>
      <c r="F506">
        <v>33000</v>
      </c>
      <c r="G506">
        <v>0</v>
      </c>
      <c r="H506">
        <v>0</v>
      </c>
      <c r="I506">
        <v>0</v>
      </c>
      <c r="J506">
        <v>1600</v>
      </c>
      <c r="K506">
        <v>1760</v>
      </c>
      <c r="L506">
        <v>0</v>
      </c>
      <c r="M506">
        <v>2653</v>
      </c>
      <c r="N506">
        <v>0</v>
      </c>
      <c r="O506">
        <v>0</v>
      </c>
      <c r="P506">
        <v>-7992</v>
      </c>
      <c r="Q506">
        <v>0</v>
      </c>
      <c r="R506">
        <v>27821</v>
      </c>
      <c r="S506">
        <v>0</v>
      </c>
      <c r="T506">
        <v>0</v>
      </c>
      <c r="U506">
        <v>0</v>
      </c>
      <c r="V506">
        <v>9</v>
      </c>
      <c r="W506">
        <v>4</v>
      </c>
      <c r="X506">
        <v>0</v>
      </c>
      <c r="Y506">
        <v>89</v>
      </c>
      <c r="Z506">
        <v>29</v>
      </c>
      <c r="AA506">
        <v>88</v>
      </c>
      <c r="AB506">
        <v>103</v>
      </c>
      <c r="AC506">
        <v>215</v>
      </c>
      <c r="AD506">
        <v>42</v>
      </c>
      <c r="AE506">
        <v>35</v>
      </c>
      <c r="AF506">
        <v>34880</v>
      </c>
      <c r="AG506">
        <v>264725</v>
      </c>
      <c r="AH506">
        <v>50000</v>
      </c>
      <c r="AI506">
        <v>0</v>
      </c>
      <c r="AJ506">
        <v>1</v>
      </c>
      <c r="AK506" t="s">
        <v>3</v>
      </c>
      <c r="AL506">
        <v>0</v>
      </c>
      <c r="AM506">
        <v>0</v>
      </c>
      <c r="AN506">
        <v>0</v>
      </c>
      <c r="AO506">
        <v>0</v>
      </c>
      <c r="AP506">
        <v>0</v>
      </c>
      <c r="AQ506">
        <v>0</v>
      </c>
      <c r="AR506">
        <v>0</v>
      </c>
      <c r="AS506">
        <v>0</v>
      </c>
      <c r="AT506">
        <v>0</v>
      </c>
      <c r="AU506">
        <v>0</v>
      </c>
      <c r="AV506">
        <v>0</v>
      </c>
      <c r="AW506">
        <v>0</v>
      </c>
      <c r="AX506">
        <v>0</v>
      </c>
      <c r="AY506">
        <v>5</v>
      </c>
      <c r="AZ506">
        <v>8</v>
      </c>
      <c r="BA506">
        <v>505</v>
      </c>
    </row>
    <row r="507" spans="1:53" x14ac:dyDescent="0.4">
      <c r="A507">
        <v>551</v>
      </c>
      <c r="B507" s="1">
        <v>42978</v>
      </c>
      <c r="C507">
        <v>1</v>
      </c>
      <c r="D507" s="1">
        <v>42978.291666666664</v>
      </c>
      <c r="E507" s="1">
        <v>42978.40625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0</v>
      </c>
      <c r="O507">
        <v>0</v>
      </c>
      <c r="P507">
        <v>0</v>
      </c>
      <c r="Q507">
        <v>0</v>
      </c>
      <c r="R507">
        <v>0</v>
      </c>
      <c r="S507">
        <v>0</v>
      </c>
      <c r="T507">
        <v>0</v>
      </c>
      <c r="U507">
        <v>0</v>
      </c>
      <c r="V507">
        <v>0</v>
      </c>
      <c r="W507">
        <v>1</v>
      </c>
      <c r="X507">
        <v>0</v>
      </c>
      <c r="Y507">
        <v>25</v>
      </c>
      <c r="Z507">
        <v>15</v>
      </c>
      <c r="AA507">
        <v>84</v>
      </c>
      <c r="AB507">
        <v>58</v>
      </c>
      <c r="AC507">
        <v>95</v>
      </c>
      <c r="AD507">
        <v>42</v>
      </c>
      <c r="AE507">
        <v>40</v>
      </c>
      <c r="AF507">
        <v>0</v>
      </c>
      <c r="AG507">
        <v>50000</v>
      </c>
      <c r="AH507">
        <v>0</v>
      </c>
      <c r="AI507">
        <v>50000</v>
      </c>
      <c r="AJ507">
        <v>0</v>
      </c>
      <c r="AK507" t="s">
        <v>6</v>
      </c>
      <c r="AL507">
        <v>0</v>
      </c>
      <c r="AM507">
        <v>0</v>
      </c>
      <c r="AN507">
        <v>0</v>
      </c>
      <c r="AO507">
        <v>0</v>
      </c>
      <c r="AP507">
        <v>0</v>
      </c>
      <c r="AQ507">
        <v>0</v>
      </c>
      <c r="AR507">
        <v>0</v>
      </c>
      <c r="AS507">
        <v>0</v>
      </c>
      <c r="AT507">
        <v>0</v>
      </c>
      <c r="AU507">
        <v>0</v>
      </c>
      <c r="AV507">
        <v>0</v>
      </c>
      <c r="AW507">
        <v>0</v>
      </c>
      <c r="AX507">
        <v>0</v>
      </c>
      <c r="AY507">
        <v>0</v>
      </c>
      <c r="AZ507">
        <v>0</v>
      </c>
      <c r="BA507">
        <v>0</v>
      </c>
    </row>
    <row r="508" spans="1:53" x14ac:dyDescent="0.4">
      <c r="A508">
        <v>552</v>
      </c>
      <c r="B508" s="1">
        <v>42978</v>
      </c>
      <c r="C508">
        <v>2</v>
      </c>
      <c r="D508" s="1">
        <v>42978.40625</v>
      </c>
      <c r="E508" s="1">
        <v>42978.770138888889</v>
      </c>
      <c r="F508">
        <v>47750</v>
      </c>
      <c r="G508">
        <v>1080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4683</v>
      </c>
      <c r="N508">
        <v>0</v>
      </c>
      <c r="O508">
        <v>0</v>
      </c>
      <c r="P508">
        <v>13932</v>
      </c>
      <c r="Q508">
        <v>0</v>
      </c>
      <c r="R508">
        <v>77165</v>
      </c>
      <c r="S508">
        <v>0</v>
      </c>
      <c r="T508">
        <v>0</v>
      </c>
      <c r="U508">
        <v>0</v>
      </c>
      <c r="V508">
        <v>5</v>
      </c>
      <c r="W508">
        <v>3</v>
      </c>
      <c r="X508">
        <v>0</v>
      </c>
      <c r="Y508">
        <v>29</v>
      </c>
      <c r="Z508">
        <v>25</v>
      </c>
      <c r="AA508">
        <v>100</v>
      </c>
      <c r="AB508">
        <v>61</v>
      </c>
      <c r="AC508">
        <v>176</v>
      </c>
      <c r="AD508">
        <v>41</v>
      </c>
      <c r="AE508">
        <v>42</v>
      </c>
      <c r="AF508">
        <v>6158</v>
      </c>
      <c r="AG508">
        <v>127715</v>
      </c>
      <c r="AH508">
        <v>50000</v>
      </c>
      <c r="AI508">
        <v>550</v>
      </c>
      <c r="AJ508">
        <v>89</v>
      </c>
      <c r="AK508" t="s">
        <v>12</v>
      </c>
      <c r="AL508">
        <v>0</v>
      </c>
      <c r="AM508">
        <v>0</v>
      </c>
      <c r="AN508">
        <v>0</v>
      </c>
      <c r="AO508">
        <v>0</v>
      </c>
      <c r="AP508">
        <v>0</v>
      </c>
      <c r="AQ508">
        <v>0</v>
      </c>
      <c r="AR508">
        <v>0</v>
      </c>
      <c r="AS508">
        <v>0</v>
      </c>
      <c r="AT508">
        <v>0</v>
      </c>
      <c r="AU508">
        <v>0</v>
      </c>
      <c r="AV508">
        <v>0</v>
      </c>
      <c r="AW508">
        <v>0</v>
      </c>
      <c r="AX508">
        <v>8640</v>
      </c>
      <c r="AY508">
        <v>52</v>
      </c>
      <c r="AZ508">
        <v>124</v>
      </c>
      <c r="BA508">
        <v>8088</v>
      </c>
    </row>
    <row r="509" spans="1:53" x14ac:dyDescent="0.4">
      <c r="A509">
        <v>553</v>
      </c>
      <c r="B509" s="1">
        <v>42978</v>
      </c>
      <c r="C509">
        <v>3</v>
      </c>
      <c r="D509" s="1">
        <v>42978.770138888889</v>
      </c>
      <c r="E509" s="1">
        <v>42978.965277777781</v>
      </c>
      <c r="F509">
        <v>77080</v>
      </c>
      <c r="G509">
        <v>221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6343</v>
      </c>
      <c r="N509">
        <v>0</v>
      </c>
      <c r="O509">
        <v>0</v>
      </c>
      <c r="P509">
        <v>5206</v>
      </c>
      <c r="Q509">
        <v>0</v>
      </c>
      <c r="R509">
        <v>90839</v>
      </c>
      <c r="S509">
        <v>0</v>
      </c>
      <c r="T509">
        <v>0</v>
      </c>
      <c r="U509">
        <v>0</v>
      </c>
      <c r="V509">
        <v>11</v>
      </c>
      <c r="W509">
        <v>3</v>
      </c>
      <c r="X509">
        <v>0</v>
      </c>
      <c r="Y509">
        <v>58</v>
      </c>
      <c r="Z509">
        <v>25</v>
      </c>
      <c r="AA509">
        <v>88</v>
      </c>
      <c r="AB509">
        <v>65</v>
      </c>
      <c r="AC509">
        <v>180</v>
      </c>
      <c r="AD509">
        <v>39</v>
      </c>
      <c r="AE509">
        <v>43</v>
      </c>
      <c r="AF509">
        <v>8416</v>
      </c>
      <c r="AG509">
        <v>218004</v>
      </c>
      <c r="AH509">
        <v>50000</v>
      </c>
      <c r="AI509">
        <v>0</v>
      </c>
      <c r="AJ509">
        <v>99</v>
      </c>
      <c r="AK509" t="s">
        <v>9</v>
      </c>
      <c r="AL509">
        <v>0</v>
      </c>
      <c r="AM509">
        <v>0</v>
      </c>
      <c r="AN509">
        <v>0</v>
      </c>
      <c r="AO509">
        <v>0</v>
      </c>
      <c r="AP509">
        <v>0</v>
      </c>
      <c r="AQ509">
        <v>0</v>
      </c>
      <c r="AR509">
        <v>0</v>
      </c>
      <c r="AS509">
        <v>0</v>
      </c>
      <c r="AT509">
        <v>0</v>
      </c>
      <c r="AU509">
        <v>0</v>
      </c>
      <c r="AV509">
        <v>0</v>
      </c>
      <c r="AW509">
        <v>0</v>
      </c>
      <c r="AX509">
        <v>1490</v>
      </c>
      <c r="AY509">
        <v>16</v>
      </c>
      <c r="AZ509">
        <v>56</v>
      </c>
      <c r="BA509">
        <v>2530</v>
      </c>
    </row>
    <row r="510" spans="1:53" x14ac:dyDescent="0.4">
      <c r="A510">
        <v>554</v>
      </c>
      <c r="B510" s="1">
        <v>42978</v>
      </c>
      <c r="C510">
        <v>4</v>
      </c>
      <c r="D510" s="1">
        <v>42978.965277777781</v>
      </c>
      <c r="E510" s="1">
        <v>42979.183333333334</v>
      </c>
      <c r="F510">
        <v>25320</v>
      </c>
      <c r="G510">
        <v>38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2056</v>
      </c>
      <c r="N510">
        <v>0</v>
      </c>
      <c r="O510">
        <v>0</v>
      </c>
      <c r="P510">
        <v>-4990</v>
      </c>
      <c r="Q510">
        <v>0</v>
      </c>
      <c r="R510">
        <v>22766</v>
      </c>
      <c r="S510">
        <v>0</v>
      </c>
      <c r="T510">
        <v>0</v>
      </c>
      <c r="U510">
        <v>0</v>
      </c>
      <c r="V510">
        <v>11</v>
      </c>
      <c r="W510">
        <v>3</v>
      </c>
      <c r="X510">
        <v>0</v>
      </c>
      <c r="Y510">
        <v>72</v>
      </c>
      <c r="Z510">
        <v>26</v>
      </c>
      <c r="AA510">
        <v>95</v>
      </c>
      <c r="AB510">
        <v>65</v>
      </c>
      <c r="AC510">
        <v>183</v>
      </c>
      <c r="AD510">
        <v>39</v>
      </c>
      <c r="AE510">
        <v>41</v>
      </c>
      <c r="AF510">
        <v>15954</v>
      </c>
      <c r="AG510">
        <v>240770</v>
      </c>
      <c r="AH510">
        <v>50000</v>
      </c>
      <c r="AI510">
        <v>0</v>
      </c>
      <c r="AJ510">
        <v>1</v>
      </c>
      <c r="AK510" t="s">
        <v>3</v>
      </c>
      <c r="AL510">
        <v>0</v>
      </c>
      <c r="AM510">
        <v>0</v>
      </c>
      <c r="AN510">
        <v>0</v>
      </c>
      <c r="AO510">
        <v>0</v>
      </c>
      <c r="AP510">
        <v>0</v>
      </c>
      <c r="AQ510">
        <v>0</v>
      </c>
      <c r="AR510">
        <v>0</v>
      </c>
      <c r="AS510">
        <v>0</v>
      </c>
      <c r="AT510">
        <v>0</v>
      </c>
      <c r="AU510">
        <v>0</v>
      </c>
      <c r="AV510">
        <v>0</v>
      </c>
      <c r="AW510">
        <v>0</v>
      </c>
      <c r="AX510">
        <v>1598</v>
      </c>
      <c r="AY510">
        <v>4</v>
      </c>
      <c r="AZ510">
        <v>10</v>
      </c>
      <c r="BA510">
        <v>1158</v>
      </c>
    </row>
    <row r="511" spans="1:53" x14ac:dyDescent="0.4">
      <c r="A511">
        <v>555</v>
      </c>
      <c r="B511" s="1">
        <v>42979</v>
      </c>
      <c r="C511">
        <v>1</v>
      </c>
      <c r="D511" s="1">
        <v>42979.291666666664</v>
      </c>
      <c r="E511" s="1">
        <v>42979.45208333333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0</v>
      </c>
      <c r="O511">
        <v>0</v>
      </c>
      <c r="P511">
        <v>0</v>
      </c>
      <c r="Q511">
        <v>0</v>
      </c>
      <c r="R511">
        <v>0</v>
      </c>
      <c r="S511">
        <v>0</v>
      </c>
      <c r="T511">
        <v>0</v>
      </c>
      <c r="U511">
        <v>0</v>
      </c>
      <c r="V511">
        <v>0</v>
      </c>
      <c r="W511">
        <v>0</v>
      </c>
      <c r="X511">
        <v>0</v>
      </c>
      <c r="Y511">
        <v>25</v>
      </c>
      <c r="Z511">
        <v>22</v>
      </c>
      <c r="AA511">
        <v>89</v>
      </c>
      <c r="AB511">
        <v>63</v>
      </c>
      <c r="AC511">
        <v>173</v>
      </c>
      <c r="AD511">
        <v>37</v>
      </c>
      <c r="AE511">
        <v>35</v>
      </c>
      <c r="AF511">
        <v>0</v>
      </c>
      <c r="AG511">
        <v>50000</v>
      </c>
      <c r="AH511">
        <v>0</v>
      </c>
      <c r="AI511">
        <v>50000</v>
      </c>
      <c r="AJ511">
        <v>0</v>
      </c>
      <c r="AK511" t="s">
        <v>6</v>
      </c>
      <c r="AL511">
        <v>0</v>
      </c>
      <c r="AM511">
        <v>0</v>
      </c>
      <c r="AN511">
        <v>0</v>
      </c>
      <c r="AO511">
        <v>0</v>
      </c>
      <c r="AP511">
        <v>0</v>
      </c>
      <c r="AQ511">
        <v>0</v>
      </c>
      <c r="AR511">
        <v>0</v>
      </c>
      <c r="AS511">
        <v>0</v>
      </c>
      <c r="AT511">
        <v>0</v>
      </c>
      <c r="AU511">
        <v>0</v>
      </c>
      <c r="AV511">
        <v>0</v>
      </c>
      <c r="AW511">
        <v>0</v>
      </c>
      <c r="AX511">
        <v>0</v>
      </c>
      <c r="AY511">
        <v>0</v>
      </c>
      <c r="AZ511">
        <v>0</v>
      </c>
      <c r="BA511">
        <v>0</v>
      </c>
    </row>
    <row r="512" spans="1:53" x14ac:dyDescent="0.4">
      <c r="A512">
        <v>556</v>
      </c>
      <c r="B512" s="1">
        <v>42979</v>
      </c>
      <c r="C512">
        <v>2</v>
      </c>
      <c r="D512" s="1">
        <v>42979.45208333333</v>
      </c>
      <c r="E512" s="1">
        <v>42979.780555555553</v>
      </c>
      <c r="F512">
        <v>33000</v>
      </c>
      <c r="G512">
        <v>394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2955</v>
      </c>
      <c r="N512">
        <v>0</v>
      </c>
      <c r="O512">
        <v>0</v>
      </c>
      <c r="P512">
        <v>7020</v>
      </c>
      <c r="Q512">
        <v>0</v>
      </c>
      <c r="R512">
        <v>46915</v>
      </c>
      <c r="S512">
        <v>0</v>
      </c>
      <c r="T512">
        <v>0</v>
      </c>
      <c r="U512">
        <v>0</v>
      </c>
      <c r="V512">
        <v>1</v>
      </c>
      <c r="W512">
        <v>2</v>
      </c>
      <c r="X512">
        <v>0</v>
      </c>
      <c r="Y512">
        <v>37</v>
      </c>
      <c r="Z512">
        <v>40</v>
      </c>
      <c r="AA512">
        <v>134</v>
      </c>
      <c r="AB512">
        <v>67</v>
      </c>
      <c r="AC512">
        <v>239</v>
      </c>
      <c r="AD512">
        <v>39</v>
      </c>
      <c r="AE512">
        <v>41</v>
      </c>
      <c r="AF512">
        <v>540</v>
      </c>
      <c r="AG512">
        <v>96916</v>
      </c>
      <c r="AH512">
        <v>50000</v>
      </c>
      <c r="AI512">
        <v>1</v>
      </c>
      <c r="AJ512">
        <v>85</v>
      </c>
      <c r="AK512" t="s">
        <v>27</v>
      </c>
      <c r="AL512">
        <v>0</v>
      </c>
      <c r="AM512">
        <v>0</v>
      </c>
      <c r="AN512">
        <v>0</v>
      </c>
      <c r="AO512">
        <v>0</v>
      </c>
      <c r="AP512">
        <v>0</v>
      </c>
      <c r="AQ512">
        <v>0</v>
      </c>
      <c r="AR512">
        <v>0</v>
      </c>
      <c r="AS512">
        <v>0</v>
      </c>
      <c r="AT512">
        <v>0</v>
      </c>
      <c r="AU512">
        <v>0</v>
      </c>
      <c r="AV512">
        <v>0</v>
      </c>
      <c r="AW512">
        <v>0</v>
      </c>
      <c r="AX512">
        <v>1026</v>
      </c>
      <c r="AY512">
        <v>41</v>
      </c>
      <c r="AZ512">
        <v>76</v>
      </c>
      <c r="BA512">
        <v>6901</v>
      </c>
    </row>
    <row r="513" spans="1:53" x14ac:dyDescent="0.4">
      <c r="A513">
        <v>557</v>
      </c>
      <c r="B513" s="1">
        <v>42979</v>
      </c>
      <c r="C513">
        <v>3</v>
      </c>
      <c r="D513" s="1">
        <v>42979.780555555553</v>
      </c>
      <c r="E513" s="1">
        <v>42980.078472222223</v>
      </c>
      <c r="F513">
        <v>295050</v>
      </c>
      <c r="G513">
        <v>10350</v>
      </c>
      <c r="H513">
        <v>0</v>
      </c>
      <c r="I513">
        <v>0</v>
      </c>
      <c r="J513">
        <v>800</v>
      </c>
      <c r="K513">
        <v>3000</v>
      </c>
      <c r="L513">
        <v>0</v>
      </c>
      <c r="M513">
        <v>24608</v>
      </c>
      <c r="N513">
        <v>0</v>
      </c>
      <c r="O513">
        <v>0</v>
      </c>
      <c r="P513">
        <v>133110</v>
      </c>
      <c r="Q513">
        <v>0</v>
      </c>
      <c r="R513">
        <v>465318</v>
      </c>
      <c r="S513">
        <v>0</v>
      </c>
      <c r="T513">
        <v>0</v>
      </c>
      <c r="U513">
        <v>0</v>
      </c>
      <c r="V513">
        <v>26</v>
      </c>
      <c r="W513">
        <v>10</v>
      </c>
      <c r="X513">
        <v>0</v>
      </c>
      <c r="Y513">
        <v>95</v>
      </c>
      <c r="Z513">
        <v>35</v>
      </c>
      <c r="AA513">
        <v>140</v>
      </c>
      <c r="AB513">
        <v>65</v>
      </c>
      <c r="AC513">
        <v>247</v>
      </c>
      <c r="AD513">
        <v>32</v>
      </c>
      <c r="AE513">
        <v>27</v>
      </c>
      <c r="AF513">
        <v>119826</v>
      </c>
      <c r="AG513">
        <v>562233</v>
      </c>
      <c r="AH513">
        <v>50000</v>
      </c>
      <c r="AI513">
        <v>0</v>
      </c>
      <c r="AJ513">
        <v>16</v>
      </c>
      <c r="AK513" t="s">
        <v>11</v>
      </c>
      <c r="AL513">
        <v>0</v>
      </c>
      <c r="AM513">
        <v>0</v>
      </c>
      <c r="AN513">
        <v>0</v>
      </c>
      <c r="AO513">
        <v>0</v>
      </c>
      <c r="AP513">
        <v>0</v>
      </c>
      <c r="AQ513">
        <v>0</v>
      </c>
      <c r="AR513">
        <v>0</v>
      </c>
      <c r="AS513">
        <v>0</v>
      </c>
      <c r="AT513">
        <v>0</v>
      </c>
      <c r="AU513">
        <v>0</v>
      </c>
      <c r="AV513">
        <v>0</v>
      </c>
      <c r="AW513">
        <v>0</v>
      </c>
      <c r="AX513">
        <v>7214</v>
      </c>
      <c r="AY513">
        <v>42</v>
      </c>
      <c r="AZ513">
        <v>231</v>
      </c>
      <c r="BA513">
        <v>4824</v>
      </c>
    </row>
    <row r="514" spans="1:53" x14ac:dyDescent="0.4">
      <c r="A514">
        <v>558</v>
      </c>
      <c r="B514" s="1">
        <v>42980</v>
      </c>
      <c r="C514">
        <v>1</v>
      </c>
      <c r="D514" s="1">
        <v>42980.291666666664</v>
      </c>
      <c r="E514" s="1">
        <v>42980.408333333333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0</v>
      </c>
      <c r="O514">
        <v>0</v>
      </c>
      <c r="P514">
        <v>0</v>
      </c>
      <c r="Q514">
        <v>0</v>
      </c>
      <c r="R514">
        <v>0</v>
      </c>
      <c r="S514">
        <v>0</v>
      </c>
      <c r="T514">
        <v>0</v>
      </c>
      <c r="U514">
        <v>0</v>
      </c>
      <c r="V514">
        <v>0</v>
      </c>
      <c r="W514">
        <v>1</v>
      </c>
      <c r="X514">
        <v>0</v>
      </c>
      <c r="Y514">
        <v>25</v>
      </c>
      <c r="Z514">
        <v>15</v>
      </c>
      <c r="AA514">
        <v>81</v>
      </c>
      <c r="AB514">
        <v>66</v>
      </c>
      <c r="AC514">
        <v>92</v>
      </c>
      <c r="AD514">
        <v>30</v>
      </c>
      <c r="AE514">
        <v>30</v>
      </c>
      <c r="AF514">
        <v>0</v>
      </c>
      <c r="AG514">
        <v>50000</v>
      </c>
      <c r="AH514">
        <v>0</v>
      </c>
      <c r="AI514">
        <v>50000</v>
      </c>
      <c r="AJ514">
        <v>0</v>
      </c>
      <c r="AK514" t="s">
        <v>6</v>
      </c>
      <c r="AL514">
        <v>0</v>
      </c>
      <c r="AM514">
        <v>0</v>
      </c>
      <c r="AN514">
        <v>0</v>
      </c>
      <c r="AO514">
        <v>0</v>
      </c>
      <c r="AP514">
        <v>0</v>
      </c>
      <c r="AQ514">
        <v>0</v>
      </c>
      <c r="AR514">
        <v>0</v>
      </c>
      <c r="AS514">
        <v>0</v>
      </c>
      <c r="AT514">
        <v>0</v>
      </c>
      <c r="AU514">
        <v>0</v>
      </c>
      <c r="AV514">
        <v>0</v>
      </c>
      <c r="AW514">
        <v>0</v>
      </c>
      <c r="AX514">
        <v>0</v>
      </c>
      <c r="AY514">
        <v>0</v>
      </c>
      <c r="AZ514">
        <v>0</v>
      </c>
      <c r="BA514">
        <v>0</v>
      </c>
    </row>
    <row r="515" spans="1:53" x14ac:dyDescent="0.4">
      <c r="A515">
        <v>559</v>
      </c>
      <c r="B515" s="1">
        <v>42980</v>
      </c>
      <c r="C515">
        <v>2</v>
      </c>
      <c r="D515" s="1">
        <v>42980.408333333333</v>
      </c>
      <c r="E515" s="1">
        <v>42980.731249999997</v>
      </c>
      <c r="F515">
        <v>30000</v>
      </c>
      <c r="G515">
        <v>350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2680</v>
      </c>
      <c r="N515">
        <v>0</v>
      </c>
      <c r="O515">
        <v>0</v>
      </c>
      <c r="P515">
        <v>17280</v>
      </c>
      <c r="Q515">
        <v>0</v>
      </c>
      <c r="R515">
        <v>53460</v>
      </c>
      <c r="S515">
        <v>0</v>
      </c>
      <c r="T515">
        <v>0</v>
      </c>
      <c r="U515">
        <v>0</v>
      </c>
      <c r="V515">
        <v>1</v>
      </c>
      <c r="W515">
        <v>1</v>
      </c>
      <c r="X515">
        <v>0</v>
      </c>
      <c r="Y515">
        <v>57</v>
      </c>
      <c r="Z515">
        <v>22</v>
      </c>
      <c r="AA515">
        <v>119</v>
      </c>
      <c r="AB515">
        <v>59</v>
      </c>
      <c r="AC515">
        <v>146</v>
      </c>
      <c r="AD515">
        <v>34</v>
      </c>
      <c r="AE515">
        <v>18</v>
      </c>
      <c r="AF515">
        <v>4062</v>
      </c>
      <c r="AG515">
        <v>103560</v>
      </c>
      <c r="AH515">
        <v>50000</v>
      </c>
      <c r="AI515">
        <v>100</v>
      </c>
      <c r="AJ515">
        <v>91</v>
      </c>
      <c r="AK515" t="s">
        <v>14</v>
      </c>
      <c r="AL515">
        <v>0</v>
      </c>
      <c r="AM515">
        <v>0</v>
      </c>
      <c r="AN515">
        <v>0</v>
      </c>
      <c r="AO515">
        <v>0</v>
      </c>
      <c r="AP515">
        <v>0</v>
      </c>
      <c r="AQ515">
        <v>0</v>
      </c>
      <c r="AR515">
        <v>0</v>
      </c>
      <c r="AS515">
        <v>0</v>
      </c>
      <c r="AT515">
        <v>0</v>
      </c>
      <c r="AU515">
        <v>0</v>
      </c>
      <c r="AV515">
        <v>0</v>
      </c>
      <c r="AW515">
        <v>0</v>
      </c>
      <c r="AX515">
        <v>-1016</v>
      </c>
      <c r="AY515">
        <v>47</v>
      </c>
      <c r="AZ515">
        <v>92</v>
      </c>
      <c r="BA515">
        <v>6801</v>
      </c>
    </row>
    <row r="516" spans="1:53" x14ac:dyDescent="0.4">
      <c r="A516">
        <v>560</v>
      </c>
      <c r="B516" s="1">
        <v>42980</v>
      </c>
      <c r="C516">
        <v>3</v>
      </c>
      <c r="D516" s="1">
        <v>42980.731249999997</v>
      </c>
      <c r="E516" s="1">
        <v>42981.180555555555</v>
      </c>
      <c r="F516">
        <v>386530</v>
      </c>
      <c r="G516">
        <v>18890</v>
      </c>
      <c r="H516">
        <v>0</v>
      </c>
      <c r="I516">
        <v>0</v>
      </c>
      <c r="J516">
        <v>1960</v>
      </c>
      <c r="K516">
        <v>7000</v>
      </c>
      <c r="L516">
        <v>0</v>
      </c>
      <c r="M516">
        <v>32833</v>
      </c>
      <c r="N516">
        <v>0</v>
      </c>
      <c r="O516">
        <v>0</v>
      </c>
      <c r="P516">
        <v>66420</v>
      </c>
      <c r="Q516">
        <v>0</v>
      </c>
      <c r="R516">
        <v>509713</v>
      </c>
      <c r="S516">
        <v>0</v>
      </c>
      <c r="T516">
        <v>0</v>
      </c>
      <c r="U516">
        <v>0</v>
      </c>
      <c r="V516">
        <v>41</v>
      </c>
      <c r="W516">
        <v>4</v>
      </c>
      <c r="X516">
        <v>0</v>
      </c>
      <c r="Y516">
        <v>88</v>
      </c>
      <c r="Z516">
        <v>20</v>
      </c>
      <c r="AA516">
        <v>106</v>
      </c>
      <c r="AB516">
        <v>56</v>
      </c>
      <c r="AC516">
        <v>156</v>
      </c>
      <c r="AD516">
        <v>28</v>
      </c>
      <c r="AE516">
        <v>26</v>
      </c>
      <c r="AF516">
        <v>70047</v>
      </c>
      <c r="AG516">
        <v>613173</v>
      </c>
      <c r="AH516">
        <v>50000</v>
      </c>
      <c r="AI516">
        <v>0</v>
      </c>
      <c r="AJ516">
        <v>16</v>
      </c>
      <c r="AK516" t="s">
        <v>11</v>
      </c>
      <c r="AL516">
        <v>0</v>
      </c>
      <c r="AM516">
        <v>0</v>
      </c>
      <c r="AN516">
        <v>0</v>
      </c>
      <c r="AO516">
        <v>0</v>
      </c>
      <c r="AP516">
        <v>0</v>
      </c>
      <c r="AQ516">
        <v>0</v>
      </c>
      <c r="AR516">
        <v>0</v>
      </c>
      <c r="AS516">
        <v>0</v>
      </c>
      <c r="AT516">
        <v>0</v>
      </c>
      <c r="AU516">
        <v>0</v>
      </c>
      <c r="AV516">
        <v>0</v>
      </c>
      <c r="AW516">
        <v>0</v>
      </c>
      <c r="AX516">
        <v>4493</v>
      </c>
      <c r="AY516">
        <v>48</v>
      </c>
      <c r="AZ516">
        <v>225</v>
      </c>
      <c r="BA516">
        <v>8588</v>
      </c>
    </row>
    <row r="517" spans="1:53" x14ac:dyDescent="0.4">
      <c r="A517">
        <v>561</v>
      </c>
      <c r="B517" s="1">
        <v>42981</v>
      </c>
      <c r="C517">
        <v>1</v>
      </c>
      <c r="D517" s="1">
        <v>42981.291666666664</v>
      </c>
      <c r="E517" s="1">
        <v>42981.742361111108</v>
      </c>
      <c r="F517">
        <v>38500</v>
      </c>
      <c r="G517">
        <v>677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3620</v>
      </c>
      <c r="N517">
        <v>0</v>
      </c>
      <c r="O517">
        <v>0</v>
      </c>
      <c r="P517">
        <v>10800</v>
      </c>
      <c r="Q517">
        <v>0</v>
      </c>
      <c r="R517">
        <v>59690</v>
      </c>
      <c r="S517">
        <v>0</v>
      </c>
      <c r="T517">
        <v>0</v>
      </c>
      <c r="U517">
        <v>0</v>
      </c>
      <c r="V517">
        <v>1</v>
      </c>
      <c r="W517">
        <v>3</v>
      </c>
      <c r="X517">
        <v>0</v>
      </c>
      <c r="Y517">
        <v>54</v>
      </c>
      <c r="Z517">
        <v>26</v>
      </c>
      <c r="AA517">
        <v>90</v>
      </c>
      <c r="AB517">
        <v>64</v>
      </c>
      <c r="AC517">
        <v>132</v>
      </c>
      <c r="AD517">
        <v>28</v>
      </c>
      <c r="AE517">
        <v>29</v>
      </c>
      <c r="AF517">
        <v>4001</v>
      </c>
      <c r="AG517">
        <v>109690</v>
      </c>
      <c r="AH517">
        <v>50000</v>
      </c>
      <c r="AI517">
        <v>0</v>
      </c>
      <c r="AJ517">
        <v>92</v>
      </c>
      <c r="AK517" t="s">
        <v>22</v>
      </c>
      <c r="AL517">
        <v>0</v>
      </c>
      <c r="AM517">
        <v>0</v>
      </c>
      <c r="AN517">
        <v>0</v>
      </c>
      <c r="AO517">
        <v>0</v>
      </c>
      <c r="AP517">
        <v>0</v>
      </c>
      <c r="AQ517">
        <v>0</v>
      </c>
      <c r="AR517">
        <v>0</v>
      </c>
      <c r="AS517">
        <v>0</v>
      </c>
      <c r="AT517">
        <v>0</v>
      </c>
      <c r="AU517">
        <v>0</v>
      </c>
      <c r="AV517">
        <v>0</v>
      </c>
      <c r="AW517">
        <v>0</v>
      </c>
      <c r="AX517">
        <v>-540</v>
      </c>
      <c r="AY517">
        <v>47</v>
      </c>
      <c r="AZ517">
        <v>93</v>
      </c>
      <c r="BA517">
        <v>7409</v>
      </c>
    </row>
    <row r="518" spans="1:53" x14ac:dyDescent="0.4">
      <c r="A518">
        <v>562</v>
      </c>
      <c r="B518" s="1">
        <v>42981</v>
      </c>
      <c r="C518">
        <v>2</v>
      </c>
      <c r="D518" s="1">
        <v>42981.742361111108</v>
      </c>
      <c r="E518" s="1">
        <v>42981.955555555556</v>
      </c>
      <c r="F518">
        <v>33560</v>
      </c>
      <c r="G518">
        <v>1450</v>
      </c>
      <c r="H518">
        <v>0</v>
      </c>
      <c r="I518">
        <v>0</v>
      </c>
      <c r="J518">
        <v>760</v>
      </c>
      <c r="K518">
        <v>0</v>
      </c>
      <c r="L518">
        <v>0</v>
      </c>
      <c r="M518">
        <v>2740</v>
      </c>
      <c r="N518">
        <v>0</v>
      </c>
      <c r="O518">
        <v>0</v>
      </c>
      <c r="P518">
        <v>-10800</v>
      </c>
      <c r="Q518">
        <v>0</v>
      </c>
      <c r="R518">
        <v>26190</v>
      </c>
      <c r="S518">
        <v>0</v>
      </c>
      <c r="T518">
        <v>0</v>
      </c>
      <c r="U518">
        <v>0</v>
      </c>
      <c r="V518">
        <v>2</v>
      </c>
      <c r="W518">
        <v>2</v>
      </c>
      <c r="X518">
        <v>0</v>
      </c>
      <c r="Y518">
        <v>71</v>
      </c>
      <c r="Z518">
        <v>26</v>
      </c>
      <c r="AA518">
        <v>86</v>
      </c>
      <c r="AB518">
        <v>59</v>
      </c>
      <c r="AC518">
        <v>131</v>
      </c>
      <c r="AD518">
        <v>27</v>
      </c>
      <c r="AE518">
        <v>24</v>
      </c>
      <c r="AF518">
        <v>8861</v>
      </c>
      <c r="AG518">
        <v>135880</v>
      </c>
      <c r="AH518">
        <v>50000</v>
      </c>
      <c r="AI518">
        <v>0</v>
      </c>
      <c r="AJ518">
        <v>99</v>
      </c>
      <c r="AK518" t="s">
        <v>9</v>
      </c>
      <c r="AL518">
        <v>0</v>
      </c>
      <c r="AM518">
        <v>0</v>
      </c>
      <c r="AN518">
        <v>0</v>
      </c>
      <c r="AO518">
        <v>0</v>
      </c>
      <c r="AP518">
        <v>0</v>
      </c>
      <c r="AQ518">
        <v>0</v>
      </c>
      <c r="AR518">
        <v>0</v>
      </c>
      <c r="AS518">
        <v>0</v>
      </c>
      <c r="AT518">
        <v>0</v>
      </c>
      <c r="AU518">
        <v>0</v>
      </c>
      <c r="AV518">
        <v>0</v>
      </c>
      <c r="AW518">
        <v>0</v>
      </c>
      <c r="AX518">
        <v>32972</v>
      </c>
      <c r="AY518">
        <v>17</v>
      </c>
      <c r="AZ518">
        <v>45</v>
      </c>
      <c r="BA518">
        <v>2841</v>
      </c>
    </row>
    <row r="519" spans="1:53" x14ac:dyDescent="0.4">
      <c r="A519">
        <v>563</v>
      </c>
      <c r="B519" s="1">
        <v>42981</v>
      </c>
      <c r="C519">
        <v>3</v>
      </c>
      <c r="D519" s="1">
        <v>42981.955555555556</v>
      </c>
      <c r="E519" s="1">
        <v>42982.076388888891</v>
      </c>
      <c r="F519">
        <v>36280</v>
      </c>
      <c r="G519">
        <v>8590</v>
      </c>
      <c r="H519">
        <v>0</v>
      </c>
      <c r="I519">
        <v>0</v>
      </c>
      <c r="J519">
        <v>0</v>
      </c>
      <c r="K519">
        <v>0</v>
      </c>
      <c r="L519">
        <v>0</v>
      </c>
      <c r="M519">
        <v>3589</v>
      </c>
      <c r="N519">
        <v>0</v>
      </c>
      <c r="O519">
        <v>0</v>
      </c>
      <c r="P519">
        <v>39852</v>
      </c>
      <c r="Q519">
        <v>0</v>
      </c>
      <c r="R519">
        <v>88311</v>
      </c>
      <c r="S519">
        <v>0</v>
      </c>
      <c r="T519">
        <v>0</v>
      </c>
      <c r="U519">
        <v>0</v>
      </c>
      <c r="V519">
        <v>10</v>
      </c>
      <c r="W519">
        <v>1</v>
      </c>
      <c r="X519">
        <v>0</v>
      </c>
      <c r="Y519">
        <v>89</v>
      </c>
      <c r="Z519">
        <v>20</v>
      </c>
      <c r="AA519">
        <v>60</v>
      </c>
      <c r="AB519">
        <v>52</v>
      </c>
      <c r="AC519">
        <v>119</v>
      </c>
      <c r="AD519">
        <v>27</v>
      </c>
      <c r="AE519">
        <v>5</v>
      </c>
      <c r="AF519">
        <v>10261</v>
      </c>
      <c r="AG519">
        <v>224191</v>
      </c>
      <c r="AH519">
        <v>50000</v>
      </c>
      <c r="AI519">
        <v>0</v>
      </c>
      <c r="AJ519">
        <v>1</v>
      </c>
      <c r="AK519" t="s">
        <v>3</v>
      </c>
      <c r="AL519">
        <v>0</v>
      </c>
      <c r="AM519">
        <v>0</v>
      </c>
      <c r="AN519">
        <v>0</v>
      </c>
      <c r="AO519">
        <v>0</v>
      </c>
      <c r="AP519">
        <v>0</v>
      </c>
      <c r="AQ519">
        <v>0</v>
      </c>
      <c r="AR519">
        <v>0</v>
      </c>
      <c r="AS519">
        <v>0</v>
      </c>
      <c r="AT519">
        <v>0</v>
      </c>
      <c r="AU519">
        <v>0</v>
      </c>
      <c r="AV519">
        <v>0</v>
      </c>
      <c r="AW519">
        <v>0</v>
      </c>
      <c r="AX519">
        <v>0</v>
      </c>
      <c r="AY519">
        <v>10</v>
      </c>
      <c r="AZ519">
        <v>29</v>
      </c>
      <c r="BA519">
        <v>1102</v>
      </c>
    </row>
    <row r="520" spans="1:53" x14ac:dyDescent="0.4">
      <c r="A520">
        <v>564</v>
      </c>
      <c r="B520" s="1">
        <v>42982</v>
      </c>
      <c r="C520">
        <v>1</v>
      </c>
      <c r="D520" s="1">
        <v>42982.291666666664</v>
      </c>
      <c r="E520" s="1">
        <v>42982.447916666664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0</v>
      </c>
      <c r="O520">
        <v>0</v>
      </c>
      <c r="P520">
        <v>0</v>
      </c>
      <c r="Q520">
        <v>0</v>
      </c>
      <c r="R520">
        <v>0</v>
      </c>
      <c r="S520">
        <v>0</v>
      </c>
      <c r="T520">
        <v>0</v>
      </c>
      <c r="U520">
        <v>0</v>
      </c>
      <c r="V520">
        <v>0</v>
      </c>
      <c r="W520">
        <v>1</v>
      </c>
      <c r="X520">
        <v>0</v>
      </c>
      <c r="Y520">
        <v>26</v>
      </c>
      <c r="Z520">
        <v>19</v>
      </c>
      <c r="AA520">
        <v>58</v>
      </c>
      <c r="AB520">
        <v>50</v>
      </c>
      <c r="AC520">
        <v>106</v>
      </c>
      <c r="AD520">
        <v>27</v>
      </c>
      <c r="AE520">
        <v>5</v>
      </c>
      <c r="AF520">
        <v>0</v>
      </c>
      <c r="AG520">
        <v>50000</v>
      </c>
      <c r="AH520">
        <v>0</v>
      </c>
      <c r="AI520">
        <v>50000</v>
      </c>
      <c r="AJ520">
        <v>0</v>
      </c>
      <c r="AK520" t="s">
        <v>6</v>
      </c>
      <c r="AL520">
        <v>0</v>
      </c>
      <c r="AM520">
        <v>0</v>
      </c>
      <c r="AN520">
        <v>0</v>
      </c>
      <c r="AO520">
        <v>0</v>
      </c>
      <c r="AP520">
        <v>0</v>
      </c>
      <c r="AQ520">
        <v>0</v>
      </c>
      <c r="AR520">
        <v>0</v>
      </c>
      <c r="AS520">
        <v>0</v>
      </c>
      <c r="AT520">
        <v>0</v>
      </c>
      <c r="AU520">
        <v>0</v>
      </c>
      <c r="AV520">
        <v>0</v>
      </c>
      <c r="AW520">
        <v>0</v>
      </c>
      <c r="AX520">
        <v>0</v>
      </c>
      <c r="AY520">
        <v>0</v>
      </c>
      <c r="AZ520">
        <v>0</v>
      </c>
      <c r="BA520">
        <v>0</v>
      </c>
    </row>
    <row r="521" spans="1:53" x14ac:dyDescent="0.4">
      <c r="A521">
        <v>565</v>
      </c>
      <c r="B521" s="1">
        <v>42982</v>
      </c>
      <c r="C521">
        <v>2</v>
      </c>
      <c r="D521" s="1">
        <v>42982.447916666664</v>
      </c>
      <c r="E521" s="1">
        <v>42982.753472222219</v>
      </c>
      <c r="F521">
        <v>22500</v>
      </c>
      <c r="G521">
        <v>3870</v>
      </c>
      <c r="H521">
        <v>0</v>
      </c>
      <c r="I521">
        <v>0</v>
      </c>
      <c r="J521">
        <v>0</v>
      </c>
      <c r="K521">
        <v>0</v>
      </c>
      <c r="L521">
        <v>0</v>
      </c>
      <c r="M521">
        <v>2109</v>
      </c>
      <c r="N521">
        <v>0</v>
      </c>
      <c r="O521">
        <v>0</v>
      </c>
      <c r="P521">
        <v>11340</v>
      </c>
      <c r="Q521">
        <v>0</v>
      </c>
      <c r="R521">
        <v>39819</v>
      </c>
      <c r="S521">
        <v>0</v>
      </c>
      <c r="T521">
        <v>0</v>
      </c>
      <c r="U521">
        <v>0</v>
      </c>
      <c r="V521">
        <v>3</v>
      </c>
      <c r="W521">
        <v>1</v>
      </c>
      <c r="X521">
        <v>0</v>
      </c>
      <c r="Y521">
        <v>23</v>
      </c>
      <c r="Z521">
        <v>32</v>
      </c>
      <c r="AA521">
        <v>65</v>
      </c>
      <c r="AB521">
        <v>50</v>
      </c>
      <c r="AC521">
        <v>182</v>
      </c>
      <c r="AD521">
        <v>31</v>
      </c>
      <c r="AE521">
        <v>12</v>
      </c>
      <c r="AF521">
        <v>4842</v>
      </c>
      <c r="AG521">
        <v>89829</v>
      </c>
      <c r="AH521">
        <v>50000</v>
      </c>
      <c r="AI521">
        <v>10</v>
      </c>
      <c r="AJ521">
        <v>84</v>
      </c>
      <c r="AK521" t="s">
        <v>16</v>
      </c>
      <c r="AL521">
        <v>0</v>
      </c>
      <c r="AM521">
        <v>0</v>
      </c>
      <c r="AN521">
        <v>0</v>
      </c>
      <c r="AO521">
        <v>0</v>
      </c>
      <c r="AP521">
        <v>0</v>
      </c>
      <c r="AQ521">
        <v>0</v>
      </c>
      <c r="AR521">
        <v>0</v>
      </c>
      <c r="AS521">
        <v>0</v>
      </c>
      <c r="AT521">
        <v>0</v>
      </c>
      <c r="AU521">
        <v>0</v>
      </c>
      <c r="AV521">
        <v>0</v>
      </c>
      <c r="AW521">
        <v>0</v>
      </c>
      <c r="AX521">
        <v>0</v>
      </c>
      <c r="AY521">
        <v>37</v>
      </c>
      <c r="AZ521">
        <v>66</v>
      </c>
      <c r="BA521">
        <v>5331</v>
      </c>
    </row>
    <row r="522" spans="1:53" x14ac:dyDescent="0.4">
      <c r="A522">
        <v>566</v>
      </c>
      <c r="B522" s="1">
        <v>42982</v>
      </c>
      <c r="C522">
        <v>3</v>
      </c>
      <c r="D522" s="1">
        <v>42982.753472222219</v>
      </c>
      <c r="E522" s="1">
        <v>42982.960416666669</v>
      </c>
      <c r="F522">
        <v>20720</v>
      </c>
      <c r="G522">
        <v>106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1742</v>
      </c>
      <c r="N522">
        <v>0</v>
      </c>
      <c r="O522">
        <v>0</v>
      </c>
      <c r="P522">
        <v>-6588</v>
      </c>
      <c r="Q522">
        <v>0</v>
      </c>
      <c r="R522">
        <v>16934</v>
      </c>
      <c r="S522">
        <v>0</v>
      </c>
      <c r="T522">
        <v>0</v>
      </c>
      <c r="U522">
        <v>0</v>
      </c>
      <c r="V522">
        <v>6</v>
      </c>
      <c r="W522">
        <v>0</v>
      </c>
      <c r="X522">
        <v>0</v>
      </c>
      <c r="Y522">
        <v>14</v>
      </c>
      <c r="Z522">
        <v>32</v>
      </c>
      <c r="AA522">
        <v>56</v>
      </c>
      <c r="AB522">
        <v>51</v>
      </c>
      <c r="AC522">
        <v>190</v>
      </c>
      <c r="AD522">
        <v>31</v>
      </c>
      <c r="AE522">
        <v>6</v>
      </c>
      <c r="AF522">
        <v>6542</v>
      </c>
      <c r="AG522">
        <v>106753</v>
      </c>
      <c r="AH522">
        <v>50000</v>
      </c>
      <c r="AI522">
        <v>0</v>
      </c>
      <c r="AJ522">
        <v>1</v>
      </c>
      <c r="AK522" t="s">
        <v>3</v>
      </c>
      <c r="AL522">
        <v>0</v>
      </c>
      <c r="AM522">
        <v>0</v>
      </c>
      <c r="AN522">
        <v>0</v>
      </c>
      <c r="AO522">
        <v>0</v>
      </c>
      <c r="AP522">
        <v>0</v>
      </c>
      <c r="AQ522">
        <v>0</v>
      </c>
      <c r="AR522">
        <v>0</v>
      </c>
      <c r="AS522">
        <v>0</v>
      </c>
      <c r="AT522">
        <v>0</v>
      </c>
      <c r="AU522">
        <v>0</v>
      </c>
      <c r="AV522">
        <v>0</v>
      </c>
      <c r="AW522">
        <v>0</v>
      </c>
      <c r="AX522">
        <v>6480</v>
      </c>
      <c r="AY522">
        <v>8</v>
      </c>
      <c r="AZ522">
        <v>19</v>
      </c>
      <c r="BA522">
        <v>1532</v>
      </c>
    </row>
    <row r="523" spans="1:53" x14ac:dyDescent="0.4">
      <c r="A523">
        <v>567</v>
      </c>
      <c r="B523" s="1">
        <v>42982</v>
      </c>
      <c r="C523">
        <v>4</v>
      </c>
      <c r="D523" s="1">
        <v>42982.960416666669</v>
      </c>
      <c r="E523" s="1">
        <v>42983.083333333336</v>
      </c>
      <c r="F523">
        <v>1340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1072</v>
      </c>
      <c r="N523">
        <v>0</v>
      </c>
      <c r="O523">
        <v>0</v>
      </c>
      <c r="P523">
        <v>13392</v>
      </c>
      <c r="Q523">
        <v>0</v>
      </c>
      <c r="R523">
        <v>27864</v>
      </c>
      <c r="S523">
        <v>0</v>
      </c>
      <c r="T523">
        <v>0</v>
      </c>
      <c r="U523">
        <v>0</v>
      </c>
      <c r="V523">
        <v>6</v>
      </c>
      <c r="W523">
        <v>3</v>
      </c>
      <c r="X523">
        <v>0</v>
      </c>
      <c r="Y523">
        <v>25</v>
      </c>
      <c r="Z523">
        <v>33</v>
      </c>
      <c r="AA523">
        <v>57</v>
      </c>
      <c r="AB523">
        <v>52</v>
      </c>
      <c r="AC523">
        <v>191</v>
      </c>
      <c r="AD523">
        <v>31</v>
      </c>
      <c r="AE523">
        <v>10</v>
      </c>
      <c r="AF523">
        <v>7742</v>
      </c>
      <c r="AG523">
        <v>134617</v>
      </c>
      <c r="AH523">
        <v>50000</v>
      </c>
      <c r="AI523">
        <v>0</v>
      </c>
      <c r="AJ523">
        <v>104</v>
      </c>
      <c r="AK523" t="s">
        <v>10</v>
      </c>
      <c r="AL523">
        <v>0</v>
      </c>
      <c r="AM523">
        <v>0</v>
      </c>
      <c r="AN523">
        <v>0</v>
      </c>
      <c r="AO523">
        <v>0</v>
      </c>
      <c r="AP523">
        <v>0</v>
      </c>
      <c r="AQ523">
        <v>0</v>
      </c>
      <c r="AR523">
        <v>0</v>
      </c>
      <c r="AS523">
        <v>0</v>
      </c>
      <c r="AT523">
        <v>0</v>
      </c>
      <c r="AU523">
        <v>0</v>
      </c>
      <c r="AV523">
        <v>0</v>
      </c>
      <c r="AW523">
        <v>0</v>
      </c>
      <c r="AX523">
        <v>1620</v>
      </c>
      <c r="AY523">
        <v>4</v>
      </c>
      <c r="AZ523">
        <v>13</v>
      </c>
      <c r="BA523">
        <v>512</v>
      </c>
    </row>
    <row r="524" spans="1:53" x14ac:dyDescent="0.4">
      <c r="A524">
        <v>568</v>
      </c>
      <c r="B524" s="1">
        <v>42983</v>
      </c>
      <c r="C524">
        <v>1</v>
      </c>
      <c r="D524" s="1">
        <v>42983.291666666664</v>
      </c>
      <c r="E524" s="1">
        <v>42983.448611111111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0</v>
      </c>
      <c r="O524">
        <v>0</v>
      </c>
      <c r="P524">
        <v>0</v>
      </c>
      <c r="Q524">
        <v>0</v>
      </c>
      <c r="R524">
        <v>0</v>
      </c>
      <c r="S524">
        <v>0</v>
      </c>
      <c r="T524">
        <v>0</v>
      </c>
      <c r="U524">
        <v>0</v>
      </c>
      <c r="V524">
        <v>0</v>
      </c>
      <c r="W524">
        <v>1</v>
      </c>
      <c r="X524">
        <v>0</v>
      </c>
      <c r="Y524">
        <v>28</v>
      </c>
      <c r="Z524">
        <v>14</v>
      </c>
      <c r="AA524">
        <v>58</v>
      </c>
      <c r="AB524">
        <v>52</v>
      </c>
      <c r="AC524">
        <v>145</v>
      </c>
      <c r="AD524">
        <v>29</v>
      </c>
      <c r="AE524">
        <v>5</v>
      </c>
      <c r="AF524">
        <v>0</v>
      </c>
      <c r="AG524">
        <v>50000</v>
      </c>
      <c r="AH524">
        <v>50000</v>
      </c>
      <c r="AI524">
        <v>0</v>
      </c>
      <c r="AJ524">
        <v>0</v>
      </c>
      <c r="AK524" t="s">
        <v>6</v>
      </c>
      <c r="AL524">
        <v>0</v>
      </c>
      <c r="AM524">
        <v>0</v>
      </c>
      <c r="AN524">
        <v>0</v>
      </c>
      <c r="AO524">
        <v>0</v>
      </c>
      <c r="AP524">
        <v>0</v>
      </c>
      <c r="AQ524">
        <v>0</v>
      </c>
      <c r="AR524">
        <v>0</v>
      </c>
      <c r="AS524">
        <v>0</v>
      </c>
      <c r="AT524">
        <v>0</v>
      </c>
      <c r="AU524">
        <v>0</v>
      </c>
      <c r="AV524">
        <v>0</v>
      </c>
      <c r="AW524">
        <v>0</v>
      </c>
      <c r="AX524">
        <v>0</v>
      </c>
      <c r="AY524">
        <v>0</v>
      </c>
      <c r="AZ524">
        <v>0</v>
      </c>
      <c r="BA524">
        <v>0</v>
      </c>
    </row>
    <row r="525" spans="1:53" x14ac:dyDescent="0.4">
      <c r="A525">
        <v>569</v>
      </c>
      <c r="B525" s="1">
        <v>42983</v>
      </c>
      <c r="C525">
        <v>2</v>
      </c>
      <c r="D525" s="1">
        <v>42983.448611111111</v>
      </c>
      <c r="E525" s="1">
        <v>42983.961805555555</v>
      </c>
      <c r="F525">
        <v>46350</v>
      </c>
      <c r="G525">
        <v>165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3840</v>
      </c>
      <c r="N525">
        <v>0</v>
      </c>
      <c r="O525">
        <v>0</v>
      </c>
      <c r="P525">
        <v>8424</v>
      </c>
      <c r="Q525">
        <v>0</v>
      </c>
      <c r="R525">
        <v>60264</v>
      </c>
      <c r="S525">
        <v>0</v>
      </c>
      <c r="T525">
        <v>0</v>
      </c>
      <c r="U525">
        <v>0</v>
      </c>
      <c r="V525">
        <v>1</v>
      </c>
      <c r="W525">
        <v>0</v>
      </c>
      <c r="X525">
        <v>0</v>
      </c>
      <c r="Y525">
        <v>51</v>
      </c>
      <c r="Z525">
        <v>25</v>
      </c>
      <c r="AA525">
        <v>53</v>
      </c>
      <c r="AB525">
        <v>53</v>
      </c>
      <c r="AC525">
        <v>161</v>
      </c>
      <c r="AD525">
        <v>27</v>
      </c>
      <c r="AE525">
        <v>6</v>
      </c>
      <c r="AF525">
        <v>27063</v>
      </c>
      <c r="AG525">
        <v>110264</v>
      </c>
      <c r="AH525">
        <v>50000</v>
      </c>
      <c r="AI525">
        <v>0</v>
      </c>
      <c r="AJ525">
        <v>16</v>
      </c>
      <c r="AK525" t="s">
        <v>11</v>
      </c>
      <c r="AL525">
        <v>0</v>
      </c>
      <c r="AM525">
        <v>0</v>
      </c>
      <c r="AN525">
        <v>0</v>
      </c>
      <c r="AO525">
        <v>0</v>
      </c>
      <c r="AP525">
        <v>0</v>
      </c>
      <c r="AQ525">
        <v>0</v>
      </c>
      <c r="AR525">
        <v>0</v>
      </c>
      <c r="AS525">
        <v>0</v>
      </c>
      <c r="AT525">
        <v>0</v>
      </c>
      <c r="AU525">
        <v>0</v>
      </c>
      <c r="AV525">
        <v>0</v>
      </c>
      <c r="AW525">
        <v>0</v>
      </c>
      <c r="AX525">
        <v>7214</v>
      </c>
      <c r="AY525">
        <v>33</v>
      </c>
      <c r="AZ525">
        <v>78</v>
      </c>
      <c r="BA525">
        <v>4663</v>
      </c>
    </row>
    <row r="526" spans="1:53" x14ac:dyDescent="0.4">
      <c r="A526">
        <v>570</v>
      </c>
      <c r="B526" s="1">
        <v>42983</v>
      </c>
      <c r="C526">
        <v>3</v>
      </c>
      <c r="D526" s="1">
        <v>42983.961805555555</v>
      </c>
      <c r="E526" s="1">
        <v>42984.09375</v>
      </c>
      <c r="F526">
        <v>8400</v>
      </c>
      <c r="G526">
        <v>2180</v>
      </c>
      <c r="H526">
        <v>0</v>
      </c>
      <c r="I526">
        <v>0</v>
      </c>
      <c r="J526">
        <v>0</v>
      </c>
      <c r="K526">
        <v>0</v>
      </c>
      <c r="L526">
        <v>0</v>
      </c>
      <c r="M526">
        <v>846</v>
      </c>
      <c r="N526">
        <v>0</v>
      </c>
      <c r="O526">
        <v>0</v>
      </c>
      <c r="P526">
        <v>5940</v>
      </c>
      <c r="Q526">
        <v>0</v>
      </c>
      <c r="R526">
        <v>17366</v>
      </c>
      <c r="S526">
        <v>0</v>
      </c>
      <c r="T526">
        <v>0</v>
      </c>
      <c r="U526">
        <v>0</v>
      </c>
      <c r="V526">
        <v>2</v>
      </c>
      <c r="W526">
        <v>0</v>
      </c>
      <c r="X526">
        <v>0</v>
      </c>
      <c r="Y526">
        <v>57</v>
      </c>
      <c r="Z526">
        <v>27</v>
      </c>
      <c r="AA526">
        <v>57</v>
      </c>
      <c r="AB526">
        <v>51</v>
      </c>
      <c r="AC526">
        <v>166</v>
      </c>
      <c r="AD526">
        <v>30</v>
      </c>
      <c r="AE526">
        <v>7</v>
      </c>
      <c r="AF526">
        <v>27063</v>
      </c>
      <c r="AG526">
        <v>127630</v>
      </c>
      <c r="AH526">
        <v>50000</v>
      </c>
      <c r="AI526">
        <v>0</v>
      </c>
      <c r="AJ526">
        <v>100</v>
      </c>
      <c r="AK526" t="s">
        <v>0</v>
      </c>
      <c r="AL526">
        <v>0</v>
      </c>
      <c r="AM526">
        <v>0</v>
      </c>
      <c r="AN526">
        <v>0</v>
      </c>
      <c r="AO526">
        <v>0</v>
      </c>
      <c r="AP526">
        <v>0</v>
      </c>
      <c r="AQ526">
        <v>0</v>
      </c>
      <c r="AR526">
        <v>0</v>
      </c>
      <c r="AS526">
        <v>0</v>
      </c>
      <c r="AT526">
        <v>0</v>
      </c>
      <c r="AU526">
        <v>0</v>
      </c>
      <c r="AV526">
        <v>0</v>
      </c>
      <c r="AW526">
        <v>0</v>
      </c>
      <c r="AX526">
        <v>12627</v>
      </c>
      <c r="AY526">
        <v>3</v>
      </c>
      <c r="AZ526">
        <v>9</v>
      </c>
      <c r="BA526">
        <v>371</v>
      </c>
    </row>
    <row r="527" spans="1:53" x14ac:dyDescent="0.4">
      <c r="A527">
        <v>571</v>
      </c>
      <c r="B527" s="1">
        <v>42984</v>
      </c>
      <c r="C527">
        <v>1</v>
      </c>
      <c r="D527" s="1">
        <v>42984.291666666664</v>
      </c>
      <c r="E527" s="1">
        <v>42984.445138888892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0</v>
      </c>
      <c r="O527">
        <v>0</v>
      </c>
      <c r="P527">
        <v>0</v>
      </c>
      <c r="Q527">
        <v>0</v>
      </c>
      <c r="R527">
        <v>0</v>
      </c>
      <c r="S527">
        <v>0</v>
      </c>
      <c r="T527">
        <v>0</v>
      </c>
      <c r="U527">
        <v>0</v>
      </c>
      <c r="V527">
        <v>0</v>
      </c>
      <c r="W527">
        <v>1</v>
      </c>
      <c r="X527">
        <v>0</v>
      </c>
      <c r="Y527">
        <v>25</v>
      </c>
      <c r="Z527">
        <v>23</v>
      </c>
      <c r="AA527">
        <v>51</v>
      </c>
      <c r="AB527">
        <v>45</v>
      </c>
      <c r="AC527">
        <v>101</v>
      </c>
      <c r="AD527">
        <v>28</v>
      </c>
      <c r="AE527">
        <v>0</v>
      </c>
      <c r="AF527">
        <v>0</v>
      </c>
      <c r="AG527">
        <v>50000</v>
      </c>
      <c r="AH527">
        <v>0</v>
      </c>
      <c r="AI527">
        <v>50000</v>
      </c>
      <c r="AJ527">
        <v>0</v>
      </c>
      <c r="AK527" t="s">
        <v>6</v>
      </c>
      <c r="AL527">
        <v>0</v>
      </c>
      <c r="AM527">
        <v>0</v>
      </c>
      <c r="AN527">
        <v>0</v>
      </c>
      <c r="AO527">
        <v>0</v>
      </c>
      <c r="AP527">
        <v>0</v>
      </c>
      <c r="AQ527">
        <v>0</v>
      </c>
      <c r="AR527">
        <v>0</v>
      </c>
      <c r="AS527">
        <v>0</v>
      </c>
      <c r="AT527">
        <v>0</v>
      </c>
      <c r="AU527">
        <v>0</v>
      </c>
      <c r="AV527">
        <v>0</v>
      </c>
      <c r="AW527">
        <v>0</v>
      </c>
      <c r="AX527">
        <v>0</v>
      </c>
      <c r="AY527">
        <v>0</v>
      </c>
      <c r="AZ527">
        <v>0</v>
      </c>
      <c r="BA527">
        <v>0</v>
      </c>
    </row>
    <row r="528" spans="1:53" x14ac:dyDescent="0.4">
      <c r="A528">
        <v>572</v>
      </c>
      <c r="B528" s="1">
        <v>42984</v>
      </c>
      <c r="C528">
        <v>2</v>
      </c>
      <c r="D528" s="1">
        <v>42984.445138888892</v>
      </c>
      <c r="E528" s="1">
        <v>42984.748611111114</v>
      </c>
      <c r="F528">
        <v>17750</v>
      </c>
      <c r="G528">
        <v>50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1460</v>
      </c>
      <c r="N528">
        <v>0</v>
      </c>
      <c r="O528">
        <v>0</v>
      </c>
      <c r="P528">
        <v>12960</v>
      </c>
      <c r="Q528">
        <v>0</v>
      </c>
      <c r="R528">
        <v>32670</v>
      </c>
      <c r="S528">
        <v>0</v>
      </c>
      <c r="T528">
        <v>0</v>
      </c>
      <c r="U528">
        <v>0</v>
      </c>
      <c r="V528">
        <v>2</v>
      </c>
      <c r="W528">
        <v>0</v>
      </c>
      <c r="X528">
        <v>0</v>
      </c>
      <c r="Y528">
        <v>34</v>
      </c>
      <c r="Z528">
        <v>36</v>
      </c>
      <c r="AA528">
        <v>56</v>
      </c>
      <c r="AB528">
        <v>40</v>
      </c>
      <c r="AC528">
        <v>156</v>
      </c>
      <c r="AD528">
        <v>28</v>
      </c>
      <c r="AE528">
        <v>7</v>
      </c>
      <c r="AF528">
        <v>1363</v>
      </c>
      <c r="AG528">
        <v>82670</v>
      </c>
      <c r="AH528">
        <v>50000</v>
      </c>
      <c r="AI528">
        <v>0</v>
      </c>
      <c r="AJ528">
        <v>96</v>
      </c>
      <c r="AK528" t="s">
        <v>4</v>
      </c>
      <c r="AL528">
        <v>0</v>
      </c>
      <c r="AM528">
        <v>0</v>
      </c>
      <c r="AN528">
        <v>0</v>
      </c>
      <c r="AO528">
        <v>0</v>
      </c>
      <c r="AP528">
        <v>0</v>
      </c>
      <c r="AQ528">
        <v>0</v>
      </c>
      <c r="AR528">
        <v>0</v>
      </c>
      <c r="AS528">
        <v>0</v>
      </c>
      <c r="AT528">
        <v>0</v>
      </c>
      <c r="AU528">
        <v>0</v>
      </c>
      <c r="AV528">
        <v>0</v>
      </c>
      <c r="AW528">
        <v>0</v>
      </c>
      <c r="AX528">
        <v>540</v>
      </c>
      <c r="AY528">
        <v>35</v>
      </c>
      <c r="AZ528">
        <v>57</v>
      </c>
      <c r="BA528">
        <v>5685</v>
      </c>
    </row>
    <row r="529" spans="1:53" x14ac:dyDescent="0.4">
      <c r="A529">
        <v>573</v>
      </c>
      <c r="B529" s="1">
        <v>42984</v>
      </c>
      <c r="C529">
        <v>3</v>
      </c>
      <c r="D529" s="1">
        <v>42984.748611111114</v>
      </c>
      <c r="E529" s="1">
        <v>42984.950694444444</v>
      </c>
      <c r="F529">
        <v>21280</v>
      </c>
      <c r="G529">
        <v>900</v>
      </c>
      <c r="H529">
        <v>0</v>
      </c>
      <c r="I529">
        <v>0</v>
      </c>
      <c r="J529">
        <v>0</v>
      </c>
      <c r="K529">
        <v>1000</v>
      </c>
      <c r="L529">
        <v>0</v>
      </c>
      <c r="M529">
        <v>1855</v>
      </c>
      <c r="N529">
        <v>0</v>
      </c>
      <c r="O529">
        <v>0</v>
      </c>
      <c r="P529">
        <v>-12960</v>
      </c>
      <c r="Q529">
        <v>0</v>
      </c>
      <c r="R529">
        <v>12075</v>
      </c>
      <c r="S529">
        <v>0</v>
      </c>
      <c r="T529">
        <v>0</v>
      </c>
      <c r="U529">
        <v>0</v>
      </c>
      <c r="V529">
        <v>2</v>
      </c>
      <c r="W529">
        <v>1</v>
      </c>
      <c r="X529">
        <v>0</v>
      </c>
      <c r="Y529">
        <v>39</v>
      </c>
      <c r="Z529">
        <v>36</v>
      </c>
      <c r="AA529">
        <v>56</v>
      </c>
      <c r="AB529">
        <v>42</v>
      </c>
      <c r="AC529">
        <v>163</v>
      </c>
      <c r="AD529">
        <v>28</v>
      </c>
      <c r="AE529">
        <v>11</v>
      </c>
      <c r="AF529">
        <v>3264</v>
      </c>
      <c r="AG529">
        <v>94745</v>
      </c>
      <c r="AH529">
        <v>50000</v>
      </c>
      <c r="AI529">
        <v>0</v>
      </c>
      <c r="AJ529">
        <v>1</v>
      </c>
      <c r="AK529" t="s">
        <v>3</v>
      </c>
      <c r="AL529">
        <v>0</v>
      </c>
      <c r="AM529">
        <v>0</v>
      </c>
      <c r="AN529">
        <v>0</v>
      </c>
      <c r="AO529">
        <v>0</v>
      </c>
      <c r="AP529">
        <v>0</v>
      </c>
      <c r="AQ529">
        <v>0</v>
      </c>
      <c r="AR529">
        <v>0</v>
      </c>
      <c r="AS529">
        <v>0</v>
      </c>
      <c r="AT529">
        <v>0</v>
      </c>
      <c r="AU529">
        <v>0</v>
      </c>
      <c r="AV529">
        <v>0</v>
      </c>
      <c r="AW529">
        <v>0</v>
      </c>
      <c r="AX529">
        <v>50846</v>
      </c>
      <c r="AY529">
        <v>12</v>
      </c>
      <c r="AZ529">
        <v>41</v>
      </c>
      <c r="BA529">
        <v>2031</v>
      </c>
    </row>
    <row r="530" spans="1:53" x14ac:dyDescent="0.4">
      <c r="A530">
        <v>574</v>
      </c>
      <c r="B530" s="1">
        <v>42984</v>
      </c>
      <c r="C530">
        <v>4</v>
      </c>
      <c r="D530" s="1">
        <v>42984.950694444444</v>
      </c>
      <c r="E530" s="1">
        <v>42984.958333333336</v>
      </c>
      <c r="F530">
        <v>3520</v>
      </c>
      <c r="G530">
        <v>380</v>
      </c>
      <c r="H530">
        <v>0</v>
      </c>
      <c r="I530">
        <v>0</v>
      </c>
      <c r="J530">
        <v>0</v>
      </c>
      <c r="K530">
        <v>0</v>
      </c>
      <c r="L530">
        <v>0</v>
      </c>
      <c r="M530">
        <v>312</v>
      </c>
      <c r="N530">
        <v>0</v>
      </c>
      <c r="O530">
        <v>0</v>
      </c>
      <c r="P530">
        <v>41818</v>
      </c>
      <c r="Q530">
        <v>0</v>
      </c>
      <c r="R530">
        <v>46030</v>
      </c>
      <c r="S530">
        <v>0</v>
      </c>
      <c r="T530">
        <v>0</v>
      </c>
      <c r="U530">
        <v>0</v>
      </c>
      <c r="V530">
        <v>2</v>
      </c>
      <c r="W530">
        <v>2</v>
      </c>
      <c r="X530">
        <v>0</v>
      </c>
      <c r="Y530">
        <v>39</v>
      </c>
      <c r="Z530">
        <v>35</v>
      </c>
      <c r="AA530">
        <v>54</v>
      </c>
      <c r="AB530">
        <v>41</v>
      </c>
      <c r="AC530">
        <v>160</v>
      </c>
      <c r="AD530">
        <v>27</v>
      </c>
      <c r="AE530">
        <v>8</v>
      </c>
      <c r="AF530">
        <v>45082</v>
      </c>
      <c r="AG530">
        <v>140775</v>
      </c>
      <c r="AH530">
        <v>50000</v>
      </c>
      <c r="AI530">
        <v>0</v>
      </c>
      <c r="AJ530">
        <v>89</v>
      </c>
      <c r="AK530" t="s">
        <v>12</v>
      </c>
      <c r="AL530">
        <v>0</v>
      </c>
      <c r="AM530">
        <v>0</v>
      </c>
      <c r="AN530">
        <v>0</v>
      </c>
      <c r="AO530">
        <v>0</v>
      </c>
      <c r="AP530">
        <v>0</v>
      </c>
      <c r="AQ530">
        <v>0</v>
      </c>
      <c r="AR530">
        <v>0</v>
      </c>
      <c r="AS530">
        <v>0</v>
      </c>
      <c r="AT530">
        <v>0</v>
      </c>
      <c r="AU530">
        <v>0</v>
      </c>
      <c r="AV530">
        <v>0</v>
      </c>
      <c r="AW530">
        <v>0</v>
      </c>
      <c r="AX530">
        <v>5767</v>
      </c>
      <c r="AY530">
        <v>0</v>
      </c>
      <c r="AZ530">
        <v>0</v>
      </c>
      <c r="BA530">
        <v>86</v>
      </c>
    </row>
    <row r="531" spans="1:53" x14ac:dyDescent="0.4">
      <c r="A531">
        <v>575</v>
      </c>
      <c r="B531" s="1">
        <v>42984</v>
      </c>
      <c r="C531">
        <v>5</v>
      </c>
      <c r="D531" s="1">
        <v>42984.958333333336</v>
      </c>
      <c r="E531" s="1">
        <v>42985.099305555559</v>
      </c>
      <c r="F531">
        <v>5674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  <c r="M531">
        <v>4540</v>
      </c>
      <c r="N531">
        <v>0</v>
      </c>
      <c r="O531">
        <v>0</v>
      </c>
      <c r="P531">
        <v>-24538</v>
      </c>
      <c r="Q531">
        <v>0</v>
      </c>
      <c r="R531">
        <v>36742</v>
      </c>
      <c r="S531">
        <v>0</v>
      </c>
      <c r="T531">
        <v>0</v>
      </c>
      <c r="U531">
        <v>0</v>
      </c>
      <c r="V531">
        <v>5</v>
      </c>
      <c r="W531">
        <v>1</v>
      </c>
      <c r="X531">
        <v>0</v>
      </c>
      <c r="Y531">
        <v>47</v>
      </c>
      <c r="Z531">
        <v>35</v>
      </c>
      <c r="AA531">
        <v>51</v>
      </c>
      <c r="AB531">
        <v>46</v>
      </c>
      <c r="AC531">
        <v>160</v>
      </c>
      <c r="AD531">
        <v>26</v>
      </c>
      <c r="AE531">
        <v>3</v>
      </c>
      <c r="AF531">
        <v>48884</v>
      </c>
      <c r="AG531">
        <v>177517</v>
      </c>
      <c r="AH531">
        <v>50000</v>
      </c>
      <c r="AI531">
        <v>0</v>
      </c>
      <c r="AJ531">
        <v>104</v>
      </c>
      <c r="AK531" t="s">
        <v>10</v>
      </c>
      <c r="AL531">
        <v>0</v>
      </c>
      <c r="AM531">
        <v>0</v>
      </c>
      <c r="AN531">
        <v>0</v>
      </c>
      <c r="AO531">
        <v>0</v>
      </c>
      <c r="AP531">
        <v>0</v>
      </c>
      <c r="AQ531">
        <v>0</v>
      </c>
      <c r="AR531">
        <v>0</v>
      </c>
      <c r="AS531">
        <v>0</v>
      </c>
      <c r="AT531">
        <v>0</v>
      </c>
      <c r="AU531">
        <v>0</v>
      </c>
      <c r="AV531">
        <v>0</v>
      </c>
      <c r="AW531">
        <v>0</v>
      </c>
      <c r="AX531">
        <v>-3888</v>
      </c>
      <c r="AY531">
        <v>7</v>
      </c>
      <c r="AZ531">
        <v>14</v>
      </c>
      <c r="BA531">
        <v>784</v>
      </c>
    </row>
    <row r="532" spans="1:53" x14ac:dyDescent="0.4">
      <c r="A532">
        <v>576</v>
      </c>
      <c r="B532" s="1">
        <v>42985</v>
      </c>
      <c r="C532">
        <v>1</v>
      </c>
      <c r="D532" s="1">
        <v>42985.291666666664</v>
      </c>
      <c r="E532" s="1">
        <v>42985.45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0</v>
      </c>
      <c r="O532">
        <v>0</v>
      </c>
      <c r="P532">
        <v>0</v>
      </c>
      <c r="Q532">
        <v>0</v>
      </c>
      <c r="R532">
        <v>0</v>
      </c>
      <c r="S532">
        <v>0</v>
      </c>
      <c r="T532">
        <v>0</v>
      </c>
      <c r="U532">
        <v>0</v>
      </c>
      <c r="V532">
        <v>0</v>
      </c>
      <c r="W532">
        <v>0</v>
      </c>
      <c r="X532">
        <v>0</v>
      </c>
      <c r="Y532">
        <v>30</v>
      </c>
      <c r="Z532">
        <v>24</v>
      </c>
      <c r="AA532">
        <v>46</v>
      </c>
      <c r="AB532">
        <v>45</v>
      </c>
      <c r="AC532">
        <v>103</v>
      </c>
      <c r="AD532">
        <v>24</v>
      </c>
      <c r="AE532">
        <v>0</v>
      </c>
      <c r="AF532">
        <v>0</v>
      </c>
      <c r="AG532">
        <v>50000</v>
      </c>
      <c r="AH532">
        <v>0</v>
      </c>
      <c r="AI532">
        <v>50000</v>
      </c>
      <c r="AJ532">
        <v>0</v>
      </c>
      <c r="AK532" t="s">
        <v>6</v>
      </c>
      <c r="AL532">
        <v>0</v>
      </c>
      <c r="AM532">
        <v>0</v>
      </c>
      <c r="AN532">
        <v>0</v>
      </c>
      <c r="AO532">
        <v>0</v>
      </c>
      <c r="AP532">
        <v>0</v>
      </c>
      <c r="AQ532">
        <v>0</v>
      </c>
      <c r="AR532">
        <v>0</v>
      </c>
      <c r="AS532">
        <v>0</v>
      </c>
      <c r="AT532">
        <v>0</v>
      </c>
      <c r="AU532">
        <v>0</v>
      </c>
      <c r="AV532">
        <v>0</v>
      </c>
      <c r="AW532">
        <v>0</v>
      </c>
      <c r="AX532">
        <v>0</v>
      </c>
      <c r="AY532">
        <v>0</v>
      </c>
      <c r="AZ532">
        <v>0</v>
      </c>
      <c r="BA532">
        <v>0</v>
      </c>
    </row>
    <row r="533" spans="1:53" x14ac:dyDescent="0.4">
      <c r="A533">
        <v>577</v>
      </c>
      <c r="B533" s="1">
        <v>42985</v>
      </c>
      <c r="C533">
        <v>2</v>
      </c>
      <c r="D533" s="1">
        <v>42985.45</v>
      </c>
      <c r="E533" s="1">
        <v>42985.747916666667</v>
      </c>
      <c r="F533">
        <v>22000</v>
      </c>
      <c r="G533">
        <v>2010</v>
      </c>
      <c r="H533">
        <v>0</v>
      </c>
      <c r="I533">
        <v>0</v>
      </c>
      <c r="J533">
        <v>0</v>
      </c>
      <c r="K533">
        <v>0</v>
      </c>
      <c r="L533">
        <v>0</v>
      </c>
      <c r="M533">
        <v>1920</v>
      </c>
      <c r="N533">
        <v>0</v>
      </c>
      <c r="O533">
        <v>0</v>
      </c>
      <c r="P533">
        <v>16200</v>
      </c>
      <c r="Q533">
        <v>0</v>
      </c>
      <c r="R533">
        <v>42130</v>
      </c>
      <c r="S533">
        <v>0</v>
      </c>
      <c r="T533">
        <v>0</v>
      </c>
      <c r="U533">
        <v>0</v>
      </c>
      <c r="V533">
        <v>1</v>
      </c>
      <c r="W533">
        <v>5</v>
      </c>
      <c r="X533">
        <v>0</v>
      </c>
      <c r="Y533">
        <v>34</v>
      </c>
      <c r="Z533">
        <v>29</v>
      </c>
      <c r="AA533">
        <v>50</v>
      </c>
      <c r="AB533">
        <v>42</v>
      </c>
      <c r="AC533">
        <v>136</v>
      </c>
      <c r="AD533">
        <v>33</v>
      </c>
      <c r="AE533">
        <v>5</v>
      </c>
      <c r="AF533">
        <v>0</v>
      </c>
      <c r="AG533">
        <v>92130</v>
      </c>
      <c r="AH533">
        <v>50000</v>
      </c>
      <c r="AI533">
        <v>0</v>
      </c>
      <c r="AJ533">
        <v>99</v>
      </c>
      <c r="AK533" t="s">
        <v>9</v>
      </c>
      <c r="AL533">
        <v>0</v>
      </c>
      <c r="AM533">
        <v>0</v>
      </c>
      <c r="AN533">
        <v>0</v>
      </c>
      <c r="AO533">
        <v>0</v>
      </c>
      <c r="AP533">
        <v>0</v>
      </c>
      <c r="AQ533">
        <v>0</v>
      </c>
      <c r="AR533">
        <v>0</v>
      </c>
      <c r="AS533">
        <v>0</v>
      </c>
      <c r="AT533">
        <v>0</v>
      </c>
      <c r="AU533">
        <v>0</v>
      </c>
      <c r="AV533">
        <v>0</v>
      </c>
      <c r="AW533">
        <v>0</v>
      </c>
      <c r="AX533">
        <v>-1080</v>
      </c>
      <c r="AY533">
        <v>37</v>
      </c>
      <c r="AZ533">
        <v>71</v>
      </c>
      <c r="BA533">
        <v>5253</v>
      </c>
    </row>
    <row r="534" spans="1:53" x14ac:dyDescent="0.4">
      <c r="A534">
        <v>578</v>
      </c>
      <c r="B534" s="1">
        <v>42985</v>
      </c>
      <c r="C534">
        <v>3</v>
      </c>
      <c r="D534" s="1">
        <v>42985.747916666667</v>
      </c>
      <c r="E534" s="1">
        <v>42985.94027777778</v>
      </c>
      <c r="F534">
        <v>49450</v>
      </c>
      <c r="G534">
        <v>3230</v>
      </c>
      <c r="H534">
        <v>0</v>
      </c>
      <c r="I534">
        <v>0</v>
      </c>
      <c r="J534">
        <v>0</v>
      </c>
      <c r="K534">
        <v>1000</v>
      </c>
      <c r="L534">
        <v>0</v>
      </c>
      <c r="M534">
        <v>4294</v>
      </c>
      <c r="N534">
        <v>0</v>
      </c>
      <c r="O534">
        <v>0</v>
      </c>
      <c r="P534">
        <v>26568</v>
      </c>
      <c r="Q534">
        <v>0</v>
      </c>
      <c r="R534">
        <v>84542</v>
      </c>
      <c r="S534">
        <v>0</v>
      </c>
      <c r="T534">
        <v>0</v>
      </c>
      <c r="U534">
        <v>0</v>
      </c>
      <c r="V534">
        <v>4</v>
      </c>
      <c r="W534">
        <v>5</v>
      </c>
      <c r="X534">
        <v>0</v>
      </c>
      <c r="Y534">
        <v>45</v>
      </c>
      <c r="Z534">
        <v>31</v>
      </c>
      <c r="AA534">
        <v>46</v>
      </c>
      <c r="AB534">
        <v>44</v>
      </c>
      <c r="AC534">
        <v>147</v>
      </c>
      <c r="AD534">
        <v>25</v>
      </c>
      <c r="AE534">
        <v>9</v>
      </c>
      <c r="AF534">
        <v>42768</v>
      </c>
      <c r="AG534">
        <v>176672</v>
      </c>
      <c r="AH534">
        <v>50000</v>
      </c>
      <c r="AI534">
        <v>0</v>
      </c>
      <c r="AJ534">
        <v>102</v>
      </c>
      <c r="AK534" t="s">
        <v>8</v>
      </c>
      <c r="AL534">
        <v>0</v>
      </c>
      <c r="AM534">
        <v>0</v>
      </c>
      <c r="AN534">
        <v>0</v>
      </c>
      <c r="AO534">
        <v>0</v>
      </c>
      <c r="AP534">
        <v>0</v>
      </c>
      <c r="AQ534">
        <v>0</v>
      </c>
      <c r="AR534">
        <v>0</v>
      </c>
      <c r="AS534">
        <v>0</v>
      </c>
      <c r="AT534">
        <v>0</v>
      </c>
      <c r="AU534">
        <v>0</v>
      </c>
      <c r="AV534">
        <v>0</v>
      </c>
      <c r="AW534">
        <v>0</v>
      </c>
      <c r="AX534">
        <v>-9720</v>
      </c>
      <c r="AY534">
        <v>17</v>
      </c>
      <c r="AZ534">
        <v>50</v>
      </c>
      <c r="BA534">
        <v>2953</v>
      </c>
    </row>
    <row r="535" spans="1:53" x14ac:dyDescent="0.4">
      <c r="A535">
        <v>579</v>
      </c>
      <c r="B535" s="1">
        <v>42986</v>
      </c>
      <c r="C535">
        <v>1</v>
      </c>
      <c r="D535" s="1">
        <v>42986.291666666664</v>
      </c>
      <c r="E535" s="1">
        <v>42986.448611111111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0</v>
      </c>
      <c r="O535">
        <v>0</v>
      </c>
      <c r="P535">
        <v>0</v>
      </c>
      <c r="Q535">
        <v>0</v>
      </c>
      <c r="R535">
        <v>0</v>
      </c>
      <c r="S535">
        <v>0</v>
      </c>
      <c r="T535">
        <v>0</v>
      </c>
      <c r="U535">
        <v>0</v>
      </c>
      <c r="V535">
        <v>0</v>
      </c>
      <c r="W535">
        <v>0</v>
      </c>
      <c r="X535">
        <v>0</v>
      </c>
      <c r="Y535">
        <v>31</v>
      </c>
      <c r="Z535">
        <v>21</v>
      </c>
      <c r="AA535">
        <v>48</v>
      </c>
      <c r="AB535">
        <v>42</v>
      </c>
      <c r="AC535">
        <v>148</v>
      </c>
      <c r="AD535">
        <v>23</v>
      </c>
      <c r="AE535">
        <v>5</v>
      </c>
      <c r="AF535">
        <v>0</v>
      </c>
      <c r="AG535">
        <v>50000</v>
      </c>
      <c r="AH535">
        <v>0</v>
      </c>
      <c r="AI535">
        <v>50000</v>
      </c>
      <c r="AJ535">
        <v>0</v>
      </c>
      <c r="AK535" t="s">
        <v>6</v>
      </c>
      <c r="AL535">
        <v>0</v>
      </c>
      <c r="AM535">
        <v>0</v>
      </c>
      <c r="AN535">
        <v>0</v>
      </c>
      <c r="AO535">
        <v>0</v>
      </c>
      <c r="AP535">
        <v>0</v>
      </c>
      <c r="AQ535">
        <v>0</v>
      </c>
      <c r="AR535">
        <v>0</v>
      </c>
      <c r="AS535">
        <v>0</v>
      </c>
      <c r="AT535">
        <v>0</v>
      </c>
      <c r="AU535">
        <v>0</v>
      </c>
      <c r="AV535">
        <v>0</v>
      </c>
      <c r="AW535">
        <v>0</v>
      </c>
      <c r="AX535">
        <v>0</v>
      </c>
      <c r="AY535">
        <v>0</v>
      </c>
      <c r="AZ535">
        <v>0</v>
      </c>
      <c r="BA535">
        <v>0</v>
      </c>
    </row>
    <row r="536" spans="1:53" x14ac:dyDescent="0.4">
      <c r="A536">
        <v>580</v>
      </c>
      <c r="B536" s="1">
        <v>42986</v>
      </c>
      <c r="C536">
        <v>2</v>
      </c>
      <c r="D536" s="1">
        <v>42986.448611111111</v>
      </c>
      <c r="E536" s="1">
        <v>42986.743055555555</v>
      </c>
      <c r="F536">
        <v>1350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1080</v>
      </c>
      <c r="N536">
        <v>0</v>
      </c>
      <c r="O536">
        <v>0</v>
      </c>
      <c r="P536">
        <v>10260</v>
      </c>
      <c r="Q536">
        <v>0</v>
      </c>
      <c r="R536">
        <v>24840</v>
      </c>
      <c r="S536">
        <v>0</v>
      </c>
      <c r="T536">
        <v>0</v>
      </c>
      <c r="U536">
        <v>0</v>
      </c>
      <c r="V536">
        <v>0</v>
      </c>
      <c r="W536">
        <v>0</v>
      </c>
      <c r="X536">
        <v>0</v>
      </c>
      <c r="Y536">
        <v>52</v>
      </c>
      <c r="Z536">
        <v>29</v>
      </c>
      <c r="AA536">
        <v>28</v>
      </c>
      <c r="AB536">
        <v>41</v>
      </c>
      <c r="AC536">
        <v>175</v>
      </c>
      <c r="AD536">
        <v>22</v>
      </c>
      <c r="AE536">
        <v>10</v>
      </c>
      <c r="AF536">
        <v>1620</v>
      </c>
      <c r="AG536">
        <v>74840</v>
      </c>
      <c r="AH536">
        <v>50000</v>
      </c>
      <c r="AI536">
        <v>0</v>
      </c>
      <c r="AJ536">
        <v>82</v>
      </c>
      <c r="AK536" t="s">
        <v>17</v>
      </c>
      <c r="AL536">
        <v>0</v>
      </c>
      <c r="AM536">
        <v>0</v>
      </c>
      <c r="AN536">
        <v>0</v>
      </c>
      <c r="AO536">
        <v>0</v>
      </c>
      <c r="AP536">
        <v>0</v>
      </c>
      <c r="AQ536">
        <v>0</v>
      </c>
      <c r="AR536">
        <v>0</v>
      </c>
      <c r="AS536">
        <v>0</v>
      </c>
      <c r="AT536">
        <v>0</v>
      </c>
      <c r="AU536">
        <v>0</v>
      </c>
      <c r="AV536">
        <v>0</v>
      </c>
      <c r="AW536">
        <v>0</v>
      </c>
      <c r="AX536">
        <v>2268</v>
      </c>
      <c r="AY536">
        <v>29</v>
      </c>
      <c r="AZ536">
        <v>45</v>
      </c>
      <c r="BA536">
        <v>4557</v>
      </c>
    </row>
    <row r="537" spans="1:53" x14ac:dyDescent="0.4">
      <c r="A537">
        <v>581</v>
      </c>
      <c r="B537" s="1">
        <v>42986</v>
      </c>
      <c r="C537">
        <v>3</v>
      </c>
      <c r="D537" s="1">
        <v>42986.743055555555</v>
      </c>
      <c r="E537" s="1">
        <v>42986.960416666669</v>
      </c>
      <c r="F537">
        <v>60900</v>
      </c>
      <c r="G537">
        <v>395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5188</v>
      </c>
      <c r="N537">
        <v>0</v>
      </c>
      <c r="O537">
        <v>0</v>
      </c>
      <c r="P537">
        <v>540</v>
      </c>
      <c r="Q537">
        <v>0</v>
      </c>
      <c r="R537">
        <v>70578</v>
      </c>
      <c r="S537">
        <v>0</v>
      </c>
      <c r="T537">
        <v>0</v>
      </c>
      <c r="U537">
        <v>0</v>
      </c>
      <c r="V537">
        <v>5</v>
      </c>
      <c r="W537">
        <v>2</v>
      </c>
      <c r="X537">
        <v>0</v>
      </c>
      <c r="Y537">
        <v>39</v>
      </c>
      <c r="Z537">
        <v>24</v>
      </c>
      <c r="AA537">
        <v>23</v>
      </c>
      <c r="AB537">
        <v>44</v>
      </c>
      <c r="AC537">
        <v>167</v>
      </c>
      <c r="AD537">
        <v>19</v>
      </c>
      <c r="AE537">
        <v>29</v>
      </c>
      <c r="AF537">
        <v>28130</v>
      </c>
      <c r="AG537">
        <v>145424</v>
      </c>
      <c r="AH537">
        <v>50000</v>
      </c>
      <c r="AI537">
        <v>6</v>
      </c>
      <c r="AJ537">
        <v>100</v>
      </c>
      <c r="AK537" t="s">
        <v>0</v>
      </c>
      <c r="AL537">
        <v>0</v>
      </c>
      <c r="AM537">
        <v>0</v>
      </c>
      <c r="AN537">
        <v>0</v>
      </c>
      <c r="AO537">
        <v>0</v>
      </c>
      <c r="AP537">
        <v>0</v>
      </c>
      <c r="AQ537">
        <v>0</v>
      </c>
      <c r="AR537">
        <v>0</v>
      </c>
      <c r="AS537">
        <v>0</v>
      </c>
      <c r="AT537">
        <v>0</v>
      </c>
      <c r="AU537">
        <v>0</v>
      </c>
      <c r="AV537">
        <v>0</v>
      </c>
      <c r="AW537">
        <v>0</v>
      </c>
      <c r="AX537">
        <v>104300</v>
      </c>
      <c r="AY537">
        <v>23</v>
      </c>
      <c r="AZ537">
        <v>104</v>
      </c>
      <c r="BA537">
        <v>2658</v>
      </c>
    </row>
    <row r="538" spans="1:53" x14ac:dyDescent="0.4">
      <c r="A538">
        <v>582</v>
      </c>
      <c r="B538" s="1">
        <v>42986</v>
      </c>
      <c r="C538">
        <v>4</v>
      </c>
      <c r="D538" s="1">
        <v>42986.960416666669</v>
      </c>
      <c r="E538" s="1">
        <v>42987.151388888888</v>
      </c>
      <c r="F538">
        <v>200220</v>
      </c>
      <c r="G538">
        <v>5120</v>
      </c>
      <c r="H538">
        <v>0</v>
      </c>
      <c r="I538">
        <v>0</v>
      </c>
      <c r="J538">
        <v>0</v>
      </c>
      <c r="K538">
        <v>1960</v>
      </c>
      <c r="L538">
        <v>0</v>
      </c>
      <c r="M538">
        <v>16583</v>
      </c>
      <c r="N538">
        <v>0</v>
      </c>
      <c r="O538">
        <v>0</v>
      </c>
      <c r="P538">
        <v>62964</v>
      </c>
      <c r="Q538">
        <v>0</v>
      </c>
      <c r="R538">
        <v>286847</v>
      </c>
      <c r="S538">
        <v>0</v>
      </c>
      <c r="T538">
        <v>0</v>
      </c>
      <c r="U538">
        <v>0</v>
      </c>
      <c r="V538">
        <v>23</v>
      </c>
      <c r="W538">
        <v>8</v>
      </c>
      <c r="X538">
        <v>0</v>
      </c>
      <c r="Y538">
        <v>23</v>
      </c>
      <c r="Z538">
        <v>19</v>
      </c>
      <c r="AA538">
        <v>29</v>
      </c>
      <c r="AB538">
        <v>37</v>
      </c>
      <c r="AC538">
        <v>158</v>
      </c>
      <c r="AD538">
        <v>10</v>
      </c>
      <c r="AE538">
        <v>13</v>
      </c>
      <c r="AF538">
        <v>123272</v>
      </c>
      <c r="AG538">
        <v>432165</v>
      </c>
      <c r="AH538">
        <v>50000</v>
      </c>
      <c r="AI538">
        <v>-100</v>
      </c>
      <c r="AJ538">
        <v>1</v>
      </c>
      <c r="AK538" t="s">
        <v>3</v>
      </c>
      <c r="AL538">
        <v>0</v>
      </c>
      <c r="AM538">
        <v>0</v>
      </c>
      <c r="AN538">
        <v>0</v>
      </c>
      <c r="AO538">
        <v>0</v>
      </c>
      <c r="AP538">
        <v>0</v>
      </c>
      <c r="AQ538">
        <v>0</v>
      </c>
      <c r="AR538">
        <v>0</v>
      </c>
      <c r="AS538">
        <v>0</v>
      </c>
      <c r="AT538">
        <v>0</v>
      </c>
      <c r="AU538">
        <v>0</v>
      </c>
      <c r="AV538">
        <v>0</v>
      </c>
      <c r="AW538">
        <v>0</v>
      </c>
      <c r="AX538">
        <v>1026</v>
      </c>
      <c r="AY538">
        <v>16</v>
      </c>
      <c r="AZ538">
        <v>73</v>
      </c>
      <c r="BA538">
        <v>3234</v>
      </c>
    </row>
    <row r="539" spans="1:53" x14ac:dyDescent="0.4">
      <c r="A539">
        <v>583</v>
      </c>
      <c r="B539" s="1">
        <v>42987</v>
      </c>
      <c r="C539">
        <v>1</v>
      </c>
      <c r="D539" s="1">
        <v>42987.291666666664</v>
      </c>
      <c r="E539" s="1">
        <v>42987.406944444447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0</v>
      </c>
      <c r="O539">
        <v>0</v>
      </c>
      <c r="P539">
        <v>0</v>
      </c>
      <c r="Q539">
        <v>0</v>
      </c>
      <c r="R539">
        <v>0</v>
      </c>
      <c r="S539">
        <v>0</v>
      </c>
      <c r="T539">
        <v>0</v>
      </c>
      <c r="U539">
        <v>0</v>
      </c>
      <c r="V539">
        <v>0</v>
      </c>
      <c r="W539">
        <v>2</v>
      </c>
      <c r="X539">
        <v>0</v>
      </c>
      <c r="Y539">
        <v>25</v>
      </c>
      <c r="Z539">
        <v>18</v>
      </c>
      <c r="AA539">
        <v>28</v>
      </c>
      <c r="AB539">
        <v>30</v>
      </c>
      <c r="AC539">
        <v>131</v>
      </c>
      <c r="AD539">
        <v>57</v>
      </c>
      <c r="AE539">
        <v>105</v>
      </c>
      <c r="AF539">
        <v>0</v>
      </c>
      <c r="AG539">
        <v>50000</v>
      </c>
      <c r="AH539">
        <v>0</v>
      </c>
      <c r="AI539">
        <v>50000</v>
      </c>
      <c r="AJ539">
        <v>0</v>
      </c>
      <c r="AK539" t="s">
        <v>6</v>
      </c>
      <c r="AL539">
        <v>0</v>
      </c>
      <c r="AM539">
        <v>0</v>
      </c>
      <c r="AN539">
        <v>0</v>
      </c>
      <c r="AO539">
        <v>0</v>
      </c>
      <c r="AP539">
        <v>0</v>
      </c>
      <c r="AQ539">
        <v>0</v>
      </c>
      <c r="AR539">
        <v>0</v>
      </c>
      <c r="AS539">
        <v>0</v>
      </c>
      <c r="AT539">
        <v>0</v>
      </c>
      <c r="AU539">
        <v>0</v>
      </c>
      <c r="AV539">
        <v>0</v>
      </c>
      <c r="AW539">
        <v>0</v>
      </c>
      <c r="AX539">
        <v>0</v>
      </c>
      <c r="AY539">
        <v>0</v>
      </c>
      <c r="AZ539">
        <v>0</v>
      </c>
      <c r="BA539">
        <v>0</v>
      </c>
    </row>
    <row r="540" spans="1:53" x14ac:dyDescent="0.4">
      <c r="A540">
        <v>584</v>
      </c>
      <c r="B540" s="1">
        <v>42987</v>
      </c>
      <c r="C540">
        <v>2</v>
      </c>
      <c r="D540" s="1">
        <v>42987.406944444447</v>
      </c>
      <c r="E540" s="1">
        <v>42987.731944444444</v>
      </c>
      <c r="F540">
        <v>39750</v>
      </c>
      <c r="G540">
        <v>3810</v>
      </c>
      <c r="H540">
        <v>0</v>
      </c>
      <c r="I540">
        <v>0</v>
      </c>
      <c r="J540">
        <v>0</v>
      </c>
      <c r="K540">
        <v>0</v>
      </c>
      <c r="L540">
        <v>0</v>
      </c>
      <c r="M540">
        <v>3484</v>
      </c>
      <c r="N540">
        <v>0</v>
      </c>
      <c r="O540">
        <v>0</v>
      </c>
      <c r="P540">
        <v>21060</v>
      </c>
      <c r="Q540">
        <v>0</v>
      </c>
      <c r="R540">
        <v>68104</v>
      </c>
      <c r="S540">
        <v>0</v>
      </c>
      <c r="T540">
        <v>0</v>
      </c>
      <c r="U540">
        <v>0</v>
      </c>
      <c r="V540">
        <v>1</v>
      </c>
      <c r="W540">
        <v>5</v>
      </c>
      <c r="X540">
        <v>0</v>
      </c>
      <c r="Y540">
        <v>60</v>
      </c>
      <c r="Z540">
        <v>30</v>
      </c>
      <c r="AA540">
        <v>27</v>
      </c>
      <c r="AB540">
        <v>32</v>
      </c>
      <c r="AC540">
        <v>202</v>
      </c>
      <c r="AD540">
        <v>66</v>
      </c>
      <c r="AE540">
        <v>104</v>
      </c>
      <c r="AF540">
        <v>1350</v>
      </c>
      <c r="AG540">
        <v>118104</v>
      </c>
      <c r="AH540">
        <v>50000</v>
      </c>
      <c r="AI540">
        <v>0</v>
      </c>
      <c r="AJ540">
        <v>92</v>
      </c>
      <c r="AK540" t="s">
        <v>22</v>
      </c>
      <c r="AL540">
        <v>0</v>
      </c>
      <c r="AM540">
        <v>0</v>
      </c>
      <c r="AN540">
        <v>0</v>
      </c>
      <c r="AO540">
        <v>0</v>
      </c>
      <c r="AP540">
        <v>0</v>
      </c>
      <c r="AQ540">
        <v>0</v>
      </c>
      <c r="AR540">
        <v>0</v>
      </c>
      <c r="AS540">
        <v>0</v>
      </c>
      <c r="AT540">
        <v>0</v>
      </c>
      <c r="AU540">
        <v>0</v>
      </c>
      <c r="AV540">
        <v>0</v>
      </c>
      <c r="AW540">
        <v>0</v>
      </c>
      <c r="AX540">
        <v>-1080</v>
      </c>
      <c r="AY540">
        <v>47</v>
      </c>
      <c r="AZ540">
        <v>109</v>
      </c>
      <c r="BA540">
        <v>6854</v>
      </c>
    </row>
    <row r="541" spans="1:53" x14ac:dyDescent="0.4">
      <c r="A541">
        <v>585</v>
      </c>
      <c r="B541" s="1">
        <v>42987</v>
      </c>
      <c r="C541">
        <v>3</v>
      </c>
      <c r="D541" s="1">
        <v>42987.731944444444</v>
      </c>
      <c r="E541" s="1">
        <v>42987.96597222222</v>
      </c>
      <c r="F541">
        <v>125180</v>
      </c>
      <c r="G541">
        <v>4420</v>
      </c>
      <c r="H541">
        <v>0</v>
      </c>
      <c r="I541">
        <v>0</v>
      </c>
      <c r="J541">
        <v>3000</v>
      </c>
      <c r="K541">
        <v>0</v>
      </c>
      <c r="L541">
        <v>0</v>
      </c>
      <c r="M541">
        <v>10126</v>
      </c>
      <c r="N541">
        <v>0</v>
      </c>
      <c r="O541">
        <v>0</v>
      </c>
      <c r="P541">
        <v>-1620</v>
      </c>
      <c r="Q541">
        <v>0</v>
      </c>
      <c r="R541">
        <v>135106</v>
      </c>
      <c r="S541">
        <v>0</v>
      </c>
      <c r="T541">
        <v>0</v>
      </c>
      <c r="U541">
        <v>0</v>
      </c>
      <c r="V541">
        <v>13</v>
      </c>
      <c r="W541">
        <v>6</v>
      </c>
      <c r="X541">
        <v>0</v>
      </c>
      <c r="Y541">
        <v>68</v>
      </c>
      <c r="Z541">
        <v>27</v>
      </c>
      <c r="AA541">
        <v>9</v>
      </c>
      <c r="AB541">
        <v>26</v>
      </c>
      <c r="AC541">
        <v>191</v>
      </c>
      <c r="AD541">
        <v>67</v>
      </c>
      <c r="AE541">
        <v>105</v>
      </c>
      <c r="AF541">
        <v>7160</v>
      </c>
      <c r="AG541">
        <v>253210</v>
      </c>
      <c r="AH541">
        <v>50000</v>
      </c>
      <c r="AI541">
        <v>0</v>
      </c>
      <c r="AJ541">
        <v>84</v>
      </c>
      <c r="AK541" t="s">
        <v>16</v>
      </c>
      <c r="AL541">
        <v>0</v>
      </c>
      <c r="AM541">
        <v>0</v>
      </c>
      <c r="AN541">
        <v>0</v>
      </c>
      <c r="AO541">
        <v>0</v>
      </c>
      <c r="AP541">
        <v>0</v>
      </c>
      <c r="AQ541">
        <v>0</v>
      </c>
      <c r="AR541">
        <v>0</v>
      </c>
      <c r="AS541">
        <v>0</v>
      </c>
      <c r="AT541">
        <v>0</v>
      </c>
      <c r="AU541">
        <v>0</v>
      </c>
      <c r="AV541">
        <v>0</v>
      </c>
      <c r="AW541">
        <v>0</v>
      </c>
      <c r="AX541">
        <v>144833</v>
      </c>
      <c r="AY541">
        <v>31</v>
      </c>
      <c r="AZ541">
        <v>149</v>
      </c>
      <c r="BA541">
        <v>4347</v>
      </c>
    </row>
    <row r="542" spans="1:53" x14ac:dyDescent="0.4">
      <c r="A542">
        <v>586</v>
      </c>
      <c r="B542" s="1">
        <v>42987</v>
      </c>
      <c r="C542">
        <v>4</v>
      </c>
      <c r="D542" s="1">
        <v>42987.96597222222</v>
      </c>
      <c r="E542" s="1">
        <v>42988.119444444441</v>
      </c>
      <c r="F542">
        <v>220100</v>
      </c>
      <c r="G542">
        <v>5300</v>
      </c>
      <c r="H542">
        <v>0</v>
      </c>
      <c r="I542">
        <v>0</v>
      </c>
      <c r="J542">
        <v>0</v>
      </c>
      <c r="K542">
        <v>0</v>
      </c>
      <c r="L542">
        <v>0</v>
      </c>
      <c r="M542">
        <v>18031</v>
      </c>
      <c r="N542">
        <v>0</v>
      </c>
      <c r="O542">
        <v>0</v>
      </c>
      <c r="P542">
        <v>132084</v>
      </c>
      <c r="Q542">
        <v>0</v>
      </c>
      <c r="R542">
        <v>375515</v>
      </c>
      <c r="S542">
        <v>0</v>
      </c>
      <c r="T542">
        <v>0</v>
      </c>
      <c r="U542">
        <v>0</v>
      </c>
      <c r="V542">
        <v>40</v>
      </c>
      <c r="W542">
        <v>8</v>
      </c>
      <c r="X542">
        <v>0</v>
      </c>
      <c r="Y542">
        <v>128</v>
      </c>
      <c r="Z542">
        <v>28</v>
      </c>
      <c r="AA542">
        <v>8</v>
      </c>
      <c r="AB542">
        <v>19</v>
      </c>
      <c r="AC542">
        <v>166</v>
      </c>
      <c r="AD542">
        <v>67</v>
      </c>
      <c r="AE542">
        <v>84</v>
      </c>
      <c r="AF542">
        <v>42896</v>
      </c>
      <c r="AG542">
        <v>628725</v>
      </c>
      <c r="AH542">
        <v>50000</v>
      </c>
      <c r="AI542">
        <v>0</v>
      </c>
      <c r="AJ542">
        <v>16</v>
      </c>
      <c r="AK542" t="s">
        <v>11</v>
      </c>
      <c r="AL542">
        <v>0</v>
      </c>
      <c r="AM542">
        <v>0</v>
      </c>
      <c r="AN542">
        <v>0</v>
      </c>
      <c r="AO542">
        <v>0</v>
      </c>
      <c r="AP542">
        <v>0</v>
      </c>
      <c r="AQ542">
        <v>0</v>
      </c>
      <c r="AR542">
        <v>0</v>
      </c>
      <c r="AS542">
        <v>0</v>
      </c>
      <c r="AT542">
        <v>0</v>
      </c>
      <c r="AU542">
        <v>0</v>
      </c>
      <c r="AV542">
        <v>0</v>
      </c>
      <c r="AW542">
        <v>0</v>
      </c>
      <c r="AX542">
        <v>6231</v>
      </c>
      <c r="AY542">
        <v>19</v>
      </c>
      <c r="AZ542">
        <v>84</v>
      </c>
      <c r="BA542">
        <v>2905</v>
      </c>
    </row>
    <row r="543" spans="1:53" x14ac:dyDescent="0.4">
      <c r="A543">
        <v>587</v>
      </c>
      <c r="B543" s="1">
        <v>42988</v>
      </c>
      <c r="C543">
        <v>1</v>
      </c>
      <c r="D543" s="1">
        <v>42988.291666666664</v>
      </c>
      <c r="E543" s="1">
        <v>42988.409722222219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0</v>
      </c>
      <c r="O543">
        <v>0</v>
      </c>
      <c r="P543">
        <v>0</v>
      </c>
      <c r="Q543">
        <v>0</v>
      </c>
      <c r="R543">
        <v>0</v>
      </c>
      <c r="S543">
        <v>0</v>
      </c>
      <c r="T543">
        <v>0</v>
      </c>
      <c r="U543">
        <v>0</v>
      </c>
      <c r="V543">
        <v>0</v>
      </c>
      <c r="W543">
        <v>1</v>
      </c>
      <c r="X543">
        <v>0</v>
      </c>
      <c r="Y543">
        <v>25</v>
      </c>
      <c r="Z543">
        <v>18</v>
      </c>
      <c r="AA543">
        <v>15</v>
      </c>
      <c r="AB543">
        <v>61</v>
      </c>
      <c r="AC543">
        <v>103</v>
      </c>
      <c r="AD543">
        <v>67</v>
      </c>
      <c r="AE543">
        <v>85</v>
      </c>
      <c r="AF543">
        <v>5000</v>
      </c>
      <c r="AG543">
        <v>50000</v>
      </c>
      <c r="AH543">
        <v>50000</v>
      </c>
      <c r="AI543">
        <v>0</v>
      </c>
      <c r="AJ543">
        <v>0</v>
      </c>
      <c r="AK543" t="s">
        <v>6</v>
      </c>
      <c r="AL543">
        <v>0</v>
      </c>
      <c r="AM543">
        <v>0</v>
      </c>
      <c r="AN543">
        <v>0</v>
      </c>
      <c r="AO543">
        <v>0</v>
      </c>
      <c r="AP543">
        <v>0</v>
      </c>
      <c r="AQ543">
        <v>0</v>
      </c>
      <c r="AR543">
        <v>0</v>
      </c>
      <c r="AS543">
        <v>0</v>
      </c>
      <c r="AT543">
        <v>0</v>
      </c>
      <c r="AU543">
        <v>0</v>
      </c>
      <c r="AV543">
        <v>0</v>
      </c>
      <c r="AW543">
        <v>0</v>
      </c>
      <c r="AX543">
        <v>0</v>
      </c>
      <c r="AY543">
        <v>0</v>
      </c>
      <c r="AZ543">
        <v>0</v>
      </c>
      <c r="BA543">
        <v>0</v>
      </c>
    </row>
    <row r="544" spans="1:53" x14ac:dyDescent="0.4">
      <c r="A544">
        <v>588</v>
      </c>
      <c r="B544" s="1">
        <v>42988</v>
      </c>
      <c r="C544">
        <v>2</v>
      </c>
      <c r="D544" s="1">
        <v>42988.409722222219</v>
      </c>
      <c r="E544" s="1">
        <v>42988.736805555556</v>
      </c>
      <c r="F544">
        <v>38250</v>
      </c>
      <c r="G544">
        <v>228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3242</v>
      </c>
      <c r="N544">
        <v>0</v>
      </c>
      <c r="O544">
        <v>0</v>
      </c>
      <c r="P544">
        <v>21060</v>
      </c>
      <c r="Q544">
        <v>0</v>
      </c>
      <c r="R544">
        <v>64832</v>
      </c>
      <c r="S544">
        <v>0</v>
      </c>
      <c r="T544">
        <v>0</v>
      </c>
      <c r="U544">
        <v>0</v>
      </c>
      <c r="V544">
        <v>1</v>
      </c>
      <c r="W544">
        <v>3</v>
      </c>
      <c r="X544">
        <v>0</v>
      </c>
      <c r="Y544">
        <v>52</v>
      </c>
      <c r="Z544">
        <v>30</v>
      </c>
      <c r="AA544">
        <v>65</v>
      </c>
      <c r="AB544">
        <v>82</v>
      </c>
      <c r="AC544">
        <v>156</v>
      </c>
      <c r="AD544">
        <v>69</v>
      </c>
      <c r="AE544">
        <v>91</v>
      </c>
      <c r="AF544">
        <v>10236</v>
      </c>
      <c r="AG544">
        <v>114832</v>
      </c>
      <c r="AH544">
        <v>50000</v>
      </c>
      <c r="AI544">
        <v>0</v>
      </c>
      <c r="AJ544">
        <v>92</v>
      </c>
      <c r="AK544" t="s">
        <v>22</v>
      </c>
      <c r="AL544">
        <v>0</v>
      </c>
      <c r="AM544">
        <v>0</v>
      </c>
      <c r="AN544">
        <v>0</v>
      </c>
      <c r="AO544">
        <v>0</v>
      </c>
      <c r="AP544">
        <v>0</v>
      </c>
      <c r="AQ544">
        <v>0</v>
      </c>
      <c r="AR544">
        <v>0</v>
      </c>
      <c r="AS544">
        <v>0</v>
      </c>
      <c r="AT544">
        <v>0</v>
      </c>
      <c r="AU544">
        <v>0</v>
      </c>
      <c r="AV544">
        <v>0</v>
      </c>
      <c r="AW544">
        <v>0</v>
      </c>
      <c r="AX544">
        <v>-346</v>
      </c>
      <c r="AY544">
        <v>52</v>
      </c>
      <c r="AZ544">
        <v>116</v>
      </c>
      <c r="BA544">
        <v>6994</v>
      </c>
    </row>
    <row r="545" spans="1:53" x14ac:dyDescent="0.4">
      <c r="A545">
        <v>589</v>
      </c>
      <c r="B545" s="1">
        <v>42988</v>
      </c>
      <c r="C545">
        <v>3</v>
      </c>
      <c r="D545" s="1">
        <v>42988.736805555556</v>
      </c>
      <c r="E545" s="1">
        <v>42988.948611111111</v>
      </c>
      <c r="F545">
        <v>38430</v>
      </c>
      <c r="G545">
        <v>2480</v>
      </c>
      <c r="H545">
        <v>0</v>
      </c>
      <c r="I545">
        <v>0</v>
      </c>
      <c r="J545">
        <v>0</v>
      </c>
      <c r="K545">
        <v>0</v>
      </c>
      <c r="L545">
        <v>0</v>
      </c>
      <c r="M545">
        <v>3272</v>
      </c>
      <c r="N545">
        <v>0</v>
      </c>
      <c r="O545">
        <v>0</v>
      </c>
      <c r="P545">
        <v>-17172</v>
      </c>
      <c r="Q545">
        <v>0</v>
      </c>
      <c r="R545">
        <v>27010</v>
      </c>
      <c r="S545">
        <v>0</v>
      </c>
      <c r="T545">
        <v>0</v>
      </c>
      <c r="U545">
        <v>0</v>
      </c>
      <c r="V545">
        <v>4</v>
      </c>
      <c r="W545">
        <v>0</v>
      </c>
      <c r="X545">
        <v>0</v>
      </c>
      <c r="Y545">
        <v>61</v>
      </c>
      <c r="Z545">
        <v>31</v>
      </c>
      <c r="AA545">
        <v>51</v>
      </c>
      <c r="AB545">
        <v>81</v>
      </c>
      <c r="AC545">
        <v>152</v>
      </c>
      <c r="AD545">
        <v>68</v>
      </c>
      <c r="AE545">
        <v>93</v>
      </c>
      <c r="AF545">
        <v>14239</v>
      </c>
      <c r="AG545">
        <v>141842</v>
      </c>
      <c r="AH545">
        <v>50000</v>
      </c>
      <c r="AI545">
        <v>0</v>
      </c>
      <c r="AJ545">
        <v>1</v>
      </c>
      <c r="AK545" t="s">
        <v>3</v>
      </c>
      <c r="AL545">
        <v>0</v>
      </c>
      <c r="AM545">
        <v>0</v>
      </c>
      <c r="AN545">
        <v>0</v>
      </c>
      <c r="AO545">
        <v>0</v>
      </c>
      <c r="AP545">
        <v>0</v>
      </c>
      <c r="AQ545">
        <v>0</v>
      </c>
      <c r="AR545">
        <v>0</v>
      </c>
      <c r="AS545">
        <v>0</v>
      </c>
      <c r="AT545">
        <v>0</v>
      </c>
      <c r="AU545">
        <v>0</v>
      </c>
      <c r="AV545">
        <v>0</v>
      </c>
      <c r="AW545">
        <v>0</v>
      </c>
      <c r="AX545">
        <v>31741</v>
      </c>
      <c r="AY545">
        <v>15</v>
      </c>
      <c r="AZ545">
        <v>44</v>
      </c>
      <c r="BA545">
        <v>3347</v>
      </c>
    </row>
    <row r="546" spans="1:53" x14ac:dyDescent="0.4">
      <c r="A546">
        <v>590</v>
      </c>
      <c r="B546" s="1">
        <v>42989</v>
      </c>
      <c r="C546">
        <v>1</v>
      </c>
      <c r="D546" s="1">
        <v>42989.291666666664</v>
      </c>
      <c r="E546" s="1">
        <v>42989.453472222223</v>
      </c>
      <c r="F546">
        <v>0</v>
      </c>
      <c r="G546">
        <v>0</v>
      </c>
      <c r="H546">
        <v>0</v>
      </c>
      <c r="I546">
        <v>0</v>
      </c>
      <c r="J546">
        <v>0</v>
      </c>
      <c r="K546">
        <v>0</v>
      </c>
      <c r="L546">
        <v>0</v>
      </c>
      <c r="M546">
        <v>0</v>
      </c>
      <c r="N546">
        <v>0</v>
      </c>
      <c r="O546">
        <v>0</v>
      </c>
      <c r="P546">
        <v>0</v>
      </c>
      <c r="Q546">
        <v>0</v>
      </c>
      <c r="R546">
        <v>0</v>
      </c>
      <c r="S546">
        <v>0</v>
      </c>
      <c r="T546">
        <v>0</v>
      </c>
      <c r="U546">
        <v>0</v>
      </c>
      <c r="V546">
        <v>0</v>
      </c>
      <c r="W546">
        <v>1</v>
      </c>
      <c r="X546">
        <v>0</v>
      </c>
      <c r="Y546">
        <v>25</v>
      </c>
      <c r="Z546">
        <v>17</v>
      </c>
      <c r="AA546">
        <v>55</v>
      </c>
      <c r="AB546">
        <v>82</v>
      </c>
      <c r="AC546">
        <v>147</v>
      </c>
      <c r="AD546">
        <v>56</v>
      </c>
      <c r="AE546">
        <v>100</v>
      </c>
      <c r="AF546">
        <v>0</v>
      </c>
      <c r="AG546">
        <v>49950</v>
      </c>
      <c r="AH546">
        <v>50000</v>
      </c>
      <c r="AI546">
        <v>-50</v>
      </c>
      <c r="AJ546">
        <v>0</v>
      </c>
      <c r="AK546" t="s">
        <v>6</v>
      </c>
      <c r="AL546">
        <v>0</v>
      </c>
      <c r="AM546">
        <v>0</v>
      </c>
      <c r="AN546">
        <v>0</v>
      </c>
      <c r="AO546">
        <v>0</v>
      </c>
      <c r="AP546">
        <v>0</v>
      </c>
      <c r="AQ546">
        <v>0</v>
      </c>
      <c r="AR546">
        <v>0</v>
      </c>
      <c r="AS546">
        <v>0</v>
      </c>
      <c r="AT546">
        <v>0</v>
      </c>
      <c r="AU546">
        <v>0</v>
      </c>
      <c r="AV546">
        <v>0</v>
      </c>
      <c r="AW546">
        <v>0</v>
      </c>
      <c r="AX546">
        <v>0</v>
      </c>
      <c r="AY546">
        <v>0</v>
      </c>
      <c r="AZ546">
        <v>0</v>
      </c>
      <c r="BA546">
        <v>0</v>
      </c>
    </row>
    <row r="547" spans="1:53" x14ac:dyDescent="0.4">
      <c r="A547">
        <v>591</v>
      </c>
      <c r="B547" s="1">
        <v>42989</v>
      </c>
      <c r="C547">
        <v>2</v>
      </c>
      <c r="D547" s="1">
        <v>42989.453472222223</v>
      </c>
      <c r="E547" s="1">
        <v>42989.802777777775</v>
      </c>
      <c r="F547">
        <v>24500</v>
      </c>
      <c r="G547">
        <v>176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2101</v>
      </c>
      <c r="N547">
        <v>0</v>
      </c>
      <c r="O547">
        <v>0</v>
      </c>
      <c r="P547">
        <v>12960</v>
      </c>
      <c r="Q547">
        <v>0</v>
      </c>
      <c r="R547">
        <v>41321</v>
      </c>
      <c r="S547">
        <v>0</v>
      </c>
      <c r="T547">
        <v>0</v>
      </c>
      <c r="U547">
        <v>0</v>
      </c>
      <c r="V547">
        <v>1</v>
      </c>
      <c r="W547">
        <v>4</v>
      </c>
      <c r="X547">
        <v>0</v>
      </c>
      <c r="Y547">
        <v>36</v>
      </c>
      <c r="Z547">
        <v>30</v>
      </c>
      <c r="AA547">
        <v>38</v>
      </c>
      <c r="AB547">
        <v>68</v>
      </c>
      <c r="AC547">
        <v>198</v>
      </c>
      <c r="AD547">
        <v>66</v>
      </c>
      <c r="AE547">
        <v>97</v>
      </c>
      <c r="AF547">
        <v>1254</v>
      </c>
      <c r="AG547">
        <v>91861</v>
      </c>
      <c r="AH547">
        <v>50000</v>
      </c>
      <c r="AI547">
        <v>540</v>
      </c>
      <c r="AJ547">
        <v>16</v>
      </c>
      <c r="AK547" t="s">
        <v>11</v>
      </c>
      <c r="AL547">
        <v>0</v>
      </c>
      <c r="AM547">
        <v>0</v>
      </c>
      <c r="AN547">
        <v>0</v>
      </c>
      <c r="AO547">
        <v>0</v>
      </c>
      <c r="AP547">
        <v>0</v>
      </c>
      <c r="AQ547">
        <v>0</v>
      </c>
      <c r="AR547">
        <v>0</v>
      </c>
      <c r="AS547">
        <v>0</v>
      </c>
      <c r="AT547">
        <v>0</v>
      </c>
      <c r="AU547">
        <v>0</v>
      </c>
      <c r="AV547">
        <v>0</v>
      </c>
      <c r="AW547">
        <v>0</v>
      </c>
      <c r="AX547">
        <v>734</v>
      </c>
      <c r="AY547">
        <v>36</v>
      </c>
      <c r="AZ547">
        <v>73</v>
      </c>
      <c r="BA547">
        <v>5791</v>
      </c>
    </row>
    <row r="548" spans="1:53" x14ac:dyDescent="0.4">
      <c r="A548">
        <v>592</v>
      </c>
      <c r="B548" s="1">
        <v>42989</v>
      </c>
      <c r="C548">
        <v>3</v>
      </c>
      <c r="D548" s="1">
        <v>42989.802777777775</v>
      </c>
      <c r="E548" s="1">
        <v>42989.956250000003</v>
      </c>
      <c r="F548">
        <v>32900</v>
      </c>
      <c r="G548">
        <v>1680</v>
      </c>
      <c r="H548">
        <v>0</v>
      </c>
      <c r="I548">
        <v>0</v>
      </c>
      <c r="J548">
        <v>0</v>
      </c>
      <c r="K548">
        <v>0</v>
      </c>
      <c r="L548">
        <v>0</v>
      </c>
      <c r="M548">
        <v>2766</v>
      </c>
      <c r="N548">
        <v>0</v>
      </c>
      <c r="O548">
        <v>0</v>
      </c>
      <c r="P548">
        <v>-9288</v>
      </c>
      <c r="Q548">
        <v>0</v>
      </c>
      <c r="R548">
        <v>28058</v>
      </c>
      <c r="S548">
        <v>0</v>
      </c>
      <c r="T548">
        <v>0</v>
      </c>
      <c r="U548">
        <v>0</v>
      </c>
      <c r="V548">
        <v>3</v>
      </c>
      <c r="W548">
        <v>5</v>
      </c>
      <c r="X548">
        <v>0</v>
      </c>
      <c r="Y548">
        <v>36</v>
      </c>
      <c r="Z548">
        <v>35</v>
      </c>
      <c r="AA548">
        <v>39</v>
      </c>
      <c r="AB548">
        <v>66</v>
      </c>
      <c r="AC548">
        <v>201</v>
      </c>
      <c r="AD548">
        <v>65</v>
      </c>
      <c r="AE548">
        <v>90</v>
      </c>
      <c r="AF548">
        <v>1254</v>
      </c>
      <c r="AG548">
        <v>119379</v>
      </c>
      <c r="AH548">
        <v>50000</v>
      </c>
      <c r="AI548">
        <v>0</v>
      </c>
      <c r="AJ548">
        <v>1</v>
      </c>
      <c r="AK548" t="s">
        <v>3</v>
      </c>
      <c r="AL548">
        <v>0</v>
      </c>
      <c r="AM548">
        <v>0</v>
      </c>
      <c r="AN548">
        <v>0</v>
      </c>
      <c r="AO548">
        <v>0</v>
      </c>
      <c r="AP548">
        <v>0</v>
      </c>
      <c r="AQ548">
        <v>0</v>
      </c>
      <c r="AR548">
        <v>0</v>
      </c>
      <c r="AS548">
        <v>0</v>
      </c>
      <c r="AT548">
        <v>0</v>
      </c>
      <c r="AU548">
        <v>0</v>
      </c>
      <c r="AV548">
        <v>0</v>
      </c>
      <c r="AW548">
        <v>0</v>
      </c>
      <c r="AX548">
        <v>32195</v>
      </c>
      <c r="AY548">
        <v>13</v>
      </c>
      <c r="AZ548">
        <v>31</v>
      </c>
      <c r="BA548">
        <v>1488</v>
      </c>
    </row>
    <row r="549" spans="1:53" x14ac:dyDescent="0.4">
      <c r="A549">
        <v>593</v>
      </c>
      <c r="B549" s="1">
        <v>42989</v>
      </c>
      <c r="C549">
        <v>4</v>
      </c>
      <c r="D549" s="1">
        <v>42989.956250000003</v>
      </c>
      <c r="E549" s="1">
        <v>42990.100694444445</v>
      </c>
      <c r="F549">
        <v>52000</v>
      </c>
      <c r="G549">
        <v>2340</v>
      </c>
      <c r="H549">
        <v>0</v>
      </c>
      <c r="I549">
        <v>0</v>
      </c>
      <c r="J549">
        <v>1380</v>
      </c>
      <c r="K549">
        <v>0</v>
      </c>
      <c r="L549">
        <v>0</v>
      </c>
      <c r="M549">
        <v>4237</v>
      </c>
      <c r="N549">
        <v>0</v>
      </c>
      <c r="O549">
        <v>0</v>
      </c>
      <c r="P549">
        <v>8424</v>
      </c>
      <c r="Q549">
        <v>0</v>
      </c>
      <c r="R549">
        <v>65621</v>
      </c>
      <c r="S549">
        <v>0</v>
      </c>
      <c r="T549">
        <v>0</v>
      </c>
      <c r="U549">
        <v>0</v>
      </c>
      <c r="V549">
        <v>8</v>
      </c>
      <c r="W549">
        <v>4</v>
      </c>
      <c r="X549">
        <v>0</v>
      </c>
      <c r="Y549">
        <v>42</v>
      </c>
      <c r="Z549">
        <v>35</v>
      </c>
      <c r="AA549">
        <v>45</v>
      </c>
      <c r="AB549">
        <v>63</v>
      </c>
      <c r="AC549">
        <v>193</v>
      </c>
      <c r="AD549">
        <v>67</v>
      </c>
      <c r="AE549">
        <v>75</v>
      </c>
      <c r="AF549">
        <v>15510</v>
      </c>
      <c r="AG549">
        <v>185000</v>
      </c>
      <c r="AH549">
        <v>50000</v>
      </c>
      <c r="AI549">
        <v>0</v>
      </c>
      <c r="AJ549">
        <v>104</v>
      </c>
      <c r="AK549" t="s">
        <v>10</v>
      </c>
      <c r="AL549">
        <v>0</v>
      </c>
      <c r="AM549">
        <v>0</v>
      </c>
      <c r="AN549">
        <v>0</v>
      </c>
      <c r="AO549">
        <v>0</v>
      </c>
      <c r="AP549">
        <v>0</v>
      </c>
      <c r="AQ549">
        <v>0</v>
      </c>
      <c r="AR549">
        <v>0</v>
      </c>
      <c r="AS549">
        <v>0</v>
      </c>
      <c r="AT549">
        <v>0</v>
      </c>
      <c r="AU549">
        <v>0</v>
      </c>
      <c r="AV549">
        <v>0</v>
      </c>
      <c r="AW549">
        <v>0</v>
      </c>
      <c r="AX549">
        <v>1090</v>
      </c>
      <c r="AY549">
        <v>5</v>
      </c>
      <c r="AZ549">
        <v>25</v>
      </c>
      <c r="BA549">
        <v>885</v>
      </c>
    </row>
    <row r="550" spans="1:53" x14ac:dyDescent="0.4">
      <c r="A550">
        <v>594</v>
      </c>
      <c r="B550" s="1">
        <v>42990</v>
      </c>
      <c r="C550">
        <v>1</v>
      </c>
      <c r="D550" s="1">
        <v>42990.291666666664</v>
      </c>
      <c r="E550" s="1">
        <v>42990.436805555553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  <c r="M550">
        <v>0</v>
      </c>
      <c r="N550">
        <v>0</v>
      </c>
      <c r="O550">
        <v>0</v>
      </c>
      <c r="P550">
        <v>0</v>
      </c>
      <c r="Q550">
        <v>0</v>
      </c>
      <c r="R550">
        <v>0</v>
      </c>
      <c r="S550">
        <v>0</v>
      </c>
      <c r="T550">
        <v>0</v>
      </c>
      <c r="U550">
        <v>0</v>
      </c>
      <c r="V550">
        <v>0</v>
      </c>
      <c r="W550">
        <v>1</v>
      </c>
      <c r="X550">
        <v>0</v>
      </c>
      <c r="Y550">
        <v>25</v>
      </c>
      <c r="Z550">
        <v>21</v>
      </c>
      <c r="AA550">
        <v>44</v>
      </c>
      <c r="AB550">
        <v>56</v>
      </c>
      <c r="AC550">
        <v>189</v>
      </c>
      <c r="AD550">
        <v>67</v>
      </c>
      <c r="AE550">
        <v>75</v>
      </c>
      <c r="AF550">
        <v>0</v>
      </c>
      <c r="AG550">
        <v>50000</v>
      </c>
      <c r="AH550">
        <v>50000</v>
      </c>
      <c r="AI550">
        <v>0</v>
      </c>
      <c r="AJ550">
        <v>0</v>
      </c>
      <c r="AK550" t="s">
        <v>6</v>
      </c>
      <c r="AL550">
        <v>0</v>
      </c>
      <c r="AM550">
        <v>0</v>
      </c>
      <c r="AN550">
        <v>0</v>
      </c>
      <c r="AO550">
        <v>0</v>
      </c>
      <c r="AP550">
        <v>0</v>
      </c>
      <c r="AQ550">
        <v>0</v>
      </c>
      <c r="AR550">
        <v>0</v>
      </c>
      <c r="AS550">
        <v>0</v>
      </c>
      <c r="AT550">
        <v>0</v>
      </c>
      <c r="AU550">
        <v>0</v>
      </c>
      <c r="AV550">
        <v>0</v>
      </c>
      <c r="AW550">
        <v>0</v>
      </c>
      <c r="AX550">
        <v>0</v>
      </c>
      <c r="AY550">
        <v>0</v>
      </c>
      <c r="AZ550">
        <v>0</v>
      </c>
      <c r="BA550">
        <v>0</v>
      </c>
    </row>
    <row r="551" spans="1:53" x14ac:dyDescent="0.4">
      <c r="A551">
        <v>595</v>
      </c>
      <c r="B551" s="1">
        <v>42990</v>
      </c>
      <c r="C551">
        <v>2</v>
      </c>
      <c r="D551" s="1">
        <v>42990.436805555553</v>
      </c>
      <c r="E551" s="1">
        <v>42990.793055555558</v>
      </c>
      <c r="F551">
        <v>21500</v>
      </c>
      <c r="G551">
        <v>3010</v>
      </c>
      <c r="H551">
        <v>0</v>
      </c>
      <c r="I551">
        <v>0</v>
      </c>
      <c r="J551">
        <v>0</v>
      </c>
      <c r="K551">
        <v>0</v>
      </c>
      <c r="L551">
        <v>0</v>
      </c>
      <c r="M551">
        <v>1960</v>
      </c>
      <c r="N551">
        <v>0</v>
      </c>
      <c r="O551">
        <v>0</v>
      </c>
      <c r="P551">
        <v>30996</v>
      </c>
      <c r="Q551">
        <v>0</v>
      </c>
      <c r="R551">
        <v>57466</v>
      </c>
      <c r="S551">
        <v>0</v>
      </c>
      <c r="T551">
        <v>0</v>
      </c>
      <c r="U551">
        <v>0</v>
      </c>
      <c r="V551">
        <v>0</v>
      </c>
      <c r="W551">
        <v>3</v>
      </c>
      <c r="X551">
        <v>0</v>
      </c>
      <c r="Y551">
        <v>57</v>
      </c>
      <c r="Z551">
        <v>31</v>
      </c>
      <c r="AA551">
        <v>97</v>
      </c>
      <c r="AB551">
        <v>64</v>
      </c>
      <c r="AC551">
        <v>226</v>
      </c>
      <c r="AD551">
        <v>68</v>
      </c>
      <c r="AE551">
        <v>75</v>
      </c>
      <c r="AF551">
        <v>4931</v>
      </c>
      <c r="AG551">
        <v>108006</v>
      </c>
      <c r="AH551">
        <v>50000</v>
      </c>
      <c r="AI551">
        <v>540</v>
      </c>
      <c r="AJ551">
        <v>84</v>
      </c>
      <c r="AK551" t="s">
        <v>16</v>
      </c>
      <c r="AL551">
        <v>0</v>
      </c>
      <c r="AM551">
        <v>0</v>
      </c>
      <c r="AN551">
        <v>0</v>
      </c>
      <c r="AO551">
        <v>0</v>
      </c>
      <c r="AP551">
        <v>0</v>
      </c>
      <c r="AQ551">
        <v>0</v>
      </c>
      <c r="AR551">
        <v>0</v>
      </c>
      <c r="AS551">
        <v>0</v>
      </c>
      <c r="AT551">
        <v>0</v>
      </c>
      <c r="AU551">
        <v>0</v>
      </c>
      <c r="AV551">
        <v>0</v>
      </c>
      <c r="AW551">
        <v>0</v>
      </c>
      <c r="AX551">
        <v>-2690</v>
      </c>
      <c r="AY551">
        <v>38</v>
      </c>
      <c r="AZ551">
        <v>74</v>
      </c>
      <c r="BA551">
        <v>5213</v>
      </c>
    </row>
    <row r="552" spans="1:53" x14ac:dyDescent="0.4">
      <c r="A552">
        <v>596</v>
      </c>
      <c r="B552" s="1">
        <v>42990</v>
      </c>
      <c r="C552">
        <v>3</v>
      </c>
      <c r="D552" s="1">
        <v>42990.793055555558</v>
      </c>
      <c r="E552" s="1">
        <v>42990.944444444445</v>
      </c>
      <c r="F552">
        <v>34600</v>
      </c>
      <c r="G552">
        <v>235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2956</v>
      </c>
      <c r="N552">
        <v>0</v>
      </c>
      <c r="O552">
        <v>0</v>
      </c>
      <c r="P552">
        <v>-4644</v>
      </c>
      <c r="Q552">
        <v>0</v>
      </c>
      <c r="R552">
        <v>35262</v>
      </c>
      <c r="S552">
        <v>0</v>
      </c>
      <c r="T552">
        <v>0</v>
      </c>
      <c r="U552">
        <v>0</v>
      </c>
      <c r="V552">
        <v>1</v>
      </c>
      <c r="W552">
        <v>5</v>
      </c>
      <c r="X552">
        <v>0</v>
      </c>
      <c r="Y552">
        <v>78</v>
      </c>
      <c r="Z552">
        <v>28</v>
      </c>
      <c r="AA552">
        <v>48</v>
      </c>
      <c r="AB552">
        <v>65</v>
      </c>
      <c r="AC552">
        <v>233</v>
      </c>
      <c r="AD552">
        <v>67</v>
      </c>
      <c r="AE552">
        <v>82</v>
      </c>
      <c r="AF552">
        <v>4931</v>
      </c>
      <c r="AG552">
        <v>142728</v>
      </c>
      <c r="AH552">
        <v>50000</v>
      </c>
      <c r="AI552">
        <v>0</v>
      </c>
      <c r="AJ552">
        <v>84</v>
      </c>
      <c r="AK552" t="s">
        <v>16</v>
      </c>
      <c r="AL552">
        <v>0</v>
      </c>
      <c r="AM552">
        <v>0</v>
      </c>
      <c r="AN552">
        <v>0</v>
      </c>
      <c r="AO552">
        <v>0</v>
      </c>
      <c r="AP552">
        <v>0</v>
      </c>
      <c r="AQ552">
        <v>0</v>
      </c>
      <c r="AR552">
        <v>0</v>
      </c>
      <c r="AS552">
        <v>0</v>
      </c>
      <c r="AT552">
        <v>0</v>
      </c>
      <c r="AU552">
        <v>0</v>
      </c>
      <c r="AV552">
        <v>0</v>
      </c>
      <c r="AW552">
        <v>0</v>
      </c>
      <c r="AX552">
        <v>12560</v>
      </c>
      <c r="AY552">
        <v>13</v>
      </c>
      <c r="AZ552">
        <v>31</v>
      </c>
      <c r="BA552">
        <v>2023</v>
      </c>
    </row>
    <row r="553" spans="1:53" x14ac:dyDescent="0.4">
      <c r="A553">
        <v>597</v>
      </c>
      <c r="B553" s="1">
        <v>42990</v>
      </c>
      <c r="C553">
        <v>4</v>
      </c>
      <c r="D553" s="1">
        <v>42990.944444444445</v>
      </c>
      <c r="E553" s="1">
        <v>42991.129861111112</v>
      </c>
      <c r="F553">
        <v>35200</v>
      </c>
      <c r="G553">
        <v>4680</v>
      </c>
      <c r="H553">
        <v>0</v>
      </c>
      <c r="I553">
        <v>0</v>
      </c>
      <c r="J553">
        <v>0</v>
      </c>
      <c r="K553">
        <v>6000</v>
      </c>
      <c r="L553">
        <v>0</v>
      </c>
      <c r="M553">
        <v>3670</v>
      </c>
      <c r="N553">
        <v>0</v>
      </c>
      <c r="O553">
        <v>0</v>
      </c>
      <c r="P553">
        <v>-20520</v>
      </c>
      <c r="Q553">
        <v>0</v>
      </c>
      <c r="R553">
        <v>29030</v>
      </c>
      <c r="S553">
        <v>0</v>
      </c>
      <c r="T553">
        <v>0</v>
      </c>
      <c r="U553">
        <v>0</v>
      </c>
      <c r="V553">
        <v>5</v>
      </c>
      <c r="W553">
        <v>2</v>
      </c>
      <c r="X553">
        <v>0</v>
      </c>
      <c r="Y553">
        <v>82</v>
      </c>
      <c r="Z553">
        <v>29</v>
      </c>
      <c r="AA553">
        <v>43</v>
      </c>
      <c r="AB553">
        <v>65</v>
      </c>
      <c r="AC553">
        <v>236</v>
      </c>
      <c r="AD553">
        <v>67</v>
      </c>
      <c r="AE553">
        <v>82</v>
      </c>
      <c r="AF553">
        <v>4931</v>
      </c>
      <c r="AG553">
        <v>171758</v>
      </c>
      <c r="AH553">
        <v>50000</v>
      </c>
      <c r="AI553">
        <v>0</v>
      </c>
      <c r="AJ553">
        <v>30</v>
      </c>
      <c r="AL553">
        <v>0</v>
      </c>
      <c r="AM553">
        <v>0</v>
      </c>
      <c r="AN553">
        <v>0</v>
      </c>
      <c r="AO553">
        <v>0</v>
      </c>
      <c r="AP553">
        <v>0</v>
      </c>
      <c r="AQ553">
        <v>0</v>
      </c>
      <c r="AR553">
        <v>0</v>
      </c>
      <c r="AS553">
        <v>0</v>
      </c>
      <c r="AT553">
        <v>0</v>
      </c>
      <c r="AU553">
        <v>0</v>
      </c>
      <c r="AV553">
        <v>0</v>
      </c>
      <c r="AW553">
        <v>0</v>
      </c>
      <c r="AX553">
        <v>0</v>
      </c>
      <c r="AY553">
        <v>5</v>
      </c>
      <c r="AZ553">
        <v>10</v>
      </c>
      <c r="BA553">
        <v>846</v>
      </c>
    </row>
    <row r="554" spans="1:53" x14ac:dyDescent="0.4">
      <c r="A554">
        <v>598</v>
      </c>
      <c r="B554" s="1">
        <v>42991</v>
      </c>
      <c r="C554">
        <v>1</v>
      </c>
      <c r="D554" s="1">
        <v>42991.291666666664</v>
      </c>
      <c r="E554" s="1">
        <v>42991.449305555558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0</v>
      </c>
      <c r="O554">
        <v>0</v>
      </c>
      <c r="P554">
        <v>0</v>
      </c>
      <c r="Q554">
        <v>0</v>
      </c>
      <c r="R554">
        <v>0</v>
      </c>
      <c r="S554">
        <v>0</v>
      </c>
      <c r="T554">
        <v>0</v>
      </c>
      <c r="U554">
        <v>0</v>
      </c>
      <c r="V554">
        <v>0</v>
      </c>
      <c r="W554">
        <v>0</v>
      </c>
      <c r="X554">
        <v>0</v>
      </c>
      <c r="Y554">
        <v>36</v>
      </c>
      <c r="Z554">
        <v>9</v>
      </c>
      <c r="AA554">
        <v>45</v>
      </c>
      <c r="AB554">
        <v>65</v>
      </c>
      <c r="AC554">
        <v>134</v>
      </c>
      <c r="AD554">
        <v>66</v>
      </c>
      <c r="AE554">
        <v>80</v>
      </c>
      <c r="AF554">
        <v>0</v>
      </c>
      <c r="AG554">
        <v>50000</v>
      </c>
      <c r="AH554">
        <v>0</v>
      </c>
      <c r="AI554">
        <v>50000</v>
      </c>
      <c r="AJ554">
        <v>0</v>
      </c>
      <c r="AK554" t="s">
        <v>6</v>
      </c>
      <c r="AL554">
        <v>0</v>
      </c>
      <c r="AM554">
        <v>0</v>
      </c>
      <c r="AN554">
        <v>0</v>
      </c>
      <c r="AO554">
        <v>0</v>
      </c>
      <c r="AP554">
        <v>0</v>
      </c>
      <c r="AQ554">
        <v>0</v>
      </c>
      <c r="AR554">
        <v>0</v>
      </c>
      <c r="AS554">
        <v>0</v>
      </c>
      <c r="AT554">
        <v>0</v>
      </c>
      <c r="AU554">
        <v>0</v>
      </c>
      <c r="AV554">
        <v>0</v>
      </c>
      <c r="AW554">
        <v>0</v>
      </c>
      <c r="AX554">
        <v>0</v>
      </c>
      <c r="AY554">
        <v>0</v>
      </c>
      <c r="AZ554">
        <v>0</v>
      </c>
      <c r="BA554">
        <v>0</v>
      </c>
    </row>
    <row r="555" spans="1:53" x14ac:dyDescent="0.4">
      <c r="A555">
        <v>599</v>
      </c>
      <c r="B555" s="1">
        <v>42991</v>
      </c>
      <c r="C555">
        <v>2</v>
      </c>
      <c r="D555" s="1">
        <v>42991.449305555558</v>
      </c>
      <c r="E555" s="1">
        <v>42991.820833333331</v>
      </c>
      <c r="F555">
        <v>34000</v>
      </c>
      <c r="G555">
        <v>198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2878</v>
      </c>
      <c r="N555">
        <v>0</v>
      </c>
      <c r="O555">
        <v>0</v>
      </c>
      <c r="P555">
        <v>13284</v>
      </c>
      <c r="Q555">
        <v>0</v>
      </c>
      <c r="R555">
        <v>52142</v>
      </c>
      <c r="S555">
        <v>0</v>
      </c>
      <c r="T555">
        <v>0</v>
      </c>
      <c r="U555">
        <v>0</v>
      </c>
      <c r="V555">
        <v>1</v>
      </c>
      <c r="W555">
        <v>1</v>
      </c>
      <c r="X555">
        <v>0</v>
      </c>
      <c r="Y555">
        <v>65</v>
      </c>
      <c r="Z555">
        <v>19</v>
      </c>
      <c r="AA555">
        <v>67</v>
      </c>
      <c r="AB555">
        <v>74</v>
      </c>
      <c r="AC555">
        <v>182</v>
      </c>
      <c r="AD555">
        <v>69</v>
      </c>
      <c r="AE555">
        <v>77</v>
      </c>
      <c r="AF555">
        <v>0</v>
      </c>
      <c r="AG555">
        <v>102142</v>
      </c>
      <c r="AH555">
        <v>50000</v>
      </c>
      <c r="AI555">
        <v>0</v>
      </c>
      <c r="AJ555">
        <v>99</v>
      </c>
      <c r="AK555" t="s">
        <v>9</v>
      </c>
      <c r="AL555">
        <v>0</v>
      </c>
      <c r="AM555">
        <v>0</v>
      </c>
      <c r="AN555">
        <v>0</v>
      </c>
      <c r="AO555">
        <v>0</v>
      </c>
      <c r="AP555">
        <v>0</v>
      </c>
      <c r="AQ555">
        <v>0</v>
      </c>
      <c r="AR555">
        <v>0</v>
      </c>
      <c r="AS555">
        <v>0</v>
      </c>
      <c r="AT555">
        <v>0</v>
      </c>
      <c r="AU555">
        <v>0</v>
      </c>
      <c r="AV555">
        <v>0</v>
      </c>
      <c r="AW555">
        <v>0</v>
      </c>
      <c r="AX555">
        <v>3704</v>
      </c>
      <c r="AY555">
        <v>43</v>
      </c>
      <c r="AZ555">
        <v>84</v>
      </c>
      <c r="BA555">
        <v>6445</v>
      </c>
    </row>
    <row r="556" spans="1:53" x14ac:dyDescent="0.4">
      <c r="A556">
        <v>600</v>
      </c>
      <c r="B556" s="1">
        <v>42991</v>
      </c>
      <c r="C556">
        <v>3</v>
      </c>
      <c r="D556" s="1">
        <v>42991.820833333331</v>
      </c>
      <c r="E556" s="1">
        <v>42991.946527777778</v>
      </c>
      <c r="F556">
        <v>25820</v>
      </c>
      <c r="G556">
        <v>930</v>
      </c>
      <c r="H556">
        <v>0</v>
      </c>
      <c r="I556">
        <v>0</v>
      </c>
      <c r="J556">
        <v>0</v>
      </c>
      <c r="K556">
        <v>2000</v>
      </c>
      <c r="L556">
        <v>0</v>
      </c>
      <c r="M556">
        <v>2300</v>
      </c>
      <c r="N556">
        <v>0</v>
      </c>
      <c r="O556">
        <v>0</v>
      </c>
      <c r="P556">
        <v>-3348</v>
      </c>
      <c r="Q556">
        <v>0</v>
      </c>
      <c r="R556">
        <v>27702</v>
      </c>
      <c r="S556">
        <v>0</v>
      </c>
      <c r="T556">
        <v>0</v>
      </c>
      <c r="U556">
        <v>0</v>
      </c>
      <c r="V556">
        <v>1</v>
      </c>
      <c r="W556">
        <v>2</v>
      </c>
      <c r="X556">
        <v>0</v>
      </c>
      <c r="Y556">
        <v>85</v>
      </c>
      <c r="Z556">
        <v>17</v>
      </c>
      <c r="AA556">
        <v>62</v>
      </c>
      <c r="AB556">
        <v>74</v>
      </c>
      <c r="AC556">
        <v>171</v>
      </c>
      <c r="AD556">
        <v>71</v>
      </c>
      <c r="AE556">
        <v>95</v>
      </c>
      <c r="AF556">
        <v>4284</v>
      </c>
      <c r="AG556">
        <v>129844</v>
      </c>
      <c r="AH556">
        <v>50000</v>
      </c>
      <c r="AI556">
        <v>0</v>
      </c>
      <c r="AJ556">
        <v>99</v>
      </c>
      <c r="AK556" t="s">
        <v>9</v>
      </c>
      <c r="AL556">
        <v>0</v>
      </c>
      <c r="AM556">
        <v>0</v>
      </c>
      <c r="AN556">
        <v>0</v>
      </c>
      <c r="AO556">
        <v>0</v>
      </c>
      <c r="AP556">
        <v>0</v>
      </c>
      <c r="AQ556">
        <v>0</v>
      </c>
      <c r="AR556">
        <v>0</v>
      </c>
      <c r="AS556">
        <v>0</v>
      </c>
      <c r="AT556">
        <v>0</v>
      </c>
      <c r="AU556">
        <v>0</v>
      </c>
      <c r="AV556">
        <v>0</v>
      </c>
      <c r="AW556">
        <v>0</v>
      </c>
      <c r="AX556">
        <v>36018</v>
      </c>
      <c r="AY556">
        <v>11</v>
      </c>
      <c r="AZ556">
        <v>31</v>
      </c>
      <c r="BA556">
        <v>1486</v>
      </c>
    </row>
    <row r="557" spans="1:53" x14ac:dyDescent="0.4">
      <c r="A557">
        <v>601</v>
      </c>
      <c r="B557" s="1">
        <v>42992</v>
      </c>
      <c r="C557">
        <v>1</v>
      </c>
      <c r="D557" s="1">
        <v>42992.291666666664</v>
      </c>
      <c r="E557" s="1">
        <v>42992.447916666664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0</v>
      </c>
      <c r="O557">
        <v>0</v>
      </c>
      <c r="P557">
        <v>0</v>
      </c>
      <c r="Q557">
        <v>0</v>
      </c>
      <c r="R557">
        <v>0</v>
      </c>
      <c r="S557">
        <v>0</v>
      </c>
      <c r="T557">
        <v>0</v>
      </c>
      <c r="U557">
        <v>0</v>
      </c>
      <c r="V557">
        <v>0</v>
      </c>
      <c r="W557">
        <v>1</v>
      </c>
      <c r="X557">
        <v>0</v>
      </c>
      <c r="Y557">
        <v>26</v>
      </c>
      <c r="Z557">
        <v>15</v>
      </c>
      <c r="AA557">
        <v>66</v>
      </c>
      <c r="AB557">
        <v>75</v>
      </c>
      <c r="AC557">
        <v>69</v>
      </c>
      <c r="AD557">
        <v>72</v>
      </c>
      <c r="AE557">
        <v>100</v>
      </c>
      <c r="AF557">
        <v>0</v>
      </c>
      <c r="AG557">
        <v>50000</v>
      </c>
      <c r="AH557">
        <v>0</v>
      </c>
      <c r="AI557">
        <v>50000</v>
      </c>
      <c r="AJ557">
        <v>0</v>
      </c>
      <c r="AK557" t="s">
        <v>6</v>
      </c>
      <c r="AL557">
        <v>0</v>
      </c>
      <c r="AM557">
        <v>0</v>
      </c>
      <c r="AN557">
        <v>0</v>
      </c>
      <c r="AO557">
        <v>0</v>
      </c>
      <c r="AP557">
        <v>0</v>
      </c>
      <c r="AQ557">
        <v>0</v>
      </c>
      <c r="AR557">
        <v>0</v>
      </c>
      <c r="AS557">
        <v>0</v>
      </c>
      <c r="AT557">
        <v>0</v>
      </c>
      <c r="AU557">
        <v>0</v>
      </c>
      <c r="AV557">
        <v>0</v>
      </c>
      <c r="AW557">
        <v>0</v>
      </c>
      <c r="AX557">
        <v>0</v>
      </c>
      <c r="AY557">
        <v>0</v>
      </c>
      <c r="AZ557">
        <v>0</v>
      </c>
      <c r="BA557">
        <v>0</v>
      </c>
    </row>
    <row r="558" spans="1:53" x14ac:dyDescent="0.4">
      <c r="A558">
        <v>602</v>
      </c>
      <c r="B558" s="1">
        <v>42992</v>
      </c>
      <c r="C558">
        <v>2</v>
      </c>
      <c r="D558" s="1">
        <v>42992.447916666664</v>
      </c>
      <c r="E558" s="1">
        <v>42992.770138888889</v>
      </c>
      <c r="F558">
        <v>20500</v>
      </c>
      <c r="G558">
        <v>361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1929</v>
      </c>
      <c r="N558">
        <v>0</v>
      </c>
      <c r="O558">
        <v>0</v>
      </c>
      <c r="P558">
        <v>15660</v>
      </c>
      <c r="Q558">
        <v>0</v>
      </c>
      <c r="R558">
        <v>41699</v>
      </c>
      <c r="S558">
        <v>0</v>
      </c>
      <c r="T558">
        <v>0</v>
      </c>
      <c r="U558">
        <v>0</v>
      </c>
      <c r="V558">
        <v>2</v>
      </c>
      <c r="W558">
        <v>3</v>
      </c>
      <c r="X558">
        <v>0</v>
      </c>
      <c r="Y558">
        <v>24</v>
      </c>
      <c r="Z558">
        <v>32</v>
      </c>
      <c r="AA558">
        <v>49</v>
      </c>
      <c r="AB558">
        <v>77</v>
      </c>
      <c r="AC558">
        <v>153</v>
      </c>
      <c r="AD558">
        <v>75</v>
      </c>
      <c r="AE558">
        <v>105</v>
      </c>
      <c r="AF558">
        <v>5939</v>
      </c>
      <c r="AG558">
        <v>91699</v>
      </c>
      <c r="AH558">
        <v>50000</v>
      </c>
      <c r="AI558">
        <v>0</v>
      </c>
      <c r="AJ558">
        <v>93</v>
      </c>
      <c r="AK558" t="s">
        <v>20</v>
      </c>
      <c r="AL558">
        <v>0</v>
      </c>
      <c r="AM558">
        <v>0</v>
      </c>
      <c r="AN558">
        <v>0</v>
      </c>
      <c r="AO558">
        <v>0</v>
      </c>
      <c r="AP558">
        <v>0</v>
      </c>
      <c r="AQ558">
        <v>0</v>
      </c>
      <c r="AR558">
        <v>0</v>
      </c>
      <c r="AS558">
        <v>0</v>
      </c>
      <c r="AT558">
        <v>0</v>
      </c>
      <c r="AU558">
        <v>0</v>
      </c>
      <c r="AV558">
        <v>0</v>
      </c>
      <c r="AW558">
        <v>0</v>
      </c>
      <c r="AX558">
        <v>1490</v>
      </c>
      <c r="AY558">
        <v>40</v>
      </c>
      <c r="AZ558">
        <v>73</v>
      </c>
      <c r="BA558">
        <v>4998</v>
      </c>
    </row>
    <row r="559" spans="1:53" x14ac:dyDescent="0.4">
      <c r="A559">
        <v>603</v>
      </c>
      <c r="B559" s="1">
        <v>42992</v>
      </c>
      <c r="C559">
        <v>3</v>
      </c>
      <c r="D559" s="1">
        <v>42992.770138888889</v>
      </c>
      <c r="E559" s="1">
        <v>42992.962500000001</v>
      </c>
      <c r="F559">
        <v>47800</v>
      </c>
      <c r="G559">
        <v>1380</v>
      </c>
      <c r="H559">
        <v>0</v>
      </c>
      <c r="I559">
        <v>0</v>
      </c>
      <c r="J559">
        <v>1000</v>
      </c>
      <c r="K559">
        <v>0</v>
      </c>
      <c r="L559">
        <v>0</v>
      </c>
      <c r="M559">
        <v>3854</v>
      </c>
      <c r="N559">
        <v>0</v>
      </c>
      <c r="O559">
        <v>0</v>
      </c>
      <c r="P559">
        <v>17604</v>
      </c>
      <c r="Q559">
        <v>0</v>
      </c>
      <c r="R559">
        <v>69638</v>
      </c>
      <c r="S559">
        <v>0</v>
      </c>
      <c r="T559">
        <v>0</v>
      </c>
      <c r="U559">
        <v>0</v>
      </c>
      <c r="V559">
        <v>4</v>
      </c>
      <c r="W559">
        <v>1</v>
      </c>
      <c r="X559">
        <v>0</v>
      </c>
      <c r="Y559">
        <v>39</v>
      </c>
      <c r="Z559">
        <v>33</v>
      </c>
      <c r="AA559">
        <v>70</v>
      </c>
      <c r="AB559">
        <v>83</v>
      </c>
      <c r="AC559">
        <v>157</v>
      </c>
      <c r="AD559">
        <v>75</v>
      </c>
      <c r="AE559">
        <v>101</v>
      </c>
      <c r="AF559">
        <v>47641</v>
      </c>
      <c r="AG559">
        <v>161337</v>
      </c>
      <c r="AH559">
        <v>50000</v>
      </c>
      <c r="AI559">
        <v>0</v>
      </c>
      <c r="AJ559">
        <v>100</v>
      </c>
      <c r="AK559" t="s">
        <v>0</v>
      </c>
      <c r="AL559">
        <v>0</v>
      </c>
      <c r="AM559">
        <v>0</v>
      </c>
      <c r="AN559">
        <v>0</v>
      </c>
      <c r="AO559">
        <v>0</v>
      </c>
      <c r="AP559">
        <v>0</v>
      </c>
      <c r="AQ559">
        <v>0</v>
      </c>
      <c r="AR559">
        <v>0</v>
      </c>
      <c r="AS559">
        <v>0</v>
      </c>
      <c r="AT559">
        <v>0</v>
      </c>
      <c r="AU559">
        <v>0</v>
      </c>
      <c r="AV559">
        <v>0</v>
      </c>
      <c r="AW559">
        <v>0</v>
      </c>
      <c r="AX559">
        <v>25650</v>
      </c>
      <c r="AY559">
        <v>16</v>
      </c>
      <c r="AZ559">
        <v>59</v>
      </c>
      <c r="BA559">
        <v>2609</v>
      </c>
    </row>
    <row r="560" spans="1:53" x14ac:dyDescent="0.4">
      <c r="A560">
        <v>604</v>
      </c>
      <c r="B560" s="1">
        <v>42992</v>
      </c>
      <c r="C560">
        <v>4</v>
      </c>
      <c r="D560" s="1">
        <v>42992.962500000001</v>
      </c>
      <c r="E560" s="1">
        <v>42993.106944444444</v>
      </c>
      <c r="F560">
        <v>93000</v>
      </c>
      <c r="G560">
        <v>1710</v>
      </c>
      <c r="H560">
        <v>0</v>
      </c>
      <c r="I560">
        <v>0</v>
      </c>
      <c r="J560">
        <v>0</v>
      </c>
      <c r="K560">
        <v>0</v>
      </c>
      <c r="L560">
        <v>0</v>
      </c>
      <c r="M560">
        <v>7577</v>
      </c>
      <c r="N560">
        <v>0</v>
      </c>
      <c r="O560">
        <v>0</v>
      </c>
      <c r="P560">
        <v>-20088</v>
      </c>
      <c r="Q560">
        <v>0</v>
      </c>
      <c r="R560">
        <v>82199</v>
      </c>
      <c r="S560">
        <v>0</v>
      </c>
      <c r="T560">
        <v>0</v>
      </c>
      <c r="U560">
        <v>0</v>
      </c>
      <c r="V560">
        <v>5</v>
      </c>
      <c r="W560">
        <v>4</v>
      </c>
      <c r="X560">
        <v>0</v>
      </c>
      <c r="Y560">
        <v>64</v>
      </c>
      <c r="Z560">
        <v>26</v>
      </c>
      <c r="AA560">
        <v>74</v>
      </c>
      <c r="AB560">
        <v>83</v>
      </c>
      <c r="AC560">
        <v>160</v>
      </c>
      <c r="AD560">
        <v>75</v>
      </c>
      <c r="AE560">
        <v>100</v>
      </c>
      <c r="AF560">
        <v>82911</v>
      </c>
      <c r="AG560">
        <v>243536</v>
      </c>
      <c r="AH560">
        <v>50000</v>
      </c>
      <c r="AI560">
        <v>0</v>
      </c>
      <c r="AJ560">
        <v>70</v>
      </c>
      <c r="AK560" t="s">
        <v>25</v>
      </c>
      <c r="AL560">
        <v>0</v>
      </c>
      <c r="AM560">
        <v>0</v>
      </c>
      <c r="AN560">
        <v>0</v>
      </c>
      <c r="AO560">
        <v>0</v>
      </c>
      <c r="AP560">
        <v>0</v>
      </c>
      <c r="AQ560">
        <v>0</v>
      </c>
      <c r="AR560">
        <v>0</v>
      </c>
      <c r="AS560">
        <v>0</v>
      </c>
      <c r="AT560">
        <v>0</v>
      </c>
      <c r="AU560">
        <v>0</v>
      </c>
      <c r="AV560">
        <v>0</v>
      </c>
      <c r="AW560">
        <v>0</v>
      </c>
      <c r="AX560">
        <v>324</v>
      </c>
      <c r="AY560">
        <v>6</v>
      </c>
      <c r="AZ560">
        <v>26</v>
      </c>
      <c r="BA560">
        <v>1166</v>
      </c>
    </row>
    <row r="561" spans="1:53" x14ac:dyDescent="0.4">
      <c r="A561">
        <v>605</v>
      </c>
      <c r="B561" s="1">
        <v>42993</v>
      </c>
      <c r="C561">
        <v>1</v>
      </c>
      <c r="D561" s="1">
        <v>42993.291666666664</v>
      </c>
      <c r="E561" s="1">
        <v>42993.442361111112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0</v>
      </c>
      <c r="O561">
        <v>0</v>
      </c>
      <c r="P561">
        <v>0</v>
      </c>
      <c r="Q561">
        <v>0</v>
      </c>
      <c r="R561">
        <v>0</v>
      </c>
      <c r="S561">
        <v>0</v>
      </c>
      <c r="T561">
        <v>0</v>
      </c>
      <c r="U561">
        <v>0</v>
      </c>
      <c r="V561">
        <v>0</v>
      </c>
      <c r="W561">
        <v>0</v>
      </c>
      <c r="X561">
        <v>0</v>
      </c>
      <c r="Y561">
        <v>24</v>
      </c>
      <c r="Z561">
        <v>25</v>
      </c>
      <c r="AA561">
        <v>73</v>
      </c>
      <c r="AB561">
        <v>83</v>
      </c>
      <c r="AC561">
        <v>157</v>
      </c>
      <c r="AD561">
        <v>76</v>
      </c>
      <c r="AE561">
        <v>100</v>
      </c>
      <c r="AF561">
        <v>0</v>
      </c>
      <c r="AG561">
        <v>50000</v>
      </c>
      <c r="AH561">
        <v>0</v>
      </c>
      <c r="AI561">
        <v>50000</v>
      </c>
      <c r="AJ561">
        <v>0</v>
      </c>
      <c r="AK561" t="s">
        <v>6</v>
      </c>
      <c r="AL561">
        <v>0</v>
      </c>
      <c r="AM561">
        <v>0</v>
      </c>
      <c r="AN561">
        <v>0</v>
      </c>
      <c r="AO561">
        <v>0</v>
      </c>
      <c r="AP561">
        <v>0</v>
      </c>
      <c r="AQ561">
        <v>0</v>
      </c>
      <c r="AR561">
        <v>0</v>
      </c>
      <c r="AS561">
        <v>0</v>
      </c>
      <c r="AT561">
        <v>0</v>
      </c>
      <c r="AU561">
        <v>0</v>
      </c>
      <c r="AV561">
        <v>0</v>
      </c>
      <c r="AW561">
        <v>0</v>
      </c>
      <c r="AX561">
        <v>0</v>
      </c>
      <c r="AY561">
        <v>0</v>
      </c>
      <c r="AZ561">
        <v>0</v>
      </c>
      <c r="BA561">
        <v>0</v>
      </c>
    </row>
    <row r="562" spans="1:53" x14ac:dyDescent="0.4">
      <c r="A562">
        <v>606</v>
      </c>
      <c r="B562" s="1">
        <v>42993</v>
      </c>
      <c r="C562">
        <v>2</v>
      </c>
      <c r="D562" s="1">
        <v>42993.442361111112</v>
      </c>
      <c r="E562" s="1">
        <v>42993.736805555556</v>
      </c>
      <c r="F562">
        <v>14750</v>
      </c>
      <c r="G562">
        <v>222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1358</v>
      </c>
      <c r="N562">
        <v>0</v>
      </c>
      <c r="O562">
        <v>0</v>
      </c>
      <c r="P562">
        <v>15660</v>
      </c>
      <c r="Q562">
        <v>0</v>
      </c>
      <c r="R562">
        <v>33988</v>
      </c>
      <c r="S562">
        <v>0</v>
      </c>
      <c r="T562">
        <v>0</v>
      </c>
      <c r="U562">
        <v>0</v>
      </c>
      <c r="V562">
        <v>2</v>
      </c>
      <c r="W562">
        <v>2</v>
      </c>
      <c r="X562">
        <v>0</v>
      </c>
      <c r="Y562">
        <v>25</v>
      </c>
      <c r="Z562">
        <v>26</v>
      </c>
      <c r="AA562">
        <v>82</v>
      </c>
      <c r="AB562">
        <v>93</v>
      </c>
      <c r="AC562">
        <v>212</v>
      </c>
      <c r="AD562">
        <v>76</v>
      </c>
      <c r="AE562">
        <v>98</v>
      </c>
      <c r="AF562">
        <v>540</v>
      </c>
      <c r="AG562">
        <v>83988</v>
      </c>
      <c r="AH562">
        <v>50000</v>
      </c>
      <c r="AI562">
        <v>0</v>
      </c>
      <c r="AJ562">
        <v>82</v>
      </c>
      <c r="AK562" t="s">
        <v>17</v>
      </c>
      <c r="AL562">
        <v>0</v>
      </c>
      <c r="AM562">
        <v>0</v>
      </c>
      <c r="AN562">
        <v>0</v>
      </c>
      <c r="AO562">
        <v>0</v>
      </c>
      <c r="AP562">
        <v>0</v>
      </c>
      <c r="AQ562">
        <v>0</v>
      </c>
      <c r="AR562">
        <v>0</v>
      </c>
      <c r="AS562">
        <v>0</v>
      </c>
      <c r="AT562">
        <v>0</v>
      </c>
      <c r="AU562">
        <v>0</v>
      </c>
      <c r="AV562">
        <v>0</v>
      </c>
      <c r="AW562">
        <v>0</v>
      </c>
      <c r="AX562">
        <v>820</v>
      </c>
      <c r="AY562">
        <v>34</v>
      </c>
      <c r="AZ562">
        <v>58</v>
      </c>
      <c r="BA562">
        <v>4603</v>
      </c>
    </row>
    <row r="563" spans="1:53" x14ac:dyDescent="0.4">
      <c r="A563">
        <v>607</v>
      </c>
      <c r="B563" s="1">
        <v>42993</v>
      </c>
      <c r="C563">
        <v>3</v>
      </c>
      <c r="D563" s="1">
        <v>42993.736805555556</v>
      </c>
      <c r="E563" s="1">
        <v>42993.956944444442</v>
      </c>
      <c r="F563">
        <v>94400</v>
      </c>
      <c r="G563">
        <v>363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7840</v>
      </c>
      <c r="N563">
        <v>0</v>
      </c>
      <c r="O563">
        <v>0</v>
      </c>
      <c r="P563">
        <v>7020</v>
      </c>
      <c r="Q563">
        <v>0</v>
      </c>
      <c r="R563">
        <v>112890</v>
      </c>
      <c r="S563">
        <v>0</v>
      </c>
      <c r="T563">
        <v>0</v>
      </c>
      <c r="U563">
        <v>0</v>
      </c>
      <c r="V563">
        <v>8</v>
      </c>
      <c r="W563">
        <v>3</v>
      </c>
      <c r="X563">
        <v>0</v>
      </c>
      <c r="Y563">
        <v>54</v>
      </c>
      <c r="Z563">
        <v>23</v>
      </c>
      <c r="AA563">
        <v>62</v>
      </c>
      <c r="AB563">
        <v>92</v>
      </c>
      <c r="AC563">
        <v>190</v>
      </c>
      <c r="AD563">
        <v>73</v>
      </c>
      <c r="AE563">
        <v>93</v>
      </c>
      <c r="AF563">
        <v>23220</v>
      </c>
      <c r="AG563">
        <v>196878</v>
      </c>
      <c r="AH563">
        <v>50000</v>
      </c>
      <c r="AI563">
        <v>0</v>
      </c>
      <c r="AJ563">
        <v>84</v>
      </c>
      <c r="AK563" t="s">
        <v>16</v>
      </c>
      <c r="AL563">
        <v>0</v>
      </c>
      <c r="AM563">
        <v>0</v>
      </c>
      <c r="AN563">
        <v>0</v>
      </c>
      <c r="AO563">
        <v>0</v>
      </c>
      <c r="AP563">
        <v>0</v>
      </c>
      <c r="AQ563">
        <v>0</v>
      </c>
      <c r="AR563">
        <v>0</v>
      </c>
      <c r="AS563">
        <v>0</v>
      </c>
      <c r="AT563">
        <v>0</v>
      </c>
      <c r="AU563">
        <v>0</v>
      </c>
      <c r="AV563">
        <v>0</v>
      </c>
      <c r="AW563">
        <v>0</v>
      </c>
      <c r="AX563">
        <v>128823</v>
      </c>
      <c r="AY563">
        <v>32</v>
      </c>
      <c r="AZ563">
        <v>164</v>
      </c>
      <c r="BA563">
        <v>3955</v>
      </c>
    </row>
    <row r="564" spans="1:53" x14ac:dyDescent="0.4">
      <c r="A564">
        <v>608</v>
      </c>
      <c r="B564" s="1">
        <v>42993</v>
      </c>
      <c r="C564">
        <v>4</v>
      </c>
      <c r="D564" s="1">
        <v>42993.956944444442</v>
      </c>
      <c r="E564" s="1">
        <v>42994.083333333336</v>
      </c>
      <c r="F564">
        <v>188440</v>
      </c>
      <c r="G564">
        <v>5860</v>
      </c>
      <c r="H564">
        <v>0</v>
      </c>
      <c r="I564">
        <v>0</v>
      </c>
      <c r="J564">
        <v>0</v>
      </c>
      <c r="K564">
        <v>0</v>
      </c>
      <c r="L564">
        <v>0</v>
      </c>
      <c r="M564">
        <v>15544</v>
      </c>
      <c r="N564">
        <v>0</v>
      </c>
      <c r="O564">
        <v>0</v>
      </c>
      <c r="P564">
        <v>76140</v>
      </c>
      <c r="Q564">
        <v>0</v>
      </c>
      <c r="R564">
        <v>285984</v>
      </c>
      <c r="S564">
        <v>0</v>
      </c>
      <c r="T564">
        <v>0</v>
      </c>
      <c r="U564">
        <v>0</v>
      </c>
      <c r="V564">
        <v>27</v>
      </c>
      <c r="W564">
        <v>0</v>
      </c>
      <c r="X564">
        <v>0</v>
      </c>
      <c r="Y564">
        <v>78</v>
      </c>
      <c r="Z564">
        <v>25</v>
      </c>
      <c r="AA564">
        <v>41</v>
      </c>
      <c r="AB564">
        <v>90</v>
      </c>
      <c r="AC564">
        <v>171</v>
      </c>
      <c r="AD564">
        <v>73</v>
      </c>
      <c r="AE564">
        <v>90</v>
      </c>
      <c r="AF564">
        <v>111597</v>
      </c>
      <c r="AG564">
        <v>482862</v>
      </c>
      <c r="AH564">
        <v>50000</v>
      </c>
      <c r="AI564">
        <v>0</v>
      </c>
      <c r="AJ564">
        <v>91</v>
      </c>
      <c r="AK564" t="s">
        <v>14</v>
      </c>
      <c r="AL564">
        <v>0</v>
      </c>
      <c r="AM564">
        <v>0</v>
      </c>
      <c r="AN564">
        <v>0</v>
      </c>
      <c r="AO564">
        <v>0</v>
      </c>
      <c r="AP564">
        <v>0</v>
      </c>
      <c r="AQ564">
        <v>0</v>
      </c>
      <c r="AR564">
        <v>0</v>
      </c>
      <c r="AS564">
        <v>0</v>
      </c>
      <c r="AT564">
        <v>0</v>
      </c>
      <c r="AU564">
        <v>0</v>
      </c>
      <c r="AV564">
        <v>0</v>
      </c>
      <c r="AW564">
        <v>0</v>
      </c>
      <c r="AX564">
        <v>29246</v>
      </c>
      <c r="AY564">
        <v>16</v>
      </c>
      <c r="AZ564">
        <v>68</v>
      </c>
      <c r="BA564">
        <v>2329</v>
      </c>
    </row>
    <row r="565" spans="1:53" x14ac:dyDescent="0.4">
      <c r="A565">
        <v>609</v>
      </c>
      <c r="B565" s="1">
        <v>42994</v>
      </c>
      <c r="C565">
        <v>1</v>
      </c>
      <c r="D565" s="1">
        <v>42994.291666666664</v>
      </c>
      <c r="E565" s="1">
        <v>42994.405555555553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0</v>
      </c>
      <c r="O565">
        <v>0</v>
      </c>
      <c r="P565">
        <v>0</v>
      </c>
      <c r="Q565">
        <v>0</v>
      </c>
      <c r="R565">
        <v>0</v>
      </c>
      <c r="S565">
        <v>0</v>
      </c>
      <c r="T565">
        <v>0</v>
      </c>
      <c r="U565">
        <v>0</v>
      </c>
      <c r="V565">
        <v>0</v>
      </c>
      <c r="W565">
        <v>0</v>
      </c>
      <c r="X565">
        <v>0</v>
      </c>
      <c r="Y565">
        <v>30</v>
      </c>
      <c r="Z565">
        <v>16</v>
      </c>
      <c r="AA565">
        <v>54</v>
      </c>
      <c r="AB565">
        <v>91</v>
      </c>
      <c r="AC565">
        <v>160</v>
      </c>
      <c r="AD565">
        <v>72</v>
      </c>
      <c r="AE565">
        <v>90</v>
      </c>
      <c r="AF565">
        <v>0</v>
      </c>
      <c r="AG565">
        <v>50000</v>
      </c>
      <c r="AH565">
        <v>0</v>
      </c>
      <c r="AI565">
        <v>50000</v>
      </c>
      <c r="AJ565">
        <v>0</v>
      </c>
      <c r="AK565" t="s">
        <v>6</v>
      </c>
      <c r="AL565">
        <v>0</v>
      </c>
      <c r="AM565">
        <v>0</v>
      </c>
      <c r="AN565">
        <v>0</v>
      </c>
      <c r="AO565">
        <v>0</v>
      </c>
      <c r="AP565">
        <v>0</v>
      </c>
      <c r="AQ565">
        <v>0</v>
      </c>
      <c r="AR565">
        <v>0</v>
      </c>
      <c r="AS565">
        <v>0</v>
      </c>
      <c r="AT565">
        <v>0</v>
      </c>
      <c r="AU565">
        <v>0</v>
      </c>
      <c r="AV565">
        <v>0</v>
      </c>
      <c r="AW565">
        <v>0</v>
      </c>
      <c r="AX565">
        <v>0</v>
      </c>
      <c r="AY565">
        <v>0</v>
      </c>
      <c r="AZ565">
        <v>0</v>
      </c>
      <c r="BA565">
        <v>0</v>
      </c>
    </row>
    <row r="566" spans="1:53" x14ac:dyDescent="0.4">
      <c r="A566">
        <v>610</v>
      </c>
      <c r="B566" s="1">
        <v>42994</v>
      </c>
      <c r="C566">
        <v>2</v>
      </c>
      <c r="D566" s="1">
        <v>42994.405555555553</v>
      </c>
      <c r="E566" s="1">
        <v>42994.751388888886</v>
      </c>
      <c r="F566">
        <v>35000</v>
      </c>
      <c r="G566">
        <v>6950</v>
      </c>
      <c r="H566">
        <v>0</v>
      </c>
      <c r="I566">
        <v>0</v>
      </c>
      <c r="J566">
        <v>0</v>
      </c>
      <c r="K566">
        <v>0</v>
      </c>
      <c r="L566">
        <v>0</v>
      </c>
      <c r="M566">
        <v>3355</v>
      </c>
      <c r="N566">
        <v>0</v>
      </c>
      <c r="O566">
        <v>0</v>
      </c>
      <c r="P566">
        <v>18900</v>
      </c>
      <c r="Q566">
        <v>0</v>
      </c>
      <c r="R566">
        <v>64205</v>
      </c>
      <c r="S566">
        <v>0</v>
      </c>
      <c r="T566">
        <v>0</v>
      </c>
      <c r="U566">
        <v>0</v>
      </c>
      <c r="V566">
        <v>1</v>
      </c>
      <c r="W566">
        <v>1</v>
      </c>
      <c r="X566">
        <v>0</v>
      </c>
      <c r="Y566">
        <v>69</v>
      </c>
      <c r="Z566">
        <v>24</v>
      </c>
      <c r="AA566">
        <v>28</v>
      </c>
      <c r="AB566">
        <v>88</v>
      </c>
      <c r="AC566">
        <v>215</v>
      </c>
      <c r="AD566">
        <v>74</v>
      </c>
      <c r="AE566">
        <v>95</v>
      </c>
      <c r="AF566">
        <v>8390</v>
      </c>
      <c r="AG566">
        <v>114205</v>
      </c>
      <c r="AH566">
        <v>50000</v>
      </c>
      <c r="AI566">
        <v>0</v>
      </c>
      <c r="AJ566">
        <v>92</v>
      </c>
      <c r="AK566" t="s">
        <v>22</v>
      </c>
      <c r="AL566">
        <v>0</v>
      </c>
      <c r="AM566">
        <v>0</v>
      </c>
      <c r="AN566">
        <v>0</v>
      </c>
      <c r="AO566">
        <v>0</v>
      </c>
      <c r="AP566">
        <v>0</v>
      </c>
      <c r="AQ566">
        <v>0</v>
      </c>
      <c r="AR566">
        <v>0</v>
      </c>
      <c r="AS566">
        <v>0</v>
      </c>
      <c r="AT566">
        <v>0</v>
      </c>
      <c r="AU566">
        <v>0</v>
      </c>
      <c r="AV566">
        <v>0</v>
      </c>
      <c r="AW566">
        <v>0</v>
      </c>
      <c r="AX566">
        <v>2538</v>
      </c>
      <c r="AY566">
        <v>46</v>
      </c>
      <c r="AZ566">
        <v>95</v>
      </c>
      <c r="BA566">
        <v>7466</v>
      </c>
    </row>
    <row r="567" spans="1:53" x14ac:dyDescent="0.4">
      <c r="A567">
        <v>611</v>
      </c>
      <c r="B567" s="1">
        <v>42994</v>
      </c>
      <c r="C567">
        <v>3</v>
      </c>
      <c r="D567" s="1">
        <v>42994.751388888886</v>
      </c>
      <c r="E567" s="1">
        <v>42994.961805555555</v>
      </c>
      <c r="F567">
        <v>60010</v>
      </c>
      <c r="G567">
        <v>5020</v>
      </c>
      <c r="H567">
        <v>0</v>
      </c>
      <c r="I567">
        <v>0</v>
      </c>
      <c r="J567">
        <v>0</v>
      </c>
      <c r="K567">
        <v>0</v>
      </c>
      <c r="L567">
        <v>0</v>
      </c>
      <c r="M567">
        <v>5203</v>
      </c>
      <c r="N567">
        <v>0</v>
      </c>
      <c r="O567">
        <v>0</v>
      </c>
      <c r="P567">
        <v>44777</v>
      </c>
      <c r="Q567">
        <v>0</v>
      </c>
      <c r="R567">
        <v>115010</v>
      </c>
      <c r="S567">
        <v>0</v>
      </c>
      <c r="T567">
        <v>0</v>
      </c>
      <c r="U567">
        <v>0</v>
      </c>
      <c r="V567">
        <v>7</v>
      </c>
      <c r="W567">
        <v>5</v>
      </c>
      <c r="X567">
        <v>0</v>
      </c>
      <c r="Y567">
        <v>105</v>
      </c>
      <c r="Z567">
        <v>23</v>
      </c>
      <c r="AA567">
        <v>25</v>
      </c>
      <c r="AB567">
        <v>86</v>
      </c>
      <c r="AC567">
        <v>207</v>
      </c>
      <c r="AD567">
        <v>74</v>
      </c>
      <c r="AE567">
        <v>85</v>
      </c>
      <c r="AF567">
        <v>8390</v>
      </c>
      <c r="AG567">
        <v>229215</v>
      </c>
      <c r="AH567">
        <v>50000</v>
      </c>
      <c r="AI567">
        <v>0</v>
      </c>
      <c r="AJ567">
        <v>100</v>
      </c>
      <c r="AK567" t="s">
        <v>0</v>
      </c>
      <c r="AL567">
        <v>0</v>
      </c>
      <c r="AM567">
        <v>0</v>
      </c>
      <c r="AN567">
        <v>0</v>
      </c>
      <c r="AO567">
        <v>0</v>
      </c>
      <c r="AP567">
        <v>0</v>
      </c>
      <c r="AQ567">
        <v>0</v>
      </c>
      <c r="AR567">
        <v>0</v>
      </c>
      <c r="AS567">
        <v>0</v>
      </c>
      <c r="AT567">
        <v>0</v>
      </c>
      <c r="AU567">
        <v>0</v>
      </c>
      <c r="AV567">
        <v>0</v>
      </c>
      <c r="AW567">
        <v>0</v>
      </c>
      <c r="AX567">
        <v>35780</v>
      </c>
      <c r="AY567">
        <v>25</v>
      </c>
      <c r="AZ567">
        <v>101</v>
      </c>
      <c r="BA567">
        <v>3479</v>
      </c>
    </row>
    <row r="568" spans="1:53" x14ac:dyDescent="0.4">
      <c r="A568">
        <v>612</v>
      </c>
      <c r="B568" s="1">
        <v>42994</v>
      </c>
      <c r="C568">
        <v>4</v>
      </c>
      <c r="D568" s="1">
        <v>42994.961805555555</v>
      </c>
      <c r="E568" s="1">
        <v>42995.088888888888</v>
      </c>
      <c r="F568">
        <v>108200</v>
      </c>
      <c r="G568">
        <v>4960</v>
      </c>
      <c r="H568">
        <v>0</v>
      </c>
      <c r="I568">
        <v>0</v>
      </c>
      <c r="J568">
        <v>0</v>
      </c>
      <c r="K568">
        <v>8260</v>
      </c>
      <c r="L568">
        <v>0</v>
      </c>
      <c r="M568">
        <v>9714</v>
      </c>
      <c r="N568">
        <v>0</v>
      </c>
      <c r="O568">
        <v>0</v>
      </c>
      <c r="P568">
        <v>128488</v>
      </c>
      <c r="Q568">
        <v>0</v>
      </c>
      <c r="R568">
        <v>259622</v>
      </c>
      <c r="S568">
        <v>0</v>
      </c>
      <c r="T568">
        <v>0</v>
      </c>
      <c r="U568">
        <v>0</v>
      </c>
      <c r="V568">
        <v>29</v>
      </c>
      <c r="W568">
        <v>8</v>
      </c>
      <c r="X568">
        <v>0</v>
      </c>
      <c r="Y568">
        <v>128</v>
      </c>
      <c r="Z568">
        <v>17</v>
      </c>
      <c r="AA568">
        <v>42</v>
      </c>
      <c r="AB568">
        <v>88</v>
      </c>
      <c r="AC568">
        <v>210</v>
      </c>
      <c r="AD568">
        <v>71</v>
      </c>
      <c r="AE568">
        <v>84</v>
      </c>
      <c r="AF568">
        <v>11198</v>
      </c>
      <c r="AG568">
        <v>488837</v>
      </c>
      <c r="AH568">
        <v>50000</v>
      </c>
      <c r="AI568">
        <v>0</v>
      </c>
      <c r="AJ568">
        <v>100</v>
      </c>
      <c r="AK568" t="s">
        <v>0</v>
      </c>
      <c r="AL568">
        <v>0</v>
      </c>
      <c r="AM568">
        <v>0</v>
      </c>
      <c r="AN568">
        <v>0</v>
      </c>
      <c r="AO568">
        <v>0</v>
      </c>
      <c r="AP568">
        <v>0</v>
      </c>
      <c r="AQ568">
        <v>0</v>
      </c>
      <c r="AR568">
        <v>0</v>
      </c>
      <c r="AS568">
        <v>0</v>
      </c>
      <c r="AT568">
        <v>0</v>
      </c>
      <c r="AU568">
        <v>0</v>
      </c>
      <c r="AV568">
        <v>0</v>
      </c>
      <c r="AW568">
        <v>0</v>
      </c>
      <c r="AX568">
        <v>9309</v>
      </c>
      <c r="AY568">
        <v>16</v>
      </c>
      <c r="AZ568">
        <v>73</v>
      </c>
      <c r="BA568">
        <v>3137</v>
      </c>
    </row>
    <row r="569" spans="1:53" x14ac:dyDescent="0.4">
      <c r="A569">
        <v>613</v>
      </c>
      <c r="B569" s="1">
        <v>42995</v>
      </c>
      <c r="C569">
        <v>1</v>
      </c>
      <c r="D569" s="1">
        <v>42995.291666666664</v>
      </c>
      <c r="E569" s="1">
        <v>42995.400694444441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  <c r="M569">
        <v>0</v>
      </c>
      <c r="N569">
        <v>0</v>
      </c>
      <c r="O569">
        <v>0</v>
      </c>
      <c r="P569">
        <v>0</v>
      </c>
      <c r="Q569">
        <v>0</v>
      </c>
      <c r="R569">
        <v>0</v>
      </c>
      <c r="S569">
        <v>0</v>
      </c>
      <c r="T569">
        <v>0</v>
      </c>
      <c r="U569">
        <v>0</v>
      </c>
      <c r="V569">
        <v>0</v>
      </c>
      <c r="W569">
        <v>1</v>
      </c>
      <c r="X569">
        <v>0</v>
      </c>
      <c r="Y569">
        <v>25</v>
      </c>
      <c r="Z569">
        <v>20</v>
      </c>
      <c r="AA569">
        <v>45</v>
      </c>
      <c r="AB569">
        <v>72</v>
      </c>
      <c r="AC569">
        <v>148</v>
      </c>
      <c r="AD569">
        <v>69</v>
      </c>
      <c r="AE569">
        <v>75</v>
      </c>
      <c r="AF569">
        <v>0</v>
      </c>
      <c r="AG569">
        <v>50000</v>
      </c>
      <c r="AH569">
        <v>50000</v>
      </c>
      <c r="AI569">
        <v>0</v>
      </c>
      <c r="AJ569">
        <v>0</v>
      </c>
      <c r="AK569" t="s">
        <v>6</v>
      </c>
      <c r="AL569">
        <v>0</v>
      </c>
      <c r="AM569">
        <v>0</v>
      </c>
      <c r="AN569">
        <v>0</v>
      </c>
      <c r="AO569">
        <v>0</v>
      </c>
      <c r="AP569">
        <v>0</v>
      </c>
      <c r="AQ569">
        <v>0</v>
      </c>
      <c r="AR569">
        <v>0</v>
      </c>
      <c r="AS569">
        <v>0</v>
      </c>
      <c r="AT569">
        <v>0</v>
      </c>
      <c r="AU569">
        <v>0</v>
      </c>
      <c r="AV569">
        <v>0</v>
      </c>
      <c r="AW569">
        <v>0</v>
      </c>
      <c r="AX569">
        <v>0</v>
      </c>
      <c r="AY569">
        <v>0</v>
      </c>
      <c r="AZ569">
        <v>0</v>
      </c>
      <c r="BA569">
        <v>0</v>
      </c>
    </row>
    <row r="570" spans="1:53" x14ac:dyDescent="0.4">
      <c r="A570">
        <v>614</v>
      </c>
      <c r="B570" s="1">
        <v>42995</v>
      </c>
      <c r="C570">
        <v>2</v>
      </c>
      <c r="D570" s="1">
        <v>42995.400694444441</v>
      </c>
      <c r="E570" s="1">
        <v>42995.739583333336</v>
      </c>
      <c r="F570">
        <v>40500</v>
      </c>
      <c r="G570">
        <v>569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3695</v>
      </c>
      <c r="N570">
        <v>0</v>
      </c>
      <c r="O570">
        <v>0</v>
      </c>
      <c r="P570">
        <v>21060</v>
      </c>
      <c r="Q570">
        <v>0</v>
      </c>
      <c r="R570">
        <v>70945</v>
      </c>
      <c r="S570">
        <v>0</v>
      </c>
      <c r="T570">
        <v>0</v>
      </c>
      <c r="U570">
        <v>0</v>
      </c>
      <c r="V570">
        <v>2</v>
      </c>
      <c r="W570">
        <v>1</v>
      </c>
      <c r="X570">
        <v>0</v>
      </c>
      <c r="Y570">
        <v>59</v>
      </c>
      <c r="Z570">
        <v>36</v>
      </c>
      <c r="AA570">
        <v>86</v>
      </c>
      <c r="AB570">
        <v>76</v>
      </c>
      <c r="AC570">
        <v>203</v>
      </c>
      <c r="AD570">
        <v>68</v>
      </c>
      <c r="AE570">
        <v>75</v>
      </c>
      <c r="AF570">
        <v>4000</v>
      </c>
      <c r="AG570">
        <v>120845</v>
      </c>
      <c r="AH570">
        <v>50000</v>
      </c>
      <c r="AI570">
        <v>-100</v>
      </c>
      <c r="AJ570">
        <v>92</v>
      </c>
      <c r="AK570" t="s">
        <v>22</v>
      </c>
      <c r="AL570">
        <v>0</v>
      </c>
      <c r="AM570">
        <v>0</v>
      </c>
      <c r="AN570">
        <v>0</v>
      </c>
      <c r="AO570">
        <v>0</v>
      </c>
      <c r="AP570">
        <v>0</v>
      </c>
      <c r="AQ570">
        <v>0</v>
      </c>
      <c r="AR570">
        <v>0</v>
      </c>
      <c r="AS570">
        <v>0</v>
      </c>
      <c r="AT570">
        <v>0</v>
      </c>
      <c r="AU570">
        <v>0</v>
      </c>
      <c r="AV570">
        <v>0</v>
      </c>
      <c r="AW570">
        <v>0</v>
      </c>
      <c r="AX570">
        <v>1468</v>
      </c>
      <c r="AY570">
        <v>45</v>
      </c>
      <c r="AZ570">
        <v>109</v>
      </c>
      <c r="BA570">
        <v>6840</v>
      </c>
    </row>
    <row r="571" spans="1:53" x14ac:dyDescent="0.4">
      <c r="A571">
        <v>615</v>
      </c>
      <c r="B571" s="1">
        <v>42995</v>
      </c>
      <c r="C571">
        <v>3</v>
      </c>
      <c r="D571" s="1">
        <v>42995.739583333336</v>
      </c>
      <c r="E571" s="1">
        <v>42995.940972222219</v>
      </c>
      <c r="F571">
        <v>34000</v>
      </c>
      <c r="G571">
        <v>2890</v>
      </c>
      <c r="H571">
        <v>0</v>
      </c>
      <c r="I571">
        <v>0</v>
      </c>
      <c r="J571">
        <v>0</v>
      </c>
      <c r="K571">
        <v>2300</v>
      </c>
      <c r="L571">
        <v>0</v>
      </c>
      <c r="M571">
        <v>3134</v>
      </c>
      <c r="N571">
        <v>0</v>
      </c>
      <c r="O571">
        <v>0</v>
      </c>
      <c r="P571">
        <v>-21060</v>
      </c>
      <c r="Q571">
        <v>0</v>
      </c>
      <c r="R571">
        <v>21264</v>
      </c>
      <c r="S571">
        <v>0</v>
      </c>
      <c r="T571">
        <v>0</v>
      </c>
      <c r="U571">
        <v>0</v>
      </c>
      <c r="V571">
        <v>2</v>
      </c>
      <c r="W571">
        <v>3</v>
      </c>
      <c r="X571">
        <v>0</v>
      </c>
      <c r="Y571">
        <v>72</v>
      </c>
      <c r="Z571">
        <v>38</v>
      </c>
      <c r="AA571">
        <v>64</v>
      </c>
      <c r="AB571">
        <v>73</v>
      </c>
      <c r="AC571">
        <v>206</v>
      </c>
      <c r="AD571">
        <v>66</v>
      </c>
      <c r="AE571">
        <v>77</v>
      </c>
      <c r="AF571">
        <v>3592</v>
      </c>
      <c r="AG571">
        <v>142109</v>
      </c>
      <c r="AH571">
        <v>50000</v>
      </c>
      <c r="AI571">
        <v>-100</v>
      </c>
      <c r="AJ571">
        <v>16</v>
      </c>
      <c r="AK571" t="s">
        <v>11</v>
      </c>
      <c r="AL571">
        <v>0</v>
      </c>
      <c r="AM571">
        <v>0</v>
      </c>
      <c r="AN571">
        <v>0</v>
      </c>
      <c r="AO571">
        <v>0</v>
      </c>
      <c r="AP571">
        <v>0</v>
      </c>
      <c r="AQ571">
        <v>0</v>
      </c>
      <c r="AR571">
        <v>0</v>
      </c>
      <c r="AS571">
        <v>0</v>
      </c>
      <c r="AT571">
        <v>0</v>
      </c>
      <c r="AU571">
        <v>0</v>
      </c>
      <c r="AV571">
        <v>0</v>
      </c>
      <c r="AW571">
        <v>0</v>
      </c>
      <c r="AX571">
        <v>53229</v>
      </c>
      <c r="AY571">
        <v>20</v>
      </c>
      <c r="AZ571">
        <v>54</v>
      </c>
      <c r="BA571">
        <v>3403</v>
      </c>
    </row>
    <row r="572" spans="1:53" x14ac:dyDescent="0.4">
      <c r="A572">
        <v>616</v>
      </c>
      <c r="B572" s="1">
        <v>42995</v>
      </c>
      <c r="C572">
        <v>4</v>
      </c>
      <c r="D572" s="1">
        <v>42995.940972222219</v>
      </c>
      <c r="E572" s="1">
        <v>42996.093055555553</v>
      </c>
      <c r="F572">
        <v>85240</v>
      </c>
      <c r="G572">
        <v>2350</v>
      </c>
      <c r="H572">
        <v>0</v>
      </c>
      <c r="I572">
        <v>0</v>
      </c>
      <c r="J572">
        <v>0</v>
      </c>
      <c r="K572">
        <v>3600</v>
      </c>
      <c r="L572">
        <v>0</v>
      </c>
      <c r="M572">
        <v>7296</v>
      </c>
      <c r="N572">
        <v>0</v>
      </c>
      <c r="O572">
        <v>0</v>
      </c>
      <c r="P572">
        <v>9072</v>
      </c>
      <c r="Q572">
        <v>0</v>
      </c>
      <c r="R572">
        <v>107558</v>
      </c>
      <c r="S572">
        <v>0</v>
      </c>
      <c r="T572">
        <v>0</v>
      </c>
      <c r="U572">
        <v>0</v>
      </c>
      <c r="V572">
        <v>9</v>
      </c>
      <c r="W572">
        <v>6</v>
      </c>
      <c r="X572">
        <v>0</v>
      </c>
      <c r="Y572">
        <v>93</v>
      </c>
      <c r="Z572">
        <v>34</v>
      </c>
      <c r="AA572">
        <v>66</v>
      </c>
      <c r="AB572">
        <v>74</v>
      </c>
      <c r="AC572">
        <v>201</v>
      </c>
      <c r="AD572">
        <v>65</v>
      </c>
      <c r="AE572">
        <v>84</v>
      </c>
      <c r="AF572">
        <v>7048</v>
      </c>
      <c r="AG572">
        <v>249767</v>
      </c>
      <c r="AH572">
        <v>50000</v>
      </c>
      <c r="AI572">
        <v>0</v>
      </c>
      <c r="AJ572">
        <v>100</v>
      </c>
      <c r="AK572" t="s">
        <v>0</v>
      </c>
      <c r="AL572">
        <v>0</v>
      </c>
      <c r="AM572">
        <v>0</v>
      </c>
      <c r="AN572">
        <v>0</v>
      </c>
      <c r="AO572">
        <v>0</v>
      </c>
      <c r="AP572">
        <v>0</v>
      </c>
      <c r="AQ572">
        <v>0</v>
      </c>
      <c r="AR572">
        <v>0</v>
      </c>
      <c r="AS572">
        <v>0</v>
      </c>
      <c r="AT572">
        <v>0</v>
      </c>
      <c r="AU572">
        <v>0</v>
      </c>
      <c r="AV572">
        <v>0</v>
      </c>
      <c r="AW572">
        <v>0</v>
      </c>
      <c r="AX572">
        <v>9688</v>
      </c>
      <c r="AY572">
        <v>9</v>
      </c>
      <c r="AZ572">
        <v>17</v>
      </c>
      <c r="BA572">
        <v>1935</v>
      </c>
    </row>
    <row r="573" spans="1:53" x14ac:dyDescent="0.4">
      <c r="A573">
        <v>617</v>
      </c>
      <c r="B573" s="1">
        <v>42996</v>
      </c>
      <c r="C573">
        <v>1</v>
      </c>
      <c r="D573" s="1">
        <v>42996.291666666664</v>
      </c>
      <c r="E573" s="1">
        <v>42996.411111111112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0</v>
      </c>
      <c r="O573">
        <v>0</v>
      </c>
      <c r="P573">
        <v>0</v>
      </c>
      <c r="Q573">
        <v>0</v>
      </c>
      <c r="R573">
        <v>0</v>
      </c>
      <c r="S573">
        <v>0</v>
      </c>
      <c r="T573">
        <v>0</v>
      </c>
      <c r="U573">
        <v>0</v>
      </c>
      <c r="V573">
        <v>0</v>
      </c>
      <c r="W573">
        <v>1</v>
      </c>
      <c r="X573">
        <v>0</v>
      </c>
      <c r="Y573">
        <v>25</v>
      </c>
      <c r="Z573">
        <v>16</v>
      </c>
      <c r="AA573">
        <v>67</v>
      </c>
      <c r="AB573">
        <v>74</v>
      </c>
      <c r="AC573">
        <v>120</v>
      </c>
      <c r="AD573">
        <v>64</v>
      </c>
      <c r="AE573">
        <v>80</v>
      </c>
      <c r="AF573">
        <v>0</v>
      </c>
      <c r="AG573">
        <v>50000</v>
      </c>
      <c r="AH573">
        <v>50000</v>
      </c>
      <c r="AI573">
        <v>0</v>
      </c>
      <c r="AJ573">
        <v>0</v>
      </c>
      <c r="AK573" t="s">
        <v>6</v>
      </c>
      <c r="AL573">
        <v>0</v>
      </c>
      <c r="AM573">
        <v>0</v>
      </c>
      <c r="AN573">
        <v>0</v>
      </c>
      <c r="AO573">
        <v>0</v>
      </c>
      <c r="AP573">
        <v>0</v>
      </c>
      <c r="AQ573">
        <v>0</v>
      </c>
      <c r="AR573">
        <v>0</v>
      </c>
      <c r="AS573">
        <v>0</v>
      </c>
      <c r="AT573">
        <v>0</v>
      </c>
      <c r="AU573">
        <v>0</v>
      </c>
      <c r="AV573">
        <v>0</v>
      </c>
      <c r="AW573">
        <v>0</v>
      </c>
      <c r="AX573">
        <v>0</v>
      </c>
      <c r="AY573">
        <v>0</v>
      </c>
      <c r="AZ573">
        <v>0</v>
      </c>
      <c r="BA573">
        <v>0</v>
      </c>
    </row>
    <row r="574" spans="1:53" x14ac:dyDescent="0.4">
      <c r="A574">
        <v>618</v>
      </c>
      <c r="B574" s="1">
        <v>42996</v>
      </c>
      <c r="C574">
        <v>2</v>
      </c>
      <c r="D574" s="1">
        <v>42996.411111111112</v>
      </c>
      <c r="E574" s="1">
        <v>42996.742361111108</v>
      </c>
      <c r="F574">
        <v>49000</v>
      </c>
      <c r="G574">
        <v>5930</v>
      </c>
      <c r="H574">
        <v>0</v>
      </c>
      <c r="I574">
        <v>0</v>
      </c>
      <c r="J574">
        <v>0</v>
      </c>
      <c r="K574">
        <v>0</v>
      </c>
      <c r="L574">
        <v>0</v>
      </c>
      <c r="M574">
        <v>4393</v>
      </c>
      <c r="N574">
        <v>0</v>
      </c>
      <c r="O574">
        <v>0</v>
      </c>
      <c r="P574">
        <v>25920</v>
      </c>
      <c r="Q574">
        <v>0</v>
      </c>
      <c r="R574">
        <v>85243</v>
      </c>
      <c r="S574">
        <v>0</v>
      </c>
      <c r="T574">
        <v>0</v>
      </c>
      <c r="U574">
        <v>0</v>
      </c>
      <c r="V574">
        <v>1</v>
      </c>
      <c r="W574">
        <v>1</v>
      </c>
      <c r="X574">
        <v>0</v>
      </c>
      <c r="Y574">
        <v>80</v>
      </c>
      <c r="Z574">
        <v>31</v>
      </c>
      <c r="AA574">
        <v>156</v>
      </c>
      <c r="AB574">
        <v>89</v>
      </c>
      <c r="AC574">
        <v>208</v>
      </c>
      <c r="AD574">
        <v>72</v>
      </c>
      <c r="AE574">
        <v>93</v>
      </c>
      <c r="AF574">
        <v>1080</v>
      </c>
      <c r="AG574">
        <v>134163</v>
      </c>
      <c r="AH574">
        <v>50000</v>
      </c>
      <c r="AI574">
        <v>-1080</v>
      </c>
      <c r="AJ574">
        <v>92</v>
      </c>
      <c r="AK574" t="s">
        <v>22</v>
      </c>
      <c r="AL574">
        <v>0</v>
      </c>
      <c r="AM574">
        <v>0</v>
      </c>
      <c r="AN574">
        <v>0</v>
      </c>
      <c r="AO574">
        <v>0</v>
      </c>
      <c r="AP574">
        <v>0</v>
      </c>
      <c r="AQ574">
        <v>0</v>
      </c>
      <c r="AR574">
        <v>0</v>
      </c>
      <c r="AS574">
        <v>0</v>
      </c>
      <c r="AT574">
        <v>0</v>
      </c>
      <c r="AU574">
        <v>0</v>
      </c>
      <c r="AV574">
        <v>0</v>
      </c>
      <c r="AW574">
        <v>0</v>
      </c>
      <c r="AX574">
        <v>3477</v>
      </c>
      <c r="AY574">
        <v>60</v>
      </c>
      <c r="AZ574">
        <v>140</v>
      </c>
      <c r="BA574">
        <v>8524</v>
      </c>
    </row>
    <row r="575" spans="1:53" x14ac:dyDescent="0.4">
      <c r="A575">
        <v>619</v>
      </c>
      <c r="B575" s="1">
        <v>42996</v>
      </c>
      <c r="C575">
        <v>3</v>
      </c>
      <c r="D575" s="1">
        <v>42996.742361111108</v>
      </c>
      <c r="E575" s="1">
        <v>42996.835416666669</v>
      </c>
      <c r="F575">
        <v>22000</v>
      </c>
      <c r="G575">
        <v>3220</v>
      </c>
      <c r="H575">
        <v>0</v>
      </c>
      <c r="I575">
        <v>0</v>
      </c>
      <c r="J575">
        <v>0</v>
      </c>
      <c r="K575">
        <v>0</v>
      </c>
      <c r="L575">
        <v>0</v>
      </c>
      <c r="M575">
        <v>2017</v>
      </c>
      <c r="N575">
        <v>0</v>
      </c>
      <c r="O575">
        <v>0</v>
      </c>
      <c r="P575">
        <v>-24840</v>
      </c>
      <c r="Q575">
        <v>0</v>
      </c>
      <c r="R575">
        <v>2397</v>
      </c>
      <c r="S575">
        <v>0</v>
      </c>
      <c r="T575">
        <v>0</v>
      </c>
      <c r="U575">
        <v>0</v>
      </c>
      <c r="V575">
        <v>2</v>
      </c>
      <c r="W575">
        <v>0</v>
      </c>
      <c r="X575">
        <v>0</v>
      </c>
      <c r="Y575">
        <v>77</v>
      </c>
      <c r="Z575">
        <v>32</v>
      </c>
      <c r="AA575">
        <v>165</v>
      </c>
      <c r="AB575">
        <v>90</v>
      </c>
      <c r="AC575">
        <v>210</v>
      </c>
      <c r="AD575">
        <v>73</v>
      </c>
      <c r="AE575">
        <v>95</v>
      </c>
      <c r="AF575">
        <v>1080</v>
      </c>
      <c r="AG575">
        <v>137640</v>
      </c>
      <c r="AH575">
        <v>50000</v>
      </c>
      <c r="AI575">
        <v>0</v>
      </c>
      <c r="AJ575">
        <v>84</v>
      </c>
      <c r="AK575" t="s">
        <v>16</v>
      </c>
      <c r="AL575">
        <v>0</v>
      </c>
      <c r="AM575">
        <v>0</v>
      </c>
      <c r="AN575">
        <v>0</v>
      </c>
      <c r="AO575">
        <v>0</v>
      </c>
      <c r="AP575">
        <v>0</v>
      </c>
      <c r="AQ575">
        <v>0</v>
      </c>
      <c r="AR575">
        <v>0</v>
      </c>
      <c r="AS575">
        <v>0</v>
      </c>
      <c r="AT575">
        <v>0</v>
      </c>
      <c r="AU575">
        <v>0</v>
      </c>
      <c r="AV575">
        <v>0</v>
      </c>
      <c r="AW575">
        <v>0</v>
      </c>
      <c r="AX575">
        <v>0</v>
      </c>
      <c r="AY575">
        <v>1</v>
      </c>
      <c r="AZ575">
        <v>0</v>
      </c>
      <c r="BA575">
        <v>2247</v>
      </c>
    </row>
    <row r="576" spans="1:53" x14ac:dyDescent="0.4">
      <c r="A576">
        <v>620</v>
      </c>
      <c r="B576" s="1">
        <v>42996</v>
      </c>
      <c r="C576">
        <v>4</v>
      </c>
      <c r="D576" s="1">
        <v>42996.835416666669</v>
      </c>
      <c r="E576" s="1">
        <v>42996.95416666667</v>
      </c>
      <c r="F576">
        <v>6250</v>
      </c>
      <c r="G576">
        <v>1780</v>
      </c>
      <c r="H576">
        <v>0</v>
      </c>
      <c r="I576">
        <v>0</v>
      </c>
      <c r="J576">
        <v>0</v>
      </c>
      <c r="K576">
        <v>0</v>
      </c>
      <c r="L576">
        <v>0</v>
      </c>
      <c r="M576">
        <v>642</v>
      </c>
      <c r="N576">
        <v>0</v>
      </c>
      <c r="O576">
        <v>0</v>
      </c>
      <c r="P576">
        <v>7992</v>
      </c>
      <c r="Q576">
        <v>0</v>
      </c>
      <c r="R576">
        <v>16664</v>
      </c>
      <c r="S576">
        <v>0</v>
      </c>
      <c r="T576">
        <v>0</v>
      </c>
      <c r="U576">
        <v>0</v>
      </c>
      <c r="V576">
        <v>2</v>
      </c>
      <c r="W576">
        <v>1</v>
      </c>
      <c r="X576">
        <v>0</v>
      </c>
      <c r="Y576">
        <v>88</v>
      </c>
      <c r="Z576">
        <v>33</v>
      </c>
      <c r="AA576">
        <v>166</v>
      </c>
      <c r="AB576">
        <v>90</v>
      </c>
      <c r="AC576">
        <v>217</v>
      </c>
      <c r="AD576">
        <v>72</v>
      </c>
      <c r="AE576">
        <v>94</v>
      </c>
      <c r="AF576">
        <v>1080</v>
      </c>
      <c r="AG576">
        <v>154304</v>
      </c>
      <c r="AH576">
        <v>50000</v>
      </c>
      <c r="AI576">
        <v>0</v>
      </c>
      <c r="AJ576">
        <v>84</v>
      </c>
      <c r="AK576" t="s">
        <v>16</v>
      </c>
      <c r="AL576">
        <v>0</v>
      </c>
      <c r="AM576">
        <v>0</v>
      </c>
      <c r="AN576">
        <v>0</v>
      </c>
      <c r="AO576">
        <v>0</v>
      </c>
      <c r="AP576">
        <v>0</v>
      </c>
      <c r="AQ576">
        <v>0</v>
      </c>
      <c r="AR576">
        <v>0</v>
      </c>
      <c r="AS576">
        <v>0</v>
      </c>
      <c r="AT576">
        <v>0</v>
      </c>
      <c r="AU576">
        <v>0</v>
      </c>
      <c r="AV576">
        <v>0</v>
      </c>
      <c r="AW576">
        <v>0</v>
      </c>
      <c r="AX576">
        <v>17064</v>
      </c>
      <c r="AY576">
        <v>13</v>
      </c>
      <c r="AZ576">
        <v>26</v>
      </c>
      <c r="BA576">
        <v>1132</v>
      </c>
    </row>
    <row r="577" spans="1:53" x14ac:dyDescent="0.4">
      <c r="A577">
        <v>621</v>
      </c>
      <c r="B577" s="1">
        <v>42996</v>
      </c>
      <c r="C577">
        <v>5</v>
      </c>
      <c r="D577" s="1">
        <v>42996.95416666667</v>
      </c>
      <c r="E577" s="1">
        <v>42997.094444444447</v>
      </c>
      <c r="F577">
        <v>42650</v>
      </c>
      <c r="G577">
        <v>3850</v>
      </c>
      <c r="H577">
        <v>0</v>
      </c>
      <c r="I577">
        <v>0</v>
      </c>
      <c r="J577">
        <v>1000</v>
      </c>
      <c r="K577">
        <v>0</v>
      </c>
      <c r="L577">
        <v>0</v>
      </c>
      <c r="M577">
        <v>3640</v>
      </c>
      <c r="N577">
        <v>0</v>
      </c>
      <c r="O577">
        <v>0</v>
      </c>
      <c r="P577">
        <v>9288</v>
      </c>
      <c r="Q577">
        <v>0</v>
      </c>
      <c r="R577">
        <v>58428</v>
      </c>
      <c r="S577">
        <v>0</v>
      </c>
      <c r="T577">
        <v>0</v>
      </c>
      <c r="U577">
        <v>0</v>
      </c>
      <c r="V577">
        <v>3</v>
      </c>
      <c r="W577">
        <v>2</v>
      </c>
      <c r="X577">
        <v>0</v>
      </c>
      <c r="Y577">
        <v>120</v>
      </c>
      <c r="Z577">
        <v>33</v>
      </c>
      <c r="AA577">
        <v>169</v>
      </c>
      <c r="AB577">
        <v>89</v>
      </c>
      <c r="AC577">
        <v>238</v>
      </c>
      <c r="AD577">
        <v>73</v>
      </c>
      <c r="AE577">
        <v>97</v>
      </c>
      <c r="AF577">
        <v>12040</v>
      </c>
      <c r="AG577">
        <v>212732</v>
      </c>
      <c r="AH577">
        <v>50000</v>
      </c>
      <c r="AI577">
        <v>0</v>
      </c>
      <c r="AJ577">
        <v>104</v>
      </c>
      <c r="AK577" t="s">
        <v>10</v>
      </c>
      <c r="AL577">
        <v>0</v>
      </c>
      <c r="AM577">
        <v>0</v>
      </c>
      <c r="AN577">
        <v>0</v>
      </c>
      <c r="AO577">
        <v>0</v>
      </c>
      <c r="AP577">
        <v>0</v>
      </c>
      <c r="AQ577">
        <v>0</v>
      </c>
      <c r="AR577">
        <v>0</v>
      </c>
      <c r="AS577">
        <v>0</v>
      </c>
      <c r="AT577">
        <v>0</v>
      </c>
      <c r="AU577">
        <v>0</v>
      </c>
      <c r="AV577">
        <v>0</v>
      </c>
      <c r="AW577">
        <v>0</v>
      </c>
      <c r="AX577">
        <v>454</v>
      </c>
      <c r="AY577">
        <v>5</v>
      </c>
      <c r="AZ577">
        <v>18</v>
      </c>
      <c r="BA577">
        <v>1130</v>
      </c>
    </row>
    <row r="578" spans="1:53" x14ac:dyDescent="0.4">
      <c r="A578">
        <v>622</v>
      </c>
      <c r="B578" s="1">
        <v>42997</v>
      </c>
      <c r="C578">
        <v>1</v>
      </c>
      <c r="D578" s="1">
        <v>42997.291666666664</v>
      </c>
      <c r="E578" s="1">
        <v>42997.431250000001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0</v>
      </c>
      <c r="O578">
        <v>0</v>
      </c>
      <c r="P578">
        <v>0</v>
      </c>
      <c r="Q578">
        <v>0</v>
      </c>
      <c r="R578">
        <v>0</v>
      </c>
      <c r="S578">
        <v>0</v>
      </c>
      <c r="T578">
        <v>0</v>
      </c>
      <c r="U578">
        <v>0</v>
      </c>
      <c r="V578">
        <v>0</v>
      </c>
      <c r="W578">
        <v>1</v>
      </c>
      <c r="X578">
        <v>0</v>
      </c>
      <c r="Y578">
        <v>25</v>
      </c>
      <c r="Z578">
        <v>14</v>
      </c>
      <c r="AA578">
        <v>70</v>
      </c>
      <c r="AB578">
        <v>89</v>
      </c>
      <c r="AC578">
        <v>109</v>
      </c>
      <c r="AD578">
        <v>72</v>
      </c>
      <c r="AE578">
        <v>100</v>
      </c>
      <c r="AF578">
        <v>0</v>
      </c>
      <c r="AG578">
        <v>50000</v>
      </c>
      <c r="AH578">
        <v>50000</v>
      </c>
      <c r="AI578">
        <v>0</v>
      </c>
      <c r="AJ578">
        <v>0</v>
      </c>
      <c r="AK578" t="s">
        <v>6</v>
      </c>
      <c r="AL578">
        <v>0</v>
      </c>
      <c r="AM578">
        <v>0</v>
      </c>
      <c r="AN578">
        <v>0</v>
      </c>
      <c r="AO578">
        <v>0</v>
      </c>
      <c r="AP578">
        <v>0</v>
      </c>
      <c r="AQ578">
        <v>0</v>
      </c>
      <c r="AR578">
        <v>0</v>
      </c>
      <c r="AS578">
        <v>0</v>
      </c>
      <c r="AT578">
        <v>0</v>
      </c>
      <c r="AU578">
        <v>0</v>
      </c>
      <c r="AV578">
        <v>0</v>
      </c>
      <c r="AW578">
        <v>0</v>
      </c>
      <c r="AX578">
        <v>0</v>
      </c>
      <c r="AY578">
        <v>0</v>
      </c>
      <c r="AZ578">
        <v>0</v>
      </c>
      <c r="BA578">
        <v>0</v>
      </c>
    </row>
    <row r="579" spans="1:53" x14ac:dyDescent="0.4">
      <c r="A579">
        <v>623</v>
      </c>
      <c r="B579" s="1">
        <v>42997</v>
      </c>
      <c r="C579">
        <v>2</v>
      </c>
      <c r="D579" s="1">
        <v>42997.431250000001</v>
      </c>
      <c r="E579" s="1">
        <v>42997.741666666669</v>
      </c>
      <c r="F579">
        <v>14750</v>
      </c>
      <c r="G579">
        <v>2330</v>
      </c>
      <c r="H579">
        <v>0</v>
      </c>
      <c r="I579">
        <v>0</v>
      </c>
      <c r="J579">
        <v>0</v>
      </c>
      <c r="K579">
        <v>0</v>
      </c>
      <c r="L579">
        <v>0</v>
      </c>
      <c r="M579">
        <v>1366</v>
      </c>
      <c r="N579">
        <v>0</v>
      </c>
      <c r="O579">
        <v>0</v>
      </c>
      <c r="P579">
        <v>17280</v>
      </c>
      <c r="Q579">
        <v>0</v>
      </c>
      <c r="R579">
        <v>35726</v>
      </c>
      <c r="S579">
        <v>0</v>
      </c>
      <c r="T579">
        <v>0</v>
      </c>
      <c r="U579">
        <v>0</v>
      </c>
      <c r="V579">
        <v>2</v>
      </c>
      <c r="W579">
        <v>1</v>
      </c>
      <c r="X579">
        <v>0</v>
      </c>
      <c r="Y579">
        <v>32</v>
      </c>
      <c r="Z579">
        <v>30</v>
      </c>
      <c r="AA579">
        <v>61</v>
      </c>
      <c r="AB579">
        <v>88</v>
      </c>
      <c r="AC579">
        <v>157</v>
      </c>
      <c r="AD579">
        <v>73</v>
      </c>
      <c r="AE579">
        <v>98</v>
      </c>
      <c r="AF579">
        <v>1193</v>
      </c>
      <c r="AG579">
        <v>85726</v>
      </c>
      <c r="AH579">
        <v>50000</v>
      </c>
      <c r="AI579">
        <v>0</v>
      </c>
      <c r="AJ579">
        <v>93</v>
      </c>
      <c r="AK579" t="s">
        <v>20</v>
      </c>
      <c r="AL579">
        <v>0</v>
      </c>
      <c r="AM579">
        <v>0</v>
      </c>
      <c r="AN579">
        <v>0</v>
      </c>
      <c r="AO579">
        <v>0</v>
      </c>
      <c r="AP579">
        <v>0</v>
      </c>
      <c r="AQ579">
        <v>0</v>
      </c>
      <c r="AR579">
        <v>0</v>
      </c>
      <c r="AS579">
        <v>0</v>
      </c>
      <c r="AT579">
        <v>0</v>
      </c>
      <c r="AU579">
        <v>0</v>
      </c>
      <c r="AV579">
        <v>0</v>
      </c>
      <c r="AW579">
        <v>0</v>
      </c>
      <c r="AX579">
        <v>410</v>
      </c>
      <c r="AY579">
        <v>39</v>
      </c>
      <c r="AZ579">
        <v>62</v>
      </c>
      <c r="BA579">
        <v>4852</v>
      </c>
    </row>
    <row r="580" spans="1:53" x14ac:dyDescent="0.4">
      <c r="A580">
        <v>624</v>
      </c>
      <c r="B580" s="1">
        <v>42997</v>
      </c>
      <c r="C580">
        <v>3</v>
      </c>
      <c r="D580" s="1">
        <v>42997.741666666669</v>
      </c>
      <c r="E580" s="1">
        <v>42997.950694444444</v>
      </c>
      <c r="F580">
        <v>34000</v>
      </c>
      <c r="G580">
        <v>2110</v>
      </c>
      <c r="H580">
        <v>0</v>
      </c>
      <c r="I580">
        <v>0</v>
      </c>
      <c r="J580">
        <v>500</v>
      </c>
      <c r="K580">
        <v>0</v>
      </c>
      <c r="L580">
        <v>0</v>
      </c>
      <c r="M580">
        <v>2848</v>
      </c>
      <c r="N580">
        <v>0</v>
      </c>
      <c r="O580">
        <v>0</v>
      </c>
      <c r="P580">
        <v>1728</v>
      </c>
      <c r="Q580">
        <v>0</v>
      </c>
      <c r="R580">
        <v>40186</v>
      </c>
      <c r="S580">
        <v>0</v>
      </c>
      <c r="T580">
        <v>0</v>
      </c>
      <c r="U580">
        <v>0</v>
      </c>
      <c r="V580">
        <v>5</v>
      </c>
      <c r="W580">
        <v>0</v>
      </c>
      <c r="X580">
        <v>0</v>
      </c>
      <c r="Y580">
        <v>27</v>
      </c>
      <c r="Z580">
        <v>31</v>
      </c>
      <c r="AA580">
        <v>53</v>
      </c>
      <c r="AB580">
        <v>94</v>
      </c>
      <c r="AC580">
        <v>153</v>
      </c>
      <c r="AD580">
        <v>76</v>
      </c>
      <c r="AE580">
        <v>101</v>
      </c>
      <c r="AF580">
        <v>21401</v>
      </c>
      <c r="AG580">
        <v>125912</v>
      </c>
      <c r="AH580">
        <v>50000</v>
      </c>
      <c r="AI580">
        <v>0</v>
      </c>
      <c r="AJ580">
        <v>89</v>
      </c>
      <c r="AK580" t="s">
        <v>12</v>
      </c>
      <c r="AL580">
        <v>0</v>
      </c>
      <c r="AM580">
        <v>0</v>
      </c>
      <c r="AN580">
        <v>0</v>
      </c>
      <c r="AO580">
        <v>0</v>
      </c>
      <c r="AP580">
        <v>0</v>
      </c>
      <c r="AQ580">
        <v>0</v>
      </c>
      <c r="AR580">
        <v>0</v>
      </c>
      <c r="AS580">
        <v>0</v>
      </c>
      <c r="AT580">
        <v>0</v>
      </c>
      <c r="AU580">
        <v>0</v>
      </c>
      <c r="AV580">
        <v>0</v>
      </c>
      <c r="AW580">
        <v>0</v>
      </c>
      <c r="AX580">
        <v>36947</v>
      </c>
      <c r="AY580">
        <v>18</v>
      </c>
      <c r="AZ580">
        <v>63</v>
      </c>
      <c r="BA580">
        <v>2724</v>
      </c>
    </row>
    <row r="581" spans="1:53" x14ac:dyDescent="0.4">
      <c r="A581">
        <v>625</v>
      </c>
      <c r="B581" s="1">
        <v>42997</v>
      </c>
      <c r="C581">
        <v>4</v>
      </c>
      <c r="D581" s="1">
        <v>42997.950694444444</v>
      </c>
      <c r="E581" s="1">
        <v>42998.071527777778</v>
      </c>
      <c r="F581">
        <v>52560</v>
      </c>
      <c r="G581">
        <v>1430</v>
      </c>
      <c r="H581">
        <v>0</v>
      </c>
      <c r="I581">
        <v>0</v>
      </c>
      <c r="J581">
        <v>0</v>
      </c>
      <c r="K581">
        <v>0</v>
      </c>
      <c r="L581">
        <v>0</v>
      </c>
      <c r="M581">
        <v>4319</v>
      </c>
      <c r="N581">
        <v>0</v>
      </c>
      <c r="O581">
        <v>0</v>
      </c>
      <c r="P581">
        <v>21924</v>
      </c>
      <c r="Q581">
        <v>0</v>
      </c>
      <c r="R581">
        <v>80233</v>
      </c>
      <c r="S581">
        <v>0</v>
      </c>
      <c r="T581">
        <v>0</v>
      </c>
      <c r="U581">
        <v>0</v>
      </c>
      <c r="V581">
        <v>11</v>
      </c>
      <c r="W581">
        <v>1</v>
      </c>
      <c r="X581">
        <v>0</v>
      </c>
      <c r="Y581">
        <v>27</v>
      </c>
      <c r="Z581">
        <v>29</v>
      </c>
      <c r="AA581">
        <v>52</v>
      </c>
      <c r="AB581">
        <v>91</v>
      </c>
      <c r="AC581">
        <v>159</v>
      </c>
      <c r="AD581">
        <v>77</v>
      </c>
      <c r="AE581">
        <v>103</v>
      </c>
      <c r="AF581">
        <v>37817</v>
      </c>
      <c r="AG581">
        <v>206145</v>
      </c>
      <c r="AH581">
        <v>50000</v>
      </c>
      <c r="AI581">
        <v>0</v>
      </c>
      <c r="AJ581">
        <v>1</v>
      </c>
      <c r="AK581" t="s">
        <v>3</v>
      </c>
      <c r="AL581">
        <v>0</v>
      </c>
      <c r="AM581">
        <v>0</v>
      </c>
      <c r="AN581">
        <v>0</v>
      </c>
      <c r="AO581">
        <v>0</v>
      </c>
      <c r="AP581">
        <v>0</v>
      </c>
      <c r="AQ581">
        <v>0</v>
      </c>
      <c r="AR581">
        <v>0</v>
      </c>
      <c r="AS581">
        <v>0</v>
      </c>
      <c r="AT581">
        <v>0</v>
      </c>
      <c r="AU581">
        <v>0</v>
      </c>
      <c r="AV581">
        <v>0</v>
      </c>
      <c r="AW581">
        <v>0</v>
      </c>
      <c r="AX581">
        <v>9666</v>
      </c>
      <c r="AY581">
        <v>5</v>
      </c>
      <c r="AZ581">
        <v>16</v>
      </c>
      <c r="BA581">
        <v>1121</v>
      </c>
    </row>
    <row r="582" spans="1:53" x14ac:dyDescent="0.4">
      <c r="A582">
        <v>626</v>
      </c>
      <c r="B582" s="1">
        <v>42998</v>
      </c>
      <c r="C582">
        <v>1</v>
      </c>
      <c r="D582" s="1">
        <v>42998.291666666664</v>
      </c>
      <c r="E582" s="1">
        <v>42998.450694444444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  <c r="M582">
        <v>0</v>
      </c>
      <c r="N582">
        <v>0</v>
      </c>
      <c r="O582">
        <v>0</v>
      </c>
      <c r="P582">
        <v>0</v>
      </c>
      <c r="Q582">
        <v>0</v>
      </c>
      <c r="R582">
        <v>0</v>
      </c>
      <c r="S582">
        <v>0</v>
      </c>
      <c r="T582">
        <v>0</v>
      </c>
      <c r="U582">
        <v>0</v>
      </c>
      <c r="V582">
        <v>0</v>
      </c>
      <c r="W582">
        <v>1</v>
      </c>
      <c r="X582">
        <v>0</v>
      </c>
      <c r="Y582">
        <v>25</v>
      </c>
      <c r="Z582">
        <v>17</v>
      </c>
      <c r="AA582">
        <v>55</v>
      </c>
      <c r="AB582">
        <v>90</v>
      </c>
      <c r="AC582">
        <v>102</v>
      </c>
      <c r="AD582">
        <v>76</v>
      </c>
      <c r="AE582">
        <v>100</v>
      </c>
      <c r="AF582">
        <v>0</v>
      </c>
      <c r="AG582">
        <v>50000</v>
      </c>
      <c r="AH582">
        <v>0</v>
      </c>
      <c r="AI582">
        <v>50000</v>
      </c>
      <c r="AJ582">
        <v>0</v>
      </c>
      <c r="AK582" t="s">
        <v>6</v>
      </c>
      <c r="AL582">
        <v>0</v>
      </c>
      <c r="AM582">
        <v>0</v>
      </c>
      <c r="AN582">
        <v>0</v>
      </c>
      <c r="AO582">
        <v>0</v>
      </c>
      <c r="AP582">
        <v>0</v>
      </c>
      <c r="AQ582">
        <v>0</v>
      </c>
      <c r="AR582">
        <v>0</v>
      </c>
      <c r="AS582">
        <v>0</v>
      </c>
      <c r="AT582">
        <v>0</v>
      </c>
      <c r="AU582">
        <v>0</v>
      </c>
      <c r="AV582">
        <v>0</v>
      </c>
      <c r="AW582">
        <v>0</v>
      </c>
      <c r="AX582">
        <v>0</v>
      </c>
      <c r="AY582">
        <v>0</v>
      </c>
      <c r="AZ582">
        <v>0</v>
      </c>
      <c r="BA582">
        <v>0</v>
      </c>
    </row>
    <row r="583" spans="1:53" x14ac:dyDescent="0.4">
      <c r="A583">
        <v>627</v>
      </c>
      <c r="B583" s="1">
        <v>42998</v>
      </c>
      <c r="C583">
        <v>2</v>
      </c>
      <c r="D583" s="1">
        <v>42998.450694444444</v>
      </c>
      <c r="E583" s="1">
        <v>42998.947916666664</v>
      </c>
      <c r="F583">
        <v>62140</v>
      </c>
      <c r="G583">
        <v>914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5701</v>
      </c>
      <c r="N583">
        <v>0</v>
      </c>
      <c r="O583">
        <v>0</v>
      </c>
      <c r="P583">
        <v>1296</v>
      </c>
      <c r="Q583">
        <v>0</v>
      </c>
      <c r="R583">
        <v>78277</v>
      </c>
      <c r="S583">
        <v>0</v>
      </c>
      <c r="T583">
        <v>0</v>
      </c>
      <c r="U583">
        <v>0</v>
      </c>
      <c r="V583">
        <v>6</v>
      </c>
      <c r="W583">
        <v>1</v>
      </c>
      <c r="X583">
        <v>0</v>
      </c>
      <c r="Y583">
        <v>45</v>
      </c>
      <c r="Z583">
        <v>17</v>
      </c>
      <c r="AA583">
        <v>31</v>
      </c>
      <c r="AB583">
        <v>85</v>
      </c>
      <c r="AC583">
        <v>87</v>
      </c>
      <c r="AD583">
        <v>75</v>
      </c>
      <c r="AE583">
        <v>102</v>
      </c>
      <c r="AF583">
        <v>1080</v>
      </c>
      <c r="AG583">
        <v>128277</v>
      </c>
      <c r="AH583">
        <v>50000</v>
      </c>
      <c r="AI583">
        <v>0</v>
      </c>
      <c r="AJ583">
        <v>84</v>
      </c>
      <c r="AK583" t="s">
        <v>16</v>
      </c>
      <c r="AL583">
        <v>0</v>
      </c>
      <c r="AM583">
        <v>0</v>
      </c>
      <c r="AN583">
        <v>0</v>
      </c>
      <c r="AO583">
        <v>0</v>
      </c>
      <c r="AP583">
        <v>0</v>
      </c>
      <c r="AQ583">
        <v>0</v>
      </c>
      <c r="AR583">
        <v>0</v>
      </c>
      <c r="AS583">
        <v>0</v>
      </c>
      <c r="AT583">
        <v>0</v>
      </c>
      <c r="AU583">
        <v>0</v>
      </c>
      <c r="AV583">
        <v>0</v>
      </c>
      <c r="AW583">
        <v>0</v>
      </c>
      <c r="AX583">
        <v>41278</v>
      </c>
      <c r="AY583">
        <v>48</v>
      </c>
      <c r="AZ583">
        <v>117</v>
      </c>
      <c r="BA583">
        <v>6848</v>
      </c>
    </row>
    <row r="584" spans="1:53" x14ac:dyDescent="0.4">
      <c r="A584">
        <v>628</v>
      </c>
      <c r="B584" s="1">
        <v>42998</v>
      </c>
      <c r="C584">
        <v>3</v>
      </c>
      <c r="D584" s="1">
        <v>42998.947916666664</v>
      </c>
      <c r="E584" s="1">
        <v>42999.109027777777</v>
      </c>
      <c r="F584">
        <v>51210</v>
      </c>
      <c r="G584">
        <v>960</v>
      </c>
      <c r="H584">
        <v>0</v>
      </c>
      <c r="I584">
        <v>0</v>
      </c>
      <c r="J584">
        <v>0</v>
      </c>
      <c r="K584">
        <v>0</v>
      </c>
      <c r="L584">
        <v>0</v>
      </c>
      <c r="M584">
        <v>4174</v>
      </c>
      <c r="N584">
        <v>0</v>
      </c>
      <c r="O584">
        <v>0</v>
      </c>
      <c r="P584">
        <v>9504</v>
      </c>
      <c r="Q584">
        <v>0</v>
      </c>
      <c r="R584">
        <v>65848</v>
      </c>
      <c r="S584">
        <v>0</v>
      </c>
      <c r="T584">
        <v>0</v>
      </c>
      <c r="U584">
        <v>0</v>
      </c>
      <c r="V584">
        <v>10</v>
      </c>
      <c r="W584">
        <v>6</v>
      </c>
      <c r="X584">
        <v>0</v>
      </c>
      <c r="Y584">
        <v>45</v>
      </c>
      <c r="Z584">
        <v>18</v>
      </c>
      <c r="AA584">
        <v>23</v>
      </c>
      <c r="AB584">
        <v>87</v>
      </c>
      <c r="AC584">
        <v>71</v>
      </c>
      <c r="AD584">
        <v>77</v>
      </c>
      <c r="AE584">
        <v>100</v>
      </c>
      <c r="AF584">
        <v>2280</v>
      </c>
      <c r="AG584">
        <v>194125</v>
      </c>
      <c r="AH584">
        <v>50000</v>
      </c>
      <c r="AI584">
        <v>0</v>
      </c>
      <c r="AJ584">
        <v>104</v>
      </c>
      <c r="AK584" t="s">
        <v>10</v>
      </c>
      <c r="AL584">
        <v>0</v>
      </c>
      <c r="AM584">
        <v>0</v>
      </c>
      <c r="AN584">
        <v>0</v>
      </c>
      <c r="AO584">
        <v>0</v>
      </c>
      <c r="AP584">
        <v>0</v>
      </c>
      <c r="AQ584">
        <v>0</v>
      </c>
      <c r="AR584">
        <v>0</v>
      </c>
      <c r="AS584">
        <v>0</v>
      </c>
      <c r="AT584">
        <v>0</v>
      </c>
      <c r="AU584">
        <v>0</v>
      </c>
      <c r="AV584">
        <v>0</v>
      </c>
      <c r="AW584">
        <v>0</v>
      </c>
      <c r="AX584">
        <v>19980</v>
      </c>
      <c r="AY584">
        <v>6</v>
      </c>
      <c r="AZ584">
        <v>20</v>
      </c>
      <c r="BA584">
        <v>1028</v>
      </c>
    </row>
    <row r="585" spans="1:53" x14ac:dyDescent="0.4">
      <c r="A585">
        <v>629</v>
      </c>
      <c r="B585" s="1">
        <v>42999</v>
      </c>
      <c r="C585">
        <v>1</v>
      </c>
      <c r="D585" s="1">
        <v>42999.291666666664</v>
      </c>
      <c r="E585" s="1">
        <v>42999.445833333331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  <c r="M585">
        <v>0</v>
      </c>
      <c r="N585">
        <v>0</v>
      </c>
      <c r="O585">
        <v>0</v>
      </c>
      <c r="P585">
        <v>0</v>
      </c>
      <c r="Q585">
        <v>0</v>
      </c>
      <c r="R585">
        <v>0</v>
      </c>
      <c r="S585">
        <v>0</v>
      </c>
      <c r="T585">
        <v>0</v>
      </c>
      <c r="U585">
        <v>0</v>
      </c>
      <c r="V585">
        <v>0</v>
      </c>
      <c r="W585">
        <v>1</v>
      </c>
      <c r="X585">
        <v>0</v>
      </c>
      <c r="Y585">
        <v>29</v>
      </c>
      <c r="Z585">
        <v>18</v>
      </c>
      <c r="AA585">
        <v>27</v>
      </c>
      <c r="AB585">
        <v>62</v>
      </c>
      <c r="AC585">
        <v>74</v>
      </c>
      <c r="AD585">
        <v>73</v>
      </c>
      <c r="AE585">
        <v>95</v>
      </c>
      <c r="AF585">
        <v>0</v>
      </c>
      <c r="AG585">
        <v>50000</v>
      </c>
      <c r="AH585">
        <v>0</v>
      </c>
      <c r="AI585">
        <v>50000</v>
      </c>
      <c r="AJ585">
        <v>0</v>
      </c>
      <c r="AK585" t="s">
        <v>6</v>
      </c>
      <c r="AL585">
        <v>0</v>
      </c>
      <c r="AM585">
        <v>0</v>
      </c>
      <c r="AN585">
        <v>0</v>
      </c>
      <c r="AO585">
        <v>0</v>
      </c>
      <c r="AP585">
        <v>0</v>
      </c>
      <c r="AQ585">
        <v>0</v>
      </c>
      <c r="AR585">
        <v>0</v>
      </c>
      <c r="AS585">
        <v>0</v>
      </c>
      <c r="AT585">
        <v>0</v>
      </c>
      <c r="AU585">
        <v>0</v>
      </c>
      <c r="AV585">
        <v>0</v>
      </c>
      <c r="AW585">
        <v>0</v>
      </c>
      <c r="AX585">
        <v>0</v>
      </c>
      <c r="AY585">
        <v>0</v>
      </c>
      <c r="AZ585">
        <v>0</v>
      </c>
      <c r="BA585">
        <v>0</v>
      </c>
    </row>
    <row r="586" spans="1:53" x14ac:dyDescent="0.4">
      <c r="A586">
        <v>630</v>
      </c>
      <c r="B586" s="1">
        <v>42999</v>
      </c>
      <c r="C586">
        <v>2</v>
      </c>
      <c r="D586" s="1">
        <v>42999.445833333331</v>
      </c>
      <c r="E586" s="1">
        <v>42999.763888888891</v>
      </c>
      <c r="F586">
        <v>13500</v>
      </c>
      <c r="G586">
        <v>151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1200</v>
      </c>
      <c r="N586">
        <v>0</v>
      </c>
      <c r="O586">
        <v>0</v>
      </c>
      <c r="P586">
        <v>19656</v>
      </c>
      <c r="Q586">
        <v>0</v>
      </c>
      <c r="R586">
        <v>35866</v>
      </c>
      <c r="S586">
        <v>0</v>
      </c>
      <c r="T586">
        <v>0</v>
      </c>
      <c r="U586">
        <v>0</v>
      </c>
      <c r="V586">
        <v>0</v>
      </c>
      <c r="W586">
        <v>1</v>
      </c>
      <c r="X586">
        <v>0</v>
      </c>
      <c r="Y586">
        <v>59</v>
      </c>
      <c r="Z586">
        <v>27</v>
      </c>
      <c r="AA586">
        <v>26</v>
      </c>
      <c r="AB586">
        <v>64</v>
      </c>
      <c r="AC586">
        <v>102</v>
      </c>
      <c r="AD586">
        <v>76</v>
      </c>
      <c r="AE586">
        <v>86</v>
      </c>
      <c r="AF586">
        <v>1080</v>
      </c>
      <c r="AG586">
        <v>85866</v>
      </c>
      <c r="AH586">
        <v>50000</v>
      </c>
      <c r="AI586">
        <v>0</v>
      </c>
      <c r="AJ586">
        <v>102</v>
      </c>
      <c r="AK586" t="s">
        <v>8</v>
      </c>
      <c r="AL586">
        <v>0</v>
      </c>
      <c r="AM586">
        <v>0</v>
      </c>
      <c r="AN586">
        <v>0</v>
      </c>
      <c r="AO586">
        <v>0</v>
      </c>
      <c r="AP586">
        <v>0</v>
      </c>
      <c r="AQ586">
        <v>0</v>
      </c>
      <c r="AR586">
        <v>0</v>
      </c>
      <c r="AS586">
        <v>0</v>
      </c>
      <c r="AT586">
        <v>0</v>
      </c>
      <c r="AU586">
        <v>0</v>
      </c>
      <c r="AV586">
        <v>0</v>
      </c>
      <c r="AW586">
        <v>0</v>
      </c>
      <c r="AX586">
        <v>-6340</v>
      </c>
      <c r="AY586">
        <v>33</v>
      </c>
      <c r="AZ586">
        <v>57</v>
      </c>
      <c r="BA586">
        <v>4446</v>
      </c>
    </row>
    <row r="587" spans="1:53" x14ac:dyDescent="0.4">
      <c r="A587">
        <v>631</v>
      </c>
      <c r="B587" s="1">
        <v>42999</v>
      </c>
      <c r="C587">
        <v>3</v>
      </c>
      <c r="D587" s="1">
        <v>42999.763888888891</v>
      </c>
      <c r="E587" s="1">
        <v>42999.954861111109</v>
      </c>
      <c r="F587">
        <v>44250</v>
      </c>
      <c r="G587">
        <v>5390</v>
      </c>
      <c r="H587">
        <v>0</v>
      </c>
      <c r="I587">
        <v>0</v>
      </c>
      <c r="J587">
        <v>0</v>
      </c>
      <c r="K587">
        <v>0</v>
      </c>
      <c r="L587">
        <v>0</v>
      </c>
      <c r="M587">
        <v>3971</v>
      </c>
      <c r="N587">
        <v>0</v>
      </c>
      <c r="O587">
        <v>0</v>
      </c>
      <c r="P587">
        <v>-19656</v>
      </c>
      <c r="Q587">
        <v>0</v>
      </c>
      <c r="R587">
        <v>33955</v>
      </c>
      <c r="S587">
        <v>0</v>
      </c>
      <c r="T587">
        <v>0</v>
      </c>
      <c r="U587">
        <v>0</v>
      </c>
      <c r="V587">
        <v>0</v>
      </c>
      <c r="W587">
        <v>3</v>
      </c>
      <c r="X587">
        <v>0</v>
      </c>
      <c r="Y587">
        <v>76</v>
      </c>
      <c r="Z587">
        <v>26</v>
      </c>
      <c r="AA587">
        <v>20</v>
      </c>
      <c r="AB587">
        <v>63</v>
      </c>
      <c r="AC587">
        <v>103</v>
      </c>
      <c r="AD587">
        <v>76</v>
      </c>
      <c r="AE587">
        <v>81</v>
      </c>
      <c r="AF587">
        <v>9180</v>
      </c>
      <c r="AG587">
        <v>119821</v>
      </c>
      <c r="AH587">
        <v>50000</v>
      </c>
      <c r="AI587">
        <v>0</v>
      </c>
      <c r="AJ587">
        <v>100</v>
      </c>
      <c r="AK587" t="s">
        <v>0</v>
      </c>
      <c r="AL587">
        <v>0</v>
      </c>
      <c r="AM587">
        <v>0</v>
      </c>
      <c r="AN587">
        <v>0</v>
      </c>
      <c r="AO587">
        <v>0</v>
      </c>
      <c r="AP587">
        <v>0</v>
      </c>
      <c r="AQ587">
        <v>0</v>
      </c>
      <c r="AR587">
        <v>0</v>
      </c>
      <c r="AS587">
        <v>0</v>
      </c>
      <c r="AT587">
        <v>0</v>
      </c>
      <c r="AU587">
        <v>0</v>
      </c>
      <c r="AV587">
        <v>0</v>
      </c>
      <c r="AW587">
        <v>0</v>
      </c>
      <c r="AX587">
        <v>34560</v>
      </c>
      <c r="AY587">
        <v>18</v>
      </c>
      <c r="AZ587">
        <v>49</v>
      </c>
      <c r="BA587">
        <v>2428</v>
      </c>
    </row>
    <row r="588" spans="1:53" x14ac:dyDescent="0.4">
      <c r="A588">
        <v>632</v>
      </c>
      <c r="B588" s="1">
        <v>43000</v>
      </c>
      <c r="C588">
        <v>1</v>
      </c>
      <c r="D588" s="1">
        <v>43000.291666666664</v>
      </c>
      <c r="E588" s="1">
        <v>43000.445138888892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0</v>
      </c>
      <c r="O588">
        <v>0</v>
      </c>
      <c r="P588">
        <v>0</v>
      </c>
      <c r="Q588">
        <v>0</v>
      </c>
      <c r="R588">
        <v>0</v>
      </c>
      <c r="S588">
        <v>0</v>
      </c>
      <c r="T588">
        <v>0</v>
      </c>
      <c r="U588">
        <v>0</v>
      </c>
      <c r="V588">
        <v>0</v>
      </c>
      <c r="W588">
        <v>0</v>
      </c>
      <c r="X588">
        <v>0</v>
      </c>
      <c r="Y588">
        <v>31</v>
      </c>
      <c r="Z588">
        <v>25</v>
      </c>
      <c r="AA588">
        <v>20</v>
      </c>
      <c r="AB588">
        <v>62</v>
      </c>
      <c r="AC588">
        <v>94</v>
      </c>
      <c r="AD588">
        <v>77</v>
      </c>
      <c r="AE588">
        <v>75</v>
      </c>
      <c r="AF588">
        <v>0</v>
      </c>
      <c r="AG588">
        <v>50000</v>
      </c>
      <c r="AH588">
        <v>0</v>
      </c>
      <c r="AI588">
        <v>50000</v>
      </c>
      <c r="AJ588">
        <v>0</v>
      </c>
      <c r="AK588" t="s">
        <v>6</v>
      </c>
      <c r="AL588">
        <v>0</v>
      </c>
      <c r="AM588">
        <v>0</v>
      </c>
      <c r="AN588">
        <v>0</v>
      </c>
      <c r="AO588">
        <v>0</v>
      </c>
      <c r="AP588">
        <v>0</v>
      </c>
      <c r="AQ588">
        <v>0</v>
      </c>
      <c r="AR588">
        <v>0</v>
      </c>
      <c r="AS588">
        <v>0</v>
      </c>
      <c r="AT588">
        <v>0</v>
      </c>
      <c r="AU588">
        <v>0</v>
      </c>
      <c r="AV588">
        <v>0</v>
      </c>
      <c r="AW588">
        <v>0</v>
      </c>
      <c r="AX588">
        <v>0</v>
      </c>
      <c r="AY588">
        <v>0</v>
      </c>
      <c r="AZ588">
        <v>0</v>
      </c>
      <c r="BA588">
        <v>0</v>
      </c>
    </row>
    <row r="589" spans="1:53" x14ac:dyDescent="0.4">
      <c r="A589">
        <v>633</v>
      </c>
      <c r="B589" s="1">
        <v>43000</v>
      </c>
      <c r="C589">
        <v>2</v>
      </c>
      <c r="D589" s="1">
        <v>43000.445138888892</v>
      </c>
      <c r="E589" s="1">
        <v>43000.802083333336</v>
      </c>
      <c r="F589">
        <v>18500</v>
      </c>
      <c r="G589">
        <v>2600</v>
      </c>
      <c r="H589">
        <v>0</v>
      </c>
      <c r="I589">
        <v>0</v>
      </c>
      <c r="J589">
        <v>0</v>
      </c>
      <c r="K589">
        <v>0</v>
      </c>
      <c r="L589">
        <v>0</v>
      </c>
      <c r="M589">
        <v>1688</v>
      </c>
      <c r="N589">
        <v>0</v>
      </c>
      <c r="O589">
        <v>0</v>
      </c>
      <c r="P589">
        <v>10260</v>
      </c>
      <c r="Q589">
        <v>0</v>
      </c>
      <c r="R589">
        <v>33048</v>
      </c>
      <c r="S589">
        <v>0</v>
      </c>
      <c r="T589">
        <v>0</v>
      </c>
      <c r="U589">
        <v>0</v>
      </c>
      <c r="V589">
        <v>1</v>
      </c>
      <c r="W589">
        <v>2</v>
      </c>
      <c r="X589">
        <v>0</v>
      </c>
      <c r="Y589">
        <v>40</v>
      </c>
      <c r="Z589">
        <v>28</v>
      </c>
      <c r="AA589">
        <v>27</v>
      </c>
      <c r="AB589">
        <v>65</v>
      </c>
      <c r="AC589">
        <v>101</v>
      </c>
      <c r="AD589">
        <v>77</v>
      </c>
      <c r="AE589">
        <v>83</v>
      </c>
      <c r="AF589">
        <v>1620</v>
      </c>
      <c r="AG589">
        <v>83048</v>
      </c>
      <c r="AH589">
        <v>50000</v>
      </c>
      <c r="AI589">
        <v>0</v>
      </c>
      <c r="AJ589">
        <v>101</v>
      </c>
      <c r="AK589" t="s">
        <v>23</v>
      </c>
      <c r="AL589">
        <v>0</v>
      </c>
      <c r="AM589">
        <v>0</v>
      </c>
      <c r="AN589">
        <v>0</v>
      </c>
      <c r="AO589">
        <v>0</v>
      </c>
      <c r="AP589">
        <v>0</v>
      </c>
      <c r="AQ589">
        <v>0</v>
      </c>
      <c r="AR589">
        <v>0</v>
      </c>
      <c r="AS589">
        <v>0</v>
      </c>
      <c r="AT589">
        <v>0</v>
      </c>
      <c r="AU589">
        <v>0</v>
      </c>
      <c r="AV589">
        <v>0</v>
      </c>
      <c r="AW589">
        <v>0</v>
      </c>
      <c r="AX589">
        <v>0</v>
      </c>
      <c r="AY589">
        <v>33</v>
      </c>
      <c r="AZ589">
        <v>56</v>
      </c>
      <c r="BA589">
        <v>5167</v>
      </c>
    </row>
    <row r="590" spans="1:53" x14ac:dyDescent="0.4">
      <c r="A590">
        <v>634</v>
      </c>
      <c r="B590" s="1">
        <v>43000</v>
      </c>
      <c r="C590">
        <v>3</v>
      </c>
      <c r="D590" s="1">
        <v>43000.802083333336</v>
      </c>
      <c r="E590" s="1">
        <v>43001.181944444441</v>
      </c>
      <c r="F590">
        <v>285160</v>
      </c>
      <c r="G590">
        <v>10370</v>
      </c>
      <c r="H590">
        <v>0</v>
      </c>
      <c r="I590">
        <v>0</v>
      </c>
      <c r="J590">
        <v>0</v>
      </c>
      <c r="K590">
        <v>5880</v>
      </c>
      <c r="L590">
        <v>0</v>
      </c>
      <c r="M590">
        <v>24112</v>
      </c>
      <c r="N590">
        <v>0</v>
      </c>
      <c r="O590">
        <v>0</v>
      </c>
      <c r="P590">
        <v>108540</v>
      </c>
      <c r="Q590">
        <v>0</v>
      </c>
      <c r="R590">
        <v>434062</v>
      </c>
      <c r="S590">
        <v>0</v>
      </c>
      <c r="T590">
        <v>0</v>
      </c>
      <c r="U590">
        <v>0</v>
      </c>
      <c r="V590">
        <v>23</v>
      </c>
      <c r="W590">
        <v>6</v>
      </c>
      <c r="X590">
        <v>0</v>
      </c>
      <c r="Y590">
        <v>110</v>
      </c>
      <c r="Z590">
        <v>27</v>
      </c>
      <c r="AA590">
        <v>30</v>
      </c>
      <c r="AB590">
        <v>59</v>
      </c>
      <c r="AC590">
        <v>85</v>
      </c>
      <c r="AD590">
        <v>78</v>
      </c>
      <c r="AE590">
        <v>81</v>
      </c>
      <c r="AF590">
        <v>126339</v>
      </c>
      <c r="AG590">
        <v>517110</v>
      </c>
      <c r="AH590">
        <v>50000</v>
      </c>
      <c r="AI590">
        <v>0</v>
      </c>
      <c r="AJ590">
        <v>16</v>
      </c>
      <c r="AK590" t="s">
        <v>11</v>
      </c>
      <c r="AL590">
        <v>0</v>
      </c>
      <c r="AM590">
        <v>0</v>
      </c>
      <c r="AN590">
        <v>0</v>
      </c>
      <c r="AO590">
        <v>0</v>
      </c>
      <c r="AP590">
        <v>0</v>
      </c>
      <c r="AQ590">
        <v>0</v>
      </c>
      <c r="AR590">
        <v>0</v>
      </c>
      <c r="AS590">
        <v>0</v>
      </c>
      <c r="AT590">
        <v>0</v>
      </c>
      <c r="AU590">
        <v>0</v>
      </c>
      <c r="AV590">
        <v>0</v>
      </c>
      <c r="AW590">
        <v>0</v>
      </c>
      <c r="AX590">
        <v>3088</v>
      </c>
      <c r="AY590">
        <v>45</v>
      </c>
      <c r="AZ590">
        <v>208</v>
      </c>
      <c r="BA590">
        <v>6482</v>
      </c>
    </row>
    <row r="591" spans="1:53" x14ac:dyDescent="0.4">
      <c r="A591">
        <v>635</v>
      </c>
      <c r="B591" s="1">
        <v>43001</v>
      </c>
      <c r="C591">
        <v>1</v>
      </c>
      <c r="D591" s="1">
        <v>43001.291666666664</v>
      </c>
      <c r="E591" s="1">
        <v>43001.406944444447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0</v>
      </c>
      <c r="O591">
        <v>0</v>
      </c>
      <c r="P591">
        <v>0</v>
      </c>
      <c r="Q591">
        <v>0</v>
      </c>
      <c r="R591">
        <v>0</v>
      </c>
      <c r="S591">
        <v>0</v>
      </c>
      <c r="T591">
        <v>0</v>
      </c>
      <c r="U591">
        <v>0</v>
      </c>
      <c r="V591">
        <v>0</v>
      </c>
      <c r="W591">
        <v>1</v>
      </c>
      <c r="X591">
        <v>0</v>
      </c>
      <c r="Y591">
        <v>26</v>
      </c>
      <c r="Z591">
        <v>24</v>
      </c>
      <c r="AA591">
        <v>29</v>
      </c>
      <c r="AB591">
        <v>57</v>
      </c>
      <c r="AC591">
        <v>80</v>
      </c>
      <c r="AD591">
        <v>76</v>
      </c>
      <c r="AE591">
        <v>70</v>
      </c>
      <c r="AF591">
        <v>0</v>
      </c>
      <c r="AG591">
        <v>50000</v>
      </c>
      <c r="AH591">
        <v>0</v>
      </c>
      <c r="AI591">
        <v>50000</v>
      </c>
      <c r="AJ591">
        <v>0</v>
      </c>
      <c r="AK591" t="s">
        <v>6</v>
      </c>
      <c r="AL591">
        <v>0</v>
      </c>
      <c r="AM591">
        <v>0</v>
      </c>
      <c r="AN591">
        <v>0</v>
      </c>
      <c r="AO591">
        <v>0</v>
      </c>
      <c r="AP591">
        <v>0</v>
      </c>
      <c r="AQ591">
        <v>0</v>
      </c>
      <c r="AR591">
        <v>0</v>
      </c>
      <c r="AS591">
        <v>0</v>
      </c>
      <c r="AT591">
        <v>0</v>
      </c>
      <c r="AU591">
        <v>0</v>
      </c>
      <c r="AV591">
        <v>0</v>
      </c>
      <c r="AW591">
        <v>0</v>
      </c>
      <c r="AX591">
        <v>0</v>
      </c>
      <c r="AY591">
        <v>0</v>
      </c>
      <c r="AZ591">
        <v>0</v>
      </c>
      <c r="BA591">
        <v>0</v>
      </c>
    </row>
    <row r="592" spans="1:53" x14ac:dyDescent="0.4">
      <c r="A592">
        <v>636</v>
      </c>
      <c r="B592" s="1">
        <v>43001</v>
      </c>
      <c r="C592">
        <v>2</v>
      </c>
      <c r="D592" s="1">
        <v>43001.406944444447</v>
      </c>
      <c r="E592" s="1">
        <v>43001.740972222222</v>
      </c>
      <c r="F592">
        <v>36250</v>
      </c>
      <c r="G592">
        <v>696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3456</v>
      </c>
      <c r="N592">
        <v>0</v>
      </c>
      <c r="O592">
        <v>0</v>
      </c>
      <c r="P592">
        <v>27000</v>
      </c>
      <c r="Q592">
        <v>0</v>
      </c>
      <c r="R592">
        <v>73666</v>
      </c>
      <c r="S592">
        <v>0</v>
      </c>
      <c r="T592">
        <v>0</v>
      </c>
      <c r="U592">
        <v>0</v>
      </c>
      <c r="V592">
        <v>2</v>
      </c>
      <c r="W592">
        <v>5</v>
      </c>
      <c r="X592">
        <v>0</v>
      </c>
      <c r="Y592">
        <v>44</v>
      </c>
      <c r="Z592">
        <v>44</v>
      </c>
      <c r="AA592">
        <v>40</v>
      </c>
      <c r="AB592">
        <v>66</v>
      </c>
      <c r="AC592">
        <v>176</v>
      </c>
      <c r="AD592">
        <v>86</v>
      </c>
      <c r="AE592">
        <v>67</v>
      </c>
      <c r="AF592">
        <v>3279</v>
      </c>
      <c r="AG592">
        <v>123836</v>
      </c>
      <c r="AH592">
        <v>50000</v>
      </c>
      <c r="AI592">
        <v>170</v>
      </c>
      <c r="AJ592">
        <v>84</v>
      </c>
      <c r="AK592" t="s">
        <v>16</v>
      </c>
      <c r="AL592">
        <v>0</v>
      </c>
      <c r="AM592">
        <v>0</v>
      </c>
      <c r="AN592">
        <v>0</v>
      </c>
      <c r="AO592">
        <v>0</v>
      </c>
      <c r="AP592">
        <v>0</v>
      </c>
      <c r="AQ592">
        <v>0</v>
      </c>
      <c r="AR592">
        <v>0</v>
      </c>
      <c r="AS592">
        <v>0</v>
      </c>
      <c r="AT592">
        <v>0</v>
      </c>
      <c r="AU592">
        <v>0</v>
      </c>
      <c r="AV592">
        <v>0</v>
      </c>
      <c r="AW592">
        <v>0</v>
      </c>
      <c r="AX592">
        <v>-346</v>
      </c>
      <c r="AY592">
        <v>48</v>
      </c>
      <c r="AZ592">
        <v>113</v>
      </c>
      <c r="BA592">
        <v>7375</v>
      </c>
    </row>
    <row r="593" spans="1:53" x14ac:dyDescent="0.4">
      <c r="A593">
        <v>637</v>
      </c>
      <c r="B593" s="1">
        <v>43001</v>
      </c>
      <c r="C593">
        <v>3</v>
      </c>
      <c r="D593" s="1">
        <v>43001.740972222222</v>
      </c>
      <c r="E593" s="1">
        <v>43001.962500000001</v>
      </c>
      <c r="F593">
        <v>103600</v>
      </c>
      <c r="G593">
        <v>6430</v>
      </c>
      <c r="H593">
        <v>0</v>
      </c>
      <c r="I593">
        <v>0</v>
      </c>
      <c r="J593">
        <v>0</v>
      </c>
      <c r="K593">
        <v>0</v>
      </c>
      <c r="L593">
        <v>0</v>
      </c>
      <c r="M593">
        <v>8802</v>
      </c>
      <c r="N593">
        <v>0</v>
      </c>
      <c r="O593">
        <v>0</v>
      </c>
      <c r="P593">
        <v>-2981</v>
      </c>
      <c r="Q593">
        <v>0</v>
      </c>
      <c r="R593">
        <v>115851</v>
      </c>
      <c r="S593">
        <v>0</v>
      </c>
      <c r="T593">
        <v>0</v>
      </c>
      <c r="U593">
        <v>0</v>
      </c>
      <c r="V593">
        <v>8</v>
      </c>
      <c r="W593">
        <v>8</v>
      </c>
      <c r="X593">
        <v>0</v>
      </c>
      <c r="Y593">
        <v>53</v>
      </c>
      <c r="Z593">
        <v>42</v>
      </c>
      <c r="AA593">
        <v>31</v>
      </c>
      <c r="AB593">
        <v>61</v>
      </c>
      <c r="AC593">
        <v>180</v>
      </c>
      <c r="AD593">
        <v>88</v>
      </c>
      <c r="AE593">
        <v>64</v>
      </c>
      <c r="AF593">
        <v>37063</v>
      </c>
      <c r="AG593">
        <v>239517</v>
      </c>
      <c r="AH593">
        <v>50000</v>
      </c>
      <c r="AI593">
        <v>0</v>
      </c>
      <c r="AJ593">
        <v>1</v>
      </c>
      <c r="AK593" t="s">
        <v>3</v>
      </c>
      <c r="AL593">
        <v>0</v>
      </c>
      <c r="AM593">
        <v>0</v>
      </c>
      <c r="AN593">
        <v>0</v>
      </c>
      <c r="AO593">
        <v>0</v>
      </c>
      <c r="AP593">
        <v>0</v>
      </c>
      <c r="AQ593">
        <v>0</v>
      </c>
      <c r="AR593">
        <v>0</v>
      </c>
      <c r="AS593">
        <v>0</v>
      </c>
      <c r="AT593">
        <v>0</v>
      </c>
      <c r="AU593">
        <v>0</v>
      </c>
      <c r="AV593">
        <v>0</v>
      </c>
      <c r="AW593">
        <v>0</v>
      </c>
      <c r="AX593">
        <v>157830</v>
      </c>
      <c r="AY593">
        <v>28</v>
      </c>
      <c r="AZ593">
        <v>137</v>
      </c>
      <c r="BA593">
        <v>4199</v>
      </c>
    </row>
    <row r="594" spans="1:53" x14ac:dyDescent="0.4">
      <c r="A594">
        <v>638</v>
      </c>
      <c r="B594" s="1">
        <v>43001</v>
      </c>
      <c r="C594">
        <v>4</v>
      </c>
      <c r="D594" s="1">
        <v>43001.962500000001</v>
      </c>
      <c r="E594" s="1">
        <v>43002.125</v>
      </c>
      <c r="F594">
        <v>285375</v>
      </c>
      <c r="G594">
        <v>537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23259</v>
      </c>
      <c r="N594">
        <v>0</v>
      </c>
      <c r="O594">
        <v>0</v>
      </c>
      <c r="P594">
        <v>176148</v>
      </c>
      <c r="Q594">
        <v>0</v>
      </c>
      <c r="R594">
        <v>490152</v>
      </c>
      <c r="S594">
        <v>0</v>
      </c>
      <c r="T594">
        <v>0</v>
      </c>
      <c r="U594">
        <v>0</v>
      </c>
      <c r="V594">
        <v>45</v>
      </c>
      <c r="W594">
        <v>9</v>
      </c>
      <c r="X594">
        <v>0</v>
      </c>
      <c r="Y594">
        <v>104</v>
      </c>
      <c r="Z594">
        <v>41</v>
      </c>
      <c r="AA594">
        <v>23</v>
      </c>
      <c r="AB594">
        <v>55</v>
      </c>
      <c r="AC594">
        <v>144</v>
      </c>
      <c r="AD594">
        <v>86</v>
      </c>
      <c r="AE594">
        <v>48</v>
      </c>
      <c r="AF594">
        <v>103201</v>
      </c>
      <c r="AG594">
        <v>729669</v>
      </c>
      <c r="AH594">
        <v>50000</v>
      </c>
      <c r="AI594">
        <v>0</v>
      </c>
      <c r="AJ594">
        <v>16</v>
      </c>
      <c r="AK594" t="s">
        <v>11</v>
      </c>
      <c r="AL594">
        <v>0</v>
      </c>
      <c r="AM594">
        <v>0</v>
      </c>
      <c r="AN594">
        <v>0</v>
      </c>
      <c r="AO594">
        <v>0</v>
      </c>
      <c r="AP594">
        <v>0</v>
      </c>
      <c r="AQ594">
        <v>0</v>
      </c>
      <c r="AR594">
        <v>0</v>
      </c>
      <c r="AS594">
        <v>0</v>
      </c>
      <c r="AT594">
        <v>0</v>
      </c>
      <c r="AU594">
        <v>0</v>
      </c>
      <c r="AV594">
        <v>0</v>
      </c>
      <c r="AW594">
        <v>0</v>
      </c>
      <c r="AX594">
        <v>2452</v>
      </c>
      <c r="AY594">
        <v>19</v>
      </c>
      <c r="AZ594">
        <v>118</v>
      </c>
      <c r="BA594">
        <v>3627</v>
      </c>
    </row>
    <row r="595" spans="1:53" x14ac:dyDescent="0.4">
      <c r="A595">
        <v>639</v>
      </c>
      <c r="B595" s="1">
        <v>43002</v>
      </c>
      <c r="C595">
        <v>1</v>
      </c>
      <c r="D595" s="1">
        <v>43002.291666666664</v>
      </c>
      <c r="E595" s="1">
        <v>43002.409722222219</v>
      </c>
      <c r="F595">
        <v>0</v>
      </c>
      <c r="G595">
        <v>0</v>
      </c>
      <c r="H595">
        <v>0</v>
      </c>
      <c r="I595">
        <v>0</v>
      </c>
      <c r="J595">
        <v>0</v>
      </c>
      <c r="K595">
        <v>0</v>
      </c>
      <c r="L595">
        <v>0</v>
      </c>
      <c r="M595">
        <v>0</v>
      </c>
      <c r="N595">
        <v>0</v>
      </c>
      <c r="O595">
        <v>0</v>
      </c>
      <c r="P595">
        <v>0</v>
      </c>
      <c r="Q595">
        <v>0</v>
      </c>
      <c r="R595">
        <v>0</v>
      </c>
      <c r="S595">
        <v>0</v>
      </c>
      <c r="T595">
        <v>0</v>
      </c>
      <c r="U595">
        <v>0</v>
      </c>
      <c r="V595">
        <v>0</v>
      </c>
      <c r="W595">
        <v>1</v>
      </c>
      <c r="X595">
        <v>0</v>
      </c>
      <c r="Y595">
        <v>25</v>
      </c>
      <c r="Z595">
        <v>24</v>
      </c>
      <c r="AA595">
        <v>37</v>
      </c>
      <c r="AB595">
        <v>55</v>
      </c>
      <c r="AC595">
        <v>103</v>
      </c>
      <c r="AD595">
        <v>84</v>
      </c>
      <c r="AE595">
        <v>100</v>
      </c>
      <c r="AF595">
        <v>0</v>
      </c>
      <c r="AG595">
        <v>50000</v>
      </c>
      <c r="AH595">
        <v>50000</v>
      </c>
      <c r="AI595">
        <v>0</v>
      </c>
      <c r="AJ595">
        <v>0</v>
      </c>
      <c r="AK595" t="s">
        <v>6</v>
      </c>
      <c r="AL595">
        <v>0</v>
      </c>
      <c r="AM595">
        <v>0</v>
      </c>
      <c r="AN595">
        <v>0</v>
      </c>
      <c r="AO595">
        <v>0</v>
      </c>
      <c r="AP595">
        <v>0</v>
      </c>
      <c r="AQ595">
        <v>0</v>
      </c>
      <c r="AR595">
        <v>0</v>
      </c>
      <c r="AS595">
        <v>0</v>
      </c>
      <c r="AT595">
        <v>0</v>
      </c>
      <c r="AU595">
        <v>0</v>
      </c>
      <c r="AV595">
        <v>0</v>
      </c>
      <c r="AW595">
        <v>0</v>
      </c>
      <c r="AX595">
        <v>0</v>
      </c>
      <c r="AY595">
        <v>0</v>
      </c>
      <c r="AZ595">
        <v>0</v>
      </c>
      <c r="BA595">
        <v>0</v>
      </c>
    </row>
    <row r="596" spans="1:53" x14ac:dyDescent="0.4">
      <c r="A596">
        <v>640</v>
      </c>
      <c r="B596" s="1">
        <v>43002</v>
      </c>
      <c r="C596">
        <v>2</v>
      </c>
      <c r="D596" s="1">
        <v>43002.409722222219</v>
      </c>
      <c r="E596" s="1">
        <v>43002.747916666667</v>
      </c>
      <c r="F596">
        <v>40000</v>
      </c>
      <c r="G596">
        <v>5080</v>
      </c>
      <c r="H596">
        <v>0</v>
      </c>
      <c r="I596">
        <v>0</v>
      </c>
      <c r="J596">
        <v>0</v>
      </c>
      <c r="K596">
        <v>0</v>
      </c>
      <c r="L596">
        <v>0</v>
      </c>
      <c r="M596">
        <v>3606</v>
      </c>
      <c r="N596">
        <v>0</v>
      </c>
      <c r="O596">
        <v>0</v>
      </c>
      <c r="P596">
        <v>24300</v>
      </c>
      <c r="Q596">
        <v>0</v>
      </c>
      <c r="R596">
        <v>72986</v>
      </c>
      <c r="S596">
        <v>0</v>
      </c>
      <c r="T596">
        <v>0</v>
      </c>
      <c r="U596">
        <v>0</v>
      </c>
      <c r="V596">
        <v>1</v>
      </c>
      <c r="W596">
        <v>2</v>
      </c>
      <c r="X596">
        <v>0</v>
      </c>
      <c r="Y596">
        <v>75</v>
      </c>
      <c r="Z596">
        <v>34</v>
      </c>
      <c r="AA596">
        <v>31</v>
      </c>
      <c r="AB596">
        <v>51</v>
      </c>
      <c r="AC596">
        <v>142</v>
      </c>
      <c r="AD596">
        <v>85</v>
      </c>
      <c r="AE596">
        <v>101</v>
      </c>
      <c r="AF596">
        <v>3400</v>
      </c>
      <c r="AG596">
        <v>122996</v>
      </c>
      <c r="AH596">
        <v>50000</v>
      </c>
      <c r="AI596">
        <v>10</v>
      </c>
      <c r="AJ596">
        <v>99</v>
      </c>
      <c r="AK596" t="s">
        <v>9</v>
      </c>
      <c r="AL596">
        <v>0</v>
      </c>
      <c r="AM596">
        <v>0</v>
      </c>
      <c r="AN596">
        <v>0</v>
      </c>
      <c r="AO596">
        <v>0</v>
      </c>
      <c r="AP596">
        <v>0</v>
      </c>
      <c r="AQ596">
        <v>0</v>
      </c>
      <c r="AR596">
        <v>0</v>
      </c>
      <c r="AS596">
        <v>0</v>
      </c>
      <c r="AT596">
        <v>0</v>
      </c>
      <c r="AU596">
        <v>0</v>
      </c>
      <c r="AV596">
        <v>0</v>
      </c>
      <c r="AW596">
        <v>0</v>
      </c>
      <c r="AX596">
        <v>-810</v>
      </c>
      <c r="AY596">
        <v>54</v>
      </c>
      <c r="AZ596">
        <v>116</v>
      </c>
      <c r="BA596">
        <v>8218</v>
      </c>
    </row>
    <row r="597" spans="1:53" x14ac:dyDescent="0.4">
      <c r="A597">
        <v>641</v>
      </c>
      <c r="B597" s="1">
        <v>43002</v>
      </c>
      <c r="C597">
        <v>3</v>
      </c>
      <c r="D597" s="1">
        <v>43002.747916666667</v>
      </c>
      <c r="E597" s="1">
        <v>43002.960416666669</v>
      </c>
      <c r="F597">
        <v>74680</v>
      </c>
      <c r="G597">
        <v>3360</v>
      </c>
      <c r="H597">
        <v>0</v>
      </c>
      <c r="I597">
        <v>0</v>
      </c>
      <c r="J597">
        <v>2000</v>
      </c>
      <c r="K597">
        <v>0</v>
      </c>
      <c r="L597">
        <v>0</v>
      </c>
      <c r="M597">
        <v>6083</v>
      </c>
      <c r="N597">
        <v>0</v>
      </c>
      <c r="O597">
        <v>0</v>
      </c>
      <c r="P597">
        <v>20196</v>
      </c>
      <c r="Q597">
        <v>0</v>
      </c>
      <c r="R597">
        <v>102319</v>
      </c>
      <c r="S597">
        <v>0</v>
      </c>
      <c r="T597">
        <v>0</v>
      </c>
      <c r="U597">
        <v>0</v>
      </c>
      <c r="V597">
        <v>7</v>
      </c>
      <c r="W597">
        <v>6</v>
      </c>
      <c r="X597">
        <v>0</v>
      </c>
      <c r="Y597">
        <v>84</v>
      </c>
      <c r="Z597">
        <v>35</v>
      </c>
      <c r="AA597">
        <v>18</v>
      </c>
      <c r="AB597">
        <v>52</v>
      </c>
      <c r="AC597">
        <v>150</v>
      </c>
      <c r="AD597">
        <v>80</v>
      </c>
      <c r="AE597">
        <v>85</v>
      </c>
      <c r="AF597">
        <v>17440</v>
      </c>
      <c r="AG597">
        <v>225325</v>
      </c>
      <c r="AH597">
        <v>50000</v>
      </c>
      <c r="AI597">
        <v>20</v>
      </c>
      <c r="AJ597">
        <v>84</v>
      </c>
      <c r="AK597" t="s">
        <v>16</v>
      </c>
      <c r="AL597">
        <v>0</v>
      </c>
      <c r="AM597">
        <v>0</v>
      </c>
      <c r="AN597">
        <v>0</v>
      </c>
      <c r="AO597">
        <v>0</v>
      </c>
      <c r="AP597">
        <v>0</v>
      </c>
      <c r="AQ597">
        <v>0</v>
      </c>
      <c r="AR597">
        <v>0</v>
      </c>
      <c r="AS597">
        <v>0</v>
      </c>
      <c r="AT597">
        <v>0</v>
      </c>
      <c r="AU597">
        <v>0</v>
      </c>
      <c r="AV597">
        <v>0</v>
      </c>
      <c r="AW597">
        <v>0</v>
      </c>
      <c r="AX597">
        <v>7830</v>
      </c>
      <c r="AY597">
        <v>21</v>
      </c>
      <c r="AZ597">
        <v>67</v>
      </c>
      <c r="BA597">
        <v>4062</v>
      </c>
    </row>
    <row r="598" spans="1:53" x14ac:dyDescent="0.4">
      <c r="A598">
        <v>642</v>
      </c>
      <c r="B598" s="1">
        <v>43003</v>
      </c>
      <c r="C598">
        <v>1</v>
      </c>
      <c r="D598" s="1">
        <v>43003.291666666664</v>
      </c>
      <c r="E598" s="1">
        <v>43003.451388888891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0</v>
      </c>
      <c r="O598">
        <v>0</v>
      </c>
      <c r="P598">
        <v>0</v>
      </c>
      <c r="Q598">
        <v>0</v>
      </c>
      <c r="R598">
        <v>0</v>
      </c>
      <c r="S598">
        <v>0</v>
      </c>
      <c r="T598">
        <v>0</v>
      </c>
      <c r="U598">
        <v>0</v>
      </c>
      <c r="V598">
        <v>0</v>
      </c>
      <c r="W598">
        <v>2</v>
      </c>
      <c r="X598">
        <v>0</v>
      </c>
      <c r="Y598">
        <v>25</v>
      </c>
      <c r="Z598">
        <v>19</v>
      </c>
      <c r="AA598">
        <v>13</v>
      </c>
      <c r="AB598">
        <v>48</v>
      </c>
      <c r="AC598">
        <v>134</v>
      </c>
      <c r="AD598">
        <v>74</v>
      </c>
      <c r="AE598">
        <v>90</v>
      </c>
      <c r="AF598">
        <v>0</v>
      </c>
      <c r="AG598">
        <v>50000</v>
      </c>
      <c r="AH598">
        <v>0</v>
      </c>
      <c r="AI598">
        <v>50000</v>
      </c>
      <c r="AJ598">
        <v>0</v>
      </c>
      <c r="AK598" t="s">
        <v>6</v>
      </c>
      <c r="AL598">
        <v>0</v>
      </c>
      <c r="AM598">
        <v>0</v>
      </c>
      <c r="AN598">
        <v>0</v>
      </c>
      <c r="AO598">
        <v>0</v>
      </c>
      <c r="AP598">
        <v>0</v>
      </c>
      <c r="AQ598">
        <v>0</v>
      </c>
      <c r="AR598">
        <v>0</v>
      </c>
      <c r="AS598">
        <v>0</v>
      </c>
      <c r="AT598">
        <v>0</v>
      </c>
      <c r="AU598">
        <v>0</v>
      </c>
      <c r="AV598">
        <v>0</v>
      </c>
      <c r="AW598">
        <v>0</v>
      </c>
      <c r="AX598">
        <v>0</v>
      </c>
      <c r="AY598">
        <v>0</v>
      </c>
      <c r="AZ598">
        <v>0</v>
      </c>
      <c r="BA598">
        <v>0</v>
      </c>
    </row>
    <row r="599" spans="1:53" x14ac:dyDescent="0.4">
      <c r="A599">
        <v>643</v>
      </c>
      <c r="B599" s="1">
        <v>43003</v>
      </c>
      <c r="C599">
        <v>2</v>
      </c>
      <c r="D599" s="1">
        <v>43003.451388888891</v>
      </c>
      <c r="E599" s="1">
        <v>43003.757638888892</v>
      </c>
      <c r="F599">
        <v>25000</v>
      </c>
      <c r="G599">
        <v>500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2399</v>
      </c>
      <c r="N599">
        <v>0</v>
      </c>
      <c r="O599">
        <v>0</v>
      </c>
      <c r="P599">
        <v>14580</v>
      </c>
      <c r="Q599">
        <v>0</v>
      </c>
      <c r="R599">
        <v>46979</v>
      </c>
      <c r="S599">
        <v>0</v>
      </c>
      <c r="T599">
        <v>0</v>
      </c>
      <c r="U599">
        <v>0</v>
      </c>
      <c r="V599">
        <v>0</v>
      </c>
      <c r="W599">
        <v>4</v>
      </c>
      <c r="X599">
        <v>0</v>
      </c>
      <c r="Y599">
        <v>44</v>
      </c>
      <c r="Z599">
        <v>38</v>
      </c>
      <c r="AA599">
        <v>40</v>
      </c>
      <c r="AB599">
        <v>48</v>
      </c>
      <c r="AC599">
        <v>236</v>
      </c>
      <c r="AD599">
        <v>76</v>
      </c>
      <c r="AE599">
        <v>97</v>
      </c>
      <c r="AF599">
        <v>4742</v>
      </c>
      <c r="AG599">
        <v>96979</v>
      </c>
      <c r="AH599">
        <v>50000</v>
      </c>
      <c r="AI599">
        <v>0</v>
      </c>
      <c r="AJ599">
        <v>82</v>
      </c>
      <c r="AK599" t="s">
        <v>17</v>
      </c>
      <c r="AL599">
        <v>0</v>
      </c>
      <c r="AM599">
        <v>0</v>
      </c>
      <c r="AN599">
        <v>0</v>
      </c>
      <c r="AO599">
        <v>0</v>
      </c>
      <c r="AP599">
        <v>0</v>
      </c>
      <c r="AQ599">
        <v>0</v>
      </c>
      <c r="AR599">
        <v>0</v>
      </c>
      <c r="AS599">
        <v>0</v>
      </c>
      <c r="AT599">
        <v>0</v>
      </c>
      <c r="AU599">
        <v>0</v>
      </c>
      <c r="AV599">
        <v>0</v>
      </c>
      <c r="AW599">
        <v>0</v>
      </c>
      <c r="AX599">
        <v>734</v>
      </c>
      <c r="AY599">
        <v>41</v>
      </c>
      <c r="AZ599">
        <v>74</v>
      </c>
      <c r="BA599">
        <v>5790</v>
      </c>
    </row>
    <row r="600" spans="1:53" x14ac:dyDescent="0.4">
      <c r="A600">
        <v>644</v>
      </c>
      <c r="B600" s="1">
        <v>43003</v>
      </c>
      <c r="C600">
        <v>3</v>
      </c>
      <c r="D600" s="1">
        <v>43003.757638888892</v>
      </c>
      <c r="E600" s="1">
        <v>43003.941666666666</v>
      </c>
      <c r="F600">
        <v>23800</v>
      </c>
      <c r="G600">
        <v>1450</v>
      </c>
      <c r="H600">
        <v>0</v>
      </c>
      <c r="I600">
        <v>0</v>
      </c>
      <c r="J600">
        <v>0</v>
      </c>
      <c r="K600">
        <v>0</v>
      </c>
      <c r="L600">
        <v>0</v>
      </c>
      <c r="M600">
        <v>2020</v>
      </c>
      <c r="N600">
        <v>0</v>
      </c>
      <c r="O600">
        <v>0</v>
      </c>
      <c r="P600">
        <v>-8748</v>
      </c>
      <c r="Q600">
        <v>0</v>
      </c>
      <c r="R600">
        <v>18522</v>
      </c>
      <c r="S600">
        <v>0</v>
      </c>
      <c r="T600">
        <v>0</v>
      </c>
      <c r="U600">
        <v>0</v>
      </c>
      <c r="V600">
        <v>2</v>
      </c>
      <c r="W600">
        <v>3</v>
      </c>
      <c r="X600">
        <v>0</v>
      </c>
      <c r="Y600">
        <v>47</v>
      </c>
      <c r="Z600">
        <v>40</v>
      </c>
      <c r="AA600">
        <v>35</v>
      </c>
      <c r="AB600">
        <v>46</v>
      </c>
      <c r="AC600">
        <v>247</v>
      </c>
      <c r="AD600">
        <v>76</v>
      </c>
      <c r="AE600">
        <v>109</v>
      </c>
      <c r="AF600">
        <v>4742</v>
      </c>
      <c r="AG600">
        <v>115501</v>
      </c>
      <c r="AH600">
        <v>50000</v>
      </c>
      <c r="AI600">
        <v>0</v>
      </c>
      <c r="AJ600">
        <v>1</v>
      </c>
      <c r="AK600" t="s">
        <v>3</v>
      </c>
      <c r="AL600">
        <v>0</v>
      </c>
      <c r="AM600">
        <v>0</v>
      </c>
      <c r="AN600">
        <v>0</v>
      </c>
      <c r="AO600">
        <v>0</v>
      </c>
      <c r="AP600">
        <v>0</v>
      </c>
      <c r="AQ600">
        <v>0</v>
      </c>
      <c r="AR600">
        <v>0</v>
      </c>
      <c r="AS600">
        <v>0</v>
      </c>
      <c r="AT600">
        <v>0</v>
      </c>
      <c r="AU600">
        <v>0</v>
      </c>
      <c r="AV600">
        <v>0</v>
      </c>
      <c r="AW600">
        <v>0</v>
      </c>
      <c r="AX600">
        <v>17496</v>
      </c>
      <c r="AY600">
        <v>13</v>
      </c>
      <c r="AZ600">
        <v>30</v>
      </c>
      <c r="BA600">
        <v>2294</v>
      </c>
    </row>
    <row r="601" spans="1:53" x14ac:dyDescent="0.4">
      <c r="A601">
        <v>645</v>
      </c>
      <c r="B601" s="1">
        <v>43003</v>
      </c>
      <c r="C601">
        <v>4</v>
      </c>
      <c r="D601" s="1">
        <v>43003.941666666666</v>
      </c>
      <c r="E601" s="1">
        <v>43004.102083333331</v>
      </c>
      <c r="F601">
        <v>33025</v>
      </c>
      <c r="G601">
        <v>850</v>
      </c>
      <c r="H601">
        <v>0</v>
      </c>
      <c r="I601">
        <v>0</v>
      </c>
      <c r="J601">
        <v>0</v>
      </c>
      <c r="K601">
        <v>5280</v>
      </c>
      <c r="L601">
        <v>0</v>
      </c>
      <c r="M601">
        <v>3132</v>
      </c>
      <c r="N601">
        <v>0</v>
      </c>
      <c r="O601">
        <v>0</v>
      </c>
      <c r="P601">
        <v>29808</v>
      </c>
      <c r="Q601">
        <v>0</v>
      </c>
      <c r="R601">
        <v>72095</v>
      </c>
      <c r="S601">
        <v>0</v>
      </c>
      <c r="T601">
        <v>0</v>
      </c>
      <c r="U601">
        <v>0</v>
      </c>
      <c r="V601">
        <v>12</v>
      </c>
      <c r="W601">
        <v>0</v>
      </c>
      <c r="X601">
        <v>0</v>
      </c>
      <c r="Y601">
        <v>33</v>
      </c>
      <c r="Z601">
        <v>43</v>
      </c>
      <c r="AA601">
        <v>21</v>
      </c>
      <c r="AB601">
        <v>44</v>
      </c>
      <c r="AC601">
        <v>239</v>
      </c>
      <c r="AD601">
        <v>77</v>
      </c>
      <c r="AE601">
        <v>91</v>
      </c>
      <c r="AF601">
        <v>5930</v>
      </c>
      <c r="AG601">
        <v>187596</v>
      </c>
      <c r="AH601">
        <v>50000</v>
      </c>
      <c r="AI601">
        <v>0</v>
      </c>
      <c r="AJ601">
        <v>1</v>
      </c>
      <c r="AK601" t="s">
        <v>3</v>
      </c>
      <c r="AL601">
        <v>0</v>
      </c>
      <c r="AM601">
        <v>0</v>
      </c>
      <c r="AN601">
        <v>0</v>
      </c>
      <c r="AO601">
        <v>0</v>
      </c>
      <c r="AP601">
        <v>0</v>
      </c>
      <c r="AQ601">
        <v>0</v>
      </c>
      <c r="AR601">
        <v>0</v>
      </c>
      <c r="AS601">
        <v>0</v>
      </c>
      <c r="AT601">
        <v>0</v>
      </c>
      <c r="AU601">
        <v>0</v>
      </c>
      <c r="AV601">
        <v>0</v>
      </c>
      <c r="AW601">
        <v>0</v>
      </c>
      <c r="AX601">
        <v>6188</v>
      </c>
      <c r="AY601">
        <v>12</v>
      </c>
      <c r="AZ601">
        <v>27</v>
      </c>
      <c r="BA601">
        <v>1728</v>
      </c>
    </row>
    <row r="602" spans="1:53" x14ac:dyDescent="0.4">
      <c r="A602">
        <v>646</v>
      </c>
      <c r="B602" s="1">
        <v>43004</v>
      </c>
      <c r="C602">
        <v>1</v>
      </c>
      <c r="D602" s="1">
        <v>43004.291666666664</v>
      </c>
      <c r="E602" s="1">
        <v>43004.447916666664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  <c r="M602">
        <v>0</v>
      </c>
      <c r="N602">
        <v>0</v>
      </c>
      <c r="O602">
        <v>0</v>
      </c>
      <c r="P602">
        <v>0</v>
      </c>
      <c r="Q602">
        <v>0</v>
      </c>
      <c r="R602">
        <v>0</v>
      </c>
      <c r="S602">
        <v>0</v>
      </c>
      <c r="T602">
        <v>0</v>
      </c>
      <c r="U602">
        <v>0</v>
      </c>
      <c r="V602">
        <v>0</v>
      </c>
      <c r="W602">
        <v>2</v>
      </c>
      <c r="X602">
        <v>0</v>
      </c>
      <c r="Y602">
        <v>25</v>
      </c>
      <c r="Z602">
        <v>19</v>
      </c>
      <c r="AA602">
        <v>23</v>
      </c>
      <c r="AB602">
        <v>38</v>
      </c>
      <c r="AC602">
        <v>84</v>
      </c>
      <c r="AD602">
        <v>74</v>
      </c>
      <c r="AE602">
        <v>90</v>
      </c>
      <c r="AF602">
        <v>0</v>
      </c>
      <c r="AG602">
        <v>50000</v>
      </c>
      <c r="AH602">
        <v>0</v>
      </c>
      <c r="AI602">
        <v>50000</v>
      </c>
      <c r="AJ602">
        <v>0</v>
      </c>
      <c r="AK602" t="s">
        <v>6</v>
      </c>
      <c r="AL602">
        <v>0</v>
      </c>
      <c r="AM602">
        <v>0</v>
      </c>
      <c r="AN602">
        <v>0</v>
      </c>
      <c r="AO602">
        <v>0</v>
      </c>
      <c r="AP602">
        <v>0</v>
      </c>
      <c r="AQ602">
        <v>0</v>
      </c>
      <c r="AR602">
        <v>0</v>
      </c>
      <c r="AS602">
        <v>0</v>
      </c>
      <c r="AT602">
        <v>0</v>
      </c>
      <c r="AU602">
        <v>0</v>
      </c>
      <c r="AV602">
        <v>0</v>
      </c>
      <c r="AW602">
        <v>0</v>
      </c>
      <c r="AX602">
        <v>0</v>
      </c>
      <c r="AY602">
        <v>0</v>
      </c>
      <c r="AZ602">
        <v>0</v>
      </c>
      <c r="BA602">
        <v>0</v>
      </c>
    </row>
    <row r="603" spans="1:53" x14ac:dyDescent="0.4">
      <c r="A603">
        <v>647</v>
      </c>
      <c r="B603" s="1">
        <v>43004</v>
      </c>
      <c r="C603">
        <v>2</v>
      </c>
      <c r="D603" s="1">
        <v>43004.447916666664</v>
      </c>
      <c r="E603" s="1">
        <v>43004.751388888886</v>
      </c>
      <c r="F603">
        <v>14500</v>
      </c>
      <c r="G603">
        <v>2840</v>
      </c>
      <c r="H603">
        <v>0</v>
      </c>
      <c r="I603">
        <v>0</v>
      </c>
      <c r="J603">
        <v>0</v>
      </c>
      <c r="K603">
        <v>0</v>
      </c>
      <c r="L603">
        <v>0</v>
      </c>
      <c r="M603">
        <v>1387</v>
      </c>
      <c r="N603">
        <v>0</v>
      </c>
      <c r="O603">
        <v>0</v>
      </c>
      <c r="P603">
        <v>15120</v>
      </c>
      <c r="Q603">
        <v>0</v>
      </c>
      <c r="R603">
        <v>33847</v>
      </c>
      <c r="S603">
        <v>0</v>
      </c>
      <c r="T603">
        <v>0</v>
      </c>
      <c r="U603">
        <v>0</v>
      </c>
      <c r="V603">
        <v>1</v>
      </c>
      <c r="W603">
        <v>2</v>
      </c>
      <c r="X603">
        <v>0</v>
      </c>
      <c r="Y603">
        <v>43</v>
      </c>
      <c r="Z603">
        <v>21</v>
      </c>
      <c r="AA603">
        <v>60</v>
      </c>
      <c r="AB603">
        <v>42</v>
      </c>
      <c r="AC603">
        <v>121</v>
      </c>
      <c r="AD603">
        <v>79</v>
      </c>
      <c r="AE603">
        <v>102</v>
      </c>
      <c r="AF603">
        <v>540</v>
      </c>
      <c r="AG603">
        <v>83847</v>
      </c>
      <c r="AH603">
        <v>50000</v>
      </c>
      <c r="AI603">
        <v>0</v>
      </c>
      <c r="AJ603">
        <v>102</v>
      </c>
      <c r="AK603" t="s">
        <v>8</v>
      </c>
      <c r="AL603">
        <v>0</v>
      </c>
      <c r="AM603">
        <v>0</v>
      </c>
      <c r="AN603">
        <v>0</v>
      </c>
      <c r="AO603">
        <v>0</v>
      </c>
      <c r="AP603">
        <v>0</v>
      </c>
      <c r="AQ603">
        <v>0</v>
      </c>
      <c r="AR603">
        <v>0</v>
      </c>
      <c r="AS603">
        <v>0</v>
      </c>
      <c r="AT603">
        <v>0</v>
      </c>
      <c r="AU603">
        <v>0</v>
      </c>
      <c r="AV603">
        <v>0</v>
      </c>
      <c r="AW603">
        <v>0</v>
      </c>
      <c r="AX603">
        <v>-184</v>
      </c>
      <c r="AY603">
        <v>30</v>
      </c>
      <c r="AZ603">
        <v>57</v>
      </c>
      <c r="BA603">
        <v>3694</v>
      </c>
    </row>
    <row r="604" spans="1:53" x14ac:dyDescent="0.4">
      <c r="A604">
        <v>648</v>
      </c>
      <c r="B604" s="1">
        <v>43004</v>
      </c>
      <c r="C604">
        <v>3</v>
      </c>
      <c r="D604" s="1">
        <v>43004.751388888886</v>
      </c>
      <c r="E604" s="1">
        <v>43004.95208333333</v>
      </c>
      <c r="F604">
        <v>27140</v>
      </c>
      <c r="G604">
        <v>121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2268</v>
      </c>
      <c r="N604">
        <v>0</v>
      </c>
      <c r="O604">
        <v>0</v>
      </c>
      <c r="P604">
        <v>-15120</v>
      </c>
      <c r="Q604">
        <v>0</v>
      </c>
      <c r="R604">
        <v>15498</v>
      </c>
      <c r="S604">
        <v>0</v>
      </c>
      <c r="T604">
        <v>0</v>
      </c>
      <c r="U604">
        <v>0</v>
      </c>
      <c r="V604">
        <v>3</v>
      </c>
      <c r="W604">
        <v>1</v>
      </c>
      <c r="X604">
        <v>0</v>
      </c>
      <c r="Y604">
        <v>34</v>
      </c>
      <c r="Z604">
        <v>23</v>
      </c>
      <c r="AA604">
        <v>52</v>
      </c>
      <c r="AB604">
        <v>42</v>
      </c>
      <c r="AC604">
        <v>122</v>
      </c>
      <c r="AD604">
        <v>80</v>
      </c>
      <c r="AE604">
        <v>97</v>
      </c>
      <c r="AF604">
        <v>9828</v>
      </c>
      <c r="AG604">
        <v>99345</v>
      </c>
      <c r="AH604">
        <v>50000</v>
      </c>
      <c r="AI604">
        <v>0</v>
      </c>
      <c r="AJ604">
        <v>102</v>
      </c>
      <c r="AK604" t="s">
        <v>8</v>
      </c>
      <c r="AL604">
        <v>0</v>
      </c>
      <c r="AM604">
        <v>0</v>
      </c>
      <c r="AN604">
        <v>0</v>
      </c>
      <c r="AO604">
        <v>0</v>
      </c>
      <c r="AP604">
        <v>0</v>
      </c>
      <c r="AQ604">
        <v>0</v>
      </c>
      <c r="AR604">
        <v>0</v>
      </c>
      <c r="AS604">
        <v>0</v>
      </c>
      <c r="AT604">
        <v>0</v>
      </c>
      <c r="AU604">
        <v>0</v>
      </c>
      <c r="AV604">
        <v>0</v>
      </c>
      <c r="AW604">
        <v>0</v>
      </c>
      <c r="AX604">
        <v>17377</v>
      </c>
      <c r="AY604">
        <v>13</v>
      </c>
      <c r="AZ604">
        <v>26</v>
      </c>
      <c r="BA604">
        <v>2162</v>
      </c>
    </row>
    <row r="605" spans="1:53" x14ac:dyDescent="0.4">
      <c r="A605">
        <v>649</v>
      </c>
      <c r="B605" s="1">
        <v>43005</v>
      </c>
      <c r="C605">
        <v>1</v>
      </c>
      <c r="D605" s="1">
        <v>43005.291666666664</v>
      </c>
      <c r="E605" s="1">
        <v>43005.45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0</v>
      </c>
      <c r="O605">
        <v>0</v>
      </c>
      <c r="P605">
        <v>0</v>
      </c>
      <c r="Q605">
        <v>0</v>
      </c>
      <c r="R605">
        <v>0</v>
      </c>
      <c r="S605">
        <v>0</v>
      </c>
      <c r="T605">
        <v>0</v>
      </c>
      <c r="U605">
        <v>0</v>
      </c>
      <c r="V605">
        <v>0</v>
      </c>
      <c r="W605">
        <v>1</v>
      </c>
      <c r="X605">
        <v>0</v>
      </c>
      <c r="Y605">
        <v>29</v>
      </c>
      <c r="Z605">
        <v>16</v>
      </c>
      <c r="AA605">
        <v>51</v>
      </c>
      <c r="AB605">
        <v>37</v>
      </c>
      <c r="AC605">
        <v>58</v>
      </c>
      <c r="AD605">
        <v>76</v>
      </c>
      <c r="AE605">
        <v>90</v>
      </c>
      <c r="AF605">
        <v>0</v>
      </c>
      <c r="AG605">
        <v>50000</v>
      </c>
      <c r="AH605">
        <v>0</v>
      </c>
      <c r="AI605">
        <v>50000</v>
      </c>
      <c r="AJ605">
        <v>0</v>
      </c>
      <c r="AK605" t="s">
        <v>6</v>
      </c>
      <c r="AL605">
        <v>0</v>
      </c>
      <c r="AM605">
        <v>0</v>
      </c>
      <c r="AN605">
        <v>0</v>
      </c>
      <c r="AO605">
        <v>0</v>
      </c>
      <c r="AP605">
        <v>0</v>
      </c>
      <c r="AQ605">
        <v>0</v>
      </c>
      <c r="AR605">
        <v>0</v>
      </c>
      <c r="AS605">
        <v>0</v>
      </c>
      <c r="AT605">
        <v>0</v>
      </c>
      <c r="AU605">
        <v>0</v>
      </c>
      <c r="AV605">
        <v>0</v>
      </c>
      <c r="AW605">
        <v>0</v>
      </c>
      <c r="AX605">
        <v>0</v>
      </c>
      <c r="AY605">
        <v>0</v>
      </c>
      <c r="AZ605">
        <v>0</v>
      </c>
      <c r="BA605">
        <v>0</v>
      </c>
    </row>
    <row r="606" spans="1:53" x14ac:dyDescent="0.4">
      <c r="A606">
        <v>650</v>
      </c>
      <c r="B606" s="1">
        <v>43005</v>
      </c>
      <c r="C606">
        <v>2</v>
      </c>
      <c r="D606" s="1">
        <v>43005.45</v>
      </c>
      <c r="E606" s="1">
        <v>43005.75</v>
      </c>
      <c r="F606">
        <v>1200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  <c r="M606">
        <v>960</v>
      </c>
      <c r="N606">
        <v>0</v>
      </c>
      <c r="O606">
        <v>0</v>
      </c>
      <c r="P606">
        <v>11880</v>
      </c>
      <c r="Q606">
        <v>0</v>
      </c>
      <c r="R606">
        <v>24840</v>
      </c>
      <c r="S606">
        <v>0</v>
      </c>
      <c r="T606">
        <v>0</v>
      </c>
      <c r="U606">
        <v>0</v>
      </c>
      <c r="V606">
        <v>2</v>
      </c>
      <c r="W606">
        <v>2</v>
      </c>
      <c r="X606">
        <v>0</v>
      </c>
      <c r="Y606">
        <v>28</v>
      </c>
      <c r="Z606">
        <v>18</v>
      </c>
      <c r="AA606">
        <v>47</v>
      </c>
      <c r="AB606">
        <v>31</v>
      </c>
      <c r="AC606">
        <v>110</v>
      </c>
      <c r="AD606">
        <v>79</v>
      </c>
      <c r="AE606">
        <v>95</v>
      </c>
      <c r="AF606">
        <v>0</v>
      </c>
      <c r="AG606">
        <v>74840</v>
      </c>
      <c r="AH606">
        <v>50000</v>
      </c>
      <c r="AI606">
        <v>0</v>
      </c>
      <c r="AJ606">
        <v>93</v>
      </c>
      <c r="AK606" t="s">
        <v>20</v>
      </c>
      <c r="AL606">
        <v>0</v>
      </c>
      <c r="AM606">
        <v>0</v>
      </c>
      <c r="AN606">
        <v>0</v>
      </c>
      <c r="AO606">
        <v>0</v>
      </c>
      <c r="AP606">
        <v>0</v>
      </c>
      <c r="AQ606">
        <v>0</v>
      </c>
      <c r="AR606">
        <v>0</v>
      </c>
      <c r="AS606">
        <v>0</v>
      </c>
      <c r="AT606">
        <v>0</v>
      </c>
      <c r="AU606">
        <v>0</v>
      </c>
      <c r="AV606">
        <v>0</v>
      </c>
      <c r="AW606">
        <v>0</v>
      </c>
      <c r="AX606">
        <v>0</v>
      </c>
      <c r="AY606">
        <v>30</v>
      </c>
      <c r="AZ606">
        <v>46</v>
      </c>
      <c r="BA606">
        <v>3503</v>
      </c>
    </row>
    <row r="607" spans="1:53" x14ac:dyDescent="0.4">
      <c r="A607">
        <v>651</v>
      </c>
      <c r="B607" s="1">
        <v>43005</v>
      </c>
      <c r="C607">
        <v>3</v>
      </c>
      <c r="D607" s="1">
        <v>43005.75</v>
      </c>
      <c r="E607" s="1">
        <v>43005.957638888889</v>
      </c>
      <c r="F607">
        <v>74600</v>
      </c>
      <c r="G607">
        <v>4830</v>
      </c>
      <c r="H607">
        <v>0</v>
      </c>
      <c r="I607">
        <v>0</v>
      </c>
      <c r="J607">
        <v>0</v>
      </c>
      <c r="K607">
        <v>0</v>
      </c>
      <c r="L607">
        <v>0</v>
      </c>
      <c r="M607">
        <v>6354</v>
      </c>
      <c r="N607">
        <v>0</v>
      </c>
      <c r="O607">
        <v>0</v>
      </c>
      <c r="P607">
        <v>-1512</v>
      </c>
      <c r="Q607">
        <v>0</v>
      </c>
      <c r="R607">
        <v>84272</v>
      </c>
      <c r="S607">
        <v>0</v>
      </c>
      <c r="T607">
        <v>0</v>
      </c>
      <c r="U607">
        <v>0</v>
      </c>
      <c r="V607">
        <v>3</v>
      </c>
      <c r="W607">
        <v>5</v>
      </c>
      <c r="X607">
        <v>0</v>
      </c>
      <c r="Y607">
        <v>45</v>
      </c>
      <c r="Z607">
        <v>17</v>
      </c>
      <c r="AA607">
        <v>50</v>
      </c>
      <c r="AB607">
        <v>32</v>
      </c>
      <c r="AC607">
        <v>117</v>
      </c>
      <c r="AD607">
        <v>83</v>
      </c>
      <c r="AE607">
        <v>99</v>
      </c>
      <c r="AF607">
        <v>42328</v>
      </c>
      <c r="AG607">
        <v>159112</v>
      </c>
      <c r="AH607">
        <v>50000</v>
      </c>
      <c r="AI607">
        <v>0</v>
      </c>
      <c r="AJ607">
        <v>82</v>
      </c>
      <c r="AK607" t="s">
        <v>17</v>
      </c>
      <c r="AL607">
        <v>0</v>
      </c>
      <c r="AM607">
        <v>0</v>
      </c>
      <c r="AN607">
        <v>0</v>
      </c>
      <c r="AO607">
        <v>0</v>
      </c>
      <c r="AP607">
        <v>0</v>
      </c>
      <c r="AQ607">
        <v>0</v>
      </c>
      <c r="AR607">
        <v>0</v>
      </c>
      <c r="AS607">
        <v>0</v>
      </c>
      <c r="AT607">
        <v>0</v>
      </c>
      <c r="AU607">
        <v>0</v>
      </c>
      <c r="AV607">
        <v>0</v>
      </c>
      <c r="AW607">
        <v>0</v>
      </c>
      <c r="AX607">
        <v>35143</v>
      </c>
      <c r="AY607">
        <v>23</v>
      </c>
      <c r="AZ607">
        <v>86</v>
      </c>
      <c r="BA607">
        <v>3395</v>
      </c>
    </row>
    <row r="608" spans="1:53" x14ac:dyDescent="0.4">
      <c r="A608">
        <v>652</v>
      </c>
      <c r="B608" s="1">
        <v>43005</v>
      </c>
      <c r="C608">
        <v>4</v>
      </c>
      <c r="D608" s="1">
        <v>43005.957638888889</v>
      </c>
      <c r="E608" s="1">
        <v>43006.119444444441</v>
      </c>
      <c r="F608">
        <v>65920</v>
      </c>
      <c r="G608">
        <v>4600</v>
      </c>
      <c r="H608">
        <v>0</v>
      </c>
      <c r="I608">
        <v>0</v>
      </c>
      <c r="J608">
        <v>0</v>
      </c>
      <c r="K608">
        <v>0</v>
      </c>
      <c r="L608">
        <v>0</v>
      </c>
      <c r="M608">
        <v>5642</v>
      </c>
      <c r="N608">
        <v>0</v>
      </c>
      <c r="O608">
        <v>0</v>
      </c>
      <c r="P608">
        <v>648</v>
      </c>
      <c r="Q608">
        <v>0</v>
      </c>
      <c r="R608">
        <v>76810</v>
      </c>
      <c r="S608">
        <v>0</v>
      </c>
      <c r="T608">
        <v>0</v>
      </c>
      <c r="U608">
        <v>0</v>
      </c>
      <c r="V608">
        <v>7</v>
      </c>
      <c r="W608">
        <v>2</v>
      </c>
      <c r="X608">
        <v>0</v>
      </c>
      <c r="Y608">
        <v>49</v>
      </c>
      <c r="Z608">
        <v>15</v>
      </c>
      <c r="AA608">
        <v>48</v>
      </c>
      <c r="AB608">
        <v>29</v>
      </c>
      <c r="AC608">
        <v>111</v>
      </c>
      <c r="AD608">
        <v>85</v>
      </c>
      <c r="AE608">
        <v>101</v>
      </c>
      <c r="AF608">
        <v>91536</v>
      </c>
      <c r="AG608">
        <v>235922</v>
      </c>
      <c r="AH608">
        <v>50000</v>
      </c>
      <c r="AI608">
        <v>0</v>
      </c>
      <c r="AJ608">
        <v>104</v>
      </c>
      <c r="AK608" t="s">
        <v>10</v>
      </c>
      <c r="AL608">
        <v>0</v>
      </c>
      <c r="AM608">
        <v>0</v>
      </c>
      <c r="AN608">
        <v>0</v>
      </c>
      <c r="AO608">
        <v>0</v>
      </c>
      <c r="AP608">
        <v>0</v>
      </c>
      <c r="AQ608">
        <v>0</v>
      </c>
      <c r="AR608">
        <v>0</v>
      </c>
      <c r="AS608">
        <v>0</v>
      </c>
      <c r="AT608">
        <v>0</v>
      </c>
      <c r="AU608">
        <v>0</v>
      </c>
      <c r="AV608">
        <v>0</v>
      </c>
      <c r="AW608">
        <v>0</v>
      </c>
      <c r="AX608">
        <v>0</v>
      </c>
      <c r="AY608">
        <v>4</v>
      </c>
      <c r="AZ608">
        <v>10</v>
      </c>
      <c r="BA608">
        <v>1191</v>
      </c>
    </row>
    <row r="609" spans="1:53" x14ac:dyDescent="0.4">
      <c r="A609">
        <v>653</v>
      </c>
      <c r="B609" s="1">
        <v>43006</v>
      </c>
      <c r="C609">
        <v>1</v>
      </c>
      <c r="D609" s="1">
        <v>43006.291666666664</v>
      </c>
      <c r="E609" s="1">
        <v>43006.445833333331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0</v>
      </c>
      <c r="O609">
        <v>0</v>
      </c>
      <c r="P609">
        <v>0</v>
      </c>
      <c r="Q609">
        <v>0</v>
      </c>
      <c r="R609">
        <v>0</v>
      </c>
      <c r="S609">
        <v>0</v>
      </c>
      <c r="T609">
        <v>0</v>
      </c>
      <c r="U609">
        <v>0</v>
      </c>
      <c r="V609">
        <v>0</v>
      </c>
      <c r="W609">
        <v>2</v>
      </c>
      <c r="X609">
        <v>0</v>
      </c>
      <c r="Y609">
        <v>25</v>
      </c>
      <c r="Z609">
        <v>15</v>
      </c>
      <c r="AA609">
        <v>48</v>
      </c>
      <c r="AB609">
        <v>29</v>
      </c>
      <c r="AC609">
        <v>74</v>
      </c>
      <c r="AD609">
        <v>82</v>
      </c>
      <c r="AE609">
        <v>100</v>
      </c>
      <c r="AF609">
        <v>0</v>
      </c>
      <c r="AG609">
        <v>50000</v>
      </c>
      <c r="AH609">
        <v>0</v>
      </c>
      <c r="AI609">
        <v>50000</v>
      </c>
      <c r="AJ609">
        <v>0</v>
      </c>
      <c r="AK609" t="s">
        <v>6</v>
      </c>
      <c r="AL609">
        <v>0</v>
      </c>
      <c r="AM609">
        <v>0</v>
      </c>
      <c r="AN609">
        <v>0</v>
      </c>
      <c r="AO609">
        <v>0</v>
      </c>
      <c r="AP609">
        <v>0</v>
      </c>
      <c r="AQ609">
        <v>0</v>
      </c>
      <c r="AR609">
        <v>0</v>
      </c>
      <c r="AS609">
        <v>0</v>
      </c>
      <c r="AT609">
        <v>0</v>
      </c>
      <c r="AU609">
        <v>0</v>
      </c>
      <c r="AV609">
        <v>0</v>
      </c>
      <c r="AW609">
        <v>0</v>
      </c>
      <c r="AX609">
        <v>0</v>
      </c>
      <c r="AY609">
        <v>0</v>
      </c>
      <c r="AZ609">
        <v>0</v>
      </c>
      <c r="BA609">
        <v>0</v>
      </c>
    </row>
    <row r="610" spans="1:53" x14ac:dyDescent="0.4">
      <c r="A610">
        <v>654</v>
      </c>
      <c r="B610" s="1">
        <v>43006</v>
      </c>
      <c r="C610">
        <v>2</v>
      </c>
      <c r="D610" s="1">
        <v>43006.445833333331</v>
      </c>
      <c r="E610" s="1">
        <v>43006.748611111114</v>
      </c>
      <c r="F610">
        <v>14000</v>
      </c>
      <c r="G610">
        <v>95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1196</v>
      </c>
      <c r="N610">
        <v>0</v>
      </c>
      <c r="O610">
        <v>0</v>
      </c>
      <c r="P610">
        <v>25920</v>
      </c>
      <c r="Q610">
        <v>0</v>
      </c>
      <c r="R610">
        <v>42066</v>
      </c>
      <c r="S610">
        <v>0</v>
      </c>
      <c r="T610">
        <v>0</v>
      </c>
      <c r="U610">
        <v>0</v>
      </c>
      <c r="V610">
        <v>2</v>
      </c>
      <c r="W610">
        <v>2</v>
      </c>
      <c r="X610">
        <v>0</v>
      </c>
      <c r="Y610">
        <v>42</v>
      </c>
      <c r="Z610">
        <v>23</v>
      </c>
      <c r="AA610">
        <v>5</v>
      </c>
      <c r="AB610">
        <v>25</v>
      </c>
      <c r="AC610">
        <v>104</v>
      </c>
      <c r="AD610">
        <v>82</v>
      </c>
      <c r="AE610">
        <v>105</v>
      </c>
      <c r="AF610">
        <v>5261</v>
      </c>
      <c r="AG610">
        <v>92066</v>
      </c>
      <c r="AH610">
        <v>50000</v>
      </c>
      <c r="AI610">
        <v>0</v>
      </c>
      <c r="AJ610">
        <v>96</v>
      </c>
      <c r="AK610" t="s">
        <v>4</v>
      </c>
      <c r="AL610">
        <v>0</v>
      </c>
      <c r="AM610">
        <v>0</v>
      </c>
      <c r="AN610">
        <v>0</v>
      </c>
      <c r="AO610">
        <v>0</v>
      </c>
      <c r="AP610">
        <v>0</v>
      </c>
      <c r="AQ610">
        <v>0</v>
      </c>
      <c r="AR610">
        <v>0</v>
      </c>
      <c r="AS610">
        <v>0</v>
      </c>
      <c r="AT610">
        <v>0</v>
      </c>
      <c r="AU610">
        <v>0</v>
      </c>
      <c r="AV610">
        <v>0</v>
      </c>
      <c r="AW610">
        <v>0</v>
      </c>
      <c r="AX610">
        <v>540</v>
      </c>
      <c r="AY610">
        <v>36</v>
      </c>
      <c r="AZ610">
        <v>69</v>
      </c>
      <c r="BA610">
        <v>5082</v>
      </c>
    </row>
    <row r="611" spans="1:53" x14ac:dyDescent="0.4">
      <c r="A611">
        <v>655</v>
      </c>
      <c r="B611" s="1">
        <v>43006</v>
      </c>
      <c r="C611">
        <v>3</v>
      </c>
      <c r="D611" s="1">
        <v>43006.748611111114</v>
      </c>
      <c r="E611" s="1">
        <v>43006.939583333333</v>
      </c>
      <c r="F611">
        <v>45270</v>
      </c>
      <c r="G611">
        <v>2700</v>
      </c>
      <c r="H611">
        <v>0</v>
      </c>
      <c r="I611">
        <v>0</v>
      </c>
      <c r="J611">
        <v>760</v>
      </c>
      <c r="K611">
        <v>0</v>
      </c>
      <c r="L611">
        <v>0</v>
      </c>
      <c r="M611">
        <v>3777</v>
      </c>
      <c r="N611">
        <v>0</v>
      </c>
      <c r="O611">
        <v>0</v>
      </c>
      <c r="P611">
        <v>-25920</v>
      </c>
      <c r="Q611">
        <v>0</v>
      </c>
      <c r="R611">
        <v>25067</v>
      </c>
      <c r="S611">
        <v>0</v>
      </c>
      <c r="T611">
        <v>0</v>
      </c>
      <c r="U611">
        <v>0</v>
      </c>
      <c r="V611">
        <v>3</v>
      </c>
      <c r="W611">
        <v>2</v>
      </c>
      <c r="X611">
        <v>0</v>
      </c>
      <c r="Y611">
        <v>55</v>
      </c>
      <c r="Z611">
        <v>27</v>
      </c>
      <c r="AA611">
        <v>6</v>
      </c>
      <c r="AB611">
        <v>24</v>
      </c>
      <c r="AC611">
        <v>106</v>
      </c>
      <c r="AD611">
        <v>82</v>
      </c>
      <c r="AE611">
        <v>102</v>
      </c>
      <c r="AF611">
        <v>5261</v>
      </c>
      <c r="AG611">
        <v>117133</v>
      </c>
      <c r="AH611">
        <v>50000</v>
      </c>
      <c r="AI611">
        <v>0</v>
      </c>
      <c r="AJ611">
        <v>16</v>
      </c>
      <c r="AK611" t="s">
        <v>11</v>
      </c>
      <c r="AL611">
        <v>0</v>
      </c>
      <c r="AM611">
        <v>0</v>
      </c>
      <c r="AN611">
        <v>0</v>
      </c>
      <c r="AO611">
        <v>0</v>
      </c>
      <c r="AP611">
        <v>0</v>
      </c>
      <c r="AQ611">
        <v>0</v>
      </c>
      <c r="AR611">
        <v>0</v>
      </c>
      <c r="AS611">
        <v>0</v>
      </c>
      <c r="AT611">
        <v>0</v>
      </c>
      <c r="AU611">
        <v>0</v>
      </c>
      <c r="AV611">
        <v>0</v>
      </c>
      <c r="AW611">
        <v>0</v>
      </c>
      <c r="AX611">
        <v>20520</v>
      </c>
      <c r="AY611">
        <v>12</v>
      </c>
      <c r="AZ611">
        <v>30</v>
      </c>
      <c r="BA611">
        <v>2335</v>
      </c>
    </row>
    <row r="612" spans="1:53" x14ac:dyDescent="0.4">
      <c r="A612">
        <v>656</v>
      </c>
      <c r="B612" s="1">
        <v>43006</v>
      </c>
      <c r="C612">
        <v>4</v>
      </c>
      <c r="D612" s="1">
        <v>43006.939583333333</v>
      </c>
      <c r="E612" s="1">
        <v>43007.100694444445</v>
      </c>
      <c r="F612">
        <v>3100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2480</v>
      </c>
      <c r="N612">
        <v>0</v>
      </c>
      <c r="O612">
        <v>0</v>
      </c>
      <c r="P612">
        <v>9504</v>
      </c>
      <c r="Q612">
        <v>0</v>
      </c>
      <c r="R612">
        <v>42984</v>
      </c>
      <c r="S612">
        <v>0</v>
      </c>
      <c r="T612">
        <v>0</v>
      </c>
      <c r="U612">
        <v>0</v>
      </c>
      <c r="V612">
        <v>4</v>
      </c>
      <c r="W612">
        <v>4</v>
      </c>
      <c r="X612">
        <v>0</v>
      </c>
      <c r="Y612">
        <v>79</v>
      </c>
      <c r="Z612">
        <v>25</v>
      </c>
      <c r="AA612">
        <v>6</v>
      </c>
      <c r="AB612">
        <v>27</v>
      </c>
      <c r="AC612">
        <v>91</v>
      </c>
      <c r="AD612">
        <v>81</v>
      </c>
      <c r="AE612">
        <v>91</v>
      </c>
      <c r="AF612">
        <v>5261</v>
      </c>
      <c r="AG612">
        <v>160117</v>
      </c>
      <c r="AH612">
        <v>50000</v>
      </c>
      <c r="AI612">
        <v>0</v>
      </c>
      <c r="AJ612">
        <v>100</v>
      </c>
      <c r="AK612" t="s">
        <v>0</v>
      </c>
      <c r="AL612">
        <v>0</v>
      </c>
      <c r="AM612">
        <v>0</v>
      </c>
      <c r="AN612">
        <v>0</v>
      </c>
      <c r="AO612">
        <v>0</v>
      </c>
      <c r="AP612">
        <v>0</v>
      </c>
      <c r="AQ612">
        <v>0</v>
      </c>
      <c r="AR612">
        <v>0</v>
      </c>
      <c r="AS612">
        <v>0</v>
      </c>
      <c r="AT612">
        <v>0</v>
      </c>
      <c r="AU612">
        <v>0</v>
      </c>
      <c r="AV612">
        <v>0</v>
      </c>
      <c r="AW612">
        <v>0</v>
      </c>
      <c r="AX612">
        <v>972</v>
      </c>
      <c r="AY612">
        <v>5</v>
      </c>
      <c r="AZ612">
        <v>14</v>
      </c>
      <c r="BA612">
        <v>610</v>
      </c>
    </row>
    <row r="613" spans="1:53" x14ac:dyDescent="0.4">
      <c r="A613">
        <v>657</v>
      </c>
      <c r="B613" s="1">
        <v>43007</v>
      </c>
      <c r="C613">
        <v>1</v>
      </c>
      <c r="D613" s="1">
        <v>43007.291666666664</v>
      </c>
      <c r="E613" s="1">
        <v>43007.45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0</v>
      </c>
      <c r="O613">
        <v>0</v>
      </c>
      <c r="P613">
        <v>0</v>
      </c>
      <c r="Q613">
        <v>0</v>
      </c>
      <c r="R613">
        <v>0</v>
      </c>
      <c r="S613">
        <v>0</v>
      </c>
      <c r="T613">
        <v>0</v>
      </c>
      <c r="U613">
        <v>0</v>
      </c>
      <c r="V613">
        <v>0</v>
      </c>
      <c r="W613">
        <v>1</v>
      </c>
      <c r="X613">
        <v>0</v>
      </c>
      <c r="Y613">
        <v>29</v>
      </c>
      <c r="Z613">
        <v>25</v>
      </c>
      <c r="AA613">
        <v>8</v>
      </c>
      <c r="AB613">
        <v>25</v>
      </c>
      <c r="AC613">
        <v>95</v>
      </c>
      <c r="AD613">
        <v>81</v>
      </c>
      <c r="AE613">
        <v>95</v>
      </c>
      <c r="AF613">
        <v>0</v>
      </c>
      <c r="AG613">
        <v>50000</v>
      </c>
      <c r="AH613">
        <v>0</v>
      </c>
      <c r="AI613">
        <v>50000</v>
      </c>
      <c r="AJ613">
        <v>0</v>
      </c>
      <c r="AK613" t="s">
        <v>6</v>
      </c>
      <c r="AL613">
        <v>0</v>
      </c>
      <c r="AM613">
        <v>0</v>
      </c>
      <c r="AN613">
        <v>0</v>
      </c>
      <c r="AO613">
        <v>0</v>
      </c>
      <c r="AP613">
        <v>0</v>
      </c>
      <c r="AQ613">
        <v>0</v>
      </c>
      <c r="AR613">
        <v>0</v>
      </c>
      <c r="AS613">
        <v>0</v>
      </c>
      <c r="AT613">
        <v>0</v>
      </c>
      <c r="AU613">
        <v>0</v>
      </c>
      <c r="AV613">
        <v>0</v>
      </c>
      <c r="AW613">
        <v>0</v>
      </c>
      <c r="AX613">
        <v>0</v>
      </c>
      <c r="AY613">
        <v>0</v>
      </c>
      <c r="AZ613">
        <v>0</v>
      </c>
      <c r="BA613">
        <v>0</v>
      </c>
    </row>
    <row r="614" spans="1:53" x14ac:dyDescent="0.4">
      <c r="A614">
        <v>658</v>
      </c>
      <c r="B614" s="1">
        <v>43007</v>
      </c>
      <c r="C614">
        <v>2</v>
      </c>
      <c r="D614" s="1">
        <v>43007.45</v>
      </c>
      <c r="E614" s="1">
        <v>43007.751388888886</v>
      </c>
      <c r="F614">
        <v>18500</v>
      </c>
      <c r="G614">
        <v>1680</v>
      </c>
      <c r="H614">
        <v>0</v>
      </c>
      <c r="I614">
        <v>0</v>
      </c>
      <c r="J614">
        <v>0</v>
      </c>
      <c r="K614">
        <v>0</v>
      </c>
      <c r="L614">
        <v>0</v>
      </c>
      <c r="M614">
        <v>1614</v>
      </c>
      <c r="N614">
        <v>0</v>
      </c>
      <c r="O614">
        <v>0</v>
      </c>
      <c r="P614">
        <v>15120</v>
      </c>
      <c r="Q614">
        <v>0</v>
      </c>
      <c r="R614">
        <v>36914</v>
      </c>
      <c r="S614">
        <v>0</v>
      </c>
      <c r="T614">
        <v>0</v>
      </c>
      <c r="U614">
        <v>0</v>
      </c>
      <c r="V614">
        <v>0</v>
      </c>
      <c r="W614">
        <v>2</v>
      </c>
      <c r="X614">
        <v>0</v>
      </c>
      <c r="Y614">
        <v>54</v>
      </c>
      <c r="Z614">
        <v>22</v>
      </c>
      <c r="AA614">
        <v>32</v>
      </c>
      <c r="AB614">
        <v>32</v>
      </c>
      <c r="AC614">
        <v>120</v>
      </c>
      <c r="AD614">
        <v>83</v>
      </c>
      <c r="AE614">
        <v>99</v>
      </c>
      <c r="AF614">
        <v>5400</v>
      </c>
      <c r="AG614">
        <v>86914</v>
      </c>
      <c r="AH614">
        <v>50000</v>
      </c>
      <c r="AI614">
        <v>0</v>
      </c>
      <c r="AJ614">
        <v>84</v>
      </c>
      <c r="AK614" t="s">
        <v>16</v>
      </c>
      <c r="AL614">
        <v>0</v>
      </c>
      <c r="AM614">
        <v>0</v>
      </c>
      <c r="AN614">
        <v>0</v>
      </c>
      <c r="AO614">
        <v>0</v>
      </c>
      <c r="AP614">
        <v>0</v>
      </c>
      <c r="AQ614">
        <v>0</v>
      </c>
      <c r="AR614">
        <v>0</v>
      </c>
      <c r="AS614">
        <v>0</v>
      </c>
      <c r="AT614">
        <v>0</v>
      </c>
      <c r="AU614">
        <v>0</v>
      </c>
      <c r="AV614">
        <v>0</v>
      </c>
      <c r="AW614">
        <v>0</v>
      </c>
      <c r="AX614">
        <v>7020</v>
      </c>
      <c r="AY614">
        <v>34</v>
      </c>
      <c r="AZ614">
        <v>64</v>
      </c>
      <c r="BA614">
        <v>4894</v>
      </c>
    </row>
    <row r="615" spans="1:53" x14ac:dyDescent="0.4">
      <c r="A615">
        <v>659</v>
      </c>
      <c r="B615" s="1">
        <v>43007</v>
      </c>
      <c r="C615">
        <v>3</v>
      </c>
      <c r="D615" s="1">
        <v>43007.751388888886</v>
      </c>
      <c r="E615" s="1">
        <v>43008.082638888889</v>
      </c>
      <c r="F615">
        <v>352000</v>
      </c>
      <c r="G615">
        <v>15190</v>
      </c>
      <c r="H615">
        <v>0</v>
      </c>
      <c r="I615">
        <v>0</v>
      </c>
      <c r="J615">
        <v>0</v>
      </c>
      <c r="K615">
        <v>600</v>
      </c>
      <c r="L615">
        <v>0</v>
      </c>
      <c r="M615">
        <v>29422</v>
      </c>
      <c r="N615">
        <v>0</v>
      </c>
      <c r="O615">
        <v>0</v>
      </c>
      <c r="P615">
        <v>66312</v>
      </c>
      <c r="Q615">
        <v>0</v>
      </c>
      <c r="R615">
        <v>463524</v>
      </c>
      <c r="S615">
        <v>0</v>
      </c>
      <c r="T615">
        <v>0</v>
      </c>
      <c r="U615">
        <v>0</v>
      </c>
      <c r="V615">
        <v>23</v>
      </c>
      <c r="W615">
        <v>11</v>
      </c>
      <c r="X615">
        <v>0</v>
      </c>
      <c r="Y615">
        <v>104</v>
      </c>
      <c r="Z615">
        <v>14</v>
      </c>
      <c r="AA615">
        <v>56</v>
      </c>
      <c r="AB615">
        <v>33</v>
      </c>
      <c r="AC615">
        <v>111</v>
      </c>
      <c r="AD615">
        <v>79</v>
      </c>
      <c r="AE615">
        <v>112</v>
      </c>
      <c r="AF615">
        <v>145571</v>
      </c>
      <c r="AG615">
        <v>550438</v>
      </c>
      <c r="AH615">
        <v>50000</v>
      </c>
      <c r="AI615">
        <v>0</v>
      </c>
      <c r="AJ615">
        <v>1</v>
      </c>
      <c r="AK615" t="s">
        <v>3</v>
      </c>
      <c r="AL615">
        <v>0</v>
      </c>
      <c r="AM615">
        <v>0</v>
      </c>
      <c r="AN615">
        <v>0</v>
      </c>
      <c r="AO615">
        <v>0</v>
      </c>
      <c r="AP615">
        <v>0</v>
      </c>
      <c r="AQ615">
        <v>0</v>
      </c>
      <c r="AR615">
        <v>0</v>
      </c>
      <c r="AS615">
        <v>0</v>
      </c>
      <c r="AT615">
        <v>0</v>
      </c>
      <c r="AU615">
        <v>0</v>
      </c>
      <c r="AV615">
        <v>0</v>
      </c>
      <c r="AW615">
        <v>0</v>
      </c>
      <c r="AX615">
        <v>17106</v>
      </c>
      <c r="AY615">
        <v>44</v>
      </c>
      <c r="AZ615">
        <v>239</v>
      </c>
      <c r="BA615">
        <v>5344</v>
      </c>
    </row>
    <row r="616" spans="1:53" x14ac:dyDescent="0.4">
      <c r="A616">
        <v>660</v>
      </c>
      <c r="B616" s="1">
        <v>43008</v>
      </c>
      <c r="C616">
        <v>1</v>
      </c>
      <c r="D616" s="1">
        <v>43008.291666666664</v>
      </c>
      <c r="E616" s="1">
        <v>43008.409722222219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0</v>
      </c>
      <c r="O616">
        <v>0</v>
      </c>
      <c r="P616">
        <v>0</v>
      </c>
      <c r="Q616">
        <v>0</v>
      </c>
      <c r="R616">
        <v>0</v>
      </c>
      <c r="S616">
        <v>0</v>
      </c>
      <c r="T616">
        <v>0</v>
      </c>
      <c r="U616">
        <v>0</v>
      </c>
      <c r="V616">
        <v>0</v>
      </c>
      <c r="W616">
        <v>2</v>
      </c>
      <c r="X616">
        <v>0</v>
      </c>
      <c r="Y616">
        <v>25</v>
      </c>
      <c r="Z616">
        <v>13</v>
      </c>
      <c r="AA616">
        <v>55</v>
      </c>
      <c r="AB616">
        <v>32</v>
      </c>
      <c r="AC616">
        <v>92</v>
      </c>
      <c r="AD616">
        <v>76</v>
      </c>
      <c r="AE616">
        <v>100</v>
      </c>
      <c r="AF616">
        <v>0</v>
      </c>
      <c r="AG616">
        <v>50000</v>
      </c>
      <c r="AH616">
        <v>0</v>
      </c>
      <c r="AI616">
        <v>50000</v>
      </c>
      <c r="AJ616">
        <v>0</v>
      </c>
      <c r="AK616" t="s">
        <v>6</v>
      </c>
      <c r="AL616">
        <v>0</v>
      </c>
      <c r="AM616">
        <v>0</v>
      </c>
      <c r="AN616">
        <v>0</v>
      </c>
      <c r="AO616">
        <v>0</v>
      </c>
      <c r="AP616">
        <v>0</v>
      </c>
      <c r="AQ616">
        <v>0</v>
      </c>
      <c r="AR616">
        <v>0</v>
      </c>
      <c r="AS616">
        <v>0</v>
      </c>
      <c r="AT616">
        <v>0</v>
      </c>
      <c r="AU616">
        <v>0</v>
      </c>
      <c r="AV616">
        <v>0</v>
      </c>
      <c r="AW616">
        <v>0</v>
      </c>
      <c r="AX616">
        <v>0</v>
      </c>
      <c r="AY616">
        <v>0</v>
      </c>
      <c r="AZ616">
        <v>0</v>
      </c>
      <c r="BA616">
        <v>0</v>
      </c>
    </row>
    <row r="617" spans="1:53" x14ac:dyDescent="0.4">
      <c r="A617">
        <v>661</v>
      </c>
      <c r="B617" s="1">
        <v>43008</v>
      </c>
      <c r="C617">
        <v>2</v>
      </c>
      <c r="D617" s="1">
        <v>43008.409722222219</v>
      </c>
      <c r="E617" s="1">
        <v>43008.736805555556</v>
      </c>
      <c r="F617">
        <v>41000</v>
      </c>
      <c r="G617">
        <v>260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3487</v>
      </c>
      <c r="N617">
        <v>0</v>
      </c>
      <c r="O617">
        <v>0</v>
      </c>
      <c r="P617">
        <v>22140</v>
      </c>
      <c r="Q617">
        <v>0</v>
      </c>
      <c r="R617">
        <v>69227</v>
      </c>
      <c r="S617">
        <v>0</v>
      </c>
      <c r="T617">
        <v>0</v>
      </c>
      <c r="U617">
        <v>0</v>
      </c>
      <c r="V617">
        <v>1</v>
      </c>
      <c r="W617">
        <v>2</v>
      </c>
      <c r="X617">
        <v>0</v>
      </c>
      <c r="Y617">
        <v>76</v>
      </c>
      <c r="Z617">
        <v>23</v>
      </c>
      <c r="AA617">
        <v>84</v>
      </c>
      <c r="AB617">
        <v>30</v>
      </c>
      <c r="AC617">
        <v>134</v>
      </c>
      <c r="AD617">
        <v>78</v>
      </c>
      <c r="AE617">
        <v>97</v>
      </c>
      <c r="AF617">
        <v>0</v>
      </c>
      <c r="AG617">
        <v>119227</v>
      </c>
      <c r="AH617">
        <v>50000</v>
      </c>
      <c r="AI617">
        <v>0</v>
      </c>
      <c r="AJ617">
        <v>96</v>
      </c>
      <c r="AK617" t="s">
        <v>4</v>
      </c>
      <c r="AL617">
        <v>0</v>
      </c>
      <c r="AM617">
        <v>0</v>
      </c>
      <c r="AN617">
        <v>0</v>
      </c>
      <c r="AO617">
        <v>0</v>
      </c>
      <c r="AP617">
        <v>0</v>
      </c>
      <c r="AQ617">
        <v>0</v>
      </c>
      <c r="AR617">
        <v>0</v>
      </c>
      <c r="AS617">
        <v>0</v>
      </c>
      <c r="AT617">
        <v>0</v>
      </c>
      <c r="AU617">
        <v>0</v>
      </c>
      <c r="AV617">
        <v>0</v>
      </c>
      <c r="AW617">
        <v>0</v>
      </c>
      <c r="AX617">
        <v>680</v>
      </c>
      <c r="AY617">
        <v>52</v>
      </c>
      <c r="AZ617">
        <v>117</v>
      </c>
      <c r="BA617">
        <v>7318</v>
      </c>
    </row>
    <row r="618" spans="1:53" x14ac:dyDescent="0.4">
      <c r="A618">
        <v>662</v>
      </c>
      <c r="B618" s="1">
        <v>43008</v>
      </c>
      <c r="C618">
        <v>3</v>
      </c>
      <c r="D618" s="1">
        <v>43008.736805555556</v>
      </c>
      <c r="E618" s="1">
        <v>43008.945833333331</v>
      </c>
      <c r="F618">
        <v>130845</v>
      </c>
      <c r="G618">
        <v>7370</v>
      </c>
      <c r="H618">
        <v>0</v>
      </c>
      <c r="I618">
        <v>0</v>
      </c>
      <c r="J618">
        <v>0</v>
      </c>
      <c r="K618">
        <v>0</v>
      </c>
      <c r="L618">
        <v>0</v>
      </c>
      <c r="M618">
        <v>11056</v>
      </c>
      <c r="N618">
        <v>0</v>
      </c>
      <c r="O618">
        <v>0</v>
      </c>
      <c r="P618">
        <v>1620</v>
      </c>
      <c r="Q618">
        <v>0</v>
      </c>
      <c r="R618">
        <v>150891</v>
      </c>
      <c r="S618">
        <v>0</v>
      </c>
      <c r="T618">
        <v>0</v>
      </c>
      <c r="U618">
        <v>0</v>
      </c>
      <c r="V618">
        <v>9</v>
      </c>
      <c r="W618">
        <v>8</v>
      </c>
      <c r="X618">
        <v>0</v>
      </c>
      <c r="Y618">
        <v>107</v>
      </c>
      <c r="Z618">
        <v>22</v>
      </c>
      <c r="AA618">
        <v>87</v>
      </c>
      <c r="AB618">
        <v>31</v>
      </c>
      <c r="AC618">
        <v>134</v>
      </c>
      <c r="AD618">
        <v>79</v>
      </c>
      <c r="AE618">
        <v>87</v>
      </c>
      <c r="AF618">
        <v>9946</v>
      </c>
      <c r="AG618">
        <v>270018</v>
      </c>
      <c r="AH618">
        <v>50000</v>
      </c>
      <c r="AI618">
        <v>-100</v>
      </c>
      <c r="AJ618">
        <v>102</v>
      </c>
      <c r="AK618" t="s">
        <v>8</v>
      </c>
      <c r="AL618">
        <v>0</v>
      </c>
      <c r="AM618">
        <v>0</v>
      </c>
      <c r="AN618">
        <v>0</v>
      </c>
      <c r="AO618">
        <v>0</v>
      </c>
      <c r="AP618">
        <v>0</v>
      </c>
      <c r="AQ618">
        <v>0</v>
      </c>
      <c r="AR618">
        <v>0</v>
      </c>
      <c r="AS618">
        <v>0</v>
      </c>
      <c r="AT618">
        <v>0</v>
      </c>
      <c r="AU618">
        <v>0</v>
      </c>
      <c r="AV618">
        <v>0</v>
      </c>
      <c r="AW618">
        <v>0</v>
      </c>
      <c r="AX618">
        <v>96792</v>
      </c>
      <c r="AY618">
        <v>25</v>
      </c>
      <c r="AZ618">
        <v>122</v>
      </c>
      <c r="BA618">
        <v>4474</v>
      </c>
    </row>
    <row r="619" spans="1:53" x14ac:dyDescent="0.4">
      <c r="A619">
        <v>663</v>
      </c>
      <c r="B619" s="1">
        <v>43008</v>
      </c>
      <c r="C619">
        <v>4</v>
      </c>
      <c r="D619" s="1">
        <v>43008.945833333331</v>
      </c>
      <c r="E619" s="1">
        <v>43009.074999999997</v>
      </c>
      <c r="F619">
        <v>143710</v>
      </c>
      <c r="G619">
        <v>719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12071</v>
      </c>
      <c r="N619">
        <v>0</v>
      </c>
      <c r="O619">
        <v>0</v>
      </c>
      <c r="P619">
        <v>177120</v>
      </c>
      <c r="Q619">
        <v>0</v>
      </c>
      <c r="R619">
        <v>340091</v>
      </c>
      <c r="S619">
        <v>0</v>
      </c>
      <c r="T619">
        <v>0</v>
      </c>
      <c r="U619">
        <v>0</v>
      </c>
      <c r="V619">
        <v>42</v>
      </c>
      <c r="W619">
        <v>5</v>
      </c>
      <c r="X619">
        <v>0</v>
      </c>
      <c r="Y619">
        <v>105</v>
      </c>
      <c r="Z619">
        <v>18</v>
      </c>
      <c r="AA619">
        <v>56</v>
      </c>
      <c r="AB619">
        <v>25</v>
      </c>
      <c r="AC619">
        <v>116</v>
      </c>
      <c r="AD619">
        <v>80</v>
      </c>
      <c r="AE619">
        <v>77</v>
      </c>
      <c r="AF619">
        <v>42722</v>
      </c>
      <c r="AG619">
        <v>610209</v>
      </c>
      <c r="AH619">
        <v>50000</v>
      </c>
      <c r="AI619">
        <v>0</v>
      </c>
      <c r="AJ619">
        <v>102</v>
      </c>
      <c r="AK619" t="s">
        <v>8</v>
      </c>
      <c r="AL619">
        <v>0</v>
      </c>
      <c r="AM619">
        <v>0</v>
      </c>
      <c r="AN619">
        <v>0</v>
      </c>
      <c r="AO619">
        <v>0</v>
      </c>
      <c r="AP619">
        <v>0</v>
      </c>
      <c r="AQ619">
        <v>0</v>
      </c>
      <c r="AR619">
        <v>0</v>
      </c>
      <c r="AS619">
        <v>0</v>
      </c>
      <c r="AT619">
        <v>0</v>
      </c>
      <c r="AU619">
        <v>0</v>
      </c>
      <c r="AV619">
        <v>0</v>
      </c>
      <c r="AW619">
        <v>0</v>
      </c>
      <c r="AX619">
        <v>14343</v>
      </c>
      <c r="AY619">
        <v>16</v>
      </c>
      <c r="AZ619">
        <v>90</v>
      </c>
      <c r="BA619">
        <v>2453</v>
      </c>
    </row>
    <row r="620" spans="1:53" x14ac:dyDescent="0.4">
      <c r="A620">
        <v>664</v>
      </c>
      <c r="B620" s="1">
        <v>43009</v>
      </c>
      <c r="C620">
        <v>1</v>
      </c>
      <c r="D620" s="1">
        <v>43009.291666666664</v>
      </c>
      <c r="E620" s="1">
        <v>43009.404166666667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0</v>
      </c>
      <c r="O620">
        <v>0</v>
      </c>
      <c r="P620">
        <v>0</v>
      </c>
      <c r="Q620">
        <v>0</v>
      </c>
      <c r="R620">
        <v>0</v>
      </c>
      <c r="S620">
        <v>0</v>
      </c>
      <c r="T620">
        <v>0</v>
      </c>
      <c r="U620">
        <v>0</v>
      </c>
      <c r="V620">
        <v>0</v>
      </c>
      <c r="W620">
        <v>1</v>
      </c>
      <c r="X620">
        <v>0</v>
      </c>
      <c r="Y620">
        <v>33</v>
      </c>
      <c r="Z620">
        <v>11</v>
      </c>
      <c r="AA620">
        <v>40</v>
      </c>
      <c r="AB620">
        <v>22</v>
      </c>
      <c r="AC620">
        <v>94</v>
      </c>
      <c r="AD620">
        <v>77</v>
      </c>
      <c r="AE620">
        <v>75</v>
      </c>
      <c r="AF620">
        <v>0</v>
      </c>
      <c r="AG620">
        <v>50000</v>
      </c>
      <c r="AH620">
        <v>0</v>
      </c>
      <c r="AI620">
        <v>50000</v>
      </c>
      <c r="AJ620">
        <v>0</v>
      </c>
      <c r="AK620" t="s">
        <v>6</v>
      </c>
      <c r="AL620">
        <v>0</v>
      </c>
      <c r="AM620">
        <v>0</v>
      </c>
      <c r="AN620">
        <v>0</v>
      </c>
      <c r="AO620">
        <v>0</v>
      </c>
      <c r="AP620">
        <v>0</v>
      </c>
      <c r="AQ620">
        <v>0</v>
      </c>
      <c r="AR620">
        <v>0</v>
      </c>
      <c r="AS620">
        <v>0</v>
      </c>
      <c r="AT620">
        <v>0</v>
      </c>
      <c r="AU620">
        <v>0</v>
      </c>
      <c r="AV620">
        <v>0</v>
      </c>
      <c r="AW620">
        <v>0</v>
      </c>
      <c r="AX620">
        <v>0</v>
      </c>
      <c r="AY620">
        <v>0</v>
      </c>
      <c r="AZ620">
        <v>0</v>
      </c>
      <c r="BA620">
        <v>0</v>
      </c>
    </row>
    <row r="621" spans="1:53" x14ac:dyDescent="0.4">
      <c r="A621">
        <v>665</v>
      </c>
      <c r="B621" s="1">
        <v>43009</v>
      </c>
      <c r="C621">
        <v>2</v>
      </c>
      <c r="D621" s="1">
        <v>43009.404166666667</v>
      </c>
      <c r="E621" s="1">
        <v>43009.406944444447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0</v>
      </c>
      <c r="O621">
        <v>0</v>
      </c>
      <c r="P621">
        <v>0</v>
      </c>
      <c r="Q621">
        <v>0</v>
      </c>
      <c r="R621">
        <v>0</v>
      </c>
      <c r="S621">
        <v>0</v>
      </c>
      <c r="T621">
        <v>0</v>
      </c>
      <c r="U621">
        <v>0</v>
      </c>
      <c r="V621">
        <v>0</v>
      </c>
      <c r="W621">
        <v>1</v>
      </c>
      <c r="X621">
        <v>0</v>
      </c>
      <c r="Y621">
        <v>33</v>
      </c>
      <c r="Z621">
        <v>11</v>
      </c>
      <c r="AA621">
        <v>40</v>
      </c>
      <c r="AB621">
        <v>22</v>
      </c>
      <c r="AC621">
        <v>94</v>
      </c>
      <c r="AD621">
        <v>77</v>
      </c>
      <c r="AE621">
        <v>75</v>
      </c>
      <c r="AF621">
        <v>0</v>
      </c>
      <c r="AG621">
        <v>50000</v>
      </c>
      <c r="AH621">
        <v>50000</v>
      </c>
      <c r="AI621">
        <v>0</v>
      </c>
      <c r="AJ621">
        <v>0</v>
      </c>
      <c r="AK621" t="s">
        <v>6</v>
      </c>
      <c r="AL621">
        <v>0</v>
      </c>
      <c r="AM621">
        <v>0</v>
      </c>
      <c r="AN621">
        <v>0</v>
      </c>
      <c r="AO621">
        <v>0</v>
      </c>
      <c r="AP621">
        <v>0</v>
      </c>
      <c r="AQ621">
        <v>0</v>
      </c>
      <c r="AR621">
        <v>0</v>
      </c>
      <c r="AS621">
        <v>0</v>
      </c>
      <c r="AT621">
        <v>0</v>
      </c>
      <c r="AU621">
        <v>0</v>
      </c>
      <c r="AV621">
        <v>0</v>
      </c>
      <c r="AW621">
        <v>0</v>
      </c>
      <c r="AX621">
        <v>0</v>
      </c>
      <c r="AY621">
        <v>0</v>
      </c>
      <c r="AZ621">
        <v>0</v>
      </c>
      <c r="BA621">
        <v>0</v>
      </c>
    </row>
    <row r="622" spans="1:53" x14ac:dyDescent="0.4">
      <c r="A622">
        <v>666</v>
      </c>
      <c r="B622" s="1">
        <v>43009</v>
      </c>
      <c r="C622">
        <v>3</v>
      </c>
      <c r="D622" s="1">
        <v>43009.406944444447</v>
      </c>
      <c r="E622" s="1">
        <v>43009.754166666666</v>
      </c>
      <c r="F622">
        <v>46500</v>
      </c>
      <c r="G622">
        <v>8860</v>
      </c>
      <c r="H622">
        <v>0</v>
      </c>
      <c r="I622">
        <v>0</v>
      </c>
      <c r="J622">
        <v>0</v>
      </c>
      <c r="K622">
        <v>0</v>
      </c>
      <c r="L622">
        <v>0</v>
      </c>
      <c r="M622">
        <v>4425</v>
      </c>
      <c r="N622">
        <v>0</v>
      </c>
      <c r="O622">
        <v>0</v>
      </c>
      <c r="P622">
        <v>19980</v>
      </c>
      <c r="Q622">
        <v>0</v>
      </c>
      <c r="R622">
        <v>79765</v>
      </c>
      <c r="S622">
        <v>0</v>
      </c>
      <c r="T622">
        <v>0</v>
      </c>
      <c r="U622">
        <v>0</v>
      </c>
      <c r="V622">
        <v>1</v>
      </c>
      <c r="W622">
        <v>3</v>
      </c>
      <c r="X622">
        <v>0</v>
      </c>
      <c r="Y622">
        <v>72</v>
      </c>
      <c r="Z622">
        <v>32</v>
      </c>
      <c r="AA622">
        <v>68</v>
      </c>
      <c r="AB622">
        <v>32</v>
      </c>
      <c r="AC622">
        <v>172</v>
      </c>
      <c r="AD622">
        <v>80</v>
      </c>
      <c r="AE622">
        <v>75</v>
      </c>
      <c r="AF622">
        <v>6180</v>
      </c>
      <c r="AG622">
        <v>129775</v>
      </c>
      <c r="AH622">
        <v>50000</v>
      </c>
      <c r="AI622">
        <v>10</v>
      </c>
      <c r="AJ622">
        <v>102</v>
      </c>
      <c r="AK622" t="s">
        <v>8</v>
      </c>
      <c r="AL622">
        <v>0</v>
      </c>
      <c r="AM622">
        <v>0</v>
      </c>
      <c r="AN622">
        <v>0</v>
      </c>
      <c r="AO622">
        <v>0</v>
      </c>
      <c r="AP622">
        <v>0</v>
      </c>
      <c r="AQ622">
        <v>0</v>
      </c>
      <c r="AR622">
        <v>0</v>
      </c>
      <c r="AS622">
        <v>0</v>
      </c>
      <c r="AT622">
        <v>0</v>
      </c>
      <c r="AU622">
        <v>0</v>
      </c>
      <c r="AV622">
        <v>0</v>
      </c>
      <c r="AW622">
        <v>0</v>
      </c>
      <c r="AX622">
        <v>-130</v>
      </c>
      <c r="AY622">
        <v>50</v>
      </c>
      <c r="AZ622">
        <v>124</v>
      </c>
      <c r="BA622">
        <v>8029</v>
      </c>
    </row>
    <row r="623" spans="1:53" x14ac:dyDescent="0.4">
      <c r="A623">
        <v>667</v>
      </c>
      <c r="B623" s="1">
        <v>43009</v>
      </c>
      <c r="C623">
        <v>4</v>
      </c>
      <c r="D623" s="1">
        <v>43009.754166666666</v>
      </c>
      <c r="E623" s="1">
        <v>43009.951388888891</v>
      </c>
      <c r="F623">
        <v>27960</v>
      </c>
      <c r="G623">
        <v>380</v>
      </c>
      <c r="H623">
        <v>0</v>
      </c>
      <c r="I623">
        <v>0</v>
      </c>
      <c r="J623">
        <v>0</v>
      </c>
      <c r="K623">
        <v>0</v>
      </c>
      <c r="L623">
        <v>0</v>
      </c>
      <c r="M623">
        <v>2267</v>
      </c>
      <c r="N623">
        <v>0</v>
      </c>
      <c r="O623">
        <v>0</v>
      </c>
      <c r="P623">
        <v>-5724</v>
      </c>
      <c r="Q623">
        <v>0</v>
      </c>
      <c r="R623">
        <v>24883</v>
      </c>
      <c r="S623">
        <v>0</v>
      </c>
      <c r="T623">
        <v>0</v>
      </c>
      <c r="U623">
        <v>0</v>
      </c>
      <c r="V623">
        <v>2</v>
      </c>
      <c r="W623">
        <v>5</v>
      </c>
      <c r="X623">
        <v>0</v>
      </c>
      <c r="Y623">
        <v>78</v>
      </c>
      <c r="Z623">
        <v>30</v>
      </c>
      <c r="AA623">
        <v>72</v>
      </c>
      <c r="AB623">
        <v>22</v>
      </c>
      <c r="AC623">
        <v>171</v>
      </c>
      <c r="AD623">
        <v>79</v>
      </c>
      <c r="AE623">
        <v>63</v>
      </c>
      <c r="AF623">
        <v>6180</v>
      </c>
      <c r="AG623">
        <v>154648</v>
      </c>
      <c r="AH623">
        <v>50000</v>
      </c>
      <c r="AI623">
        <v>0</v>
      </c>
      <c r="AJ623">
        <v>29</v>
      </c>
      <c r="AK623" t="s">
        <v>28</v>
      </c>
      <c r="AL623">
        <v>0</v>
      </c>
      <c r="AM623">
        <v>0</v>
      </c>
      <c r="AN623">
        <v>0</v>
      </c>
      <c r="AO623">
        <v>0</v>
      </c>
      <c r="AP623">
        <v>0</v>
      </c>
      <c r="AQ623">
        <v>0</v>
      </c>
      <c r="AR623">
        <v>0</v>
      </c>
      <c r="AS623">
        <v>0</v>
      </c>
      <c r="AT623">
        <v>0</v>
      </c>
      <c r="AU623">
        <v>0</v>
      </c>
      <c r="AV623">
        <v>0</v>
      </c>
      <c r="AW623">
        <v>0</v>
      </c>
      <c r="AX623">
        <v>7711</v>
      </c>
      <c r="AY623">
        <v>16</v>
      </c>
      <c r="AZ623">
        <v>30</v>
      </c>
      <c r="BA623">
        <v>2442</v>
      </c>
    </row>
    <row r="624" spans="1:53" x14ac:dyDescent="0.4">
      <c r="A624">
        <v>668</v>
      </c>
      <c r="B624" s="1">
        <v>43010</v>
      </c>
      <c r="C624">
        <v>1</v>
      </c>
      <c r="D624" s="1">
        <v>43010.291666666664</v>
      </c>
      <c r="E624" s="1">
        <v>43010.45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0</v>
      </c>
      <c r="O624">
        <v>0</v>
      </c>
      <c r="P624">
        <v>0</v>
      </c>
      <c r="Q624">
        <v>0</v>
      </c>
      <c r="R624">
        <v>0</v>
      </c>
      <c r="S624">
        <v>0</v>
      </c>
      <c r="T624">
        <v>0</v>
      </c>
      <c r="U624">
        <v>0</v>
      </c>
      <c r="V624">
        <v>0</v>
      </c>
      <c r="W624">
        <v>1</v>
      </c>
      <c r="X624">
        <v>0</v>
      </c>
      <c r="Y624">
        <v>26</v>
      </c>
      <c r="Z624">
        <v>19</v>
      </c>
      <c r="AA624">
        <v>74</v>
      </c>
      <c r="AB624">
        <v>19</v>
      </c>
      <c r="AC624">
        <v>70</v>
      </c>
      <c r="AD624">
        <v>79</v>
      </c>
      <c r="AE624">
        <v>55</v>
      </c>
      <c r="AF624">
        <v>0</v>
      </c>
      <c r="AG624">
        <v>50000</v>
      </c>
      <c r="AH624">
        <v>0</v>
      </c>
      <c r="AI624">
        <v>50000</v>
      </c>
      <c r="AJ624">
        <v>0</v>
      </c>
      <c r="AK624" t="s">
        <v>6</v>
      </c>
      <c r="AL624">
        <v>0</v>
      </c>
      <c r="AM624">
        <v>0</v>
      </c>
      <c r="AN624">
        <v>0</v>
      </c>
      <c r="AO624">
        <v>0</v>
      </c>
      <c r="AP624">
        <v>0</v>
      </c>
      <c r="AQ624">
        <v>0</v>
      </c>
      <c r="AR624">
        <v>0</v>
      </c>
      <c r="AS624">
        <v>0</v>
      </c>
      <c r="AT624">
        <v>0</v>
      </c>
      <c r="AU624">
        <v>0</v>
      </c>
      <c r="AV624">
        <v>0</v>
      </c>
      <c r="AW624">
        <v>0</v>
      </c>
      <c r="AX624">
        <v>0</v>
      </c>
      <c r="AY624">
        <v>0</v>
      </c>
      <c r="AZ624">
        <v>0</v>
      </c>
      <c r="BA624">
        <v>0</v>
      </c>
    </row>
    <row r="625" spans="1:53" x14ac:dyDescent="0.4">
      <c r="A625">
        <v>669</v>
      </c>
      <c r="B625" s="1">
        <v>43010</v>
      </c>
      <c r="C625">
        <v>2</v>
      </c>
      <c r="D625" s="1">
        <v>43010.45</v>
      </c>
      <c r="E625" s="1">
        <v>43010.736805555556</v>
      </c>
      <c r="F625">
        <v>14500</v>
      </c>
      <c r="G625">
        <v>2060</v>
      </c>
      <c r="H625">
        <v>0</v>
      </c>
      <c r="I625">
        <v>0</v>
      </c>
      <c r="J625">
        <v>0</v>
      </c>
      <c r="K625">
        <v>0</v>
      </c>
      <c r="L625">
        <v>0</v>
      </c>
      <c r="M625">
        <v>1324</v>
      </c>
      <c r="N625">
        <v>0</v>
      </c>
      <c r="O625">
        <v>0</v>
      </c>
      <c r="P625">
        <v>16740</v>
      </c>
      <c r="Q625">
        <v>0</v>
      </c>
      <c r="R625">
        <v>34624</v>
      </c>
      <c r="S625">
        <v>0</v>
      </c>
      <c r="T625">
        <v>0</v>
      </c>
      <c r="U625">
        <v>0</v>
      </c>
      <c r="V625">
        <v>0</v>
      </c>
      <c r="W625">
        <v>3</v>
      </c>
      <c r="X625">
        <v>0</v>
      </c>
      <c r="Y625">
        <v>46</v>
      </c>
      <c r="Z625">
        <v>22</v>
      </c>
      <c r="AA625">
        <v>95</v>
      </c>
      <c r="AB625">
        <v>20</v>
      </c>
      <c r="AC625">
        <v>110</v>
      </c>
      <c r="AD625">
        <v>85</v>
      </c>
      <c r="AE625">
        <v>59</v>
      </c>
      <c r="AF625">
        <v>540</v>
      </c>
      <c r="AG625">
        <v>84624</v>
      </c>
      <c r="AH625">
        <v>50000</v>
      </c>
      <c r="AI625">
        <v>0</v>
      </c>
      <c r="AJ625">
        <v>96</v>
      </c>
      <c r="AK625" t="s">
        <v>4</v>
      </c>
      <c r="AL625">
        <v>0</v>
      </c>
      <c r="AM625">
        <v>0</v>
      </c>
      <c r="AN625">
        <v>0</v>
      </c>
      <c r="AO625">
        <v>0</v>
      </c>
      <c r="AP625">
        <v>0</v>
      </c>
      <c r="AQ625">
        <v>0</v>
      </c>
      <c r="AR625">
        <v>0</v>
      </c>
      <c r="AS625">
        <v>0</v>
      </c>
      <c r="AT625">
        <v>0</v>
      </c>
      <c r="AU625">
        <v>0</v>
      </c>
      <c r="AV625">
        <v>0</v>
      </c>
      <c r="AW625">
        <v>0</v>
      </c>
      <c r="AX625">
        <v>0</v>
      </c>
      <c r="AY625">
        <v>30</v>
      </c>
      <c r="AZ625">
        <v>59</v>
      </c>
      <c r="BA625">
        <v>3793</v>
      </c>
    </row>
    <row r="626" spans="1:53" x14ac:dyDescent="0.4">
      <c r="A626">
        <v>670</v>
      </c>
      <c r="B626" s="1">
        <v>43010</v>
      </c>
      <c r="C626">
        <v>3</v>
      </c>
      <c r="D626" s="1">
        <v>43010.736805555556</v>
      </c>
      <c r="E626" s="1">
        <v>43010.934027777781</v>
      </c>
      <c r="F626">
        <v>36020</v>
      </c>
      <c r="G626">
        <v>7400</v>
      </c>
      <c r="H626">
        <v>0</v>
      </c>
      <c r="I626">
        <v>0</v>
      </c>
      <c r="J626">
        <v>0</v>
      </c>
      <c r="K626">
        <v>0</v>
      </c>
      <c r="L626">
        <v>0</v>
      </c>
      <c r="M626">
        <v>3474</v>
      </c>
      <c r="N626">
        <v>0</v>
      </c>
      <c r="O626">
        <v>0</v>
      </c>
      <c r="P626">
        <v>-14148</v>
      </c>
      <c r="Q626">
        <v>0</v>
      </c>
      <c r="R626">
        <v>32746</v>
      </c>
      <c r="S626">
        <v>0</v>
      </c>
      <c r="T626">
        <v>0</v>
      </c>
      <c r="U626">
        <v>0</v>
      </c>
      <c r="V626">
        <v>2</v>
      </c>
      <c r="W626">
        <v>4</v>
      </c>
      <c r="X626">
        <v>0</v>
      </c>
      <c r="Y626">
        <v>51</v>
      </c>
      <c r="Z626">
        <v>26</v>
      </c>
      <c r="AA626">
        <v>102</v>
      </c>
      <c r="AB626">
        <v>23</v>
      </c>
      <c r="AC626">
        <v>101</v>
      </c>
      <c r="AD626">
        <v>83</v>
      </c>
      <c r="AE626">
        <v>55</v>
      </c>
      <c r="AF626">
        <v>540</v>
      </c>
      <c r="AG626">
        <v>117370</v>
      </c>
      <c r="AH626">
        <v>50000</v>
      </c>
      <c r="AI626">
        <v>0</v>
      </c>
      <c r="AJ626">
        <v>106</v>
      </c>
      <c r="AK626" t="s">
        <v>29</v>
      </c>
      <c r="AL626">
        <v>0</v>
      </c>
      <c r="AM626">
        <v>0</v>
      </c>
      <c r="AN626">
        <v>0</v>
      </c>
      <c r="AO626">
        <v>0</v>
      </c>
      <c r="AP626">
        <v>0</v>
      </c>
      <c r="AQ626">
        <v>0</v>
      </c>
      <c r="AR626">
        <v>0</v>
      </c>
      <c r="AS626">
        <v>0</v>
      </c>
      <c r="AT626">
        <v>0</v>
      </c>
      <c r="AU626">
        <v>0</v>
      </c>
      <c r="AV626">
        <v>0</v>
      </c>
      <c r="AW626">
        <v>0</v>
      </c>
      <c r="AX626">
        <v>5011</v>
      </c>
      <c r="AY626">
        <v>10</v>
      </c>
      <c r="AZ626">
        <v>32</v>
      </c>
      <c r="BA626">
        <v>2226</v>
      </c>
    </row>
    <row r="627" spans="1:53" x14ac:dyDescent="0.4">
      <c r="A627">
        <v>671</v>
      </c>
      <c r="B627" s="1">
        <v>43010</v>
      </c>
      <c r="C627">
        <v>4</v>
      </c>
      <c r="D627" s="1">
        <v>43010.934027777781</v>
      </c>
      <c r="E627" s="1">
        <v>43011.133333333331</v>
      </c>
      <c r="F627">
        <v>16650</v>
      </c>
      <c r="G627">
        <v>206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1497</v>
      </c>
      <c r="N627">
        <v>0</v>
      </c>
      <c r="O627">
        <v>0</v>
      </c>
      <c r="P627">
        <v>1296</v>
      </c>
      <c r="Q627">
        <v>0</v>
      </c>
      <c r="R627">
        <v>21503</v>
      </c>
      <c r="S627">
        <v>0</v>
      </c>
      <c r="T627">
        <v>0</v>
      </c>
      <c r="U627">
        <v>0</v>
      </c>
      <c r="V627">
        <v>4</v>
      </c>
      <c r="W627">
        <v>3</v>
      </c>
      <c r="X627">
        <v>0</v>
      </c>
      <c r="Y627">
        <v>49</v>
      </c>
      <c r="Z627">
        <v>27</v>
      </c>
      <c r="AA627">
        <v>110</v>
      </c>
      <c r="AB627">
        <v>25</v>
      </c>
      <c r="AC627">
        <v>111</v>
      </c>
      <c r="AD627">
        <v>82</v>
      </c>
      <c r="AE627">
        <v>49</v>
      </c>
      <c r="AF627">
        <v>7554</v>
      </c>
      <c r="AG627">
        <v>138873</v>
      </c>
      <c r="AH627">
        <v>50000</v>
      </c>
      <c r="AI627">
        <v>0</v>
      </c>
      <c r="AJ627">
        <v>104</v>
      </c>
      <c r="AK627" t="s">
        <v>10</v>
      </c>
      <c r="AL627">
        <v>0</v>
      </c>
      <c r="AM627">
        <v>0</v>
      </c>
      <c r="AN627">
        <v>0</v>
      </c>
      <c r="AO627">
        <v>0</v>
      </c>
      <c r="AP627">
        <v>0</v>
      </c>
      <c r="AQ627">
        <v>0</v>
      </c>
      <c r="AR627">
        <v>0</v>
      </c>
      <c r="AS627">
        <v>0</v>
      </c>
      <c r="AT627">
        <v>0</v>
      </c>
      <c r="AU627">
        <v>0</v>
      </c>
      <c r="AV627">
        <v>0</v>
      </c>
      <c r="AW627">
        <v>0</v>
      </c>
      <c r="AX627">
        <v>0</v>
      </c>
      <c r="AY627">
        <v>3</v>
      </c>
      <c r="AZ627">
        <v>11</v>
      </c>
      <c r="BA627">
        <v>598</v>
      </c>
    </row>
    <row r="628" spans="1:53" x14ac:dyDescent="0.4">
      <c r="A628">
        <v>672</v>
      </c>
      <c r="B628" s="1">
        <v>43011</v>
      </c>
      <c r="C628">
        <v>1</v>
      </c>
      <c r="D628" s="1">
        <v>43011.291666666664</v>
      </c>
      <c r="E628" s="1">
        <v>43011.450694444444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0</v>
      </c>
      <c r="O628">
        <v>0</v>
      </c>
      <c r="P628">
        <v>0</v>
      </c>
      <c r="Q628">
        <v>0</v>
      </c>
      <c r="R628">
        <v>0</v>
      </c>
      <c r="S628">
        <v>0</v>
      </c>
      <c r="T628">
        <v>0</v>
      </c>
      <c r="U628">
        <v>0</v>
      </c>
      <c r="V628">
        <v>0</v>
      </c>
      <c r="W628">
        <v>1</v>
      </c>
      <c r="X628">
        <v>0</v>
      </c>
      <c r="Y628">
        <v>25</v>
      </c>
      <c r="Z628">
        <v>16</v>
      </c>
      <c r="AA628">
        <v>92</v>
      </c>
      <c r="AB628">
        <v>25</v>
      </c>
      <c r="AC628">
        <v>110</v>
      </c>
      <c r="AD628">
        <v>81</v>
      </c>
      <c r="AE628">
        <v>45</v>
      </c>
      <c r="AF628">
        <v>0</v>
      </c>
      <c r="AG628">
        <v>50000</v>
      </c>
      <c r="AH628">
        <v>0</v>
      </c>
      <c r="AI628">
        <v>50000</v>
      </c>
      <c r="AJ628">
        <v>0</v>
      </c>
      <c r="AK628" t="s">
        <v>6</v>
      </c>
      <c r="AL628">
        <v>0</v>
      </c>
      <c r="AM628">
        <v>0</v>
      </c>
      <c r="AN628">
        <v>0</v>
      </c>
      <c r="AO628">
        <v>0</v>
      </c>
      <c r="AP628">
        <v>0</v>
      </c>
      <c r="AQ628">
        <v>0</v>
      </c>
      <c r="AR628">
        <v>0</v>
      </c>
      <c r="AS628">
        <v>0</v>
      </c>
      <c r="AT628">
        <v>0</v>
      </c>
      <c r="AU628">
        <v>0</v>
      </c>
      <c r="AV628">
        <v>0</v>
      </c>
      <c r="AW628">
        <v>0</v>
      </c>
      <c r="AX628">
        <v>0</v>
      </c>
      <c r="AY628">
        <v>0</v>
      </c>
      <c r="AZ628">
        <v>0</v>
      </c>
      <c r="BA628">
        <v>0</v>
      </c>
    </row>
    <row r="629" spans="1:53" x14ac:dyDescent="0.4">
      <c r="A629">
        <v>673</v>
      </c>
      <c r="B629" s="1">
        <v>43011</v>
      </c>
      <c r="C629">
        <v>2</v>
      </c>
      <c r="D629" s="1">
        <v>43011.450694444444</v>
      </c>
      <c r="E629" s="1">
        <v>43011.743750000001</v>
      </c>
      <c r="F629">
        <v>16000</v>
      </c>
      <c r="G629">
        <v>543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1714</v>
      </c>
      <c r="N629">
        <v>0</v>
      </c>
      <c r="O629">
        <v>0</v>
      </c>
      <c r="P629">
        <v>16200</v>
      </c>
      <c r="Q629">
        <v>0</v>
      </c>
      <c r="R629">
        <v>39344</v>
      </c>
      <c r="S629">
        <v>0</v>
      </c>
      <c r="T629">
        <v>0</v>
      </c>
      <c r="U629">
        <v>0</v>
      </c>
      <c r="V629">
        <v>1</v>
      </c>
      <c r="W629">
        <v>1</v>
      </c>
      <c r="X629">
        <v>0</v>
      </c>
      <c r="Y629">
        <v>47</v>
      </c>
      <c r="Z629">
        <v>24</v>
      </c>
      <c r="AA629">
        <v>97</v>
      </c>
      <c r="AB629">
        <v>21</v>
      </c>
      <c r="AC629">
        <v>144</v>
      </c>
      <c r="AD629">
        <v>83</v>
      </c>
      <c r="AE629">
        <v>39</v>
      </c>
      <c r="AF629">
        <v>2700</v>
      </c>
      <c r="AG629">
        <v>89344</v>
      </c>
      <c r="AH629">
        <v>50000</v>
      </c>
      <c r="AI629">
        <v>0</v>
      </c>
      <c r="AJ629">
        <v>84</v>
      </c>
      <c r="AK629" t="s">
        <v>16</v>
      </c>
      <c r="AL629">
        <v>0</v>
      </c>
      <c r="AM629">
        <v>0</v>
      </c>
      <c r="AN629">
        <v>0</v>
      </c>
      <c r="AO629">
        <v>0</v>
      </c>
      <c r="AP629">
        <v>0</v>
      </c>
      <c r="AQ629">
        <v>0</v>
      </c>
      <c r="AR629">
        <v>0</v>
      </c>
      <c r="AS629">
        <v>0</v>
      </c>
      <c r="AT629">
        <v>0</v>
      </c>
      <c r="AU629">
        <v>0</v>
      </c>
      <c r="AV629">
        <v>0</v>
      </c>
      <c r="AW629">
        <v>0</v>
      </c>
      <c r="AX629">
        <v>-54</v>
      </c>
      <c r="AY629">
        <v>34</v>
      </c>
      <c r="AZ629">
        <v>62</v>
      </c>
      <c r="BA629">
        <v>3972</v>
      </c>
    </row>
    <row r="630" spans="1:53" x14ac:dyDescent="0.4">
      <c r="A630">
        <v>674</v>
      </c>
      <c r="B630" s="1">
        <v>43011</v>
      </c>
      <c r="C630">
        <v>3</v>
      </c>
      <c r="D630" s="1">
        <v>43011.743750000001</v>
      </c>
      <c r="E630" s="1">
        <v>43011.953472222223</v>
      </c>
      <c r="F630">
        <v>23500</v>
      </c>
      <c r="G630">
        <v>45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1916</v>
      </c>
      <c r="N630">
        <v>0</v>
      </c>
      <c r="O630">
        <v>0</v>
      </c>
      <c r="P630">
        <v>-16200</v>
      </c>
      <c r="Q630">
        <v>0</v>
      </c>
      <c r="R630">
        <v>9666</v>
      </c>
      <c r="S630">
        <v>0</v>
      </c>
      <c r="T630">
        <v>0</v>
      </c>
      <c r="U630">
        <v>0</v>
      </c>
      <c r="V630">
        <v>2</v>
      </c>
      <c r="W630">
        <v>0</v>
      </c>
      <c r="X630">
        <v>0</v>
      </c>
      <c r="Y630">
        <v>54</v>
      </c>
      <c r="Z630">
        <v>21</v>
      </c>
      <c r="AA630">
        <v>90</v>
      </c>
      <c r="AB630">
        <v>20</v>
      </c>
      <c r="AC630">
        <v>136</v>
      </c>
      <c r="AD630">
        <v>83</v>
      </c>
      <c r="AE630">
        <v>35</v>
      </c>
      <c r="AF630">
        <v>2700</v>
      </c>
      <c r="AG630">
        <v>99010</v>
      </c>
      <c r="AH630">
        <v>50000</v>
      </c>
      <c r="AI630">
        <v>0</v>
      </c>
      <c r="AJ630">
        <v>1</v>
      </c>
      <c r="AK630" t="s">
        <v>3</v>
      </c>
      <c r="AL630">
        <v>0</v>
      </c>
      <c r="AM630">
        <v>0</v>
      </c>
      <c r="AN630">
        <v>0</v>
      </c>
      <c r="AO630">
        <v>0</v>
      </c>
      <c r="AP630">
        <v>0</v>
      </c>
      <c r="AQ630">
        <v>0</v>
      </c>
      <c r="AR630">
        <v>0</v>
      </c>
      <c r="AS630">
        <v>0</v>
      </c>
      <c r="AT630">
        <v>0</v>
      </c>
      <c r="AU630">
        <v>0</v>
      </c>
      <c r="AV630">
        <v>0</v>
      </c>
      <c r="AW630">
        <v>0</v>
      </c>
      <c r="AX630">
        <v>7938</v>
      </c>
      <c r="AY630">
        <v>8</v>
      </c>
      <c r="AZ630">
        <v>15</v>
      </c>
      <c r="BA630">
        <v>2007</v>
      </c>
    </row>
    <row r="631" spans="1:53" x14ac:dyDescent="0.4">
      <c r="A631">
        <v>675</v>
      </c>
      <c r="B631" s="1">
        <v>43012</v>
      </c>
      <c r="C631">
        <v>1</v>
      </c>
      <c r="D631" s="1">
        <v>43012.291666666664</v>
      </c>
      <c r="E631" s="1">
        <v>43012.446527777778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0</v>
      </c>
      <c r="N631">
        <v>0</v>
      </c>
      <c r="O631">
        <v>0</v>
      </c>
      <c r="P631">
        <v>0</v>
      </c>
      <c r="Q631">
        <v>0</v>
      </c>
      <c r="R631">
        <v>0</v>
      </c>
      <c r="S631">
        <v>0</v>
      </c>
      <c r="T631">
        <v>0</v>
      </c>
      <c r="U631">
        <v>0</v>
      </c>
      <c r="V631">
        <v>0</v>
      </c>
      <c r="W631">
        <v>1</v>
      </c>
      <c r="X631">
        <v>0</v>
      </c>
      <c r="Y631">
        <v>26</v>
      </c>
      <c r="Z631">
        <v>14</v>
      </c>
      <c r="AA631">
        <v>96</v>
      </c>
      <c r="AB631">
        <v>21</v>
      </c>
      <c r="AC631">
        <v>90</v>
      </c>
      <c r="AD631">
        <v>84</v>
      </c>
      <c r="AE631">
        <v>30</v>
      </c>
      <c r="AF631">
        <v>0</v>
      </c>
      <c r="AG631">
        <v>50000</v>
      </c>
      <c r="AH631">
        <v>0</v>
      </c>
      <c r="AI631">
        <v>50000</v>
      </c>
      <c r="AJ631">
        <v>0</v>
      </c>
      <c r="AK631" t="s">
        <v>6</v>
      </c>
      <c r="AL631">
        <v>0</v>
      </c>
      <c r="AM631">
        <v>0</v>
      </c>
      <c r="AN631">
        <v>0</v>
      </c>
      <c r="AO631">
        <v>0</v>
      </c>
      <c r="AP631">
        <v>0</v>
      </c>
      <c r="AQ631">
        <v>0</v>
      </c>
      <c r="AR631">
        <v>0</v>
      </c>
      <c r="AS631">
        <v>0</v>
      </c>
      <c r="AT631">
        <v>0</v>
      </c>
      <c r="AU631">
        <v>0</v>
      </c>
      <c r="AV631">
        <v>0</v>
      </c>
      <c r="AW631">
        <v>0</v>
      </c>
      <c r="AX631">
        <v>0</v>
      </c>
      <c r="AY631">
        <v>0</v>
      </c>
      <c r="AZ631">
        <v>0</v>
      </c>
      <c r="BA631">
        <v>0</v>
      </c>
    </row>
    <row r="632" spans="1:53" x14ac:dyDescent="0.4">
      <c r="A632">
        <v>676</v>
      </c>
      <c r="B632" s="1">
        <v>43012</v>
      </c>
      <c r="C632">
        <v>2</v>
      </c>
      <c r="D632" s="1">
        <v>43012.446527777778</v>
      </c>
      <c r="E632" s="1">
        <v>43012.760416666664</v>
      </c>
      <c r="F632">
        <v>21500</v>
      </c>
      <c r="G632">
        <v>183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1866</v>
      </c>
      <c r="N632">
        <v>0</v>
      </c>
      <c r="O632">
        <v>0</v>
      </c>
      <c r="P632">
        <v>13500</v>
      </c>
      <c r="Q632">
        <v>0</v>
      </c>
      <c r="R632">
        <v>38696</v>
      </c>
      <c r="S632">
        <v>0</v>
      </c>
      <c r="T632">
        <v>0</v>
      </c>
      <c r="U632">
        <v>0</v>
      </c>
      <c r="V632">
        <v>2</v>
      </c>
      <c r="W632">
        <v>3</v>
      </c>
      <c r="X632">
        <v>0</v>
      </c>
      <c r="Y632">
        <v>30</v>
      </c>
      <c r="Z632">
        <v>19</v>
      </c>
      <c r="AA632">
        <v>114</v>
      </c>
      <c r="AB632">
        <v>23</v>
      </c>
      <c r="AC632">
        <v>118</v>
      </c>
      <c r="AD632">
        <v>88</v>
      </c>
      <c r="AE632">
        <v>31</v>
      </c>
      <c r="AF632">
        <v>0</v>
      </c>
      <c r="AG632">
        <v>88701</v>
      </c>
      <c r="AH632">
        <v>50000</v>
      </c>
      <c r="AI632">
        <v>5</v>
      </c>
      <c r="AJ632">
        <v>96</v>
      </c>
      <c r="AK632" t="s">
        <v>4</v>
      </c>
      <c r="AL632">
        <v>0</v>
      </c>
      <c r="AM632">
        <v>0</v>
      </c>
      <c r="AN632">
        <v>0</v>
      </c>
      <c r="AO632">
        <v>0</v>
      </c>
      <c r="AP632">
        <v>0</v>
      </c>
      <c r="AQ632">
        <v>0</v>
      </c>
      <c r="AR632">
        <v>0</v>
      </c>
      <c r="AS632">
        <v>0</v>
      </c>
      <c r="AT632">
        <v>0</v>
      </c>
      <c r="AU632">
        <v>0</v>
      </c>
      <c r="AV632">
        <v>0</v>
      </c>
      <c r="AW632">
        <v>0</v>
      </c>
      <c r="AX632">
        <v>454</v>
      </c>
      <c r="AY632">
        <v>34</v>
      </c>
      <c r="AZ632">
        <v>63</v>
      </c>
      <c r="BA632">
        <v>5417</v>
      </c>
    </row>
    <row r="633" spans="1:53" x14ac:dyDescent="0.4">
      <c r="A633">
        <v>677</v>
      </c>
      <c r="B633" s="1">
        <v>43012</v>
      </c>
      <c r="C633">
        <v>3</v>
      </c>
      <c r="D633" s="1">
        <v>43012.760416666664</v>
      </c>
      <c r="E633" s="1">
        <v>43012.953472222223</v>
      </c>
      <c r="F633">
        <v>35540</v>
      </c>
      <c r="G633">
        <v>4710</v>
      </c>
      <c r="H633">
        <v>0</v>
      </c>
      <c r="I633">
        <v>0</v>
      </c>
      <c r="J633">
        <v>1000</v>
      </c>
      <c r="K633">
        <v>0</v>
      </c>
      <c r="L633">
        <v>0</v>
      </c>
      <c r="M633">
        <v>3139</v>
      </c>
      <c r="N633">
        <v>0</v>
      </c>
      <c r="O633">
        <v>0</v>
      </c>
      <c r="P633">
        <v>-13500</v>
      </c>
      <c r="Q633">
        <v>0</v>
      </c>
      <c r="R633">
        <v>28889</v>
      </c>
      <c r="S633">
        <v>0</v>
      </c>
      <c r="T633">
        <v>0</v>
      </c>
      <c r="U633">
        <v>0</v>
      </c>
      <c r="V633">
        <v>5</v>
      </c>
      <c r="W633">
        <v>2</v>
      </c>
      <c r="X633">
        <v>0</v>
      </c>
      <c r="Y633">
        <v>33</v>
      </c>
      <c r="Z633">
        <v>18</v>
      </c>
      <c r="AA633">
        <v>107</v>
      </c>
      <c r="AB633">
        <v>23</v>
      </c>
      <c r="AC633">
        <v>108</v>
      </c>
      <c r="AD633">
        <v>89</v>
      </c>
      <c r="AE633">
        <v>29</v>
      </c>
      <c r="AF633">
        <v>2182</v>
      </c>
      <c r="AG633">
        <v>117586</v>
      </c>
      <c r="AH633">
        <v>50000</v>
      </c>
      <c r="AI633">
        <v>1</v>
      </c>
      <c r="AJ633">
        <v>1</v>
      </c>
      <c r="AK633" t="s">
        <v>3</v>
      </c>
      <c r="AL633">
        <v>0</v>
      </c>
      <c r="AM633">
        <v>0</v>
      </c>
      <c r="AN633">
        <v>0</v>
      </c>
      <c r="AO633">
        <v>0</v>
      </c>
      <c r="AP633">
        <v>0</v>
      </c>
      <c r="AQ633">
        <v>0</v>
      </c>
      <c r="AR633">
        <v>0</v>
      </c>
      <c r="AS633">
        <v>0</v>
      </c>
      <c r="AT633">
        <v>0</v>
      </c>
      <c r="AU633">
        <v>0</v>
      </c>
      <c r="AV633">
        <v>0</v>
      </c>
      <c r="AW633">
        <v>0</v>
      </c>
      <c r="AX633">
        <v>65454</v>
      </c>
      <c r="AY633">
        <v>16</v>
      </c>
      <c r="AZ633">
        <v>73</v>
      </c>
      <c r="BA633">
        <v>2161</v>
      </c>
    </row>
    <row r="634" spans="1:53" x14ac:dyDescent="0.4">
      <c r="A634">
        <v>678</v>
      </c>
      <c r="B634" s="1">
        <v>43012</v>
      </c>
      <c r="C634">
        <v>4</v>
      </c>
      <c r="D634" s="1">
        <v>43012.953472222223</v>
      </c>
      <c r="E634" s="1">
        <v>43013.088888888888</v>
      </c>
      <c r="F634">
        <v>89020</v>
      </c>
      <c r="G634">
        <v>1710</v>
      </c>
      <c r="H634">
        <v>0</v>
      </c>
      <c r="I634">
        <v>0</v>
      </c>
      <c r="J634">
        <v>1000</v>
      </c>
      <c r="K634">
        <v>0</v>
      </c>
      <c r="L634">
        <v>0</v>
      </c>
      <c r="M634">
        <v>7179</v>
      </c>
      <c r="N634">
        <v>0</v>
      </c>
      <c r="O634">
        <v>0</v>
      </c>
      <c r="P634">
        <v>5832</v>
      </c>
      <c r="Q634">
        <v>0</v>
      </c>
      <c r="R634">
        <v>102741</v>
      </c>
      <c r="S634">
        <v>0</v>
      </c>
      <c r="T634">
        <v>0</v>
      </c>
      <c r="U634">
        <v>0</v>
      </c>
      <c r="V634">
        <v>10</v>
      </c>
      <c r="W634">
        <v>2</v>
      </c>
      <c r="X634">
        <v>0</v>
      </c>
      <c r="Y634">
        <v>35</v>
      </c>
      <c r="Z634">
        <v>18</v>
      </c>
      <c r="AA634">
        <v>105</v>
      </c>
      <c r="AB634">
        <v>19</v>
      </c>
      <c r="AC634">
        <v>103</v>
      </c>
      <c r="AD634">
        <v>87</v>
      </c>
      <c r="AE634">
        <v>26</v>
      </c>
      <c r="AF634">
        <v>53385</v>
      </c>
      <c r="AG634">
        <v>220326</v>
      </c>
      <c r="AH634">
        <v>50000</v>
      </c>
      <c r="AI634">
        <v>0</v>
      </c>
      <c r="AJ634">
        <v>104</v>
      </c>
      <c r="AK634" t="s">
        <v>10</v>
      </c>
      <c r="AL634">
        <v>0</v>
      </c>
      <c r="AM634">
        <v>0</v>
      </c>
      <c r="AN634">
        <v>0</v>
      </c>
      <c r="AO634">
        <v>0</v>
      </c>
      <c r="AP634">
        <v>0</v>
      </c>
      <c r="AQ634">
        <v>0</v>
      </c>
      <c r="AR634">
        <v>0</v>
      </c>
      <c r="AS634">
        <v>0</v>
      </c>
      <c r="AT634">
        <v>0</v>
      </c>
      <c r="AU634">
        <v>0</v>
      </c>
      <c r="AV634">
        <v>0</v>
      </c>
      <c r="AW634">
        <v>0</v>
      </c>
      <c r="AX634">
        <v>0</v>
      </c>
      <c r="AY634">
        <v>2</v>
      </c>
      <c r="AZ634">
        <v>6</v>
      </c>
      <c r="BA634">
        <v>463</v>
      </c>
    </row>
    <row r="635" spans="1:53" x14ac:dyDescent="0.4">
      <c r="A635">
        <v>679</v>
      </c>
      <c r="B635" s="1">
        <v>43013</v>
      </c>
      <c r="C635">
        <v>1</v>
      </c>
      <c r="D635" s="1">
        <v>43013.291666666664</v>
      </c>
      <c r="E635" s="1">
        <v>43013.445138888892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0</v>
      </c>
      <c r="O635">
        <v>0</v>
      </c>
      <c r="P635">
        <v>0</v>
      </c>
      <c r="Q635">
        <v>0</v>
      </c>
      <c r="R635">
        <v>0</v>
      </c>
      <c r="S635">
        <v>0</v>
      </c>
      <c r="T635">
        <v>0</v>
      </c>
      <c r="U635">
        <v>0</v>
      </c>
      <c r="V635">
        <v>0</v>
      </c>
      <c r="W635">
        <v>1</v>
      </c>
      <c r="X635">
        <v>0</v>
      </c>
      <c r="Y635">
        <v>25</v>
      </c>
      <c r="Z635">
        <v>14</v>
      </c>
      <c r="AA635">
        <v>104</v>
      </c>
      <c r="AB635">
        <v>22</v>
      </c>
      <c r="AC635">
        <v>104</v>
      </c>
      <c r="AD635">
        <v>87</v>
      </c>
      <c r="AE635">
        <v>25</v>
      </c>
      <c r="AF635">
        <v>0</v>
      </c>
      <c r="AG635">
        <v>50000</v>
      </c>
      <c r="AH635">
        <v>0</v>
      </c>
      <c r="AI635">
        <v>50000</v>
      </c>
      <c r="AJ635">
        <v>0</v>
      </c>
      <c r="AK635" t="s">
        <v>6</v>
      </c>
      <c r="AL635">
        <v>0</v>
      </c>
      <c r="AM635">
        <v>0</v>
      </c>
      <c r="AN635">
        <v>0</v>
      </c>
      <c r="AO635">
        <v>0</v>
      </c>
      <c r="AP635">
        <v>0</v>
      </c>
      <c r="AQ635">
        <v>0</v>
      </c>
      <c r="AR635">
        <v>0</v>
      </c>
      <c r="AS635">
        <v>0</v>
      </c>
      <c r="AT635">
        <v>0</v>
      </c>
      <c r="AU635">
        <v>0</v>
      </c>
      <c r="AV635">
        <v>0</v>
      </c>
      <c r="AW635">
        <v>0</v>
      </c>
      <c r="AX635">
        <v>0</v>
      </c>
      <c r="AY635">
        <v>0</v>
      </c>
      <c r="AZ635">
        <v>0</v>
      </c>
      <c r="BA635">
        <v>0</v>
      </c>
    </row>
    <row r="636" spans="1:53" x14ac:dyDescent="0.4">
      <c r="A636">
        <v>680</v>
      </c>
      <c r="B636" s="1">
        <v>43013</v>
      </c>
      <c r="C636">
        <v>2</v>
      </c>
      <c r="D636" s="1">
        <v>43013.445138888892</v>
      </c>
      <c r="E636" s="1">
        <v>43013.752083333333</v>
      </c>
      <c r="F636">
        <v>21000</v>
      </c>
      <c r="G636">
        <v>78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1742</v>
      </c>
      <c r="N636">
        <v>0</v>
      </c>
      <c r="O636">
        <v>0</v>
      </c>
      <c r="P636">
        <v>13500</v>
      </c>
      <c r="Q636">
        <v>0</v>
      </c>
      <c r="R636">
        <v>37022</v>
      </c>
      <c r="S636">
        <v>0</v>
      </c>
      <c r="T636">
        <v>0</v>
      </c>
      <c r="U636">
        <v>0</v>
      </c>
      <c r="V636">
        <v>2</v>
      </c>
      <c r="W636">
        <v>0</v>
      </c>
      <c r="X636">
        <v>0</v>
      </c>
      <c r="Y636">
        <v>41</v>
      </c>
      <c r="Z636">
        <v>28</v>
      </c>
      <c r="AA636">
        <v>87</v>
      </c>
      <c r="AB636">
        <v>29</v>
      </c>
      <c r="AC636">
        <v>141</v>
      </c>
      <c r="AD636">
        <v>89</v>
      </c>
      <c r="AE636">
        <v>17</v>
      </c>
      <c r="AF636">
        <v>0</v>
      </c>
      <c r="AG636">
        <v>87022</v>
      </c>
      <c r="AH636">
        <v>50000</v>
      </c>
      <c r="AI636">
        <v>0</v>
      </c>
      <c r="AJ636">
        <v>102</v>
      </c>
      <c r="AK636" t="s">
        <v>8</v>
      </c>
      <c r="AL636">
        <v>0</v>
      </c>
      <c r="AM636">
        <v>0</v>
      </c>
      <c r="AN636">
        <v>0</v>
      </c>
      <c r="AO636">
        <v>0</v>
      </c>
      <c r="AP636">
        <v>0</v>
      </c>
      <c r="AQ636">
        <v>0</v>
      </c>
      <c r="AR636">
        <v>0</v>
      </c>
      <c r="AS636">
        <v>0</v>
      </c>
      <c r="AT636">
        <v>0</v>
      </c>
      <c r="AU636">
        <v>0</v>
      </c>
      <c r="AV636">
        <v>0</v>
      </c>
      <c r="AW636">
        <v>0</v>
      </c>
      <c r="AX636">
        <v>734</v>
      </c>
      <c r="AY636">
        <v>31</v>
      </c>
      <c r="AZ636">
        <v>65</v>
      </c>
      <c r="BA636">
        <v>4569</v>
      </c>
    </row>
    <row r="637" spans="1:53" x14ac:dyDescent="0.4">
      <c r="A637">
        <v>681</v>
      </c>
      <c r="B637" s="1">
        <v>43013</v>
      </c>
      <c r="C637">
        <v>3</v>
      </c>
      <c r="D637" s="1">
        <v>43013.752083333333</v>
      </c>
      <c r="E637" s="1">
        <v>43013.944444444445</v>
      </c>
      <c r="F637">
        <v>18000</v>
      </c>
      <c r="G637">
        <v>96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1516</v>
      </c>
      <c r="N637">
        <v>0</v>
      </c>
      <c r="O637">
        <v>0</v>
      </c>
      <c r="P637">
        <v>2225</v>
      </c>
      <c r="Q637">
        <v>0</v>
      </c>
      <c r="R637">
        <v>22701</v>
      </c>
      <c r="S637">
        <v>0</v>
      </c>
      <c r="T637">
        <v>0</v>
      </c>
      <c r="U637">
        <v>0</v>
      </c>
      <c r="V637">
        <v>4</v>
      </c>
      <c r="W637">
        <v>0</v>
      </c>
      <c r="X637">
        <v>0</v>
      </c>
      <c r="Y637">
        <v>46</v>
      </c>
      <c r="Z637">
        <v>28</v>
      </c>
      <c r="AA637">
        <v>61</v>
      </c>
      <c r="AB637">
        <v>31</v>
      </c>
      <c r="AC637">
        <v>140</v>
      </c>
      <c r="AD637">
        <v>86</v>
      </c>
      <c r="AE637">
        <v>27</v>
      </c>
      <c r="AF637">
        <v>216</v>
      </c>
      <c r="AG637">
        <v>109723</v>
      </c>
      <c r="AH637">
        <v>50000</v>
      </c>
      <c r="AI637">
        <v>0</v>
      </c>
      <c r="AJ637">
        <v>102</v>
      </c>
      <c r="AK637" t="s">
        <v>8</v>
      </c>
      <c r="AL637">
        <v>0</v>
      </c>
      <c r="AM637">
        <v>0</v>
      </c>
      <c r="AN637">
        <v>0</v>
      </c>
      <c r="AO637">
        <v>0</v>
      </c>
      <c r="AP637">
        <v>0</v>
      </c>
      <c r="AQ637">
        <v>0</v>
      </c>
      <c r="AR637">
        <v>0</v>
      </c>
      <c r="AS637">
        <v>0</v>
      </c>
      <c r="AT637">
        <v>0</v>
      </c>
      <c r="AU637">
        <v>0</v>
      </c>
      <c r="AV637">
        <v>0</v>
      </c>
      <c r="AW637">
        <v>0</v>
      </c>
      <c r="AX637">
        <v>32778</v>
      </c>
      <c r="AY637">
        <v>14</v>
      </c>
      <c r="AZ637">
        <v>46</v>
      </c>
      <c r="BA637">
        <v>1895</v>
      </c>
    </row>
    <row r="638" spans="1:53" x14ac:dyDescent="0.4">
      <c r="A638">
        <v>682</v>
      </c>
      <c r="B638" s="1">
        <v>43013</v>
      </c>
      <c r="C638">
        <v>4</v>
      </c>
      <c r="D638" s="1">
        <v>43013.944444444445</v>
      </c>
      <c r="E638" s="1">
        <v>43014.084027777775</v>
      </c>
      <c r="F638">
        <v>45370</v>
      </c>
      <c r="G638">
        <v>350</v>
      </c>
      <c r="H638">
        <v>0</v>
      </c>
      <c r="I638">
        <v>0</v>
      </c>
      <c r="J638">
        <v>0</v>
      </c>
      <c r="K638">
        <v>2640</v>
      </c>
      <c r="L638">
        <v>0</v>
      </c>
      <c r="M638">
        <v>3869</v>
      </c>
      <c r="N638">
        <v>0</v>
      </c>
      <c r="O638">
        <v>0</v>
      </c>
      <c r="P638">
        <v>17604</v>
      </c>
      <c r="Q638">
        <v>0</v>
      </c>
      <c r="R638">
        <v>69833</v>
      </c>
      <c r="S638">
        <v>0</v>
      </c>
      <c r="T638">
        <v>0</v>
      </c>
      <c r="U638">
        <v>0</v>
      </c>
      <c r="V638">
        <v>5</v>
      </c>
      <c r="W638">
        <v>2</v>
      </c>
      <c r="X638">
        <v>0</v>
      </c>
      <c r="Y638">
        <v>77</v>
      </c>
      <c r="Z638">
        <v>28</v>
      </c>
      <c r="AA638">
        <v>64</v>
      </c>
      <c r="AB638">
        <v>30</v>
      </c>
      <c r="AC638">
        <v>134</v>
      </c>
      <c r="AD638">
        <v>85</v>
      </c>
      <c r="AE638">
        <v>23</v>
      </c>
      <c r="AF638">
        <v>18868</v>
      </c>
      <c r="AG638">
        <v>179556</v>
      </c>
      <c r="AH638">
        <v>50000</v>
      </c>
      <c r="AI638">
        <v>0</v>
      </c>
      <c r="AJ638">
        <v>95</v>
      </c>
      <c r="AK638" t="s">
        <v>21</v>
      </c>
      <c r="AL638">
        <v>0</v>
      </c>
      <c r="AM638">
        <v>0</v>
      </c>
      <c r="AN638">
        <v>0</v>
      </c>
      <c r="AO638">
        <v>0</v>
      </c>
      <c r="AP638">
        <v>0</v>
      </c>
      <c r="AQ638">
        <v>0</v>
      </c>
      <c r="AR638">
        <v>0</v>
      </c>
      <c r="AS638">
        <v>0</v>
      </c>
      <c r="AT638">
        <v>0</v>
      </c>
      <c r="AU638">
        <v>0</v>
      </c>
      <c r="AV638">
        <v>0</v>
      </c>
      <c r="AW638">
        <v>0</v>
      </c>
      <c r="AX638">
        <v>2062</v>
      </c>
      <c r="AY638">
        <v>5</v>
      </c>
      <c r="AZ638">
        <v>18</v>
      </c>
      <c r="BA638">
        <v>1209</v>
      </c>
    </row>
    <row r="639" spans="1:53" x14ac:dyDescent="0.4">
      <c r="A639">
        <v>683</v>
      </c>
      <c r="B639" s="1">
        <v>43014</v>
      </c>
      <c r="C639">
        <v>1</v>
      </c>
      <c r="D639" s="1">
        <v>43014.291666666664</v>
      </c>
      <c r="E639" s="1">
        <v>43014.449305555558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  <c r="M639">
        <v>0</v>
      </c>
      <c r="N639">
        <v>0</v>
      </c>
      <c r="O639">
        <v>0</v>
      </c>
      <c r="P639">
        <v>0</v>
      </c>
      <c r="Q639">
        <v>0</v>
      </c>
      <c r="R639">
        <v>0</v>
      </c>
      <c r="S639">
        <v>0</v>
      </c>
      <c r="T639">
        <v>0</v>
      </c>
      <c r="U639">
        <v>0</v>
      </c>
      <c r="V639">
        <v>0</v>
      </c>
      <c r="W639">
        <v>1</v>
      </c>
      <c r="X639">
        <v>0</v>
      </c>
      <c r="Y639">
        <v>26</v>
      </c>
      <c r="Z639">
        <v>19</v>
      </c>
      <c r="AA639">
        <v>64</v>
      </c>
      <c r="AB639">
        <v>26</v>
      </c>
      <c r="AC639">
        <v>131</v>
      </c>
      <c r="AD639">
        <v>84</v>
      </c>
      <c r="AE639">
        <v>70</v>
      </c>
      <c r="AF639">
        <v>0</v>
      </c>
      <c r="AG639">
        <v>50000</v>
      </c>
      <c r="AH639">
        <v>0</v>
      </c>
      <c r="AI639">
        <v>50000</v>
      </c>
      <c r="AJ639">
        <v>0</v>
      </c>
      <c r="AK639" t="s">
        <v>6</v>
      </c>
      <c r="AL639">
        <v>0</v>
      </c>
      <c r="AM639">
        <v>0</v>
      </c>
      <c r="AN639">
        <v>0</v>
      </c>
      <c r="AO639">
        <v>0</v>
      </c>
      <c r="AP639">
        <v>0</v>
      </c>
      <c r="AQ639">
        <v>0</v>
      </c>
      <c r="AR639">
        <v>0</v>
      </c>
      <c r="AS639">
        <v>0</v>
      </c>
      <c r="AT639">
        <v>0</v>
      </c>
      <c r="AU639">
        <v>0</v>
      </c>
      <c r="AV639">
        <v>0</v>
      </c>
      <c r="AW639">
        <v>0</v>
      </c>
      <c r="AX639">
        <v>0</v>
      </c>
      <c r="AY639">
        <v>0</v>
      </c>
      <c r="AZ639">
        <v>0</v>
      </c>
      <c r="BA639">
        <v>0</v>
      </c>
    </row>
    <row r="640" spans="1:53" x14ac:dyDescent="0.4">
      <c r="A640">
        <v>684</v>
      </c>
      <c r="B640" s="1">
        <v>43014</v>
      </c>
      <c r="C640">
        <v>2</v>
      </c>
      <c r="D640" s="1">
        <v>43014.449305555558</v>
      </c>
      <c r="E640" s="1">
        <v>43014.734722222223</v>
      </c>
      <c r="F640">
        <v>22000</v>
      </c>
      <c r="G640">
        <v>206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1924</v>
      </c>
      <c r="N640">
        <v>0</v>
      </c>
      <c r="O640">
        <v>0</v>
      </c>
      <c r="P640">
        <v>27540</v>
      </c>
      <c r="Q640">
        <v>0</v>
      </c>
      <c r="R640">
        <v>53524</v>
      </c>
      <c r="S640">
        <v>0</v>
      </c>
      <c r="T640">
        <v>0</v>
      </c>
      <c r="U640">
        <v>0</v>
      </c>
      <c r="V640">
        <v>0</v>
      </c>
      <c r="W640">
        <v>7</v>
      </c>
      <c r="X640">
        <v>0</v>
      </c>
      <c r="Y640">
        <v>46</v>
      </c>
      <c r="Z640">
        <v>28</v>
      </c>
      <c r="AA640">
        <v>49</v>
      </c>
      <c r="AB640">
        <v>28</v>
      </c>
      <c r="AC640">
        <v>172</v>
      </c>
      <c r="AD640">
        <v>86</v>
      </c>
      <c r="AE640">
        <v>74</v>
      </c>
      <c r="AF640">
        <v>0</v>
      </c>
      <c r="AG640">
        <v>103524</v>
      </c>
      <c r="AH640">
        <v>50000</v>
      </c>
      <c r="AI640">
        <v>0</v>
      </c>
      <c r="AJ640">
        <v>96</v>
      </c>
      <c r="AK640" t="s">
        <v>4</v>
      </c>
      <c r="AL640">
        <v>0</v>
      </c>
      <c r="AM640">
        <v>0</v>
      </c>
      <c r="AN640">
        <v>0</v>
      </c>
      <c r="AO640">
        <v>0</v>
      </c>
      <c r="AP640">
        <v>0</v>
      </c>
      <c r="AQ640">
        <v>0</v>
      </c>
      <c r="AR640">
        <v>0</v>
      </c>
      <c r="AS640">
        <v>0</v>
      </c>
      <c r="AT640">
        <v>0</v>
      </c>
      <c r="AU640">
        <v>0</v>
      </c>
      <c r="AV640">
        <v>0</v>
      </c>
      <c r="AW640">
        <v>0</v>
      </c>
      <c r="AX640">
        <v>-1134</v>
      </c>
      <c r="AY640">
        <v>40</v>
      </c>
      <c r="AZ640">
        <v>95</v>
      </c>
      <c r="BA640">
        <v>5497</v>
      </c>
    </row>
    <row r="641" spans="1:53" x14ac:dyDescent="0.4">
      <c r="A641">
        <v>685</v>
      </c>
      <c r="B641" s="1">
        <v>43014</v>
      </c>
      <c r="C641">
        <v>3</v>
      </c>
      <c r="D641" s="1">
        <v>43014.734722222223</v>
      </c>
      <c r="E641" s="1">
        <v>43014.956944444442</v>
      </c>
      <c r="F641">
        <v>103240</v>
      </c>
      <c r="G641">
        <v>3590</v>
      </c>
      <c r="H641">
        <v>0</v>
      </c>
      <c r="I641">
        <v>0</v>
      </c>
      <c r="J641">
        <v>100</v>
      </c>
      <c r="K641">
        <v>0</v>
      </c>
      <c r="L641">
        <v>0</v>
      </c>
      <c r="M641">
        <v>8539</v>
      </c>
      <c r="N641">
        <v>0</v>
      </c>
      <c r="O641">
        <v>0</v>
      </c>
      <c r="P641">
        <v>-27540</v>
      </c>
      <c r="Q641">
        <v>0</v>
      </c>
      <c r="R641">
        <v>87729</v>
      </c>
      <c r="S641">
        <v>0</v>
      </c>
      <c r="T641">
        <v>0</v>
      </c>
      <c r="U641">
        <v>0</v>
      </c>
      <c r="V641">
        <v>2</v>
      </c>
      <c r="W641">
        <v>9</v>
      </c>
      <c r="X641">
        <v>0</v>
      </c>
      <c r="Y641">
        <v>59</v>
      </c>
      <c r="Z641">
        <v>27</v>
      </c>
      <c r="AA641">
        <v>43</v>
      </c>
      <c r="AB641">
        <v>25</v>
      </c>
      <c r="AC641">
        <v>159</v>
      </c>
      <c r="AD641">
        <v>82</v>
      </c>
      <c r="AE641">
        <v>66</v>
      </c>
      <c r="AF641">
        <v>46137</v>
      </c>
      <c r="AG641">
        <v>191253</v>
      </c>
      <c r="AH641">
        <v>50000</v>
      </c>
      <c r="AI641">
        <v>0</v>
      </c>
      <c r="AJ641">
        <v>100</v>
      </c>
      <c r="AK641" t="s">
        <v>0</v>
      </c>
      <c r="AL641">
        <v>0</v>
      </c>
      <c r="AM641">
        <v>0</v>
      </c>
      <c r="AN641">
        <v>0</v>
      </c>
      <c r="AO641">
        <v>0</v>
      </c>
      <c r="AP641">
        <v>0</v>
      </c>
      <c r="AQ641">
        <v>0</v>
      </c>
      <c r="AR641">
        <v>0</v>
      </c>
      <c r="AS641">
        <v>0</v>
      </c>
      <c r="AT641">
        <v>0</v>
      </c>
      <c r="AU641">
        <v>0</v>
      </c>
      <c r="AV641">
        <v>0</v>
      </c>
      <c r="AW641">
        <v>0</v>
      </c>
      <c r="AX641">
        <v>60594</v>
      </c>
      <c r="AY641">
        <v>22</v>
      </c>
      <c r="AZ641">
        <v>96</v>
      </c>
      <c r="BA641">
        <v>3460</v>
      </c>
    </row>
    <row r="642" spans="1:53" x14ac:dyDescent="0.4">
      <c r="A642">
        <v>686</v>
      </c>
      <c r="B642" s="1">
        <v>43014</v>
      </c>
      <c r="C642">
        <v>4</v>
      </c>
      <c r="D642" s="1">
        <v>43014.956944444442</v>
      </c>
      <c r="E642" s="1">
        <v>43015.091666666667</v>
      </c>
      <c r="F642">
        <v>108375</v>
      </c>
      <c r="G642">
        <v>6080</v>
      </c>
      <c r="H642">
        <v>0</v>
      </c>
      <c r="I642">
        <v>0</v>
      </c>
      <c r="J642">
        <v>0</v>
      </c>
      <c r="K642">
        <v>0</v>
      </c>
      <c r="L642">
        <v>0</v>
      </c>
      <c r="M642">
        <v>9157</v>
      </c>
      <c r="N642">
        <v>0</v>
      </c>
      <c r="O642">
        <v>0</v>
      </c>
      <c r="P642">
        <v>73548</v>
      </c>
      <c r="Q642">
        <v>0</v>
      </c>
      <c r="R642">
        <v>197160</v>
      </c>
      <c r="S642">
        <v>0</v>
      </c>
      <c r="T642">
        <v>0</v>
      </c>
      <c r="U642">
        <v>0</v>
      </c>
      <c r="V642">
        <v>12</v>
      </c>
      <c r="W642">
        <v>12</v>
      </c>
      <c r="X642">
        <v>0</v>
      </c>
      <c r="Y642">
        <v>112</v>
      </c>
      <c r="Z642">
        <v>23</v>
      </c>
      <c r="AA642">
        <v>28</v>
      </c>
      <c r="AB642">
        <v>30</v>
      </c>
      <c r="AC642">
        <v>154</v>
      </c>
      <c r="AD642">
        <v>83</v>
      </c>
      <c r="AE642">
        <v>61</v>
      </c>
      <c r="AF642">
        <v>78597</v>
      </c>
      <c r="AG642">
        <v>388413</v>
      </c>
      <c r="AH642">
        <v>50000</v>
      </c>
      <c r="AI642">
        <v>0</v>
      </c>
      <c r="AJ642">
        <v>100</v>
      </c>
      <c r="AK642" t="s">
        <v>0</v>
      </c>
      <c r="AL642">
        <v>0</v>
      </c>
      <c r="AM642">
        <v>0</v>
      </c>
      <c r="AN642">
        <v>0</v>
      </c>
      <c r="AO642">
        <v>0</v>
      </c>
      <c r="AP642">
        <v>0</v>
      </c>
      <c r="AQ642">
        <v>0</v>
      </c>
      <c r="AR642">
        <v>0</v>
      </c>
      <c r="AS642">
        <v>0</v>
      </c>
      <c r="AT642">
        <v>0</v>
      </c>
      <c r="AU642">
        <v>0</v>
      </c>
      <c r="AV642">
        <v>0</v>
      </c>
      <c r="AW642">
        <v>0</v>
      </c>
      <c r="AX642">
        <v>29614</v>
      </c>
      <c r="AY642">
        <v>14</v>
      </c>
      <c r="AZ642">
        <v>67</v>
      </c>
      <c r="BA642">
        <v>2134</v>
      </c>
    </row>
    <row r="643" spans="1:53" x14ac:dyDescent="0.4">
      <c r="A643">
        <v>687</v>
      </c>
      <c r="B643" s="1">
        <v>43015</v>
      </c>
      <c r="C643">
        <v>1</v>
      </c>
      <c r="D643" s="1">
        <v>43015.291666666664</v>
      </c>
      <c r="E643" s="1">
        <v>43015.402083333334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  <c r="M643">
        <v>0</v>
      </c>
      <c r="N643">
        <v>0</v>
      </c>
      <c r="O643">
        <v>0</v>
      </c>
      <c r="P643">
        <v>0</v>
      </c>
      <c r="Q643">
        <v>0</v>
      </c>
      <c r="R643">
        <v>0</v>
      </c>
      <c r="S643">
        <v>0</v>
      </c>
      <c r="T643">
        <v>0</v>
      </c>
      <c r="U643">
        <v>0</v>
      </c>
      <c r="V643">
        <v>0</v>
      </c>
      <c r="W643">
        <v>1</v>
      </c>
      <c r="X643">
        <v>0</v>
      </c>
      <c r="Y643">
        <v>30</v>
      </c>
      <c r="Z643">
        <v>19</v>
      </c>
      <c r="AA643">
        <v>28</v>
      </c>
      <c r="AB643">
        <v>25</v>
      </c>
      <c r="AC643">
        <v>100</v>
      </c>
      <c r="AD643">
        <v>81</v>
      </c>
      <c r="AE643">
        <v>45</v>
      </c>
      <c r="AF643">
        <v>0</v>
      </c>
      <c r="AG643">
        <v>50000</v>
      </c>
      <c r="AH643">
        <v>50000</v>
      </c>
      <c r="AI643">
        <v>0</v>
      </c>
      <c r="AJ643">
        <v>0</v>
      </c>
      <c r="AK643" t="s">
        <v>6</v>
      </c>
      <c r="AL643">
        <v>0</v>
      </c>
      <c r="AM643">
        <v>0</v>
      </c>
      <c r="AN643">
        <v>0</v>
      </c>
      <c r="AO643">
        <v>0</v>
      </c>
      <c r="AP643">
        <v>0</v>
      </c>
      <c r="AQ643">
        <v>0</v>
      </c>
      <c r="AR643">
        <v>0</v>
      </c>
      <c r="AS643">
        <v>0</v>
      </c>
      <c r="AT643">
        <v>0</v>
      </c>
      <c r="AU643">
        <v>0</v>
      </c>
      <c r="AV643">
        <v>0</v>
      </c>
      <c r="AW643">
        <v>0</v>
      </c>
      <c r="AX643">
        <v>0</v>
      </c>
      <c r="AY643">
        <v>0</v>
      </c>
      <c r="AZ643">
        <v>0</v>
      </c>
      <c r="BA643">
        <v>0</v>
      </c>
    </row>
    <row r="644" spans="1:53" x14ac:dyDescent="0.4">
      <c r="A644">
        <v>688</v>
      </c>
      <c r="B644" s="1">
        <v>43015</v>
      </c>
      <c r="C644">
        <v>2</v>
      </c>
      <c r="D644" s="1">
        <v>43015.402083333334</v>
      </c>
      <c r="E644" s="1">
        <v>43015.738888888889</v>
      </c>
      <c r="F644">
        <v>36000</v>
      </c>
      <c r="G644">
        <v>5700</v>
      </c>
      <c r="H644">
        <v>0</v>
      </c>
      <c r="I644">
        <v>0</v>
      </c>
      <c r="J644">
        <v>0</v>
      </c>
      <c r="K644">
        <v>0</v>
      </c>
      <c r="L644">
        <v>0</v>
      </c>
      <c r="M644">
        <v>3335</v>
      </c>
      <c r="N644">
        <v>0</v>
      </c>
      <c r="O644">
        <v>0</v>
      </c>
      <c r="P644">
        <v>41040</v>
      </c>
      <c r="Q644">
        <v>0</v>
      </c>
      <c r="R644">
        <v>86075</v>
      </c>
      <c r="S644">
        <v>0</v>
      </c>
      <c r="T644">
        <v>0</v>
      </c>
      <c r="U644">
        <v>0</v>
      </c>
      <c r="V644">
        <v>2</v>
      </c>
      <c r="W644">
        <v>2</v>
      </c>
      <c r="X644">
        <v>0</v>
      </c>
      <c r="Y644">
        <v>75</v>
      </c>
      <c r="Z644">
        <v>25</v>
      </c>
      <c r="AA644">
        <v>78</v>
      </c>
      <c r="AB644">
        <v>30</v>
      </c>
      <c r="AC644">
        <v>157</v>
      </c>
      <c r="AD644">
        <v>84</v>
      </c>
      <c r="AE644">
        <v>38</v>
      </c>
      <c r="AF644">
        <v>7247</v>
      </c>
      <c r="AG644">
        <v>136075</v>
      </c>
      <c r="AH644">
        <v>50000</v>
      </c>
      <c r="AI644">
        <v>0</v>
      </c>
      <c r="AJ644">
        <v>93</v>
      </c>
      <c r="AK644" t="s">
        <v>20</v>
      </c>
      <c r="AL644">
        <v>0</v>
      </c>
      <c r="AM644">
        <v>0</v>
      </c>
      <c r="AN644">
        <v>0</v>
      </c>
      <c r="AO644">
        <v>0</v>
      </c>
      <c r="AP644">
        <v>0</v>
      </c>
      <c r="AQ644">
        <v>0</v>
      </c>
      <c r="AR644">
        <v>0</v>
      </c>
      <c r="AS644">
        <v>0</v>
      </c>
      <c r="AT644">
        <v>0</v>
      </c>
      <c r="AU644">
        <v>0</v>
      </c>
      <c r="AV644">
        <v>0</v>
      </c>
      <c r="AW644">
        <v>0</v>
      </c>
      <c r="AX644">
        <v>24850</v>
      </c>
      <c r="AY644">
        <v>50</v>
      </c>
      <c r="AZ644">
        <v>138</v>
      </c>
      <c r="BA644">
        <v>6937</v>
      </c>
    </row>
    <row r="645" spans="1:53" x14ac:dyDescent="0.4">
      <c r="A645">
        <v>689</v>
      </c>
      <c r="B645" s="1">
        <v>43015</v>
      </c>
      <c r="C645">
        <v>3</v>
      </c>
      <c r="D645" s="1">
        <v>43015.738888888889</v>
      </c>
      <c r="E645" s="1">
        <v>43015.976388888892</v>
      </c>
      <c r="F645">
        <v>236300</v>
      </c>
      <c r="G645">
        <v>3100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21382</v>
      </c>
      <c r="N645">
        <v>0</v>
      </c>
      <c r="O645">
        <v>0</v>
      </c>
      <c r="P645">
        <v>-27540</v>
      </c>
      <c r="Q645">
        <v>0</v>
      </c>
      <c r="R645">
        <v>261142</v>
      </c>
      <c r="S645">
        <v>0</v>
      </c>
      <c r="T645">
        <v>0</v>
      </c>
      <c r="U645">
        <v>0</v>
      </c>
      <c r="V645">
        <v>24</v>
      </c>
      <c r="W645">
        <v>4</v>
      </c>
      <c r="X645">
        <v>0</v>
      </c>
      <c r="Y645">
        <v>72</v>
      </c>
      <c r="Z645">
        <v>29</v>
      </c>
      <c r="AA645">
        <v>75</v>
      </c>
      <c r="AB645">
        <v>30</v>
      </c>
      <c r="AC645">
        <v>163</v>
      </c>
      <c r="AD645">
        <v>82</v>
      </c>
      <c r="AE645">
        <v>30</v>
      </c>
      <c r="AF645">
        <v>39647</v>
      </c>
      <c r="AG645">
        <v>397217</v>
      </c>
      <c r="AH645">
        <v>50000</v>
      </c>
      <c r="AI645">
        <v>0</v>
      </c>
      <c r="AJ645">
        <v>100</v>
      </c>
      <c r="AK645" t="s">
        <v>0</v>
      </c>
      <c r="AL645">
        <v>0</v>
      </c>
      <c r="AM645">
        <v>0</v>
      </c>
      <c r="AN645">
        <v>0</v>
      </c>
      <c r="AO645">
        <v>0</v>
      </c>
      <c r="AP645">
        <v>0</v>
      </c>
      <c r="AQ645">
        <v>0</v>
      </c>
      <c r="AR645">
        <v>0</v>
      </c>
      <c r="AS645">
        <v>0</v>
      </c>
      <c r="AT645">
        <v>0</v>
      </c>
      <c r="AU645">
        <v>0</v>
      </c>
      <c r="AV645">
        <v>0</v>
      </c>
      <c r="AW645">
        <v>0</v>
      </c>
      <c r="AX645">
        <v>85304</v>
      </c>
      <c r="AY645">
        <v>28</v>
      </c>
      <c r="AZ645">
        <v>189</v>
      </c>
      <c r="BA645">
        <v>4758</v>
      </c>
    </row>
    <row r="646" spans="1:53" x14ac:dyDescent="0.4">
      <c r="A646">
        <v>690</v>
      </c>
      <c r="B646" s="1">
        <v>43015</v>
      </c>
      <c r="C646">
        <v>4</v>
      </c>
      <c r="D646" s="1">
        <v>43015.976388888892</v>
      </c>
      <c r="E646" s="1">
        <v>43016.120138888888</v>
      </c>
      <c r="F646">
        <v>167100</v>
      </c>
      <c r="G646">
        <v>564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13819</v>
      </c>
      <c r="N646">
        <v>0</v>
      </c>
      <c r="O646">
        <v>0</v>
      </c>
      <c r="P646">
        <v>79920</v>
      </c>
      <c r="Q646">
        <v>0</v>
      </c>
      <c r="R646">
        <v>266479</v>
      </c>
      <c r="S646">
        <v>0</v>
      </c>
      <c r="T646">
        <v>0</v>
      </c>
      <c r="U646">
        <v>0</v>
      </c>
      <c r="V646">
        <v>50</v>
      </c>
      <c r="W646">
        <v>2</v>
      </c>
      <c r="X646">
        <v>0</v>
      </c>
      <c r="Y646">
        <v>63</v>
      </c>
      <c r="Z646">
        <v>23</v>
      </c>
      <c r="AA646">
        <v>65</v>
      </c>
      <c r="AB646">
        <v>25</v>
      </c>
      <c r="AC646">
        <v>153</v>
      </c>
      <c r="AD646">
        <v>77</v>
      </c>
      <c r="AE646">
        <v>22</v>
      </c>
      <c r="AF646">
        <v>69509</v>
      </c>
      <c r="AG646">
        <v>663696</v>
      </c>
      <c r="AH646">
        <v>50000</v>
      </c>
      <c r="AI646">
        <v>0</v>
      </c>
      <c r="AJ646">
        <v>100</v>
      </c>
      <c r="AK646" t="s">
        <v>0</v>
      </c>
      <c r="AL646">
        <v>0</v>
      </c>
      <c r="AM646">
        <v>0</v>
      </c>
      <c r="AN646">
        <v>0</v>
      </c>
      <c r="AO646">
        <v>0</v>
      </c>
      <c r="AP646">
        <v>0</v>
      </c>
      <c r="AQ646">
        <v>0</v>
      </c>
      <c r="AR646">
        <v>0</v>
      </c>
      <c r="AS646">
        <v>0</v>
      </c>
      <c r="AT646">
        <v>0</v>
      </c>
      <c r="AU646">
        <v>0</v>
      </c>
      <c r="AV646">
        <v>0</v>
      </c>
      <c r="AW646">
        <v>0</v>
      </c>
      <c r="AX646">
        <v>-2085</v>
      </c>
      <c r="AY646">
        <v>14</v>
      </c>
      <c r="AZ646">
        <v>52</v>
      </c>
      <c r="BA646">
        <v>2509</v>
      </c>
    </row>
    <row r="647" spans="1:53" x14ac:dyDescent="0.4">
      <c r="A647">
        <v>691</v>
      </c>
      <c r="B647" s="1">
        <v>43016</v>
      </c>
      <c r="C647">
        <v>1</v>
      </c>
      <c r="D647" s="1">
        <v>43016.291666666664</v>
      </c>
      <c r="E647" s="1">
        <v>43016.40625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  <c r="M647">
        <v>0</v>
      </c>
      <c r="N647">
        <v>0</v>
      </c>
      <c r="O647">
        <v>0</v>
      </c>
      <c r="P647">
        <v>0</v>
      </c>
      <c r="Q647">
        <v>0</v>
      </c>
      <c r="R647">
        <v>0</v>
      </c>
      <c r="S647">
        <v>0</v>
      </c>
      <c r="T647">
        <v>0</v>
      </c>
      <c r="U647">
        <v>0</v>
      </c>
      <c r="V647">
        <v>0</v>
      </c>
      <c r="W647">
        <v>1</v>
      </c>
      <c r="X647">
        <v>0</v>
      </c>
      <c r="Y647">
        <v>25</v>
      </c>
      <c r="Z647">
        <v>20</v>
      </c>
      <c r="AA647">
        <v>77</v>
      </c>
      <c r="AB647">
        <v>23</v>
      </c>
      <c r="AC647">
        <v>74</v>
      </c>
      <c r="AD647">
        <v>77</v>
      </c>
      <c r="AE647">
        <v>25</v>
      </c>
      <c r="AF647">
        <v>0</v>
      </c>
      <c r="AG647">
        <v>50000</v>
      </c>
      <c r="AH647">
        <v>50000</v>
      </c>
      <c r="AI647">
        <v>0</v>
      </c>
      <c r="AJ647">
        <v>0</v>
      </c>
      <c r="AK647" t="s">
        <v>6</v>
      </c>
      <c r="AL647">
        <v>0</v>
      </c>
      <c r="AM647">
        <v>0</v>
      </c>
      <c r="AN647">
        <v>0</v>
      </c>
      <c r="AO647">
        <v>0</v>
      </c>
      <c r="AP647">
        <v>0</v>
      </c>
      <c r="AQ647">
        <v>0</v>
      </c>
      <c r="AR647">
        <v>0</v>
      </c>
      <c r="AS647">
        <v>0</v>
      </c>
      <c r="AT647">
        <v>0</v>
      </c>
      <c r="AU647">
        <v>0</v>
      </c>
      <c r="AV647">
        <v>0</v>
      </c>
      <c r="AW647">
        <v>0</v>
      </c>
      <c r="AX647">
        <v>0</v>
      </c>
      <c r="AY647">
        <v>0</v>
      </c>
      <c r="AZ647">
        <v>0</v>
      </c>
      <c r="BA647">
        <v>0</v>
      </c>
    </row>
    <row r="648" spans="1:53" x14ac:dyDescent="0.4">
      <c r="A648">
        <v>692</v>
      </c>
      <c r="B648" s="1">
        <v>43016</v>
      </c>
      <c r="C648">
        <v>2</v>
      </c>
      <c r="D648" s="1">
        <v>43016.40625</v>
      </c>
      <c r="E648" s="1">
        <v>43016.736805555556</v>
      </c>
      <c r="F648">
        <v>37000</v>
      </c>
      <c r="G648">
        <v>415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3291</v>
      </c>
      <c r="N648">
        <v>0</v>
      </c>
      <c r="O648">
        <v>0</v>
      </c>
      <c r="P648">
        <v>12960</v>
      </c>
      <c r="Q648">
        <v>0</v>
      </c>
      <c r="R648">
        <v>57401</v>
      </c>
      <c r="S648">
        <v>0</v>
      </c>
      <c r="T648">
        <v>0</v>
      </c>
      <c r="U648">
        <v>0</v>
      </c>
      <c r="V648">
        <v>0</v>
      </c>
      <c r="W648">
        <v>5</v>
      </c>
      <c r="X648">
        <v>0</v>
      </c>
      <c r="Y648">
        <v>51</v>
      </c>
      <c r="Z648">
        <v>35</v>
      </c>
      <c r="AA648">
        <v>80</v>
      </c>
      <c r="AB648">
        <v>35</v>
      </c>
      <c r="AC648">
        <v>166</v>
      </c>
      <c r="AD648">
        <v>78</v>
      </c>
      <c r="AE648">
        <v>31</v>
      </c>
      <c r="AF648">
        <v>1080</v>
      </c>
      <c r="AG648">
        <v>106411</v>
      </c>
      <c r="AH648">
        <v>50000</v>
      </c>
      <c r="AI648">
        <v>-990</v>
      </c>
      <c r="AJ648">
        <v>92</v>
      </c>
      <c r="AK648" t="s">
        <v>22</v>
      </c>
      <c r="AL648">
        <v>0</v>
      </c>
      <c r="AM648">
        <v>0</v>
      </c>
      <c r="AN648">
        <v>0</v>
      </c>
      <c r="AO648">
        <v>0</v>
      </c>
      <c r="AP648">
        <v>0</v>
      </c>
      <c r="AQ648">
        <v>0</v>
      </c>
      <c r="AR648">
        <v>0</v>
      </c>
      <c r="AS648">
        <v>0</v>
      </c>
      <c r="AT648">
        <v>0</v>
      </c>
      <c r="AU648">
        <v>0</v>
      </c>
      <c r="AV648">
        <v>0</v>
      </c>
      <c r="AW648">
        <v>0</v>
      </c>
      <c r="AX648">
        <v>0</v>
      </c>
      <c r="AY648">
        <v>43</v>
      </c>
      <c r="AZ648">
        <v>94</v>
      </c>
      <c r="BA648">
        <v>6562</v>
      </c>
    </row>
    <row r="649" spans="1:53" x14ac:dyDescent="0.4">
      <c r="A649">
        <v>693</v>
      </c>
      <c r="B649" s="1">
        <v>43017</v>
      </c>
      <c r="C649">
        <v>1</v>
      </c>
      <c r="D649" s="1">
        <v>43017.291666666664</v>
      </c>
      <c r="E649" s="1">
        <v>43017.411111111112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0</v>
      </c>
      <c r="O649">
        <v>0</v>
      </c>
      <c r="P649">
        <v>0</v>
      </c>
      <c r="Q649">
        <v>0</v>
      </c>
      <c r="R649">
        <v>0</v>
      </c>
      <c r="S649">
        <v>0</v>
      </c>
      <c r="T649">
        <v>0</v>
      </c>
      <c r="U649">
        <v>0</v>
      </c>
      <c r="V649">
        <v>0</v>
      </c>
      <c r="W649">
        <v>1</v>
      </c>
      <c r="X649">
        <v>0</v>
      </c>
      <c r="Y649">
        <v>25</v>
      </c>
      <c r="Z649">
        <v>18</v>
      </c>
      <c r="AA649">
        <v>84</v>
      </c>
      <c r="AB649">
        <v>24</v>
      </c>
      <c r="AC649">
        <v>103</v>
      </c>
      <c r="AD649">
        <v>72</v>
      </c>
      <c r="AE649">
        <v>10</v>
      </c>
      <c r="AF649">
        <v>0</v>
      </c>
      <c r="AG649">
        <v>50000</v>
      </c>
      <c r="AH649">
        <v>0</v>
      </c>
      <c r="AI649">
        <v>50000</v>
      </c>
      <c r="AJ649">
        <v>0</v>
      </c>
      <c r="AK649" t="s">
        <v>6</v>
      </c>
      <c r="AL649">
        <v>0</v>
      </c>
      <c r="AM649">
        <v>0</v>
      </c>
      <c r="AN649">
        <v>0</v>
      </c>
      <c r="AO649">
        <v>0</v>
      </c>
      <c r="AP649">
        <v>0</v>
      </c>
      <c r="AQ649">
        <v>0</v>
      </c>
      <c r="AR649">
        <v>0</v>
      </c>
      <c r="AS649">
        <v>0</v>
      </c>
      <c r="AT649">
        <v>0</v>
      </c>
      <c r="AU649">
        <v>0</v>
      </c>
      <c r="AV649">
        <v>0</v>
      </c>
      <c r="AW649">
        <v>0</v>
      </c>
      <c r="AX649">
        <v>0</v>
      </c>
      <c r="AY649">
        <v>0</v>
      </c>
      <c r="AZ649">
        <v>0</v>
      </c>
      <c r="BA649">
        <v>0</v>
      </c>
    </row>
    <row r="650" spans="1:53" x14ac:dyDescent="0.4">
      <c r="A650">
        <v>694</v>
      </c>
      <c r="B650" s="1">
        <v>43017</v>
      </c>
      <c r="C650">
        <v>2</v>
      </c>
      <c r="D650" s="1">
        <v>43017.411111111112</v>
      </c>
      <c r="E650" s="1">
        <v>43017.759722222225</v>
      </c>
      <c r="F650">
        <v>56250</v>
      </c>
      <c r="G650">
        <v>5030</v>
      </c>
      <c r="H650">
        <v>0</v>
      </c>
      <c r="I650">
        <v>0</v>
      </c>
      <c r="J650">
        <v>0</v>
      </c>
      <c r="K650">
        <v>0</v>
      </c>
      <c r="L650">
        <v>0</v>
      </c>
      <c r="M650">
        <v>4901</v>
      </c>
      <c r="N650">
        <v>0</v>
      </c>
      <c r="O650">
        <v>0</v>
      </c>
      <c r="P650">
        <v>23652</v>
      </c>
      <c r="Q650">
        <v>0</v>
      </c>
      <c r="R650">
        <v>89833</v>
      </c>
      <c r="S650">
        <v>0</v>
      </c>
      <c r="T650">
        <v>0</v>
      </c>
      <c r="U650">
        <v>0</v>
      </c>
      <c r="V650">
        <v>4</v>
      </c>
      <c r="W650">
        <v>0</v>
      </c>
      <c r="X650">
        <v>0</v>
      </c>
      <c r="Y650">
        <v>61</v>
      </c>
      <c r="Z650">
        <v>47</v>
      </c>
      <c r="AA650">
        <v>113</v>
      </c>
      <c r="AB650">
        <v>17</v>
      </c>
      <c r="AC650">
        <v>224</v>
      </c>
      <c r="AD650">
        <v>75</v>
      </c>
      <c r="AE650">
        <v>1</v>
      </c>
      <c r="AF650">
        <v>572</v>
      </c>
      <c r="AG650">
        <v>139838</v>
      </c>
      <c r="AH650">
        <v>50000</v>
      </c>
      <c r="AI650">
        <v>5</v>
      </c>
      <c r="AJ650">
        <v>82</v>
      </c>
      <c r="AK650" t="s">
        <v>17</v>
      </c>
      <c r="AL650">
        <v>0</v>
      </c>
      <c r="AM650">
        <v>0</v>
      </c>
      <c r="AN650">
        <v>0</v>
      </c>
      <c r="AO650">
        <v>0</v>
      </c>
      <c r="AP650">
        <v>0</v>
      </c>
      <c r="AQ650">
        <v>0</v>
      </c>
      <c r="AR650">
        <v>0</v>
      </c>
      <c r="AS650">
        <v>0</v>
      </c>
      <c r="AT650">
        <v>0</v>
      </c>
      <c r="AU650">
        <v>0</v>
      </c>
      <c r="AV650">
        <v>0</v>
      </c>
      <c r="AW650">
        <v>0</v>
      </c>
      <c r="AX650">
        <v>464</v>
      </c>
      <c r="AY650">
        <v>57</v>
      </c>
      <c r="AZ650">
        <v>147</v>
      </c>
      <c r="BA650">
        <v>8148</v>
      </c>
    </row>
    <row r="651" spans="1:53" x14ac:dyDescent="0.4">
      <c r="A651">
        <v>695</v>
      </c>
      <c r="B651" s="1">
        <v>43017</v>
      </c>
      <c r="C651">
        <v>3</v>
      </c>
      <c r="D651" s="1">
        <v>43017.759722222225</v>
      </c>
      <c r="E651" s="1">
        <v>43017.762499999997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  <c r="M651">
        <v>0</v>
      </c>
      <c r="N651">
        <v>0</v>
      </c>
      <c r="O651">
        <v>0</v>
      </c>
      <c r="P651">
        <v>0</v>
      </c>
      <c r="Q651">
        <v>0</v>
      </c>
      <c r="R651">
        <v>0</v>
      </c>
      <c r="S651">
        <v>0</v>
      </c>
      <c r="T651">
        <v>0</v>
      </c>
      <c r="U651">
        <v>0</v>
      </c>
      <c r="V651">
        <v>4</v>
      </c>
      <c r="W651">
        <v>0</v>
      </c>
      <c r="X651">
        <v>0</v>
      </c>
      <c r="Y651">
        <v>61</v>
      </c>
      <c r="Z651">
        <v>47</v>
      </c>
      <c r="AA651">
        <v>113</v>
      </c>
      <c r="AB651">
        <v>17</v>
      </c>
      <c r="AC651">
        <v>224</v>
      </c>
      <c r="AD651">
        <v>74</v>
      </c>
      <c r="AE651">
        <v>1</v>
      </c>
      <c r="AF651">
        <v>572</v>
      </c>
      <c r="AG651">
        <v>139833</v>
      </c>
      <c r="AH651">
        <v>50000</v>
      </c>
      <c r="AI651">
        <v>0</v>
      </c>
      <c r="AJ651">
        <v>82</v>
      </c>
      <c r="AK651" t="s">
        <v>17</v>
      </c>
      <c r="AL651">
        <v>0</v>
      </c>
      <c r="AM651">
        <v>0</v>
      </c>
      <c r="AN651">
        <v>0</v>
      </c>
      <c r="AO651">
        <v>0</v>
      </c>
      <c r="AP651">
        <v>0</v>
      </c>
      <c r="AQ651">
        <v>0</v>
      </c>
      <c r="AR651">
        <v>0</v>
      </c>
      <c r="AS651">
        <v>0</v>
      </c>
      <c r="AT651">
        <v>0</v>
      </c>
      <c r="AU651">
        <v>0</v>
      </c>
      <c r="AV651">
        <v>0</v>
      </c>
      <c r="AW651">
        <v>0</v>
      </c>
      <c r="AX651">
        <v>464</v>
      </c>
      <c r="AY651">
        <v>0</v>
      </c>
      <c r="AZ651">
        <v>0</v>
      </c>
      <c r="BA651">
        <v>72</v>
      </c>
    </row>
    <row r="652" spans="1:53" x14ac:dyDescent="0.4">
      <c r="A652">
        <v>696</v>
      </c>
      <c r="B652" s="1">
        <v>43017</v>
      </c>
      <c r="C652">
        <v>4</v>
      </c>
      <c r="D652" s="1">
        <v>43017.762499999997</v>
      </c>
      <c r="E652" s="1">
        <v>43017.950694444444</v>
      </c>
      <c r="F652">
        <v>30400</v>
      </c>
      <c r="G652">
        <v>461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2800</v>
      </c>
      <c r="N652">
        <v>0</v>
      </c>
      <c r="O652">
        <v>0</v>
      </c>
      <c r="P652">
        <v>108</v>
      </c>
      <c r="Q652">
        <v>0</v>
      </c>
      <c r="R652">
        <v>37918</v>
      </c>
      <c r="S652">
        <v>0</v>
      </c>
      <c r="T652">
        <v>0</v>
      </c>
      <c r="U652">
        <v>0</v>
      </c>
      <c r="V652">
        <v>7</v>
      </c>
      <c r="W652">
        <v>0</v>
      </c>
      <c r="X652">
        <v>0</v>
      </c>
      <c r="Y652">
        <v>59</v>
      </c>
      <c r="Z652">
        <v>49</v>
      </c>
      <c r="AA652">
        <v>109</v>
      </c>
      <c r="AB652">
        <v>15</v>
      </c>
      <c r="AC652">
        <v>213</v>
      </c>
      <c r="AD652">
        <v>71</v>
      </c>
      <c r="AE652">
        <v>44</v>
      </c>
      <c r="AF652">
        <v>0</v>
      </c>
      <c r="AG652">
        <v>167679</v>
      </c>
      <c r="AH652">
        <v>50000</v>
      </c>
      <c r="AI652">
        <v>-10072</v>
      </c>
      <c r="AJ652">
        <v>29</v>
      </c>
      <c r="AK652" t="s">
        <v>28</v>
      </c>
      <c r="AL652">
        <v>0</v>
      </c>
      <c r="AM652">
        <v>0</v>
      </c>
      <c r="AN652">
        <v>0</v>
      </c>
      <c r="AO652">
        <v>0</v>
      </c>
      <c r="AP652">
        <v>0</v>
      </c>
      <c r="AQ652">
        <v>0</v>
      </c>
      <c r="AR652">
        <v>0</v>
      </c>
      <c r="AS652">
        <v>0</v>
      </c>
      <c r="AT652">
        <v>0</v>
      </c>
      <c r="AU652">
        <v>0</v>
      </c>
      <c r="AV652">
        <v>0</v>
      </c>
      <c r="AW652">
        <v>0</v>
      </c>
      <c r="AX652">
        <v>10671</v>
      </c>
      <c r="AY652">
        <v>12</v>
      </c>
      <c r="AZ652">
        <v>31</v>
      </c>
      <c r="BA652">
        <v>2726</v>
      </c>
    </row>
    <row r="653" spans="1:53" x14ac:dyDescent="0.4">
      <c r="A653">
        <v>697</v>
      </c>
      <c r="B653" s="1">
        <v>43017</v>
      </c>
      <c r="C653">
        <v>5</v>
      </c>
      <c r="D653" s="1">
        <v>43017.950694444444</v>
      </c>
      <c r="E653" s="1">
        <v>43017.953472222223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0</v>
      </c>
      <c r="O653">
        <v>0</v>
      </c>
      <c r="P653">
        <v>0</v>
      </c>
      <c r="Q653">
        <v>0</v>
      </c>
      <c r="R653">
        <v>0</v>
      </c>
      <c r="S653">
        <v>0</v>
      </c>
      <c r="T653">
        <v>0</v>
      </c>
      <c r="U653">
        <v>0</v>
      </c>
      <c r="V653">
        <v>7</v>
      </c>
      <c r="W653">
        <v>0</v>
      </c>
      <c r="X653">
        <v>0</v>
      </c>
      <c r="Y653">
        <v>59</v>
      </c>
      <c r="Z653">
        <v>49</v>
      </c>
      <c r="AA653">
        <v>109</v>
      </c>
      <c r="AB653">
        <v>15</v>
      </c>
      <c r="AC653">
        <v>213</v>
      </c>
      <c r="AD653">
        <v>71</v>
      </c>
      <c r="AE653">
        <v>40</v>
      </c>
      <c r="AF653">
        <v>10076</v>
      </c>
      <c r="AG653">
        <v>177751</v>
      </c>
      <c r="AH653">
        <v>50000</v>
      </c>
      <c r="AI653">
        <v>0</v>
      </c>
      <c r="AJ653">
        <v>29</v>
      </c>
      <c r="AK653" t="s">
        <v>28</v>
      </c>
      <c r="AL653">
        <v>0</v>
      </c>
      <c r="AM653">
        <v>0</v>
      </c>
      <c r="AN653">
        <v>0</v>
      </c>
      <c r="AO653">
        <v>0</v>
      </c>
      <c r="AP653">
        <v>0</v>
      </c>
      <c r="AQ653">
        <v>0</v>
      </c>
      <c r="AR653">
        <v>0</v>
      </c>
      <c r="AS653">
        <v>0</v>
      </c>
      <c r="AT653">
        <v>0</v>
      </c>
      <c r="AU653">
        <v>0</v>
      </c>
      <c r="AV653">
        <v>0</v>
      </c>
      <c r="AW653">
        <v>0</v>
      </c>
      <c r="AX653">
        <v>10671</v>
      </c>
      <c r="AY653">
        <v>0</v>
      </c>
      <c r="AZ653">
        <v>0</v>
      </c>
      <c r="BA653">
        <v>36</v>
      </c>
    </row>
    <row r="654" spans="1:53" x14ac:dyDescent="0.4">
      <c r="A654">
        <v>698</v>
      </c>
      <c r="B654" s="1">
        <v>43018</v>
      </c>
      <c r="C654">
        <v>1</v>
      </c>
      <c r="D654" s="1">
        <v>43018.291666666664</v>
      </c>
      <c r="E654" s="1">
        <v>43018.447916666664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0</v>
      </c>
      <c r="O654">
        <v>0</v>
      </c>
      <c r="P654">
        <v>0</v>
      </c>
      <c r="Q654">
        <v>0</v>
      </c>
      <c r="R654">
        <v>0</v>
      </c>
      <c r="S654">
        <v>0</v>
      </c>
      <c r="T654">
        <v>0</v>
      </c>
      <c r="U654">
        <v>0</v>
      </c>
      <c r="V654">
        <v>1</v>
      </c>
      <c r="W654">
        <v>0</v>
      </c>
      <c r="X654">
        <v>0</v>
      </c>
      <c r="Y654">
        <v>21</v>
      </c>
      <c r="Z654">
        <v>14</v>
      </c>
      <c r="AA654">
        <v>105</v>
      </c>
      <c r="AB654">
        <v>11</v>
      </c>
      <c r="AC654">
        <v>59</v>
      </c>
      <c r="AD654">
        <v>65</v>
      </c>
      <c r="AE654">
        <v>35</v>
      </c>
      <c r="AF654">
        <v>0</v>
      </c>
      <c r="AG654">
        <v>50000</v>
      </c>
      <c r="AH654">
        <v>0</v>
      </c>
      <c r="AI654">
        <v>50000</v>
      </c>
      <c r="AJ654">
        <v>0</v>
      </c>
      <c r="AK654" t="s">
        <v>6</v>
      </c>
      <c r="AL654">
        <v>0</v>
      </c>
      <c r="AM654">
        <v>0</v>
      </c>
      <c r="AN654">
        <v>0</v>
      </c>
      <c r="AO654">
        <v>0</v>
      </c>
      <c r="AP654">
        <v>0</v>
      </c>
      <c r="AQ654">
        <v>0</v>
      </c>
      <c r="AR654">
        <v>0</v>
      </c>
      <c r="AS654">
        <v>0</v>
      </c>
      <c r="AT654">
        <v>0</v>
      </c>
      <c r="AU654">
        <v>0</v>
      </c>
      <c r="AV654">
        <v>0</v>
      </c>
      <c r="AW654">
        <v>0</v>
      </c>
      <c r="AX654">
        <v>0</v>
      </c>
      <c r="AY654">
        <v>0</v>
      </c>
      <c r="AZ654">
        <v>0</v>
      </c>
      <c r="BA654">
        <v>0</v>
      </c>
    </row>
    <row r="655" spans="1:53" x14ac:dyDescent="0.4">
      <c r="A655">
        <v>699</v>
      </c>
      <c r="B655" s="1">
        <v>43018</v>
      </c>
      <c r="C655">
        <v>2</v>
      </c>
      <c r="D655" s="1">
        <v>43018.447916666664</v>
      </c>
      <c r="E655" s="1">
        <v>43018.947916666664</v>
      </c>
      <c r="F655">
        <v>66220</v>
      </c>
      <c r="G655">
        <v>329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5560</v>
      </c>
      <c r="N655">
        <v>0</v>
      </c>
      <c r="O655">
        <v>0</v>
      </c>
      <c r="P655">
        <v>9072</v>
      </c>
      <c r="Q655">
        <v>0</v>
      </c>
      <c r="R655">
        <v>84142</v>
      </c>
      <c r="S655">
        <v>0</v>
      </c>
      <c r="T655">
        <v>0</v>
      </c>
      <c r="U655">
        <v>0</v>
      </c>
      <c r="V655">
        <v>3</v>
      </c>
      <c r="W655">
        <v>5</v>
      </c>
      <c r="X655">
        <v>0</v>
      </c>
      <c r="Y655">
        <v>55</v>
      </c>
      <c r="Z655">
        <v>23</v>
      </c>
      <c r="AA655">
        <v>87</v>
      </c>
      <c r="AB655">
        <v>17</v>
      </c>
      <c r="AC655">
        <v>100</v>
      </c>
      <c r="AD655">
        <v>64</v>
      </c>
      <c r="AE655">
        <v>32</v>
      </c>
      <c r="AF655">
        <v>1740</v>
      </c>
      <c r="AG655">
        <v>134142</v>
      </c>
      <c r="AH655">
        <v>50000</v>
      </c>
      <c r="AI655">
        <v>0</v>
      </c>
      <c r="AJ655">
        <v>99</v>
      </c>
      <c r="AK655" t="s">
        <v>9</v>
      </c>
      <c r="AL655">
        <v>0</v>
      </c>
      <c r="AM655">
        <v>0</v>
      </c>
      <c r="AN655">
        <v>0</v>
      </c>
      <c r="AO655">
        <v>0</v>
      </c>
      <c r="AP655">
        <v>0</v>
      </c>
      <c r="AQ655">
        <v>0</v>
      </c>
      <c r="AR655">
        <v>0</v>
      </c>
      <c r="AS655">
        <v>0</v>
      </c>
      <c r="AT655">
        <v>0</v>
      </c>
      <c r="AU655">
        <v>0</v>
      </c>
      <c r="AV655">
        <v>0</v>
      </c>
      <c r="AW655">
        <v>0</v>
      </c>
      <c r="AX655">
        <v>27313</v>
      </c>
      <c r="AY655">
        <v>49</v>
      </c>
      <c r="AZ655">
        <v>116</v>
      </c>
      <c r="BA655">
        <v>6899</v>
      </c>
    </row>
    <row r="656" spans="1:53" x14ac:dyDescent="0.4">
      <c r="A656">
        <v>700</v>
      </c>
      <c r="B656" s="1">
        <v>43018</v>
      </c>
      <c r="C656">
        <v>3</v>
      </c>
      <c r="D656" s="1">
        <v>43018.947916666664</v>
      </c>
      <c r="E656" s="1">
        <v>43019.095138888886</v>
      </c>
      <c r="F656">
        <v>56400</v>
      </c>
      <c r="G656">
        <v>4710</v>
      </c>
      <c r="H656">
        <v>0</v>
      </c>
      <c r="I656">
        <v>0</v>
      </c>
      <c r="J656">
        <v>0</v>
      </c>
      <c r="K656">
        <v>2640</v>
      </c>
      <c r="L656">
        <v>0</v>
      </c>
      <c r="M656">
        <v>5100</v>
      </c>
      <c r="N656">
        <v>0</v>
      </c>
      <c r="O656">
        <v>0</v>
      </c>
      <c r="P656">
        <v>8921</v>
      </c>
      <c r="Q656">
        <v>0</v>
      </c>
      <c r="R656">
        <v>77771</v>
      </c>
      <c r="S656">
        <v>0</v>
      </c>
      <c r="T656">
        <v>0</v>
      </c>
      <c r="U656">
        <v>0</v>
      </c>
      <c r="V656">
        <v>7</v>
      </c>
      <c r="W656">
        <v>4</v>
      </c>
      <c r="X656">
        <v>0</v>
      </c>
      <c r="Y656">
        <v>60</v>
      </c>
      <c r="Z656">
        <v>22</v>
      </c>
      <c r="AA656">
        <v>74</v>
      </c>
      <c r="AB656">
        <v>16</v>
      </c>
      <c r="AC656">
        <v>96</v>
      </c>
      <c r="AD656">
        <v>61</v>
      </c>
      <c r="AE656">
        <v>29</v>
      </c>
      <c r="AF656">
        <v>41419</v>
      </c>
      <c r="AG656">
        <v>211913</v>
      </c>
      <c r="AH656">
        <v>50000</v>
      </c>
      <c r="AI656">
        <v>0</v>
      </c>
      <c r="AJ656">
        <v>1</v>
      </c>
      <c r="AK656" t="s">
        <v>3</v>
      </c>
      <c r="AL656">
        <v>0</v>
      </c>
      <c r="AM656">
        <v>0</v>
      </c>
      <c r="AN656">
        <v>0</v>
      </c>
      <c r="AO656">
        <v>0</v>
      </c>
      <c r="AP656">
        <v>0</v>
      </c>
      <c r="AQ656">
        <v>0</v>
      </c>
      <c r="AR656">
        <v>0</v>
      </c>
      <c r="AS656">
        <v>0</v>
      </c>
      <c r="AT656">
        <v>0</v>
      </c>
      <c r="AU656">
        <v>0</v>
      </c>
      <c r="AV656">
        <v>0</v>
      </c>
      <c r="AW656">
        <v>0</v>
      </c>
      <c r="AX656">
        <v>6642</v>
      </c>
      <c r="AY656">
        <v>10</v>
      </c>
      <c r="AZ656">
        <v>32</v>
      </c>
      <c r="BA656">
        <v>1207</v>
      </c>
    </row>
    <row r="657" spans="1:53" x14ac:dyDescent="0.4">
      <c r="A657">
        <v>701</v>
      </c>
      <c r="B657" s="1">
        <v>43019</v>
      </c>
      <c r="C657">
        <v>1</v>
      </c>
      <c r="D657" s="1">
        <v>43019.291666666664</v>
      </c>
      <c r="E657" s="1">
        <v>43019.446527777778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0</v>
      </c>
      <c r="O657">
        <v>0</v>
      </c>
      <c r="P657">
        <v>0</v>
      </c>
      <c r="Q657">
        <v>0</v>
      </c>
      <c r="R657">
        <v>0</v>
      </c>
      <c r="S657">
        <v>0</v>
      </c>
      <c r="T657">
        <v>0</v>
      </c>
      <c r="U657">
        <v>0</v>
      </c>
      <c r="V657">
        <v>0</v>
      </c>
      <c r="W657">
        <v>1</v>
      </c>
      <c r="X657">
        <v>0</v>
      </c>
      <c r="Y657">
        <v>30</v>
      </c>
      <c r="Z657">
        <v>13</v>
      </c>
      <c r="AA657">
        <v>66</v>
      </c>
      <c r="AB657">
        <v>14</v>
      </c>
      <c r="AC657">
        <v>85</v>
      </c>
      <c r="AD657">
        <v>63</v>
      </c>
      <c r="AE657">
        <v>35</v>
      </c>
      <c r="AF657">
        <v>0</v>
      </c>
      <c r="AG657">
        <v>50000</v>
      </c>
      <c r="AH657">
        <v>0</v>
      </c>
      <c r="AI657">
        <v>50000</v>
      </c>
      <c r="AJ657">
        <v>0</v>
      </c>
      <c r="AK657" t="s">
        <v>6</v>
      </c>
      <c r="AL657">
        <v>0</v>
      </c>
      <c r="AM657">
        <v>0</v>
      </c>
      <c r="AN657">
        <v>0</v>
      </c>
      <c r="AO657">
        <v>0</v>
      </c>
      <c r="AP657">
        <v>0</v>
      </c>
      <c r="AQ657">
        <v>0</v>
      </c>
      <c r="AR657">
        <v>0</v>
      </c>
      <c r="AS657">
        <v>0</v>
      </c>
      <c r="AT657">
        <v>0</v>
      </c>
      <c r="AU657">
        <v>0</v>
      </c>
      <c r="AV657">
        <v>0</v>
      </c>
      <c r="AW657">
        <v>0</v>
      </c>
      <c r="AX657">
        <v>0</v>
      </c>
      <c r="AY657">
        <v>0</v>
      </c>
      <c r="AZ657">
        <v>0</v>
      </c>
      <c r="BA657">
        <v>0</v>
      </c>
    </row>
    <row r="658" spans="1:53" x14ac:dyDescent="0.4">
      <c r="A658">
        <v>702</v>
      </c>
      <c r="B658" s="1">
        <v>43019</v>
      </c>
      <c r="C658">
        <v>2</v>
      </c>
      <c r="D658" s="1">
        <v>43019.446527777778</v>
      </c>
      <c r="E658" s="1">
        <v>43019.822222222225</v>
      </c>
      <c r="F658">
        <v>25500</v>
      </c>
      <c r="G658">
        <v>1510</v>
      </c>
      <c r="H658">
        <v>0</v>
      </c>
      <c r="I658">
        <v>0</v>
      </c>
      <c r="J658">
        <v>0</v>
      </c>
      <c r="K658">
        <v>0</v>
      </c>
      <c r="L658">
        <v>0</v>
      </c>
      <c r="M658">
        <v>2160</v>
      </c>
      <c r="N658">
        <v>0</v>
      </c>
      <c r="O658">
        <v>0</v>
      </c>
      <c r="P658">
        <v>23436</v>
      </c>
      <c r="Q658">
        <v>0</v>
      </c>
      <c r="R658">
        <v>52606</v>
      </c>
      <c r="S658">
        <v>0</v>
      </c>
      <c r="T658">
        <v>0</v>
      </c>
      <c r="U658">
        <v>0</v>
      </c>
      <c r="V658">
        <v>5</v>
      </c>
      <c r="W658">
        <v>1</v>
      </c>
      <c r="X658">
        <v>0</v>
      </c>
      <c r="Y658">
        <v>17</v>
      </c>
      <c r="Z658">
        <v>32</v>
      </c>
      <c r="AA658">
        <v>73</v>
      </c>
      <c r="AB658">
        <v>21</v>
      </c>
      <c r="AC658">
        <v>97</v>
      </c>
      <c r="AD658">
        <v>62</v>
      </c>
      <c r="AE658">
        <v>27</v>
      </c>
      <c r="AF658">
        <v>0</v>
      </c>
      <c r="AG658">
        <v>97657</v>
      </c>
      <c r="AH658">
        <v>50000</v>
      </c>
      <c r="AI658">
        <v>-4949</v>
      </c>
      <c r="AJ658">
        <v>84</v>
      </c>
      <c r="AK658" t="s">
        <v>16</v>
      </c>
      <c r="AL658">
        <v>0</v>
      </c>
      <c r="AM658">
        <v>0</v>
      </c>
      <c r="AN658">
        <v>0</v>
      </c>
      <c r="AO658">
        <v>0</v>
      </c>
      <c r="AP658">
        <v>0</v>
      </c>
      <c r="AQ658">
        <v>0</v>
      </c>
      <c r="AR658">
        <v>0</v>
      </c>
      <c r="AS658">
        <v>0</v>
      </c>
      <c r="AT658">
        <v>0</v>
      </c>
      <c r="AU658">
        <v>0</v>
      </c>
      <c r="AV658">
        <v>0</v>
      </c>
      <c r="AW658">
        <v>0</v>
      </c>
      <c r="AX658">
        <v>4730</v>
      </c>
      <c r="AY658">
        <v>42</v>
      </c>
      <c r="AZ658">
        <v>77</v>
      </c>
      <c r="BA658">
        <v>6221</v>
      </c>
    </row>
    <row r="659" spans="1:53" x14ac:dyDescent="0.4">
      <c r="A659">
        <v>703</v>
      </c>
      <c r="B659" s="1">
        <v>43019</v>
      </c>
      <c r="C659">
        <v>3</v>
      </c>
      <c r="D659" s="1">
        <v>43019.822222222225</v>
      </c>
      <c r="E659" s="1">
        <v>43019.831250000003</v>
      </c>
      <c r="F659">
        <v>2500</v>
      </c>
      <c r="G659">
        <v>0</v>
      </c>
      <c r="H659">
        <v>0</v>
      </c>
      <c r="I659">
        <v>0</v>
      </c>
      <c r="J659">
        <v>0</v>
      </c>
      <c r="K659">
        <v>0</v>
      </c>
      <c r="L659">
        <v>0</v>
      </c>
      <c r="M659">
        <v>200</v>
      </c>
      <c r="N659">
        <v>0</v>
      </c>
      <c r="O659">
        <v>0</v>
      </c>
      <c r="P659">
        <v>-2700</v>
      </c>
      <c r="Q659">
        <v>0</v>
      </c>
      <c r="R659">
        <v>0</v>
      </c>
      <c r="S659">
        <v>0</v>
      </c>
      <c r="T659">
        <v>0</v>
      </c>
      <c r="U659">
        <v>0</v>
      </c>
      <c r="V659">
        <v>5</v>
      </c>
      <c r="W659">
        <v>1</v>
      </c>
      <c r="X659">
        <v>0</v>
      </c>
      <c r="Y659">
        <v>17</v>
      </c>
      <c r="Z659">
        <v>32</v>
      </c>
      <c r="AA659">
        <v>73</v>
      </c>
      <c r="AB659">
        <v>21</v>
      </c>
      <c r="AC659">
        <v>97</v>
      </c>
      <c r="AD659">
        <v>62</v>
      </c>
      <c r="AE659">
        <v>27</v>
      </c>
      <c r="AF659">
        <v>5000</v>
      </c>
      <c r="AG659">
        <v>102657</v>
      </c>
      <c r="AH659">
        <v>50000</v>
      </c>
      <c r="AI659">
        <v>51</v>
      </c>
      <c r="AJ659">
        <v>84</v>
      </c>
      <c r="AK659" t="s">
        <v>16</v>
      </c>
      <c r="AL659">
        <v>0</v>
      </c>
      <c r="AM659">
        <v>0</v>
      </c>
      <c r="AN659">
        <v>0</v>
      </c>
      <c r="AO659">
        <v>0</v>
      </c>
      <c r="AP659">
        <v>0</v>
      </c>
      <c r="AQ659">
        <v>0</v>
      </c>
      <c r="AR659">
        <v>0</v>
      </c>
      <c r="AS659">
        <v>0</v>
      </c>
      <c r="AT659">
        <v>0</v>
      </c>
      <c r="AU659">
        <v>0</v>
      </c>
      <c r="AV659">
        <v>0</v>
      </c>
      <c r="AW659">
        <v>0</v>
      </c>
      <c r="AX659">
        <v>6404</v>
      </c>
      <c r="AY659">
        <v>0</v>
      </c>
      <c r="AZ659">
        <v>0</v>
      </c>
      <c r="BA659">
        <v>136</v>
      </c>
    </row>
    <row r="660" spans="1:53" x14ac:dyDescent="0.4">
      <c r="A660">
        <v>704</v>
      </c>
      <c r="B660" s="1">
        <v>43019</v>
      </c>
      <c r="C660">
        <v>4</v>
      </c>
      <c r="D660" s="1">
        <v>43019.831250000003</v>
      </c>
      <c r="E660" s="1">
        <v>43019.953472222223</v>
      </c>
      <c r="F660">
        <v>35200</v>
      </c>
      <c r="G660">
        <v>4180</v>
      </c>
      <c r="H660">
        <v>0</v>
      </c>
      <c r="I660">
        <v>0</v>
      </c>
      <c r="J660">
        <v>0</v>
      </c>
      <c r="K660">
        <v>0</v>
      </c>
      <c r="L660">
        <v>0</v>
      </c>
      <c r="M660">
        <v>3150</v>
      </c>
      <c r="N660">
        <v>0</v>
      </c>
      <c r="O660">
        <v>0</v>
      </c>
      <c r="P660">
        <v>-18144</v>
      </c>
      <c r="Q660">
        <v>0</v>
      </c>
      <c r="R660">
        <v>24386</v>
      </c>
      <c r="S660">
        <v>0</v>
      </c>
      <c r="T660">
        <v>0</v>
      </c>
      <c r="U660">
        <v>0</v>
      </c>
      <c r="V660">
        <v>7</v>
      </c>
      <c r="W660">
        <v>0</v>
      </c>
      <c r="X660">
        <v>0</v>
      </c>
      <c r="Y660">
        <v>24</v>
      </c>
      <c r="Z660">
        <v>30</v>
      </c>
      <c r="AA660">
        <v>62</v>
      </c>
      <c r="AB660">
        <v>23</v>
      </c>
      <c r="AC660">
        <v>94</v>
      </c>
      <c r="AD660">
        <v>62</v>
      </c>
      <c r="AE660">
        <v>33</v>
      </c>
      <c r="AF660">
        <v>9359</v>
      </c>
      <c r="AG660">
        <v>126992</v>
      </c>
      <c r="AH660">
        <v>50000</v>
      </c>
      <c r="AI660">
        <v>0</v>
      </c>
      <c r="AJ660">
        <v>29</v>
      </c>
      <c r="AK660" t="s">
        <v>28</v>
      </c>
      <c r="AL660">
        <v>0</v>
      </c>
      <c r="AM660">
        <v>0</v>
      </c>
      <c r="AN660">
        <v>0</v>
      </c>
      <c r="AO660">
        <v>0</v>
      </c>
      <c r="AP660">
        <v>0</v>
      </c>
      <c r="AQ660">
        <v>0</v>
      </c>
      <c r="AR660">
        <v>0</v>
      </c>
      <c r="AS660">
        <v>0</v>
      </c>
      <c r="AT660">
        <v>0</v>
      </c>
      <c r="AU660">
        <v>0</v>
      </c>
      <c r="AV660">
        <v>0</v>
      </c>
      <c r="AW660">
        <v>0</v>
      </c>
      <c r="AX660">
        <v>1080</v>
      </c>
      <c r="AY660">
        <v>5</v>
      </c>
      <c r="AZ660">
        <v>14</v>
      </c>
      <c r="BA660">
        <v>721</v>
      </c>
    </row>
    <row r="661" spans="1:53" x14ac:dyDescent="0.4">
      <c r="A661">
        <v>705</v>
      </c>
      <c r="B661" s="1">
        <v>43020</v>
      </c>
      <c r="C661">
        <v>1</v>
      </c>
      <c r="D661" s="1">
        <v>43020.291666666664</v>
      </c>
      <c r="E661" s="1">
        <v>43020.453472222223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  <c r="M661">
        <v>0</v>
      </c>
      <c r="N661">
        <v>0</v>
      </c>
      <c r="O661">
        <v>0</v>
      </c>
      <c r="P661">
        <v>0</v>
      </c>
      <c r="Q661">
        <v>0</v>
      </c>
      <c r="R661">
        <v>0</v>
      </c>
      <c r="S661">
        <v>0</v>
      </c>
      <c r="T661">
        <v>0</v>
      </c>
      <c r="U661">
        <v>0</v>
      </c>
      <c r="V661">
        <v>1</v>
      </c>
      <c r="W661">
        <v>1</v>
      </c>
      <c r="X661">
        <v>0</v>
      </c>
      <c r="Y661">
        <v>14</v>
      </c>
      <c r="Z661">
        <v>12</v>
      </c>
      <c r="AA661">
        <v>67</v>
      </c>
      <c r="AB661">
        <v>23</v>
      </c>
      <c r="AC661">
        <v>91</v>
      </c>
      <c r="AD661">
        <v>62</v>
      </c>
      <c r="AE661">
        <v>33</v>
      </c>
      <c r="AF661">
        <v>5897</v>
      </c>
      <c r="AG661">
        <v>50000</v>
      </c>
      <c r="AH661">
        <v>0</v>
      </c>
      <c r="AI661">
        <v>50000</v>
      </c>
      <c r="AJ661">
        <v>0</v>
      </c>
      <c r="AK661" t="s">
        <v>6</v>
      </c>
      <c r="AL661">
        <v>0</v>
      </c>
      <c r="AM661">
        <v>0</v>
      </c>
      <c r="AN661">
        <v>0</v>
      </c>
      <c r="AO661">
        <v>0</v>
      </c>
      <c r="AP661">
        <v>0</v>
      </c>
      <c r="AQ661">
        <v>0</v>
      </c>
      <c r="AR661">
        <v>0</v>
      </c>
      <c r="AS661">
        <v>0</v>
      </c>
      <c r="AT661">
        <v>0</v>
      </c>
      <c r="AU661">
        <v>0</v>
      </c>
      <c r="AV661">
        <v>0</v>
      </c>
      <c r="AW661">
        <v>0</v>
      </c>
      <c r="AX661">
        <v>0</v>
      </c>
      <c r="AY661">
        <v>0</v>
      </c>
      <c r="AZ661">
        <v>0</v>
      </c>
      <c r="BA661">
        <v>0</v>
      </c>
    </row>
    <row r="662" spans="1:53" x14ac:dyDescent="0.4">
      <c r="A662">
        <v>706</v>
      </c>
      <c r="B662" s="1">
        <v>43020</v>
      </c>
      <c r="C662">
        <v>2</v>
      </c>
      <c r="D662" s="1">
        <v>43020.453472222223</v>
      </c>
      <c r="E662" s="1">
        <v>43020.775000000001</v>
      </c>
      <c r="F662">
        <v>1500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  <c r="M662">
        <v>1200</v>
      </c>
      <c r="N662">
        <v>0</v>
      </c>
      <c r="O662">
        <v>0</v>
      </c>
      <c r="P662">
        <v>10800</v>
      </c>
      <c r="Q662">
        <v>0</v>
      </c>
      <c r="R662">
        <v>27000</v>
      </c>
      <c r="S662">
        <v>0</v>
      </c>
      <c r="T662">
        <v>0</v>
      </c>
      <c r="U662">
        <v>0</v>
      </c>
      <c r="V662">
        <v>1</v>
      </c>
      <c r="W662">
        <v>3</v>
      </c>
      <c r="X662">
        <v>0</v>
      </c>
      <c r="Y662">
        <v>24</v>
      </c>
      <c r="Z662">
        <v>21</v>
      </c>
      <c r="AA662">
        <v>45</v>
      </c>
      <c r="AB662">
        <v>24</v>
      </c>
      <c r="AC662">
        <v>115</v>
      </c>
      <c r="AD662">
        <v>63</v>
      </c>
      <c r="AE662">
        <v>33</v>
      </c>
      <c r="AF662">
        <v>10302</v>
      </c>
      <c r="AG662">
        <v>77000</v>
      </c>
      <c r="AH662">
        <v>50000</v>
      </c>
      <c r="AI662">
        <v>0</v>
      </c>
      <c r="AJ662">
        <v>99</v>
      </c>
      <c r="AK662" t="s">
        <v>9</v>
      </c>
      <c r="AL662">
        <v>0</v>
      </c>
      <c r="AM662">
        <v>0</v>
      </c>
      <c r="AN662">
        <v>0</v>
      </c>
      <c r="AO662">
        <v>0</v>
      </c>
      <c r="AP662">
        <v>0</v>
      </c>
      <c r="AQ662">
        <v>0</v>
      </c>
      <c r="AR662">
        <v>0</v>
      </c>
      <c r="AS662">
        <v>0</v>
      </c>
      <c r="AT662">
        <v>0</v>
      </c>
      <c r="AU662">
        <v>0</v>
      </c>
      <c r="AV662">
        <v>0</v>
      </c>
      <c r="AW662">
        <v>0</v>
      </c>
      <c r="AX662">
        <v>0</v>
      </c>
      <c r="AY662">
        <v>32</v>
      </c>
      <c r="AZ662">
        <v>51</v>
      </c>
      <c r="BA662">
        <v>4651</v>
      </c>
    </row>
    <row r="663" spans="1:53" x14ac:dyDescent="0.4">
      <c r="A663">
        <v>707</v>
      </c>
      <c r="B663" s="1">
        <v>43020</v>
      </c>
      <c r="C663">
        <v>3</v>
      </c>
      <c r="D663" s="1">
        <v>43020.775000000001</v>
      </c>
      <c r="E663" s="1">
        <v>43020.945138888892</v>
      </c>
      <c r="F663">
        <v>20020</v>
      </c>
      <c r="G663">
        <v>38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1632</v>
      </c>
      <c r="N663">
        <v>0</v>
      </c>
      <c r="O663">
        <v>0</v>
      </c>
      <c r="P663">
        <v>-8208</v>
      </c>
      <c r="Q663">
        <v>0</v>
      </c>
      <c r="R663">
        <v>13824</v>
      </c>
      <c r="S663">
        <v>0</v>
      </c>
      <c r="T663">
        <v>0</v>
      </c>
      <c r="U663">
        <v>0</v>
      </c>
      <c r="V663">
        <v>2</v>
      </c>
      <c r="W663">
        <v>3</v>
      </c>
      <c r="X663">
        <v>0</v>
      </c>
      <c r="Y663">
        <v>26</v>
      </c>
      <c r="Z663">
        <v>23</v>
      </c>
      <c r="AA663">
        <v>50</v>
      </c>
      <c r="AB663">
        <v>29</v>
      </c>
      <c r="AC663">
        <v>121</v>
      </c>
      <c r="AD663">
        <v>65</v>
      </c>
      <c r="AE663">
        <v>37</v>
      </c>
      <c r="AF663">
        <v>10302</v>
      </c>
      <c r="AG663">
        <v>90824</v>
      </c>
      <c r="AH663">
        <v>50000</v>
      </c>
      <c r="AI663">
        <v>0</v>
      </c>
      <c r="AJ663">
        <v>99</v>
      </c>
      <c r="AK663" t="s">
        <v>9</v>
      </c>
      <c r="AL663">
        <v>0</v>
      </c>
      <c r="AM663">
        <v>0</v>
      </c>
      <c r="AN663">
        <v>0</v>
      </c>
      <c r="AO663">
        <v>0</v>
      </c>
      <c r="AP663">
        <v>0</v>
      </c>
      <c r="AQ663">
        <v>0</v>
      </c>
      <c r="AR663">
        <v>0</v>
      </c>
      <c r="AS663">
        <v>0</v>
      </c>
      <c r="AT663">
        <v>0</v>
      </c>
      <c r="AU663">
        <v>0</v>
      </c>
      <c r="AV663">
        <v>0</v>
      </c>
      <c r="AW663">
        <v>0</v>
      </c>
      <c r="AX663">
        <v>45748</v>
      </c>
      <c r="AY663">
        <v>11</v>
      </c>
      <c r="AZ663">
        <v>43</v>
      </c>
      <c r="BA663">
        <v>1692</v>
      </c>
    </row>
    <row r="664" spans="1:53" x14ac:dyDescent="0.4">
      <c r="A664">
        <v>708</v>
      </c>
      <c r="B664" s="1">
        <v>43020</v>
      </c>
      <c r="C664">
        <v>4</v>
      </c>
      <c r="D664" s="1">
        <v>43020.945138888892</v>
      </c>
      <c r="E664" s="1">
        <v>43021.074999999997</v>
      </c>
      <c r="F664">
        <v>51280</v>
      </c>
      <c r="G664">
        <v>368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4396</v>
      </c>
      <c r="N664">
        <v>0</v>
      </c>
      <c r="O664">
        <v>0</v>
      </c>
      <c r="P664">
        <v>13500</v>
      </c>
      <c r="Q664">
        <v>0</v>
      </c>
      <c r="R664">
        <v>72856</v>
      </c>
      <c r="S664">
        <v>0</v>
      </c>
      <c r="T664">
        <v>0</v>
      </c>
      <c r="U664">
        <v>0</v>
      </c>
      <c r="V664">
        <v>9</v>
      </c>
      <c r="W664">
        <v>1</v>
      </c>
      <c r="X664">
        <v>0</v>
      </c>
      <c r="Y664">
        <v>38</v>
      </c>
      <c r="Z664">
        <v>23</v>
      </c>
      <c r="AA664">
        <v>60</v>
      </c>
      <c r="AB664">
        <v>27</v>
      </c>
      <c r="AC664">
        <v>115</v>
      </c>
      <c r="AD664">
        <v>68</v>
      </c>
      <c r="AE664">
        <v>38</v>
      </c>
      <c r="AF664">
        <v>10302</v>
      </c>
      <c r="AG664">
        <v>163680</v>
      </c>
      <c r="AH664">
        <v>50000</v>
      </c>
      <c r="AI664">
        <v>0</v>
      </c>
      <c r="AJ664">
        <v>100</v>
      </c>
      <c r="AK664" t="s">
        <v>0</v>
      </c>
      <c r="AL664">
        <v>0</v>
      </c>
      <c r="AM664">
        <v>0</v>
      </c>
      <c r="AN664">
        <v>0</v>
      </c>
      <c r="AO664">
        <v>0</v>
      </c>
      <c r="AP664">
        <v>0</v>
      </c>
      <c r="AQ664">
        <v>0</v>
      </c>
      <c r="AR664">
        <v>0</v>
      </c>
      <c r="AS664">
        <v>0</v>
      </c>
      <c r="AT664">
        <v>0</v>
      </c>
      <c r="AU664">
        <v>0</v>
      </c>
      <c r="AV664">
        <v>0</v>
      </c>
      <c r="AW664">
        <v>0</v>
      </c>
      <c r="AX664">
        <v>0</v>
      </c>
      <c r="AY664">
        <v>4</v>
      </c>
      <c r="AZ664">
        <v>12</v>
      </c>
      <c r="BA664">
        <v>762</v>
      </c>
    </row>
    <row r="665" spans="1:53" x14ac:dyDescent="0.4">
      <c r="A665">
        <v>709</v>
      </c>
      <c r="B665" s="1">
        <v>43021</v>
      </c>
      <c r="C665">
        <v>1</v>
      </c>
      <c r="D665" s="1">
        <v>43021.291666666664</v>
      </c>
      <c r="E665" s="1">
        <v>43021.450694444444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0</v>
      </c>
      <c r="O665">
        <v>0</v>
      </c>
      <c r="P665">
        <v>0</v>
      </c>
      <c r="Q665">
        <v>0</v>
      </c>
      <c r="R665">
        <v>0</v>
      </c>
      <c r="S665">
        <v>0</v>
      </c>
      <c r="T665">
        <v>0</v>
      </c>
      <c r="U665">
        <v>0</v>
      </c>
      <c r="V665">
        <v>0</v>
      </c>
      <c r="W665">
        <v>1</v>
      </c>
      <c r="X665">
        <v>0</v>
      </c>
      <c r="Y665">
        <v>30</v>
      </c>
      <c r="Z665">
        <v>12</v>
      </c>
      <c r="AA665">
        <v>60</v>
      </c>
      <c r="AB665">
        <v>28</v>
      </c>
      <c r="AC665">
        <v>123</v>
      </c>
      <c r="AD665">
        <v>67</v>
      </c>
      <c r="AE665">
        <v>35</v>
      </c>
      <c r="AF665">
        <v>0</v>
      </c>
      <c r="AG665">
        <v>50000</v>
      </c>
      <c r="AH665">
        <v>0</v>
      </c>
      <c r="AI665">
        <v>50000</v>
      </c>
      <c r="AJ665">
        <v>0</v>
      </c>
      <c r="AK665" t="s">
        <v>6</v>
      </c>
      <c r="AL665">
        <v>0</v>
      </c>
      <c r="AM665">
        <v>0</v>
      </c>
      <c r="AN665">
        <v>0</v>
      </c>
      <c r="AO665">
        <v>0</v>
      </c>
      <c r="AP665">
        <v>0</v>
      </c>
      <c r="AQ665">
        <v>0</v>
      </c>
      <c r="AR665">
        <v>0</v>
      </c>
      <c r="AS665">
        <v>0</v>
      </c>
      <c r="AT665">
        <v>0</v>
      </c>
      <c r="AU665">
        <v>0</v>
      </c>
      <c r="AV665">
        <v>0</v>
      </c>
      <c r="AW665">
        <v>0</v>
      </c>
      <c r="AX665">
        <v>0</v>
      </c>
      <c r="AY665">
        <v>0</v>
      </c>
      <c r="AZ665">
        <v>0</v>
      </c>
      <c r="BA665">
        <v>0</v>
      </c>
    </row>
    <row r="666" spans="1:53" x14ac:dyDescent="0.4">
      <c r="A666">
        <v>710</v>
      </c>
      <c r="B666" s="1">
        <v>43021</v>
      </c>
      <c r="C666">
        <v>2</v>
      </c>
      <c r="D666" s="1">
        <v>43021.450694444444</v>
      </c>
      <c r="E666" s="1">
        <v>43021.722916666666</v>
      </c>
      <c r="F666">
        <v>1650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1320</v>
      </c>
      <c r="N666">
        <v>0</v>
      </c>
      <c r="O666">
        <v>0</v>
      </c>
      <c r="P666">
        <v>17280</v>
      </c>
      <c r="Q666">
        <v>0</v>
      </c>
      <c r="R666">
        <v>35100</v>
      </c>
      <c r="S666">
        <v>0</v>
      </c>
      <c r="T666">
        <v>0</v>
      </c>
      <c r="U666">
        <v>0</v>
      </c>
      <c r="V666">
        <v>0</v>
      </c>
      <c r="W666">
        <v>3</v>
      </c>
      <c r="X666">
        <v>0</v>
      </c>
      <c r="Y666">
        <v>41</v>
      </c>
      <c r="Z666">
        <v>27</v>
      </c>
      <c r="AA666">
        <v>118</v>
      </c>
      <c r="AB666">
        <v>25</v>
      </c>
      <c r="AC666">
        <v>216</v>
      </c>
      <c r="AD666">
        <v>70</v>
      </c>
      <c r="AE666">
        <v>40</v>
      </c>
      <c r="AF666">
        <v>0</v>
      </c>
      <c r="AG666">
        <v>85100</v>
      </c>
      <c r="AH666">
        <v>50000</v>
      </c>
      <c r="AI666">
        <v>0</v>
      </c>
      <c r="AJ666">
        <v>96</v>
      </c>
      <c r="AK666" t="s">
        <v>4</v>
      </c>
      <c r="AL666">
        <v>0</v>
      </c>
      <c r="AM666">
        <v>0</v>
      </c>
      <c r="AN666">
        <v>0</v>
      </c>
      <c r="AO666">
        <v>0</v>
      </c>
      <c r="AP666">
        <v>0</v>
      </c>
      <c r="AQ666">
        <v>0</v>
      </c>
      <c r="AR666">
        <v>0</v>
      </c>
      <c r="AS666">
        <v>0</v>
      </c>
      <c r="AT666">
        <v>0</v>
      </c>
      <c r="AU666">
        <v>0</v>
      </c>
      <c r="AV666">
        <v>0</v>
      </c>
      <c r="AW666">
        <v>0</v>
      </c>
      <c r="AX666">
        <v>-1080</v>
      </c>
      <c r="AY666">
        <v>35</v>
      </c>
      <c r="AZ666">
        <v>65</v>
      </c>
      <c r="BA666">
        <v>4514</v>
      </c>
    </row>
    <row r="667" spans="1:53" x14ac:dyDescent="0.4">
      <c r="A667">
        <v>711</v>
      </c>
      <c r="B667" s="1">
        <v>43021</v>
      </c>
      <c r="C667">
        <v>3</v>
      </c>
      <c r="D667" s="1">
        <v>43021.722916666666</v>
      </c>
      <c r="E667" s="1">
        <v>43021.956250000003</v>
      </c>
      <c r="F667">
        <v>158000</v>
      </c>
      <c r="G667">
        <v>584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13107</v>
      </c>
      <c r="N667">
        <v>0</v>
      </c>
      <c r="O667">
        <v>0</v>
      </c>
      <c r="P667">
        <v>-17280</v>
      </c>
      <c r="Q667">
        <v>0</v>
      </c>
      <c r="R667">
        <v>159667</v>
      </c>
      <c r="S667">
        <v>0</v>
      </c>
      <c r="T667">
        <v>0</v>
      </c>
      <c r="U667">
        <v>0</v>
      </c>
      <c r="V667">
        <v>4</v>
      </c>
      <c r="W667">
        <v>4</v>
      </c>
      <c r="X667">
        <v>0</v>
      </c>
      <c r="Y667">
        <v>48</v>
      </c>
      <c r="Z667">
        <v>26</v>
      </c>
      <c r="AA667">
        <v>111</v>
      </c>
      <c r="AB667">
        <v>26</v>
      </c>
      <c r="AC667">
        <v>206</v>
      </c>
      <c r="AD667">
        <v>68</v>
      </c>
      <c r="AE667">
        <v>38</v>
      </c>
      <c r="AF667">
        <v>108929</v>
      </c>
      <c r="AG667">
        <v>244767</v>
      </c>
      <c r="AH667">
        <v>50000</v>
      </c>
      <c r="AI667">
        <v>0</v>
      </c>
      <c r="AJ667">
        <v>84</v>
      </c>
      <c r="AK667" t="s">
        <v>16</v>
      </c>
      <c r="AL667">
        <v>0</v>
      </c>
      <c r="AM667">
        <v>0</v>
      </c>
      <c r="AN667">
        <v>0</v>
      </c>
      <c r="AO667">
        <v>0</v>
      </c>
      <c r="AP667">
        <v>0</v>
      </c>
      <c r="AQ667">
        <v>0</v>
      </c>
      <c r="AR667">
        <v>0</v>
      </c>
      <c r="AS667">
        <v>0</v>
      </c>
      <c r="AT667">
        <v>0</v>
      </c>
      <c r="AU667">
        <v>0</v>
      </c>
      <c r="AV667">
        <v>0</v>
      </c>
      <c r="AW667">
        <v>0</v>
      </c>
      <c r="AX667">
        <v>115808</v>
      </c>
      <c r="AY667">
        <v>24</v>
      </c>
      <c r="AZ667">
        <v>159</v>
      </c>
      <c r="BA667">
        <v>3692</v>
      </c>
    </row>
    <row r="668" spans="1:53" x14ac:dyDescent="0.4">
      <c r="A668">
        <v>712</v>
      </c>
      <c r="B668" s="1">
        <v>43021</v>
      </c>
      <c r="C668">
        <v>4</v>
      </c>
      <c r="D668" s="1">
        <v>43021.956250000003</v>
      </c>
      <c r="E668" s="1">
        <v>43022.081250000003</v>
      </c>
      <c r="F668">
        <v>172590</v>
      </c>
      <c r="G668">
        <v>438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14157</v>
      </c>
      <c r="N668">
        <v>0</v>
      </c>
      <c r="O668">
        <v>0</v>
      </c>
      <c r="P668">
        <v>91908</v>
      </c>
      <c r="Q668">
        <v>0</v>
      </c>
      <c r="R668">
        <v>283035</v>
      </c>
      <c r="S668">
        <v>0</v>
      </c>
      <c r="T668">
        <v>0</v>
      </c>
      <c r="U668">
        <v>0</v>
      </c>
      <c r="V668">
        <v>26</v>
      </c>
      <c r="W668">
        <v>8</v>
      </c>
      <c r="X668">
        <v>0</v>
      </c>
      <c r="Y668">
        <v>70</v>
      </c>
      <c r="Z668">
        <v>37</v>
      </c>
      <c r="AA668">
        <v>82</v>
      </c>
      <c r="AB668">
        <v>19</v>
      </c>
      <c r="AC668">
        <v>185</v>
      </c>
      <c r="AD668">
        <v>72</v>
      </c>
      <c r="AE668">
        <v>37</v>
      </c>
      <c r="AF668">
        <v>127905</v>
      </c>
      <c r="AG668">
        <v>527802</v>
      </c>
      <c r="AH668">
        <v>50000</v>
      </c>
      <c r="AI668">
        <v>0</v>
      </c>
      <c r="AJ668">
        <v>102</v>
      </c>
      <c r="AK668" t="s">
        <v>8</v>
      </c>
      <c r="AL668">
        <v>0</v>
      </c>
      <c r="AM668">
        <v>0</v>
      </c>
      <c r="AN668">
        <v>0</v>
      </c>
      <c r="AO668">
        <v>0</v>
      </c>
      <c r="AP668">
        <v>0</v>
      </c>
      <c r="AQ668">
        <v>0</v>
      </c>
      <c r="AR668">
        <v>0</v>
      </c>
      <c r="AS668">
        <v>0</v>
      </c>
      <c r="AT668">
        <v>0</v>
      </c>
      <c r="AU668">
        <v>0</v>
      </c>
      <c r="AV668">
        <v>0</v>
      </c>
      <c r="AW668">
        <v>0</v>
      </c>
      <c r="AX668">
        <v>864</v>
      </c>
      <c r="AY668">
        <v>22</v>
      </c>
      <c r="AZ668">
        <v>85</v>
      </c>
      <c r="BA668">
        <v>2201</v>
      </c>
    </row>
    <row r="669" spans="1:53" x14ac:dyDescent="0.4">
      <c r="A669">
        <v>713</v>
      </c>
      <c r="B669" s="1">
        <v>43022</v>
      </c>
      <c r="C669">
        <v>1</v>
      </c>
      <c r="D669" s="1">
        <v>43022.291666666664</v>
      </c>
      <c r="E669" s="1">
        <v>43022.738888888889</v>
      </c>
      <c r="F669">
        <v>43000</v>
      </c>
      <c r="G669">
        <v>4960</v>
      </c>
      <c r="H669">
        <v>0</v>
      </c>
      <c r="I669">
        <v>0</v>
      </c>
      <c r="J669">
        <v>0</v>
      </c>
      <c r="K669">
        <v>0</v>
      </c>
      <c r="L669">
        <v>0</v>
      </c>
      <c r="M669">
        <v>3835</v>
      </c>
      <c r="N669">
        <v>0</v>
      </c>
      <c r="O669">
        <v>0</v>
      </c>
      <c r="P669">
        <v>23760</v>
      </c>
      <c r="Q669">
        <v>0</v>
      </c>
      <c r="R669">
        <v>75555</v>
      </c>
      <c r="S669">
        <v>0</v>
      </c>
      <c r="T669">
        <v>0</v>
      </c>
      <c r="U669">
        <v>0</v>
      </c>
      <c r="V669">
        <v>1</v>
      </c>
      <c r="W669">
        <v>1</v>
      </c>
      <c r="X669">
        <v>0</v>
      </c>
      <c r="Y669">
        <v>65</v>
      </c>
      <c r="Z669">
        <v>45</v>
      </c>
      <c r="AA669">
        <v>102</v>
      </c>
      <c r="AB669">
        <v>25</v>
      </c>
      <c r="AC669">
        <v>145</v>
      </c>
      <c r="AD669">
        <v>77</v>
      </c>
      <c r="AE669">
        <v>128</v>
      </c>
      <c r="AF669">
        <v>9642</v>
      </c>
      <c r="AG669">
        <v>125555</v>
      </c>
      <c r="AH669">
        <v>50000</v>
      </c>
      <c r="AI669">
        <v>0</v>
      </c>
      <c r="AJ669">
        <v>84</v>
      </c>
      <c r="AK669" t="s">
        <v>16</v>
      </c>
      <c r="AL669">
        <v>0</v>
      </c>
      <c r="AM669">
        <v>0</v>
      </c>
      <c r="AN669">
        <v>0</v>
      </c>
      <c r="AO669">
        <v>0</v>
      </c>
      <c r="AP669">
        <v>0</v>
      </c>
      <c r="AQ669">
        <v>0</v>
      </c>
      <c r="AR669">
        <v>0</v>
      </c>
      <c r="AS669">
        <v>0</v>
      </c>
      <c r="AT669">
        <v>0</v>
      </c>
      <c r="AU669">
        <v>0</v>
      </c>
      <c r="AV669">
        <v>0</v>
      </c>
      <c r="AW669">
        <v>0</v>
      </c>
      <c r="AX669">
        <v>2440</v>
      </c>
      <c r="AY669">
        <v>52</v>
      </c>
      <c r="AZ669">
        <v>121</v>
      </c>
      <c r="BA669">
        <v>7683</v>
      </c>
    </row>
    <row r="670" spans="1:53" x14ac:dyDescent="0.4">
      <c r="A670">
        <v>714</v>
      </c>
      <c r="B670" s="1">
        <v>43022</v>
      </c>
      <c r="C670">
        <v>2</v>
      </c>
      <c r="D670" s="1">
        <v>43022.738888888889</v>
      </c>
      <c r="E670" s="1">
        <v>43023.092361111114</v>
      </c>
      <c r="F670">
        <v>423495</v>
      </c>
      <c r="G670">
        <v>1486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35066</v>
      </c>
      <c r="N670">
        <v>0</v>
      </c>
      <c r="O670">
        <v>0</v>
      </c>
      <c r="P670">
        <v>112860</v>
      </c>
      <c r="Q670">
        <v>0</v>
      </c>
      <c r="R670">
        <v>586281</v>
      </c>
      <c r="S670">
        <v>0</v>
      </c>
      <c r="T670">
        <v>0</v>
      </c>
      <c r="U670">
        <v>0</v>
      </c>
      <c r="V670">
        <v>33</v>
      </c>
      <c r="W670">
        <v>23</v>
      </c>
      <c r="X670">
        <v>0</v>
      </c>
      <c r="Y670">
        <v>128</v>
      </c>
      <c r="Z670">
        <v>39</v>
      </c>
      <c r="AA670">
        <v>82</v>
      </c>
      <c r="AB670">
        <v>31</v>
      </c>
      <c r="AC670">
        <v>126</v>
      </c>
      <c r="AD670">
        <v>72</v>
      </c>
      <c r="AE670">
        <v>118</v>
      </c>
      <c r="AF670">
        <v>107848</v>
      </c>
      <c r="AG670">
        <v>711836</v>
      </c>
      <c r="AH670">
        <v>50000</v>
      </c>
      <c r="AI670">
        <v>0</v>
      </c>
      <c r="AJ670">
        <v>100</v>
      </c>
      <c r="AK670" t="s">
        <v>0</v>
      </c>
      <c r="AL670">
        <v>0</v>
      </c>
      <c r="AM670">
        <v>0</v>
      </c>
      <c r="AN670">
        <v>0</v>
      </c>
      <c r="AO670">
        <v>0</v>
      </c>
      <c r="AP670">
        <v>0</v>
      </c>
      <c r="AQ670">
        <v>0</v>
      </c>
      <c r="AR670">
        <v>0</v>
      </c>
      <c r="AS670">
        <v>0</v>
      </c>
      <c r="AT670">
        <v>0</v>
      </c>
      <c r="AU670">
        <v>0</v>
      </c>
      <c r="AV670">
        <v>0</v>
      </c>
      <c r="AW670">
        <v>0</v>
      </c>
      <c r="AX670">
        <v>45716</v>
      </c>
      <c r="AY670">
        <v>48</v>
      </c>
      <c r="AZ670">
        <v>275</v>
      </c>
      <c r="BA670">
        <v>7653</v>
      </c>
    </row>
    <row r="671" spans="1:53" x14ac:dyDescent="0.4">
      <c r="A671">
        <v>715</v>
      </c>
      <c r="B671" s="1">
        <v>43023</v>
      </c>
      <c r="C671">
        <v>1</v>
      </c>
      <c r="D671" s="1">
        <v>43023.291666666664</v>
      </c>
      <c r="E671" s="1">
        <v>43023.40347222222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0</v>
      </c>
      <c r="O671">
        <v>0</v>
      </c>
      <c r="P671">
        <v>0</v>
      </c>
      <c r="Q671">
        <v>0</v>
      </c>
      <c r="R671">
        <v>0</v>
      </c>
      <c r="S671">
        <v>0</v>
      </c>
      <c r="T671">
        <v>0</v>
      </c>
      <c r="U671">
        <v>0</v>
      </c>
      <c r="V671">
        <v>0</v>
      </c>
      <c r="W671">
        <v>1</v>
      </c>
      <c r="X671">
        <v>0</v>
      </c>
      <c r="Y671">
        <v>26</v>
      </c>
      <c r="Z671">
        <v>14</v>
      </c>
      <c r="AA671">
        <v>86</v>
      </c>
      <c r="AB671">
        <v>30</v>
      </c>
      <c r="AC671">
        <v>140</v>
      </c>
      <c r="AD671">
        <v>73</v>
      </c>
      <c r="AE671">
        <v>135</v>
      </c>
      <c r="AF671">
        <v>0</v>
      </c>
      <c r="AG671">
        <v>50000</v>
      </c>
      <c r="AH671">
        <v>50000</v>
      </c>
      <c r="AI671">
        <v>0</v>
      </c>
      <c r="AJ671">
        <v>0</v>
      </c>
      <c r="AK671" t="s">
        <v>6</v>
      </c>
      <c r="AL671">
        <v>0</v>
      </c>
      <c r="AM671">
        <v>0</v>
      </c>
      <c r="AN671">
        <v>0</v>
      </c>
      <c r="AO671">
        <v>0</v>
      </c>
      <c r="AP671">
        <v>0</v>
      </c>
      <c r="AQ671">
        <v>0</v>
      </c>
      <c r="AR671">
        <v>0</v>
      </c>
      <c r="AS671">
        <v>0</v>
      </c>
      <c r="AT671">
        <v>0</v>
      </c>
      <c r="AU671">
        <v>0</v>
      </c>
      <c r="AV671">
        <v>0</v>
      </c>
      <c r="AW671">
        <v>0</v>
      </c>
      <c r="AX671">
        <v>0</v>
      </c>
      <c r="AY671">
        <v>0</v>
      </c>
      <c r="AZ671">
        <v>0</v>
      </c>
      <c r="BA671">
        <v>0</v>
      </c>
    </row>
    <row r="672" spans="1:53" x14ac:dyDescent="0.4">
      <c r="A672">
        <v>716</v>
      </c>
      <c r="B672" s="1">
        <v>43023</v>
      </c>
      <c r="C672">
        <v>2</v>
      </c>
      <c r="D672" s="1">
        <v>43023.40347222222</v>
      </c>
      <c r="E672" s="1">
        <v>43023.739583333336</v>
      </c>
      <c r="F672">
        <v>48000</v>
      </c>
      <c r="G672">
        <v>5700</v>
      </c>
      <c r="H672">
        <v>0</v>
      </c>
      <c r="I672">
        <v>0</v>
      </c>
      <c r="J672">
        <v>0</v>
      </c>
      <c r="K672">
        <v>0</v>
      </c>
      <c r="L672">
        <v>0</v>
      </c>
      <c r="M672">
        <v>4295</v>
      </c>
      <c r="N672">
        <v>0</v>
      </c>
      <c r="O672">
        <v>0</v>
      </c>
      <c r="P672">
        <v>25920</v>
      </c>
      <c r="Q672">
        <v>0</v>
      </c>
      <c r="R672">
        <v>83915</v>
      </c>
      <c r="S672">
        <v>0</v>
      </c>
      <c r="T672">
        <v>0</v>
      </c>
      <c r="U672">
        <v>0</v>
      </c>
      <c r="V672">
        <v>2</v>
      </c>
      <c r="W672">
        <v>4</v>
      </c>
      <c r="X672">
        <v>0</v>
      </c>
      <c r="Y672">
        <v>53</v>
      </c>
      <c r="Z672">
        <v>48</v>
      </c>
      <c r="AA672">
        <v>127</v>
      </c>
      <c r="AB672">
        <v>33</v>
      </c>
      <c r="AC672">
        <v>212</v>
      </c>
      <c r="AD672">
        <v>76</v>
      </c>
      <c r="AE672">
        <v>155</v>
      </c>
      <c r="AF672">
        <v>0</v>
      </c>
      <c r="AG672">
        <v>134005</v>
      </c>
      <c r="AH672">
        <v>50000</v>
      </c>
      <c r="AI672">
        <v>90</v>
      </c>
      <c r="AJ672">
        <v>93</v>
      </c>
      <c r="AK672" t="s">
        <v>20</v>
      </c>
      <c r="AL672">
        <v>0</v>
      </c>
      <c r="AM672">
        <v>0</v>
      </c>
      <c r="AN672">
        <v>0</v>
      </c>
      <c r="AO672">
        <v>0</v>
      </c>
      <c r="AP672">
        <v>0</v>
      </c>
      <c r="AQ672">
        <v>0</v>
      </c>
      <c r="AR672">
        <v>0</v>
      </c>
      <c r="AS672">
        <v>0</v>
      </c>
      <c r="AT672">
        <v>0</v>
      </c>
      <c r="AU672">
        <v>0</v>
      </c>
      <c r="AV672">
        <v>0</v>
      </c>
      <c r="AW672">
        <v>0</v>
      </c>
      <c r="AX672">
        <v>0</v>
      </c>
      <c r="AY672">
        <v>53</v>
      </c>
      <c r="AZ672">
        <v>140</v>
      </c>
      <c r="BA672">
        <v>7152</v>
      </c>
    </row>
    <row r="673" spans="1:53" x14ac:dyDescent="0.4">
      <c r="A673">
        <v>717</v>
      </c>
      <c r="B673" s="1">
        <v>43023</v>
      </c>
      <c r="C673">
        <v>3</v>
      </c>
      <c r="D673" s="1">
        <v>43023.739583333336</v>
      </c>
      <c r="E673" s="1">
        <v>43023.95208333333</v>
      </c>
      <c r="F673">
        <v>58400</v>
      </c>
      <c r="G673">
        <v>5590</v>
      </c>
      <c r="H673">
        <v>0</v>
      </c>
      <c r="I673">
        <v>0</v>
      </c>
      <c r="J673">
        <v>2000</v>
      </c>
      <c r="K673">
        <v>0</v>
      </c>
      <c r="L673">
        <v>0</v>
      </c>
      <c r="M673">
        <v>4958</v>
      </c>
      <c r="N673">
        <v>0</v>
      </c>
      <c r="O673">
        <v>0</v>
      </c>
      <c r="P673">
        <v>-17280</v>
      </c>
      <c r="Q673">
        <v>0</v>
      </c>
      <c r="R673">
        <v>49668</v>
      </c>
      <c r="S673">
        <v>0</v>
      </c>
      <c r="T673">
        <v>0</v>
      </c>
      <c r="U673">
        <v>0</v>
      </c>
      <c r="V673">
        <v>6</v>
      </c>
      <c r="W673">
        <v>3</v>
      </c>
      <c r="X673">
        <v>0</v>
      </c>
      <c r="Y673">
        <v>62</v>
      </c>
      <c r="Z673">
        <v>48</v>
      </c>
      <c r="AA673">
        <v>129</v>
      </c>
      <c r="AB673">
        <v>33</v>
      </c>
      <c r="AC673">
        <v>223</v>
      </c>
      <c r="AD673">
        <v>73</v>
      </c>
      <c r="AE673">
        <v>150</v>
      </c>
      <c r="AF673">
        <v>5288</v>
      </c>
      <c r="AG673">
        <v>183583</v>
      </c>
      <c r="AH673">
        <v>50000</v>
      </c>
      <c r="AI673">
        <v>0</v>
      </c>
      <c r="AJ673">
        <v>100</v>
      </c>
      <c r="AK673" t="s">
        <v>0</v>
      </c>
      <c r="AL673">
        <v>0</v>
      </c>
      <c r="AM673">
        <v>0</v>
      </c>
      <c r="AN673">
        <v>0</v>
      </c>
      <c r="AO673">
        <v>0</v>
      </c>
      <c r="AP673">
        <v>0</v>
      </c>
      <c r="AQ673">
        <v>0</v>
      </c>
      <c r="AR673">
        <v>0</v>
      </c>
      <c r="AS673">
        <v>0</v>
      </c>
      <c r="AT673">
        <v>0</v>
      </c>
      <c r="AU673">
        <v>0</v>
      </c>
      <c r="AV673">
        <v>0</v>
      </c>
      <c r="AW673">
        <v>0</v>
      </c>
      <c r="AX673">
        <v>52110</v>
      </c>
      <c r="AY673">
        <v>20</v>
      </c>
      <c r="AZ673">
        <v>57</v>
      </c>
      <c r="BA673">
        <v>4063</v>
      </c>
    </row>
    <row r="674" spans="1:53" x14ac:dyDescent="0.4">
      <c r="A674">
        <v>718</v>
      </c>
      <c r="B674" s="1">
        <v>43024</v>
      </c>
      <c r="C674">
        <v>1</v>
      </c>
      <c r="D674" s="1">
        <v>43024.291666666664</v>
      </c>
      <c r="E674" s="1">
        <v>43024.447222222225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0</v>
      </c>
      <c r="O674">
        <v>0</v>
      </c>
      <c r="P674">
        <v>0</v>
      </c>
      <c r="Q674">
        <v>0</v>
      </c>
      <c r="R674">
        <v>0</v>
      </c>
      <c r="S674">
        <v>0</v>
      </c>
      <c r="T674">
        <v>0</v>
      </c>
      <c r="U674">
        <v>0</v>
      </c>
      <c r="V674">
        <v>0</v>
      </c>
      <c r="W674">
        <v>1</v>
      </c>
      <c r="X674">
        <v>0</v>
      </c>
      <c r="Y674">
        <v>25</v>
      </c>
      <c r="Z674">
        <v>16</v>
      </c>
      <c r="AA674">
        <v>85</v>
      </c>
      <c r="AB674">
        <v>38</v>
      </c>
      <c r="AC674">
        <v>111</v>
      </c>
      <c r="AD674">
        <v>71</v>
      </c>
      <c r="AE674">
        <v>135</v>
      </c>
      <c r="AF674">
        <v>0</v>
      </c>
      <c r="AG674">
        <v>50000</v>
      </c>
      <c r="AH674">
        <v>0</v>
      </c>
      <c r="AI674">
        <v>50000</v>
      </c>
      <c r="AJ674">
        <v>0</v>
      </c>
      <c r="AK674" t="s">
        <v>6</v>
      </c>
      <c r="AL674">
        <v>0</v>
      </c>
      <c r="AM674">
        <v>0</v>
      </c>
      <c r="AN674">
        <v>0</v>
      </c>
      <c r="AO674">
        <v>0</v>
      </c>
      <c r="AP674">
        <v>0</v>
      </c>
      <c r="AQ674">
        <v>0</v>
      </c>
      <c r="AR674">
        <v>0</v>
      </c>
      <c r="AS674">
        <v>0</v>
      </c>
      <c r="AT674">
        <v>0</v>
      </c>
      <c r="AU674">
        <v>0</v>
      </c>
      <c r="AV674">
        <v>0</v>
      </c>
      <c r="AW674">
        <v>0</v>
      </c>
      <c r="AX674">
        <v>0</v>
      </c>
      <c r="AY674">
        <v>0</v>
      </c>
      <c r="AZ674">
        <v>0</v>
      </c>
      <c r="BA674">
        <v>0</v>
      </c>
    </row>
    <row r="675" spans="1:53" x14ac:dyDescent="0.4">
      <c r="A675">
        <v>719</v>
      </c>
      <c r="B675" s="1">
        <v>43024</v>
      </c>
      <c r="C675">
        <v>2</v>
      </c>
      <c r="D675" s="1">
        <v>43024.447222222225</v>
      </c>
      <c r="E675" s="1">
        <v>43024.775000000001</v>
      </c>
      <c r="F675">
        <v>22250</v>
      </c>
      <c r="G675">
        <v>358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2066</v>
      </c>
      <c r="N675">
        <v>0</v>
      </c>
      <c r="O675">
        <v>0</v>
      </c>
      <c r="P675">
        <v>8100</v>
      </c>
      <c r="Q675">
        <v>0</v>
      </c>
      <c r="R675">
        <v>35996</v>
      </c>
      <c r="S675">
        <v>0</v>
      </c>
      <c r="T675">
        <v>0</v>
      </c>
      <c r="U675">
        <v>0</v>
      </c>
      <c r="V675">
        <v>1</v>
      </c>
      <c r="W675">
        <v>1</v>
      </c>
      <c r="X675">
        <v>0</v>
      </c>
      <c r="Y675">
        <v>37</v>
      </c>
      <c r="Z675">
        <v>28</v>
      </c>
      <c r="AA675">
        <v>107</v>
      </c>
      <c r="AB675">
        <v>41</v>
      </c>
      <c r="AC675">
        <v>175</v>
      </c>
      <c r="AD675">
        <v>76</v>
      </c>
      <c r="AE675">
        <v>136</v>
      </c>
      <c r="AF675">
        <v>5000</v>
      </c>
      <c r="AG675">
        <v>86016</v>
      </c>
      <c r="AH675">
        <v>50000</v>
      </c>
      <c r="AI675">
        <v>20</v>
      </c>
      <c r="AJ675">
        <v>93</v>
      </c>
      <c r="AK675" t="s">
        <v>20</v>
      </c>
      <c r="AL675">
        <v>0</v>
      </c>
      <c r="AM675">
        <v>0</v>
      </c>
      <c r="AN675">
        <v>0</v>
      </c>
      <c r="AO675">
        <v>0</v>
      </c>
      <c r="AP675">
        <v>0</v>
      </c>
      <c r="AQ675">
        <v>0</v>
      </c>
      <c r="AR675">
        <v>0</v>
      </c>
      <c r="AS675">
        <v>0</v>
      </c>
      <c r="AT675">
        <v>0</v>
      </c>
      <c r="AU675">
        <v>0</v>
      </c>
      <c r="AV675">
        <v>0</v>
      </c>
      <c r="AW675">
        <v>0</v>
      </c>
      <c r="AX675">
        <v>940</v>
      </c>
      <c r="AY675">
        <v>29</v>
      </c>
      <c r="AZ675">
        <v>60</v>
      </c>
      <c r="BA675">
        <v>4131</v>
      </c>
    </row>
    <row r="676" spans="1:53" x14ac:dyDescent="0.4">
      <c r="A676">
        <v>720</v>
      </c>
      <c r="B676" s="1">
        <v>43024</v>
      </c>
      <c r="C676">
        <v>3</v>
      </c>
      <c r="D676" s="1">
        <v>43024.775000000001</v>
      </c>
      <c r="E676" s="1">
        <v>43024.95416666667</v>
      </c>
      <c r="F676">
        <v>14000</v>
      </c>
      <c r="G676">
        <v>142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1234</v>
      </c>
      <c r="N676">
        <v>0</v>
      </c>
      <c r="O676">
        <v>0</v>
      </c>
      <c r="P676">
        <v>9396</v>
      </c>
      <c r="Q676">
        <v>0</v>
      </c>
      <c r="R676">
        <v>26050</v>
      </c>
      <c r="S676">
        <v>0</v>
      </c>
      <c r="T676">
        <v>0</v>
      </c>
      <c r="U676">
        <v>0</v>
      </c>
      <c r="V676">
        <v>1</v>
      </c>
      <c r="W676">
        <v>2</v>
      </c>
      <c r="X676">
        <v>0</v>
      </c>
      <c r="Y676">
        <v>52</v>
      </c>
      <c r="Z676">
        <v>26</v>
      </c>
      <c r="AA676">
        <v>100</v>
      </c>
      <c r="AB676">
        <v>39</v>
      </c>
      <c r="AC676">
        <v>180</v>
      </c>
      <c r="AD676">
        <v>76</v>
      </c>
      <c r="AE676">
        <v>142</v>
      </c>
      <c r="AF676">
        <v>12774</v>
      </c>
      <c r="AG676">
        <v>112046</v>
      </c>
      <c r="AH676">
        <v>50000</v>
      </c>
      <c r="AI676">
        <v>0</v>
      </c>
      <c r="AJ676">
        <v>1</v>
      </c>
      <c r="AK676" t="s">
        <v>3</v>
      </c>
      <c r="AL676">
        <v>0</v>
      </c>
      <c r="AM676">
        <v>0</v>
      </c>
      <c r="AN676">
        <v>0</v>
      </c>
      <c r="AO676">
        <v>0</v>
      </c>
      <c r="AP676">
        <v>0</v>
      </c>
      <c r="AQ676">
        <v>0</v>
      </c>
      <c r="AR676">
        <v>0</v>
      </c>
      <c r="AS676">
        <v>0</v>
      </c>
      <c r="AT676">
        <v>0</v>
      </c>
      <c r="AU676">
        <v>0</v>
      </c>
      <c r="AV676">
        <v>0</v>
      </c>
      <c r="AW676">
        <v>0</v>
      </c>
      <c r="AX676">
        <v>22680</v>
      </c>
      <c r="AY676">
        <v>11</v>
      </c>
      <c r="AZ676">
        <v>30</v>
      </c>
      <c r="BA676">
        <v>1612</v>
      </c>
    </row>
    <row r="677" spans="1:53" x14ac:dyDescent="0.4">
      <c r="A677">
        <v>721</v>
      </c>
      <c r="B677" s="1">
        <v>43024</v>
      </c>
      <c r="C677">
        <v>4</v>
      </c>
      <c r="D677" s="1">
        <v>43024.95416666667</v>
      </c>
      <c r="E677" s="1">
        <v>43025.103472222225</v>
      </c>
      <c r="F677">
        <v>44960</v>
      </c>
      <c r="G677">
        <v>1030</v>
      </c>
      <c r="H677">
        <v>0</v>
      </c>
      <c r="I677">
        <v>0</v>
      </c>
      <c r="J677">
        <v>0</v>
      </c>
      <c r="K677">
        <v>2640</v>
      </c>
      <c r="L677">
        <v>0</v>
      </c>
      <c r="M677">
        <v>3890</v>
      </c>
      <c r="N677">
        <v>0</v>
      </c>
      <c r="O677">
        <v>0</v>
      </c>
      <c r="P677">
        <v>-5292</v>
      </c>
      <c r="Q677">
        <v>0</v>
      </c>
      <c r="R677">
        <v>47228</v>
      </c>
      <c r="S677">
        <v>0</v>
      </c>
      <c r="T677">
        <v>0</v>
      </c>
      <c r="U677">
        <v>0</v>
      </c>
      <c r="V677">
        <v>4</v>
      </c>
      <c r="W677">
        <v>1</v>
      </c>
      <c r="X677">
        <v>0</v>
      </c>
      <c r="Y677">
        <v>50</v>
      </c>
      <c r="Z677">
        <v>24</v>
      </c>
      <c r="AA677">
        <v>101</v>
      </c>
      <c r="AB677">
        <v>42</v>
      </c>
      <c r="AC677">
        <v>191</v>
      </c>
      <c r="AD677">
        <v>76</v>
      </c>
      <c r="AE677">
        <v>138</v>
      </c>
      <c r="AF677">
        <v>37646</v>
      </c>
      <c r="AG677">
        <v>159274</v>
      </c>
      <c r="AH677">
        <v>50000</v>
      </c>
      <c r="AI677">
        <v>0</v>
      </c>
      <c r="AJ677">
        <v>100</v>
      </c>
      <c r="AK677" t="s">
        <v>0</v>
      </c>
      <c r="AL677">
        <v>0</v>
      </c>
      <c r="AM677">
        <v>0</v>
      </c>
      <c r="AN677">
        <v>0</v>
      </c>
      <c r="AO677">
        <v>0</v>
      </c>
      <c r="AP677">
        <v>0</v>
      </c>
      <c r="AQ677">
        <v>0</v>
      </c>
      <c r="AR677">
        <v>0</v>
      </c>
      <c r="AS677">
        <v>0</v>
      </c>
      <c r="AT677">
        <v>0</v>
      </c>
      <c r="AU677">
        <v>0</v>
      </c>
      <c r="AV677">
        <v>0</v>
      </c>
      <c r="AW677">
        <v>0</v>
      </c>
      <c r="AX677">
        <v>5540</v>
      </c>
      <c r="AY677">
        <v>7</v>
      </c>
      <c r="AZ677">
        <v>15</v>
      </c>
      <c r="BA677">
        <v>959</v>
      </c>
    </row>
    <row r="678" spans="1:53" x14ac:dyDescent="0.4">
      <c r="A678">
        <v>722</v>
      </c>
      <c r="B678" s="1">
        <v>43025</v>
      </c>
      <c r="C678">
        <v>1</v>
      </c>
      <c r="D678" s="1">
        <v>43025.291666666664</v>
      </c>
      <c r="E678" s="1">
        <v>43025.448611111111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0</v>
      </c>
      <c r="O678">
        <v>0</v>
      </c>
      <c r="P678">
        <v>0</v>
      </c>
      <c r="Q678">
        <v>0</v>
      </c>
      <c r="R678">
        <v>0</v>
      </c>
      <c r="S678">
        <v>0</v>
      </c>
      <c r="T678">
        <v>0</v>
      </c>
      <c r="U678">
        <v>0</v>
      </c>
      <c r="V678">
        <v>0</v>
      </c>
      <c r="W678">
        <v>1</v>
      </c>
      <c r="X678">
        <v>0</v>
      </c>
      <c r="Y678">
        <v>25</v>
      </c>
      <c r="Z678">
        <v>14</v>
      </c>
      <c r="AA678">
        <v>94</v>
      </c>
      <c r="AB678">
        <v>42</v>
      </c>
      <c r="AC678">
        <v>99</v>
      </c>
      <c r="AD678">
        <v>73</v>
      </c>
      <c r="AE678">
        <v>145</v>
      </c>
      <c r="AF678">
        <v>0</v>
      </c>
      <c r="AG678">
        <v>50000</v>
      </c>
      <c r="AH678">
        <v>0</v>
      </c>
      <c r="AI678">
        <v>50000</v>
      </c>
      <c r="AJ678">
        <v>0</v>
      </c>
      <c r="AK678" t="s">
        <v>6</v>
      </c>
      <c r="AL678">
        <v>0</v>
      </c>
      <c r="AM678">
        <v>0</v>
      </c>
      <c r="AN678">
        <v>0</v>
      </c>
      <c r="AO678">
        <v>0</v>
      </c>
      <c r="AP678">
        <v>0</v>
      </c>
      <c r="AQ678">
        <v>0</v>
      </c>
      <c r="AR678">
        <v>0</v>
      </c>
      <c r="AS678">
        <v>0</v>
      </c>
      <c r="AT678">
        <v>0</v>
      </c>
      <c r="AU678">
        <v>0</v>
      </c>
      <c r="AV678">
        <v>0</v>
      </c>
      <c r="AW678">
        <v>0</v>
      </c>
      <c r="AX678">
        <v>0</v>
      </c>
      <c r="AY678">
        <v>0</v>
      </c>
      <c r="AZ678">
        <v>0</v>
      </c>
      <c r="BA678">
        <v>0</v>
      </c>
    </row>
    <row r="679" spans="1:53" x14ac:dyDescent="0.4">
      <c r="A679">
        <v>723</v>
      </c>
      <c r="B679" s="1">
        <v>43025</v>
      </c>
      <c r="C679">
        <v>2</v>
      </c>
      <c r="D679" s="1">
        <v>43025.448611111111</v>
      </c>
      <c r="E679" s="1">
        <v>43025.777777777781</v>
      </c>
      <c r="F679">
        <v>18500</v>
      </c>
      <c r="G679">
        <v>2010</v>
      </c>
      <c r="H679">
        <v>0</v>
      </c>
      <c r="I679">
        <v>0</v>
      </c>
      <c r="J679">
        <v>0</v>
      </c>
      <c r="K679">
        <v>0</v>
      </c>
      <c r="L679">
        <v>0</v>
      </c>
      <c r="M679">
        <v>1640</v>
      </c>
      <c r="N679">
        <v>0</v>
      </c>
      <c r="O679">
        <v>0</v>
      </c>
      <c r="P679">
        <v>10908</v>
      </c>
      <c r="Q679">
        <v>0</v>
      </c>
      <c r="R679">
        <v>33058</v>
      </c>
      <c r="S679">
        <v>0</v>
      </c>
      <c r="T679">
        <v>0</v>
      </c>
      <c r="U679">
        <v>0</v>
      </c>
      <c r="V679">
        <v>1</v>
      </c>
      <c r="W679">
        <v>2</v>
      </c>
      <c r="X679">
        <v>0</v>
      </c>
      <c r="Y679">
        <v>39</v>
      </c>
      <c r="Z679">
        <v>19</v>
      </c>
      <c r="AA679">
        <v>106</v>
      </c>
      <c r="AB679">
        <v>40</v>
      </c>
      <c r="AC679">
        <v>144</v>
      </c>
      <c r="AD679">
        <v>75</v>
      </c>
      <c r="AE679">
        <v>143</v>
      </c>
      <c r="AF679">
        <v>0</v>
      </c>
      <c r="AG679">
        <v>83058</v>
      </c>
      <c r="AH679">
        <v>50000</v>
      </c>
      <c r="AI679">
        <v>0</v>
      </c>
      <c r="AJ679">
        <v>89</v>
      </c>
      <c r="AK679" t="s">
        <v>12</v>
      </c>
      <c r="AL679">
        <v>0</v>
      </c>
      <c r="AM679">
        <v>0</v>
      </c>
      <c r="AN679">
        <v>0</v>
      </c>
      <c r="AO679">
        <v>0</v>
      </c>
      <c r="AP679">
        <v>0</v>
      </c>
      <c r="AQ679">
        <v>0</v>
      </c>
      <c r="AR679">
        <v>0</v>
      </c>
      <c r="AS679">
        <v>0</v>
      </c>
      <c r="AT679">
        <v>0</v>
      </c>
      <c r="AU679">
        <v>0</v>
      </c>
      <c r="AV679">
        <v>0</v>
      </c>
      <c r="AW679">
        <v>0</v>
      </c>
      <c r="AX679">
        <v>1490</v>
      </c>
      <c r="AY679">
        <v>36</v>
      </c>
      <c r="AZ679">
        <v>55</v>
      </c>
      <c r="BA679">
        <v>4592</v>
      </c>
    </row>
    <row r="680" spans="1:53" x14ac:dyDescent="0.4">
      <c r="A680">
        <v>724</v>
      </c>
      <c r="B680" s="1">
        <v>43025</v>
      </c>
      <c r="C680">
        <v>3</v>
      </c>
      <c r="D680" s="1">
        <v>43025.777777777781</v>
      </c>
      <c r="E680" s="1">
        <v>43025.956250000003</v>
      </c>
      <c r="F680">
        <v>54300</v>
      </c>
      <c r="G680">
        <v>1450</v>
      </c>
      <c r="H680">
        <v>0</v>
      </c>
      <c r="I680">
        <v>0</v>
      </c>
      <c r="J680">
        <v>0</v>
      </c>
      <c r="K680">
        <v>0</v>
      </c>
      <c r="L680">
        <v>0</v>
      </c>
      <c r="M680">
        <v>4460</v>
      </c>
      <c r="N680">
        <v>0</v>
      </c>
      <c r="O680">
        <v>0</v>
      </c>
      <c r="P680">
        <v>-8316</v>
      </c>
      <c r="Q680">
        <v>0</v>
      </c>
      <c r="R680">
        <v>51894</v>
      </c>
      <c r="S680">
        <v>0</v>
      </c>
      <c r="T680">
        <v>0</v>
      </c>
      <c r="U680">
        <v>0</v>
      </c>
      <c r="V680">
        <v>5</v>
      </c>
      <c r="W680">
        <v>2</v>
      </c>
      <c r="X680">
        <v>0</v>
      </c>
      <c r="Y680">
        <v>52</v>
      </c>
      <c r="Z680">
        <v>17</v>
      </c>
      <c r="AA680">
        <v>106</v>
      </c>
      <c r="AB680">
        <v>41</v>
      </c>
      <c r="AC680">
        <v>130</v>
      </c>
      <c r="AD680">
        <v>73</v>
      </c>
      <c r="AE680">
        <v>137</v>
      </c>
      <c r="AF680">
        <v>0</v>
      </c>
      <c r="AG680">
        <v>134952</v>
      </c>
      <c r="AH680">
        <v>50000</v>
      </c>
      <c r="AI680">
        <v>0</v>
      </c>
      <c r="AJ680">
        <v>89</v>
      </c>
      <c r="AK680" t="s">
        <v>12</v>
      </c>
      <c r="AL680">
        <v>0</v>
      </c>
      <c r="AM680">
        <v>0</v>
      </c>
      <c r="AN680">
        <v>0</v>
      </c>
      <c r="AO680">
        <v>0</v>
      </c>
      <c r="AP680">
        <v>0</v>
      </c>
      <c r="AQ680">
        <v>0</v>
      </c>
      <c r="AR680">
        <v>0</v>
      </c>
      <c r="AS680">
        <v>0</v>
      </c>
      <c r="AT680">
        <v>0</v>
      </c>
      <c r="AU680">
        <v>0</v>
      </c>
      <c r="AV680">
        <v>0</v>
      </c>
      <c r="AW680">
        <v>0</v>
      </c>
      <c r="AX680">
        <v>4860</v>
      </c>
      <c r="AY680">
        <v>10</v>
      </c>
      <c r="AZ680">
        <v>43</v>
      </c>
      <c r="BA680">
        <v>1897</v>
      </c>
    </row>
    <row r="681" spans="1:53" x14ac:dyDescent="0.4">
      <c r="A681">
        <v>725</v>
      </c>
      <c r="B681" s="1">
        <v>43026</v>
      </c>
      <c r="C681">
        <v>1</v>
      </c>
      <c r="D681" s="1">
        <v>43026.291666666664</v>
      </c>
      <c r="E681" s="1">
        <v>43026.451388888891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0</v>
      </c>
      <c r="O681">
        <v>0</v>
      </c>
      <c r="P681">
        <v>0</v>
      </c>
      <c r="Q681">
        <v>0</v>
      </c>
      <c r="R681">
        <v>0</v>
      </c>
      <c r="S681">
        <v>0</v>
      </c>
      <c r="T681">
        <v>0</v>
      </c>
      <c r="U681">
        <v>0</v>
      </c>
      <c r="V681">
        <v>0</v>
      </c>
      <c r="W681">
        <v>1</v>
      </c>
      <c r="X681">
        <v>0</v>
      </c>
      <c r="Y681">
        <v>25</v>
      </c>
      <c r="Z681">
        <v>15</v>
      </c>
      <c r="AA681">
        <v>90</v>
      </c>
      <c r="AB681">
        <v>41</v>
      </c>
      <c r="AC681">
        <v>93</v>
      </c>
      <c r="AD681">
        <v>74</v>
      </c>
      <c r="AE681">
        <v>150</v>
      </c>
      <c r="AF681">
        <v>0</v>
      </c>
      <c r="AG681">
        <v>50000</v>
      </c>
      <c r="AH681">
        <v>0</v>
      </c>
      <c r="AI681">
        <v>50000</v>
      </c>
      <c r="AJ681">
        <v>0</v>
      </c>
      <c r="AK681" t="s">
        <v>6</v>
      </c>
      <c r="AL681">
        <v>0</v>
      </c>
      <c r="AM681">
        <v>0</v>
      </c>
      <c r="AN681">
        <v>0</v>
      </c>
      <c r="AO681">
        <v>0</v>
      </c>
      <c r="AP681">
        <v>0</v>
      </c>
      <c r="AQ681">
        <v>0</v>
      </c>
      <c r="AR681">
        <v>0</v>
      </c>
      <c r="AS681">
        <v>0</v>
      </c>
      <c r="AT681">
        <v>0</v>
      </c>
      <c r="AU681">
        <v>0</v>
      </c>
      <c r="AV681">
        <v>0</v>
      </c>
      <c r="AW681">
        <v>0</v>
      </c>
      <c r="AX681">
        <v>0</v>
      </c>
      <c r="AY681">
        <v>0</v>
      </c>
      <c r="AZ681">
        <v>0</v>
      </c>
      <c r="BA681">
        <v>0</v>
      </c>
    </row>
    <row r="682" spans="1:53" x14ac:dyDescent="0.4">
      <c r="A682">
        <v>726</v>
      </c>
      <c r="B682" s="1">
        <v>43026</v>
      </c>
      <c r="C682">
        <v>2</v>
      </c>
      <c r="D682" s="1">
        <v>43026.451388888891</v>
      </c>
      <c r="E682" s="1">
        <v>43026.752083333333</v>
      </c>
      <c r="F682">
        <v>18000</v>
      </c>
      <c r="G682">
        <v>45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1476</v>
      </c>
      <c r="N682">
        <v>0</v>
      </c>
      <c r="O682">
        <v>0</v>
      </c>
      <c r="P682">
        <v>7560</v>
      </c>
      <c r="Q682">
        <v>0</v>
      </c>
      <c r="R682">
        <v>27486</v>
      </c>
      <c r="S682">
        <v>0</v>
      </c>
      <c r="T682">
        <v>0</v>
      </c>
      <c r="U682">
        <v>0</v>
      </c>
      <c r="V682">
        <v>0</v>
      </c>
      <c r="W682">
        <v>3</v>
      </c>
      <c r="X682">
        <v>0</v>
      </c>
      <c r="Y682">
        <v>36</v>
      </c>
      <c r="Z682">
        <v>20</v>
      </c>
      <c r="AA682">
        <v>121</v>
      </c>
      <c r="AB682">
        <v>44</v>
      </c>
      <c r="AC682">
        <v>113</v>
      </c>
      <c r="AD682">
        <v>74</v>
      </c>
      <c r="AE682">
        <v>146</v>
      </c>
      <c r="AF682">
        <v>540</v>
      </c>
      <c r="AG682">
        <v>77486</v>
      </c>
      <c r="AH682">
        <v>50000</v>
      </c>
      <c r="AI682">
        <v>0</v>
      </c>
      <c r="AJ682">
        <v>96</v>
      </c>
      <c r="AK682" t="s">
        <v>4</v>
      </c>
      <c r="AL682">
        <v>0</v>
      </c>
      <c r="AM682">
        <v>0</v>
      </c>
      <c r="AN682">
        <v>0</v>
      </c>
      <c r="AO682">
        <v>0</v>
      </c>
      <c r="AP682">
        <v>0</v>
      </c>
      <c r="AQ682">
        <v>0</v>
      </c>
      <c r="AR682">
        <v>0</v>
      </c>
      <c r="AS682">
        <v>0</v>
      </c>
      <c r="AT682">
        <v>0</v>
      </c>
      <c r="AU682">
        <v>0</v>
      </c>
      <c r="AV682">
        <v>0</v>
      </c>
      <c r="AW682">
        <v>0</v>
      </c>
      <c r="AX682">
        <v>0</v>
      </c>
      <c r="AY682">
        <v>33</v>
      </c>
      <c r="AZ682">
        <v>50</v>
      </c>
      <c r="BA682">
        <v>4620</v>
      </c>
    </row>
    <row r="683" spans="1:53" x14ac:dyDescent="0.4">
      <c r="A683">
        <v>727</v>
      </c>
      <c r="B683" s="1">
        <v>43026</v>
      </c>
      <c r="C683">
        <v>3</v>
      </c>
      <c r="D683" s="1">
        <v>43026.752083333333</v>
      </c>
      <c r="E683" s="1">
        <v>43026.948611111111</v>
      </c>
      <c r="F683">
        <v>3388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  <c r="M683">
        <v>2710</v>
      </c>
      <c r="N683">
        <v>0</v>
      </c>
      <c r="O683">
        <v>0</v>
      </c>
      <c r="P683">
        <v>-4968</v>
      </c>
      <c r="Q683">
        <v>0</v>
      </c>
      <c r="R683">
        <v>31622</v>
      </c>
      <c r="S683">
        <v>0</v>
      </c>
      <c r="T683">
        <v>0</v>
      </c>
      <c r="U683">
        <v>0</v>
      </c>
      <c r="V683">
        <v>1</v>
      </c>
      <c r="W683">
        <v>6</v>
      </c>
      <c r="X683">
        <v>0</v>
      </c>
      <c r="Y683">
        <v>34</v>
      </c>
      <c r="Z683">
        <v>21</v>
      </c>
      <c r="AA683">
        <v>130</v>
      </c>
      <c r="AB683">
        <v>45</v>
      </c>
      <c r="AC683">
        <v>116</v>
      </c>
      <c r="AD683">
        <v>76</v>
      </c>
      <c r="AE683">
        <v>150</v>
      </c>
      <c r="AF683">
        <v>7668</v>
      </c>
      <c r="AG683">
        <v>109108</v>
      </c>
      <c r="AH683">
        <v>50000</v>
      </c>
      <c r="AI683">
        <v>0</v>
      </c>
      <c r="AJ683">
        <v>106</v>
      </c>
      <c r="AK683" t="s">
        <v>29</v>
      </c>
      <c r="AL683">
        <v>0</v>
      </c>
      <c r="AM683">
        <v>0</v>
      </c>
      <c r="AN683">
        <v>0</v>
      </c>
      <c r="AO683">
        <v>0</v>
      </c>
      <c r="AP683">
        <v>0</v>
      </c>
      <c r="AQ683">
        <v>0</v>
      </c>
      <c r="AR683">
        <v>0</v>
      </c>
      <c r="AS683">
        <v>0</v>
      </c>
      <c r="AT683">
        <v>0</v>
      </c>
      <c r="AU683">
        <v>0</v>
      </c>
      <c r="AV683">
        <v>0</v>
      </c>
      <c r="AW683">
        <v>0</v>
      </c>
      <c r="AX683">
        <v>28350</v>
      </c>
      <c r="AY683">
        <v>11</v>
      </c>
      <c r="AZ683">
        <v>54</v>
      </c>
      <c r="BA683">
        <v>1574</v>
      </c>
    </row>
    <row r="684" spans="1:53" x14ac:dyDescent="0.4">
      <c r="A684">
        <v>728</v>
      </c>
      <c r="B684" s="1">
        <v>43027</v>
      </c>
      <c r="C684">
        <v>1</v>
      </c>
      <c r="D684" s="1">
        <v>43027.291666666664</v>
      </c>
      <c r="E684" s="1">
        <v>43027.449305555558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0</v>
      </c>
      <c r="O684">
        <v>0</v>
      </c>
      <c r="P684">
        <v>0</v>
      </c>
      <c r="Q684">
        <v>0</v>
      </c>
      <c r="R684">
        <v>0</v>
      </c>
      <c r="S684">
        <v>0</v>
      </c>
      <c r="T684">
        <v>0</v>
      </c>
      <c r="U684">
        <v>0</v>
      </c>
      <c r="V684">
        <v>0</v>
      </c>
      <c r="W684">
        <v>1</v>
      </c>
      <c r="X684">
        <v>0</v>
      </c>
      <c r="Y684">
        <v>25</v>
      </c>
      <c r="Z684">
        <v>17</v>
      </c>
      <c r="AA684">
        <v>77</v>
      </c>
      <c r="AB684">
        <v>46</v>
      </c>
      <c r="AC684">
        <v>98</v>
      </c>
      <c r="AD684">
        <v>74</v>
      </c>
      <c r="AE684">
        <v>150</v>
      </c>
      <c r="AF684">
        <v>0</v>
      </c>
      <c r="AG684">
        <v>50000</v>
      </c>
      <c r="AH684">
        <v>0</v>
      </c>
      <c r="AI684">
        <v>50000</v>
      </c>
      <c r="AJ684">
        <v>0</v>
      </c>
      <c r="AK684" t="s">
        <v>6</v>
      </c>
      <c r="AL684">
        <v>0</v>
      </c>
      <c r="AM684">
        <v>0</v>
      </c>
      <c r="AN684">
        <v>0</v>
      </c>
      <c r="AO684">
        <v>0</v>
      </c>
      <c r="AP684">
        <v>0</v>
      </c>
      <c r="AQ684">
        <v>0</v>
      </c>
      <c r="AR684">
        <v>0</v>
      </c>
      <c r="AS684">
        <v>0</v>
      </c>
      <c r="AT684">
        <v>0</v>
      </c>
      <c r="AU684">
        <v>0</v>
      </c>
      <c r="AV684">
        <v>0</v>
      </c>
      <c r="AW684">
        <v>0</v>
      </c>
      <c r="AX684">
        <v>0</v>
      </c>
      <c r="AY684">
        <v>0</v>
      </c>
      <c r="AZ684">
        <v>0</v>
      </c>
      <c r="BA684">
        <v>0</v>
      </c>
    </row>
    <row r="685" spans="1:53" x14ac:dyDescent="0.4">
      <c r="A685">
        <v>729</v>
      </c>
      <c r="B685" s="1">
        <v>43027</v>
      </c>
      <c r="C685">
        <v>2</v>
      </c>
      <c r="D685" s="1">
        <v>43027.449305555558</v>
      </c>
      <c r="E685" s="1">
        <v>43027.773611111108</v>
      </c>
      <c r="F685">
        <v>22500</v>
      </c>
      <c r="G685">
        <v>2600</v>
      </c>
      <c r="H685">
        <v>0</v>
      </c>
      <c r="I685">
        <v>0</v>
      </c>
      <c r="J685">
        <v>0</v>
      </c>
      <c r="K685">
        <v>0</v>
      </c>
      <c r="L685">
        <v>0</v>
      </c>
      <c r="M685">
        <v>2008</v>
      </c>
      <c r="N685">
        <v>0</v>
      </c>
      <c r="O685">
        <v>0</v>
      </c>
      <c r="P685">
        <v>16632</v>
      </c>
      <c r="Q685">
        <v>0</v>
      </c>
      <c r="R685">
        <v>43740</v>
      </c>
      <c r="S685">
        <v>0</v>
      </c>
      <c r="T685">
        <v>0</v>
      </c>
      <c r="U685">
        <v>0</v>
      </c>
      <c r="V685">
        <v>1</v>
      </c>
      <c r="W685">
        <v>1</v>
      </c>
      <c r="X685">
        <v>0</v>
      </c>
      <c r="Y685">
        <v>51</v>
      </c>
      <c r="Z685">
        <v>27</v>
      </c>
      <c r="AA685">
        <v>99</v>
      </c>
      <c r="AB685">
        <v>51</v>
      </c>
      <c r="AC685">
        <v>126</v>
      </c>
      <c r="AD685">
        <v>76</v>
      </c>
      <c r="AE685">
        <v>150</v>
      </c>
      <c r="AF685">
        <v>0</v>
      </c>
      <c r="AG685">
        <v>93740</v>
      </c>
      <c r="AH685">
        <v>50000</v>
      </c>
      <c r="AI685">
        <v>0</v>
      </c>
      <c r="AJ685">
        <v>82</v>
      </c>
      <c r="AK685" t="s">
        <v>17</v>
      </c>
      <c r="AL685">
        <v>0</v>
      </c>
      <c r="AM685">
        <v>0</v>
      </c>
      <c r="AN685">
        <v>0</v>
      </c>
      <c r="AO685">
        <v>0</v>
      </c>
      <c r="AP685">
        <v>0</v>
      </c>
      <c r="AQ685">
        <v>0</v>
      </c>
      <c r="AR685">
        <v>0</v>
      </c>
      <c r="AS685">
        <v>0</v>
      </c>
      <c r="AT685">
        <v>0</v>
      </c>
      <c r="AU685">
        <v>0</v>
      </c>
      <c r="AV685">
        <v>0</v>
      </c>
      <c r="AW685">
        <v>0</v>
      </c>
      <c r="AX685">
        <v>2581</v>
      </c>
      <c r="AY685">
        <v>36</v>
      </c>
      <c r="AZ685">
        <v>72</v>
      </c>
      <c r="BA685">
        <v>5308</v>
      </c>
    </row>
    <row r="686" spans="1:53" x14ac:dyDescent="0.4">
      <c r="A686">
        <v>730</v>
      </c>
      <c r="B686" s="1">
        <v>43027</v>
      </c>
      <c r="C686">
        <v>3</v>
      </c>
      <c r="D686" s="1">
        <v>43027.773611111108</v>
      </c>
      <c r="E686" s="1">
        <v>43027.931944444441</v>
      </c>
      <c r="F686">
        <v>20670</v>
      </c>
      <c r="G686">
        <v>529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2077</v>
      </c>
      <c r="N686">
        <v>0</v>
      </c>
      <c r="O686">
        <v>0</v>
      </c>
      <c r="P686">
        <v>-16632</v>
      </c>
      <c r="Q686">
        <v>0</v>
      </c>
      <c r="R686">
        <v>11405</v>
      </c>
      <c r="S686">
        <v>0</v>
      </c>
      <c r="T686">
        <v>0</v>
      </c>
      <c r="U686">
        <v>0</v>
      </c>
      <c r="V686">
        <v>1</v>
      </c>
      <c r="W686">
        <v>3</v>
      </c>
      <c r="X686">
        <v>0</v>
      </c>
      <c r="Y686">
        <v>53</v>
      </c>
      <c r="Z686">
        <v>26</v>
      </c>
      <c r="AA686">
        <v>97</v>
      </c>
      <c r="AB686">
        <v>53</v>
      </c>
      <c r="AC686">
        <v>127</v>
      </c>
      <c r="AD686">
        <v>75</v>
      </c>
      <c r="AE686">
        <v>150</v>
      </c>
      <c r="AF686">
        <v>0</v>
      </c>
      <c r="AG686">
        <v>105145</v>
      </c>
      <c r="AH686">
        <v>50000</v>
      </c>
      <c r="AI686">
        <v>0</v>
      </c>
      <c r="AJ686">
        <v>16</v>
      </c>
      <c r="AK686" t="s">
        <v>11</v>
      </c>
      <c r="AL686">
        <v>0</v>
      </c>
      <c r="AM686">
        <v>0</v>
      </c>
      <c r="AN686">
        <v>0</v>
      </c>
      <c r="AO686">
        <v>0</v>
      </c>
      <c r="AP686">
        <v>0</v>
      </c>
      <c r="AQ686">
        <v>0</v>
      </c>
      <c r="AR686">
        <v>0</v>
      </c>
      <c r="AS686">
        <v>0</v>
      </c>
      <c r="AT686">
        <v>0</v>
      </c>
      <c r="AU686">
        <v>0</v>
      </c>
      <c r="AV686">
        <v>0</v>
      </c>
      <c r="AW686">
        <v>0</v>
      </c>
      <c r="AX686">
        <v>24343</v>
      </c>
      <c r="AY686">
        <v>12</v>
      </c>
      <c r="AZ686">
        <v>28</v>
      </c>
      <c r="BA686">
        <v>1635</v>
      </c>
    </row>
    <row r="687" spans="1:53" x14ac:dyDescent="0.4">
      <c r="A687">
        <v>731</v>
      </c>
      <c r="B687" s="1">
        <v>43028</v>
      </c>
      <c r="C687">
        <v>1</v>
      </c>
      <c r="D687" s="1">
        <v>43028.291666666664</v>
      </c>
      <c r="E687" s="1">
        <v>43028.449305555558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  <c r="M687">
        <v>0</v>
      </c>
      <c r="N687">
        <v>0</v>
      </c>
      <c r="O687">
        <v>0</v>
      </c>
      <c r="P687">
        <v>0</v>
      </c>
      <c r="Q687">
        <v>0</v>
      </c>
      <c r="R687">
        <v>0</v>
      </c>
      <c r="S687">
        <v>0</v>
      </c>
      <c r="T687">
        <v>0</v>
      </c>
      <c r="U687">
        <v>0</v>
      </c>
      <c r="V687">
        <v>0</v>
      </c>
      <c r="W687">
        <v>1</v>
      </c>
      <c r="X687">
        <v>0</v>
      </c>
      <c r="Y687">
        <v>26</v>
      </c>
      <c r="Z687">
        <v>11</v>
      </c>
      <c r="AA687">
        <v>92</v>
      </c>
      <c r="AB687">
        <v>52</v>
      </c>
      <c r="AC687">
        <v>118</v>
      </c>
      <c r="AD687">
        <v>74</v>
      </c>
      <c r="AE687">
        <v>150</v>
      </c>
      <c r="AF687">
        <v>0</v>
      </c>
      <c r="AG687">
        <v>50000</v>
      </c>
      <c r="AH687">
        <v>0</v>
      </c>
      <c r="AI687">
        <v>50000</v>
      </c>
      <c r="AJ687">
        <v>0</v>
      </c>
      <c r="AK687" t="s">
        <v>6</v>
      </c>
      <c r="AL687">
        <v>0</v>
      </c>
      <c r="AM687">
        <v>0</v>
      </c>
      <c r="AN687">
        <v>0</v>
      </c>
      <c r="AO687">
        <v>0</v>
      </c>
      <c r="AP687">
        <v>0</v>
      </c>
      <c r="AQ687">
        <v>0</v>
      </c>
      <c r="AR687">
        <v>0</v>
      </c>
      <c r="AS687">
        <v>0</v>
      </c>
      <c r="AT687">
        <v>0</v>
      </c>
      <c r="AU687">
        <v>0</v>
      </c>
      <c r="AV687">
        <v>0</v>
      </c>
      <c r="AW687">
        <v>0</v>
      </c>
      <c r="AX687">
        <v>0</v>
      </c>
      <c r="AY687">
        <v>0</v>
      </c>
      <c r="AZ687">
        <v>0</v>
      </c>
      <c r="BA687">
        <v>0</v>
      </c>
    </row>
    <row r="688" spans="1:53" x14ac:dyDescent="0.4">
      <c r="A688">
        <v>732</v>
      </c>
      <c r="B688" s="1">
        <v>43028</v>
      </c>
      <c r="C688">
        <v>2</v>
      </c>
      <c r="D688" s="1">
        <v>43028.449305555558</v>
      </c>
      <c r="E688" s="1">
        <v>43028.736805555556</v>
      </c>
      <c r="F688">
        <v>25000</v>
      </c>
      <c r="G688">
        <v>103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2082</v>
      </c>
      <c r="N688">
        <v>0</v>
      </c>
      <c r="O688">
        <v>0</v>
      </c>
      <c r="P688">
        <v>17280</v>
      </c>
      <c r="Q688">
        <v>0</v>
      </c>
      <c r="R688">
        <v>45392</v>
      </c>
      <c r="S688">
        <v>0</v>
      </c>
      <c r="T688">
        <v>0</v>
      </c>
      <c r="U688">
        <v>0</v>
      </c>
      <c r="V688">
        <v>1</v>
      </c>
      <c r="W688">
        <v>2</v>
      </c>
      <c r="X688">
        <v>0</v>
      </c>
      <c r="Y688">
        <v>44</v>
      </c>
      <c r="Z688">
        <v>32</v>
      </c>
      <c r="AA688">
        <v>105</v>
      </c>
      <c r="AB688">
        <v>51</v>
      </c>
      <c r="AC688">
        <v>180</v>
      </c>
      <c r="AD688">
        <v>78</v>
      </c>
      <c r="AE688">
        <v>152</v>
      </c>
      <c r="AF688">
        <v>0</v>
      </c>
      <c r="AG688">
        <v>95392</v>
      </c>
      <c r="AH688">
        <v>50000</v>
      </c>
      <c r="AI688">
        <v>0</v>
      </c>
      <c r="AJ688">
        <v>97</v>
      </c>
      <c r="AK688" t="s">
        <v>13</v>
      </c>
      <c r="AL688">
        <v>0</v>
      </c>
      <c r="AM688">
        <v>0</v>
      </c>
      <c r="AN688">
        <v>0</v>
      </c>
      <c r="AO688">
        <v>0</v>
      </c>
      <c r="AP688">
        <v>0</v>
      </c>
      <c r="AQ688">
        <v>0</v>
      </c>
      <c r="AR688">
        <v>0</v>
      </c>
      <c r="AS688">
        <v>0</v>
      </c>
      <c r="AT688">
        <v>0</v>
      </c>
      <c r="AU688">
        <v>0</v>
      </c>
      <c r="AV688">
        <v>0</v>
      </c>
      <c r="AW688">
        <v>0</v>
      </c>
      <c r="AX688">
        <v>1522</v>
      </c>
      <c r="AY688">
        <v>37</v>
      </c>
      <c r="AZ688">
        <v>79</v>
      </c>
      <c r="BA688">
        <v>4904</v>
      </c>
    </row>
    <row r="689" spans="1:53" x14ac:dyDescent="0.4">
      <c r="A689">
        <v>733</v>
      </c>
      <c r="B689" s="1">
        <v>43028</v>
      </c>
      <c r="C689">
        <v>3</v>
      </c>
      <c r="D689" s="1">
        <v>43028.736805555556</v>
      </c>
      <c r="E689" s="1">
        <v>43028.953472222223</v>
      </c>
      <c r="F689">
        <v>62200</v>
      </c>
      <c r="G689">
        <v>2550</v>
      </c>
      <c r="H689">
        <v>0</v>
      </c>
      <c r="I689">
        <v>0</v>
      </c>
      <c r="J689">
        <v>0</v>
      </c>
      <c r="K689">
        <v>600</v>
      </c>
      <c r="L689">
        <v>0</v>
      </c>
      <c r="M689">
        <v>5226</v>
      </c>
      <c r="N689">
        <v>0</v>
      </c>
      <c r="O689">
        <v>0</v>
      </c>
      <c r="P689">
        <v>-6070</v>
      </c>
      <c r="Q689">
        <v>0</v>
      </c>
      <c r="R689">
        <v>64506</v>
      </c>
      <c r="S689">
        <v>0</v>
      </c>
      <c r="T689">
        <v>0</v>
      </c>
      <c r="U689">
        <v>0</v>
      </c>
      <c r="V689">
        <v>3</v>
      </c>
      <c r="W689">
        <v>5</v>
      </c>
      <c r="X689">
        <v>0</v>
      </c>
      <c r="Y689">
        <v>57</v>
      </c>
      <c r="Z689">
        <v>35</v>
      </c>
      <c r="AA689">
        <v>108</v>
      </c>
      <c r="AB689">
        <v>53</v>
      </c>
      <c r="AC689">
        <v>178</v>
      </c>
      <c r="AD689">
        <v>78</v>
      </c>
      <c r="AE689">
        <v>149</v>
      </c>
      <c r="AF689">
        <v>14629</v>
      </c>
      <c r="AG689">
        <v>159898</v>
      </c>
      <c r="AH689">
        <v>50000</v>
      </c>
      <c r="AI689">
        <v>0</v>
      </c>
      <c r="AJ689">
        <v>84</v>
      </c>
      <c r="AK689" t="s">
        <v>16</v>
      </c>
      <c r="AL689">
        <v>0</v>
      </c>
      <c r="AM689">
        <v>0</v>
      </c>
      <c r="AN689">
        <v>0</v>
      </c>
      <c r="AO689">
        <v>0</v>
      </c>
      <c r="AP689">
        <v>0</v>
      </c>
      <c r="AQ689">
        <v>0</v>
      </c>
      <c r="AR689">
        <v>0</v>
      </c>
      <c r="AS689">
        <v>0</v>
      </c>
      <c r="AT689">
        <v>0</v>
      </c>
      <c r="AU689">
        <v>0</v>
      </c>
      <c r="AV689">
        <v>0</v>
      </c>
      <c r="AW689">
        <v>0</v>
      </c>
      <c r="AX689">
        <v>118789</v>
      </c>
      <c r="AY689">
        <v>20</v>
      </c>
      <c r="AZ689">
        <v>116</v>
      </c>
      <c r="BA689">
        <v>3183</v>
      </c>
    </row>
    <row r="690" spans="1:53" x14ac:dyDescent="0.4">
      <c r="A690">
        <v>734</v>
      </c>
      <c r="B690" s="1">
        <v>43028</v>
      </c>
      <c r="C690">
        <v>4</v>
      </c>
      <c r="D690" s="1">
        <v>43028.953472222223</v>
      </c>
      <c r="E690" s="1">
        <v>43029.079861111109</v>
      </c>
      <c r="F690">
        <v>181910</v>
      </c>
      <c r="G690">
        <v>3040</v>
      </c>
      <c r="H690">
        <v>0</v>
      </c>
      <c r="I690">
        <v>0</v>
      </c>
      <c r="J690">
        <v>0</v>
      </c>
      <c r="K690">
        <v>3000</v>
      </c>
      <c r="L690">
        <v>0</v>
      </c>
      <c r="M690">
        <v>15036</v>
      </c>
      <c r="N690">
        <v>0</v>
      </c>
      <c r="O690">
        <v>0</v>
      </c>
      <c r="P690">
        <v>50458</v>
      </c>
      <c r="Q690">
        <v>0</v>
      </c>
      <c r="R690">
        <v>253444</v>
      </c>
      <c r="S690">
        <v>0</v>
      </c>
      <c r="T690">
        <v>0</v>
      </c>
      <c r="U690">
        <v>0</v>
      </c>
      <c r="V690">
        <v>14</v>
      </c>
      <c r="W690">
        <v>8</v>
      </c>
      <c r="X690">
        <v>0</v>
      </c>
      <c r="Y690">
        <v>118</v>
      </c>
      <c r="Z690">
        <v>38</v>
      </c>
      <c r="AA690">
        <v>103</v>
      </c>
      <c r="AB690">
        <v>53</v>
      </c>
      <c r="AC690">
        <v>176</v>
      </c>
      <c r="AD690">
        <v>77</v>
      </c>
      <c r="AE690">
        <v>133</v>
      </c>
      <c r="AF690">
        <v>81114</v>
      </c>
      <c r="AG690">
        <v>413342</v>
      </c>
      <c r="AH690">
        <v>50000</v>
      </c>
      <c r="AI690">
        <v>0</v>
      </c>
      <c r="AJ690">
        <v>100</v>
      </c>
      <c r="AK690" t="s">
        <v>0</v>
      </c>
      <c r="AL690">
        <v>0</v>
      </c>
      <c r="AM690">
        <v>0</v>
      </c>
      <c r="AN690">
        <v>0</v>
      </c>
      <c r="AO690">
        <v>0</v>
      </c>
      <c r="AP690">
        <v>0</v>
      </c>
      <c r="AQ690">
        <v>0</v>
      </c>
      <c r="AR690">
        <v>0</v>
      </c>
      <c r="AS690">
        <v>0</v>
      </c>
      <c r="AT690">
        <v>0</v>
      </c>
      <c r="AU690">
        <v>0</v>
      </c>
      <c r="AV690">
        <v>0</v>
      </c>
      <c r="AW690">
        <v>0</v>
      </c>
      <c r="AX690">
        <v>-6826</v>
      </c>
      <c r="AY690">
        <v>20</v>
      </c>
      <c r="AZ690">
        <v>58</v>
      </c>
      <c r="BA690">
        <v>1818</v>
      </c>
    </row>
    <row r="691" spans="1:53" x14ac:dyDescent="0.4">
      <c r="A691">
        <v>735</v>
      </c>
      <c r="B691" s="1">
        <v>43029</v>
      </c>
      <c r="C691">
        <v>1</v>
      </c>
      <c r="D691" s="1">
        <v>43029.291666666664</v>
      </c>
      <c r="E691" s="1">
        <v>43029.40625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0</v>
      </c>
      <c r="O691">
        <v>0</v>
      </c>
      <c r="P691">
        <v>0</v>
      </c>
      <c r="Q691">
        <v>0</v>
      </c>
      <c r="R691">
        <v>0</v>
      </c>
      <c r="S691">
        <v>0</v>
      </c>
      <c r="T691">
        <v>0</v>
      </c>
      <c r="U691">
        <v>0</v>
      </c>
      <c r="V691">
        <v>0</v>
      </c>
      <c r="W691">
        <v>1</v>
      </c>
      <c r="X691">
        <v>0</v>
      </c>
      <c r="Y691">
        <v>25</v>
      </c>
      <c r="Z691">
        <v>15</v>
      </c>
      <c r="AA691">
        <v>80</v>
      </c>
      <c r="AB691">
        <v>54</v>
      </c>
      <c r="AC691">
        <v>129</v>
      </c>
      <c r="AD691">
        <v>76</v>
      </c>
      <c r="AE691">
        <v>130</v>
      </c>
      <c r="AF691">
        <v>0</v>
      </c>
      <c r="AG691">
        <v>50000</v>
      </c>
      <c r="AH691">
        <v>0</v>
      </c>
      <c r="AI691">
        <v>50000</v>
      </c>
      <c r="AJ691">
        <v>0</v>
      </c>
      <c r="AK691" t="s">
        <v>6</v>
      </c>
      <c r="AL691">
        <v>0</v>
      </c>
      <c r="AM691">
        <v>0</v>
      </c>
      <c r="AN691">
        <v>0</v>
      </c>
      <c r="AO691">
        <v>0</v>
      </c>
      <c r="AP691">
        <v>0</v>
      </c>
      <c r="AQ691">
        <v>0</v>
      </c>
      <c r="AR691">
        <v>0</v>
      </c>
      <c r="AS691">
        <v>0</v>
      </c>
      <c r="AT691">
        <v>0</v>
      </c>
      <c r="AU691">
        <v>0</v>
      </c>
      <c r="AV691">
        <v>0</v>
      </c>
      <c r="AW691">
        <v>0</v>
      </c>
      <c r="AX691">
        <v>0</v>
      </c>
      <c r="AY691">
        <v>0</v>
      </c>
      <c r="AZ691">
        <v>0</v>
      </c>
      <c r="BA691">
        <v>0</v>
      </c>
    </row>
    <row r="692" spans="1:53" x14ac:dyDescent="0.4">
      <c r="A692">
        <v>736</v>
      </c>
      <c r="B692" s="1">
        <v>43029</v>
      </c>
      <c r="C692">
        <v>2</v>
      </c>
      <c r="D692" s="1">
        <v>43029.40625</v>
      </c>
      <c r="E692" s="1">
        <v>43029.746527777781</v>
      </c>
      <c r="F692">
        <v>39000</v>
      </c>
      <c r="G692">
        <v>3050</v>
      </c>
      <c r="H692">
        <v>0</v>
      </c>
      <c r="I692">
        <v>0</v>
      </c>
      <c r="J692">
        <v>0</v>
      </c>
      <c r="K692">
        <v>0</v>
      </c>
      <c r="L692">
        <v>0</v>
      </c>
      <c r="M692">
        <v>3363</v>
      </c>
      <c r="N692">
        <v>0</v>
      </c>
      <c r="O692">
        <v>0</v>
      </c>
      <c r="P692">
        <v>18360</v>
      </c>
      <c r="Q692">
        <v>0</v>
      </c>
      <c r="R692">
        <v>63773</v>
      </c>
      <c r="S692">
        <v>0</v>
      </c>
      <c r="T692">
        <v>0</v>
      </c>
      <c r="U692">
        <v>0</v>
      </c>
      <c r="V692">
        <v>0</v>
      </c>
      <c r="W692">
        <v>0</v>
      </c>
      <c r="X692">
        <v>0</v>
      </c>
      <c r="Y692">
        <v>74</v>
      </c>
      <c r="Z692">
        <v>35</v>
      </c>
      <c r="AA692">
        <v>107</v>
      </c>
      <c r="AB692">
        <v>67</v>
      </c>
      <c r="AC692">
        <v>213</v>
      </c>
      <c r="AD692">
        <v>77</v>
      </c>
      <c r="AE692">
        <v>132</v>
      </c>
      <c r="AF692">
        <v>5576</v>
      </c>
      <c r="AG692">
        <v>113773</v>
      </c>
      <c r="AH692">
        <v>50000</v>
      </c>
      <c r="AI692">
        <v>0</v>
      </c>
      <c r="AJ692">
        <v>82</v>
      </c>
      <c r="AK692" t="s">
        <v>17</v>
      </c>
      <c r="AL692">
        <v>0</v>
      </c>
      <c r="AM692">
        <v>0</v>
      </c>
      <c r="AN692">
        <v>0</v>
      </c>
      <c r="AO692">
        <v>0</v>
      </c>
      <c r="AP692">
        <v>0</v>
      </c>
      <c r="AQ692">
        <v>0</v>
      </c>
      <c r="AR692">
        <v>0</v>
      </c>
      <c r="AS692">
        <v>0</v>
      </c>
      <c r="AT692">
        <v>0</v>
      </c>
      <c r="AU692">
        <v>0</v>
      </c>
      <c r="AV692">
        <v>0</v>
      </c>
      <c r="AW692">
        <v>0</v>
      </c>
      <c r="AX692">
        <v>1642</v>
      </c>
      <c r="AY692">
        <v>49</v>
      </c>
      <c r="AZ692">
        <v>112</v>
      </c>
      <c r="BA692">
        <v>6886</v>
      </c>
    </row>
    <row r="693" spans="1:53" x14ac:dyDescent="0.4">
      <c r="A693">
        <v>737</v>
      </c>
      <c r="B693" s="1">
        <v>43029</v>
      </c>
      <c r="C693">
        <v>3</v>
      </c>
      <c r="D693" s="1">
        <v>43029.746527777781</v>
      </c>
      <c r="E693" s="1">
        <v>43029.982638888891</v>
      </c>
      <c r="F693">
        <v>144070</v>
      </c>
      <c r="G693">
        <v>4960</v>
      </c>
      <c r="H693">
        <v>0</v>
      </c>
      <c r="I693">
        <v>0</v>
      </c>
      <c r="J693">
        <v>800</v>
      </c>
      <c r="K693">
        <v>0</v>
      </c>
      <c r="L693">
        <v>0</v>
      </c>
      <c r="M693">
        <v>11859</v>
      </c>
      <c r="N693">
        <v>0</v>
      </c>
      <c r="O693">
        <v>0</v>
      </c>
      <c r="P693">
        <v>12582</v>
      </c>
      <c r="Q693">
        <v>0</v>
      </c>
      <c r="R693">
        <v>172671</v>
      </c>
      <c r="S693">
        <v>0</v>
      </c>
      <c r="T693">
        <v>0</v>
      </c>
      <c r="U693">
        <v>0</v>
      </c>
      <c r="V693">
        <v>11</v>
      </c>
      <c r="W693">
        <v>7</v>
      </c>
      <c r="X693">
        <v>0</v>
      </c>
      <c r="Y693">
        <v>101</v>
      </c>
      <c r="Z693">
        <v>33</v>
      </c>
      <c r="AA693">
        <v>102</v>
      </c>
      <c r="AB693">
        <v>69</v>
      </c>
      <c r="AC693">
        <v>209</v>
      </c>
      <c r="AD693">
        <v>70</v>
      </c>
      <c r="AE693">
        <v>123</v>
      </c>
      <c r="AF693">
        <v>7731</v>
      </c>
      <c r="AG693">
        <v>285444</v>
      </c>
      <c r="AH693">
        <v>50000</v>
      </c>
      <c r="AI693">
        <v>-1000</v>
      </c>
      <c r="AJ693">
        <v>102</v>
      </c>
      <c r="AK693" t="s">
        <v>8</v>
      </c>
      <c r="AL693">
        <v>0</v>
      </c>
      <c r="AM693">
        <v>0</v>
      </c>
      <c r="AN693">
        <v>0</v>
      </c>
      <c r="AO693">
        <v>0</v>
      </c>
      <c r="AP693">
        <v>0</v>
      </c>
      <c r="AQ693">
        <v>0</v>
      </c>
      <c r="AR693">
        <v>0</v>
      </c>
      <c r="AS693">
        <v>0</v>
      </c>
      <c r="AT693">
        <v>0</v>
      </c>
      <c r="AU693">
        <v>0</v>
      </c>
      <c r="AV693">
        <v>0</v>
      </c>
      <c r="AW693">
        <v>0</v>
      </c>
      <c r="AX693">
        <v>54459</v>
      </c>
      <c r="AY693">
        <v>29</v>
      </c>
      <c r="AZ693">
        <v>136</v>
      </c>
      <c r="BA693">
        <v>4220</v>
      </c>
    </row>
    <row r="694" spans="1:53" x14ac:dyDescent="0.4">
      <c r="A694">
        <v>738</v>
      </c>
      <c r="B694" s="1">
        <v>43029</v>
      </c>
      <c r="C694">
        <v>4</v>
      </c>
      <c r="D694" s="1">
        <v>43029.982638888891</v>
      </c>
      <c r="E694" s="1">
        <v>43030.088888888888</v>
      </c>
      <c r="F694">
        <v>109550</v>
      </c>
      <c r="G694">
        <v>1740</v>
      </c>
      <c r="H694">
        <v>0</v>
      </c>
      <c r="I694">
        <v>0</v>
      </c>
      <c r="J694">
        <v>0</v>
      </c>
      <c r="K694">
        <v>5000</v>
      </c>
      <c r="L694">
        <v>0</v>
      </c>
      <c r="M694">
        <v>9303</v>
      </c>
      <c r="N694">
        <v>0</v>
      </c>
      <c r="O694">
        <v>0</v>
      </c>
      <c r="P694">
        <v>116586</v>
      </c>
      <c r="Q694">
        <v>0</v>
      </c>
      <c r="R694">
        <v>242179</v>
      </c>
      <c r="S694">
        <v>0</v>
      </c>
      <c r="T694">
        <v>0</v>
      </c>
      <c r="U694">
        <v>0</v>
      </c>
      <c r="V694">
        <v>23</v>
      </c>
      <c r="W694">
        <v>8</v>
      </c>
      <c r="X694">
        <v>0</v>
      </c>
      <c r="Y694">
        <v>145</v>
      </c>
      <c r="Z694">
        <v>37</v>
      </c>
      <c r="AA694">
        <v>117</v>
      </c>
      <c r="AB694">
        <v>67</v>
      </c>
      <c r="AC694">
        <v>211</v>
      </c>
      <c r="AD694">
        <v>67</v>
      </c>
      <c r="AE694">
        <v>132</v>
      </c>
      <c r="AF694">
        <v>77496</v>
      </c>
      <c r="AG694">
        <v>528623</v>
      </c>
      <c r="AH694">
        <v>50000</v>
      </c>
      <c r="AI694">
        <v>0</v>
      </c>
      <c r="AJ694">
        <v>99</v>
      </c>
      <c r="AK694" t="s">
        <v>9</v>
      </c>
      <c r="AL694">
        <v>0</v>
      </c>
      <c r="AM694">
        <v>0</v>
      </c>
      <c r="AN694">
        <v>0</v>
      </c>
      <c r="AO694">
        <v>0</v>
      </c>
      <c r="AP694">
        <v>0</v>
      </c>
      <c r="AQ694">
        <v>0</v>
      </c>
      <c r="AR694">
        <v>0</v>
      </c>
      <c r="AS694">
        <v>0</v>
      </c>
      <c r="AT694">
        <v>0</v>
      </c>
      <c r="AU694">
        <v>0</v>
      </c>
      <c r="AV694">
        <v>0</v>
      </c>
      <c r="AW694">
        <v>0</v>
      </c>
      <c r="AX694">
        <v>4784</v>
      </c>
      <c r="AY694">
        <v>14</v>
      </c>
      <c r="AZ694">
        <v>66</v>
      </c>
      <c r="BA694">
        <v>2164</v>
      </c>
    </row>
    <row r="695" spans="1:53" x14ac:dyDescent="0.4">
      <c r="A695">
        <v>739</v>
      </c>
      <c r="B695" s="1">
        <v>43030</v>
      </c>
      <c r="C695">
        <v>1</v>
      </c>
      <c r="D695" s="1">
        <v>43030.291666666664</v>
      </c>
      <c r="E695" s="1">
        <v>43030.407638888886</v>
      </c>
      <c r="F695">
        <v>0</v>
      </c>
      <c r="G695">
        <v>0</v>
      </c>
      <c r="H695">
        <v>0</v>
      </c>
      <c r="I695">
        <v>0</v>
      </c>
      <c r="J695">
        <v>0</v>
      </c>
      <c r="K695">
        <v>0</v>
      </c>
      <c r="L695">
        <v>0</v>
      </c>
      <c r="M695">
        <v>0</v>
      </c>
      <c r="N695">
        <v>0</v>
      </c>
      <c r="O695">
        <v>0</v>
      </c>
      <c r="P695">
        <v>0</v>
      </c>
      <c r="Q695">
        <v>0</v>
      </c>
      <c r="R695">
        <v>0</v>
      </c>
      <c r="S695">
        <v>0</v>
      </c>
      <c r="T695">
        <v>0</v>
      </c>
      <c r="U695">
        <v>0</v>
      </c>
      <c r="V695">
        <v>0</v>
      </c>
      <c r="W695">
        <v>1</v>
      </c>
      <c r="X695">
        <v>0</v>
      </c>
      <c r="Y695">
        <v>25</v>
      </c>
      <c r="Z695">
        <v>15</v>
      </c>
      <c r="AA695">
        <v>79</v>
      </c>
      <c r="AB695">
        <v>63</v>
      </c>
      <c r="AC695">
        <v>100</v>
      </c>
      <c r="AD695">
        <v>64</v>
      </c>
      <c r="AE695">
        <v>130</v>
      </c>
      <c r="AF695">
        <v>0</v>
      </c>
      <c r="AG695">
        <v>50000</v>
      </c>
      <c r="AH695">
        <v>50000</v>
      </c>
      <c r="AI695">
        <v>0</v>
      </c>
      <c r="AJ695">
        <v>0</v>
      </c>
      <c r="AK695" t="s">
        <v>6</v>
      </c>
      <c r="AL695">
        <v>0</v>
      </c>
      <c r="AM695">
        <v>0</v>
      </c>
      <c r="AN695">
        <v>0</v>
      </c>
      <c r="AO695">
        <v>0</v>
      </c>
      <c r="AP695">
        <v>0</v>
      </c>
      <c r="AQ695">
        <v>0</v>
      </c>
      <c r="AR695">
        <v>0</v>
      </c>
      <c r="AS695">
        <v>0</v>
      </c>
      <c r="AT695">
        <v>0</v>
      </c>
      <c r="AU695">
        <v>0</v>
      </c>
      <c r="AV695">
        <v>0</v>
      </c>
      <c r="AW695">
        <v>0</v>
      </c>
      <c r="AX695">
        <v>0</v>
      </c>
      <c r="AY695">
        <v>0</v>
      </c>
      <c r="AZ695">
        <v>0</v>
      </c>
      <c r="BA695">
        <v>0</v>
      </c>
    </row>
    <row r="696" spans="1:53" x14ac:dyDescent="0.4">
      <c r="A696">
        <v>740</v>
      </c>
      <c r="B696" s="1">
        <v>43030</v>
      </c>
      <c r="C696">
        <v>2</v>
      </c>
      <c r="D696" s="1">
        <v>43030.407638888886</v>
      </c>
      <c r="E696" s="1">
        <v>43030.745138888888</v>
      </c>
      <c r="F696">
        <v>43250</v>
      </c>
      <c r="G696">
        <v>3000</v>
      </c>
      <c r="H696">
        <v>0</v>
      </c>
      <c r="I696">
        <v>0</v>
      </c>
      <c r="J696">
        <v>0</v>
      </c>
      <c r="K696">
        <v>0</v>
      </c>
      <c r="L696">
        <v>0</v>
      </c>
      <c r="M696">
        <v>3700</v>
      </c>
      <c r="N696">
        <v>0</v>
      </c>
      <c r="O696">
        <v>0</v>
      </c>
      <c r="P696">
        <v>19440</v>
      </c>
      <c r="Q696">
        <v>0</v>
      </c>
      <c r="R696">
        <v>69390</v>
      </c>
      <c r="S696">
        <v>0</v>
      </c>
      <c r="T696">
        <v>0</v>
      </c>
      <c r="U696">
        <v>0</v>
      </c>
      <c r="V696">
        <v>1</v>
      </c>
      <c r="W696">
        <v>1</v>
      </c>
      <c r="X696">
        <v>0</v>
      </c>
      <c r="Y696">
        <v>67</v>
      </c>
      <c r="Z696">
        <v>29</v>
      </c>
      <c r="AA696">
        <v>81</v>
      </c>
      <c r="AB696">
        <v>90</v>
      </c>
      <c r="AC696">
        <v>153</v>
      </c>
      <c r="AD696">
        <v>62</v>
      </c>
      <c r="AE696">
        <v>129</v>
      </c>
      <c r="AF696">
        <v>8321</v>
      </c>
      <c r="AG696">
        <v>119390</v>
      </c>
      <c r="AH696">
        <v>50000</v>
      </c>
      <c r="AI696">
        <v>0</v>
      </c>
      <c r="AJ696">
        <v>92</v>
      </c>
      <c r="AK696" t="s">
        <v>22</v>
      </c>
      <c r="AL696">
        <v>0</v>
      </c>
      <c r="AM696">
        <v>0</v>
      </c>
      <c r="AN696">
        <v>0</v>
      </c>
      <c r="AO696">
        <v>0</v>
      </c>
      <c r="AP696">
        <v>0</v>
      </c>
      <c r="AQ696">
        <v>0</v>
      </c>
      <c r="AR696">
        <v>0</v>
      </c>
      <c r="AS696">
        <v>0</v>
      </c>
      <c r="AT696">
        <v>0</v>
      </c>
      <c r="AU696">
        <v>0</v>
      </c>
      <c r="AV696">
        <v>0</v>
      </c>
      <c r="AW696">
        <v>0</v>
      </c>
      <c r="AX696">
        <v>-1080</v>
      </c>
      <c r="AY696">
        <v>44</v>
      </c>
      <c r="AZ696">
        <v>112</v>
      </c>
      <c r="BA696">
        <v>7118</v>
      </c>
    </row>
    <row r="697" spans="1:53" x14ac:dyDescent="0.4">
      <c r="A697">
        <v>741</v>
      </c>
      <c r="B697" s="1">
        <v>43031</v>
      </c>
      <c r="C697">
        <v>1</v>
      </c>
      <c r="D697" s="1">
        <v>43031.291666666664</v>
      </c>
      <c r="E697" s="1">
        <v>43031.451388888891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  <c r="M697">
        <v>0</v>
      </c>
      <c r="N697">
        <v>0</v>
      </c>
      <c r="O697">
        <v>0</v>
      </c>
      <c r="P697">
        <v>0</v>
      </c>
      <c r="Q697">
        <v>0</v>
      </c>
      <c r="R697">
        <v>0</v>
      </c>
      <c r="S697">
        <v>0</v>
      </c>
      <c r="T697">
        <v>0</v>
      </c>
      <c r="U697">
        <v>0</v>
      </c>
      <c r="V697">
        <v>0</v>
      </c>
      <c r="W697">
        <v>1</v>
      </c>
      <c r="X697">
        <v>0</v>
      </c>
      <c r="Y697">
        <v>25</v>
      </c>
      <c r="Z697">
        <v>16</v>
      </c>
      <c r="AA697">
        <v>72</v>
      </c>
      <c r="AB697">
        <v>66</v>
      </c>
      <c r="AC697">
        <v>106</v>
      </c>
      <c r="AD697">
        <v>64</v>
      </c>
      <c r="AE697">
        <v>120</v>
      </c>
      <c r="AF697">
        <v>0</v>
      </c>
      <c r="AG697">
        <v>50000</v>
      </c>
      <c r="AH697">
        <v>0</v>
      </c>
      <c r="AI697">
        <v>50000</v>
      </c>
      <c r="AJ697">
        <v>0</v>
      </c>
      <c r="AK697" t="s">
        <v>6</v>
      </c>
      <c r="AL697">
        <v>0</v>
      </c>
      <c r="AM697">
        <v>0</v>
      </c>
      <c r="AN697">
        <v>0</v>
      </c>
      <c r="AO697">
        <v>0</v>
      </c>
      <c r="AP697">
        <v>0</v>
      </c>
      <c r="AQ697">
        <v>0</v>
      </c>
      <c r="AR697">
        <v>0</v>
      </c>
      <c r="AS697">
        <v>0</v>
      </c>
      <c r="AT697">
        <v>0</v>
      </c>
      <c r="AU697">
        <v>0</v>
      </c>
      <c r="AV697">
        <v>0</v>
      </c>
      <c r="AW697">
        <v>0</v>
      </c>
      <c r="AX697">
        <v>0</v>
      </c>
      <c r="AY697">
        <v>0</v>
      </c>
      <c r="AZ697">
        <v>0</v>
      </c>
      <c r="BA697">
        <v>0</v>
      </c>
    </row>
    <row r="698" spans="1:53" x14ac:dyDescent="0.4">
      <c r="A698">
        <v>742</v>
      </c>
      <c r="B698" s="1">
        <v>43031</v>
      </c>
      <c r="C698">
        <v>2</v>
      </c>
      <c r="D698" s="1">
        <v>43031.451388888891</v>
      </c>
      <c r="E698" s="1">
        <v>43031.948611111111</v>
      </c>
      <c r="F698">
        <v>49250</v>
      </c>
      <c r="G698">
        <v>8030</v>
      </c>
      <c r="H698">
        <v>0</v>
      </c>
      <c r="I698">
        <v>0</v>
      </c>
      <c r="J698">
        <v>0</v>
      </c>
      <c r="K698">
        <v>0</v>
      </c>
      <c r="L698">
        <v>0</v>
      </c>
      <c r="M698">
        <v>4580</v>
      </c>
      <c r="N698">
        <v>0</v>
      </c>
      <c r="O698">
        <v>0</v>
      </c>
      <c r="P698">
        <v>5184</v>
      </c>
      <c r="Q698">
        <v>0</v>
      </c>
      <c r="R698">
        <v>67044</v>
      </c>
      <c r="S698">
        <v>0</v>
      </c>
      <c r="T698">
        <v>0</v>
      </c>
      <c r="U698">
        <v>0</v>
      </c>
      <c r="V698">
        <v>1</v>
      </c>
      <c r="W698">
        <v>2</v>
      </c>
      <c r="X698">
        <v>0</v>
      </c>
      <c r="Y698">
        <v>67</v>
      </c>
      <c r="Z698">
        <v>30</v>
      </c>
      <c r="AA698">
        <v>61</v>
      </c>
      <c r="AB698">
        <v>61</v>
      </c>
      <c r="AC698">
        <v>156</v>
      </c>
      <c r="AD698">
        <v>65</v>
      </c>
      <c r="AE698">
        <v>134</v>
      </c>
      <c r="AF698">
        <v>3875</v>
      </c>
      <c r="AG698">
        <v>117044</v>
      </c>
      <c r="AH698">
        <v>50000</v>
      </c>
      <c r="AI698">
        <v>0</v>
      </c>
      <c r="AJ698">
        <v>1</v>
      </c>
      <c r="AK698" t="s">
        <v>3</v>
      </c>
      <c r="AL698">
        <v>0</v>
      </c>
      <c r="AM698">
        <v>0</v>
      </c>
      <c r="AN698">
        <v>0</v>
      </c>
      <c r="AO698">
        <v>0</v>
      </c>
      <c r="AP698">
        <v>0</v>
      </c>
      <c r="AQ698">
        <v>0</v>
      </c>
      <c r="AR698">
        <v>0</v>
      </c>
      <c r="AS698">
        <v>0</v>
      </c>
      <c r="AT698">
        <v>0</v>
      </c>
      <c r="AU698">
        <v>0</v>
      </c>
      <c r="AV698">
        <v>0</v>
      </c>
      <c r="AW698">
        <v>0</v>
      </c>
      <c r="AX698">
        <v>3424</v>
      </c>
      <c r="AY698">
        <v>52</v>
      </c>
      <c r="AZ698">
        <v>95</v>
      </c>
      <c r="BA698">
        <v>7884</v>
      </c>
    </row>
    <row r="699" spans="1:53" x14ac:dyDescent="0.4">
      <c r="A699">
        <v>743</v>
      </c>
      <c r="B699" s="1">
        <v>43031</v>
      </c>
      <c r="C699">
        <v>3</v>
      </c>
      <c r="D699" s="1">
        <v>43031.948611111111</v>
      </c>
      <c r="E699" s="1">
        <v>43032.078472222223</v>
      </c>
      <c r="F699">
        <v>9000</v>
      </c>
      <c r="G699">
        <v>840</v>
      </c>
      <c r="H699">
        <v>0</v>
      </c>
      <c r="I699">
        <v>0</v>
      </c>
      <c r="J699">
        <v>0</v>
      </c>
      <c r="K699">
        <v>0</v>
      </c>
      <c r="L699">
        <v>0</v>
      </c>
      <c r="M699">
        <v>787</v>
      </c>
      <c r="N699">
        <v>0</v>
      </c>
      <c r="O699">
        <v>0</v>
      </c>
      <c r="P699">
        <v>13716</v>
      </c>
      <c r="Q699">
        <v>0</v>
      </c>
      <c r="R699">
        <v>24343</v>
      </c>
      <c r="S699">
        <v>0</v>
      </c>
      <c r="T699">
        <v>0</v>
      </c>
      <c r="U699">
        <v>0</v>
      </c>
      <c r="V699">
        <v>2</v>
      </c>
      <c r="W699">
        <v>2</v>
      </c>
      <c r="X699">
        <v>0</v>
      </c>
      <c r="Y699">
        <v>82</v>
      </c>
      <c r="Z699">
        <v>27</v>
      </c>
      <c r="AA699">
        <v>68</v>
      </c>
      <c r="AB699">
        <v>64</v>
      </c>
      <c r="AC699">
        <v>155</v>
      </c>
      <c r="AD699">
        <v>67</v>
      </c>
      <c r="AE699">
        <v>127</v>
      </c>
      <c r="AF699">
        <v>3875</v>
      </c>
      <c r="AG699">
        <v>141387</v>
      </c>
      <c r="AH699">
        <v>50000</v>
      </c>
      <c r="AI699">
        <v>0</v>
      </c>
      <c r="AJ699">
        <v>100</v>
      </c>
      <c r="AK699" t="s">
        <v>0</v>
      </c>
      <c r="AL699">
        <v>0</v>
      </c>
      <c r="AM699">
        <v>0</v>
      </c>
      <c r="AN699">
        <v>0</v>
      </c>
      <c r="AO699">
        <v>0</v>
      </c>
      <c r="AP699">
        <v>0</v>
      </c>
      <c r="AQ699">
        <v>0</v>
      </c>
      <c r="AR699">
        <v>0</v>
      </c>
      <c r="AS699">
        <v>0</v>
      </c>
      <c r="AT699">
        <v>0</v>
      </c>
      <c r="AU699">
        <v>0</v>
      </c>
      <c r="AV699">
        <v>0</v>
      </c>
      <c r="AW699">
        <v>0</v>
      </c>
      <c r="AX699">
        <v>10487</v>
      </c>
      <c r="AY699">
        <v>7</v>
      </c>
      <c r="AZ699">
        <v>18</v>
      </c>
      <c r="BA699">
        <v>760</v>
      </c>
    </row>
    <row r="700" spans="1:53" x14ac:dyDescent="0.4">
      <c r="A700">
        <v>744</v>
      </c>
      <c r="B700" s="1">
        <v>43032</v>
      </c>
      <c r="C700">
        <v>1</v>
      </c>
      <c r="D700" s="1">
        <v>43032.291666666664</v>
      </c>
      <c r="E700" s="1">
        <v>43032.453472222223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  <c r="M700">
        <v>0</v>
      </c>
      <c r="N700">
        <v>0</v>
      </c>
      <c r="O700">
        <v>0</v>
      </c>
      <c r="P700">
        <v>0</v>
      </c>
      <c r="Q700">
        <v>0</v>
      </c>
      <c r="R700">
        <v>0</v>
      </c>
      <c r="S700">
        <v>0</v>
      </c>
      <c r="T700">
        <v>0</v>
      </c>
      <c r="U700">
        <v>0</v>
      </c>
      <c r="V700">
        <v>0</v>
      </c>
      <c r="W700">
        <v>1</v>
      </c>
      <c r="X700">
        <v>0</v>
      </c>
      <c r="Y700">
        <v>25</v>
      </c>
      <c r="Z700">
        <v>15</v>
      </c>
      <c r="AA700">
        <v>72</v>
      </c>
      <c r="AB700">
        <v>67</v>
      </c>
      <c r="AC700">
        <v>150</v>
      </c>
      <c r="AD700">
        <v>66</v>
      </c>
      <c r="AE700">
        <v>120</v>
      </c>
      <c r="AF700">
        <v>0</v>
      </c>
      <c r="AG700">
        <v>50000</v>
      </c>
      <c r="AH700">
        <v>0</v>
      </c>
      <c r="AI700">
        <v>50000</v>
      </c>
      <c r="AJ700">
        <v>0</v>
      </c>
      <c r="AK700" t="s">
        <v>6</v>
      </c>
      <c r="AL700">
        <v>0</v>
      </c>
      <c r="AM700">
        <v>0</v>
      </c>
      <c r="AN700">
        <v>0</v>
      </c>
      <c r="AO700">
        <v>0</v>
      </c>
      <c r="AP700">
        <v>0</v>
      </c>
      <c r="AQ700">
        <v>0</v>
      </c>
      <c r="AR700">
        <v>0</v>
      </c>
      <c r="AS700">
        <v>0</v>
      </c>
      <c r="AT700">
        <v>0</v>
      </c>
      <c r="AU700">
        <v>0</v>
      </c>
      <c r="AV700">
        <v>0</v>
      </c>
      <c r="AW700">
        <v>0</v>
      </c>
      <c r="AX700">
        <v>0</v>
      </c>
      <c r="AY700">
        <v>0</v>
      </c>
      <c r="AZ700">
        <v>0</v>
      </c>
      <c r="BA700">
        <v>0</v>
      </c>
    </row>
    <row r="701" spans="1:53" x14ac:dyDescent="0.4">
      <c r="A701">
        <v>745</v>
      </c>
      <c r="B701" s="1">
        <v>43032</v>
      </c>
      <c r="C701">
        <v>2</v>
      </c>
      <c r="D701" s="1">
        <v>43032.453472222223</v>
      </c>
      <c r="E701" s="1">
        <v>43032.749305555553</v>
      </c>
      <c r="F701">
        <v>9500</v>
      </c>
      <c r="G701">
        <v>1230</v>
      </c>
      <c r="H701">
        <v>0</v>
      </c>
      <c r="I701">
        <v>0</v>
      </c>
      <c r="J701">
        <v>0</v>
      </c>
      <c r="K701">
        <v>0</v>
      </c>
      <c r="L701">
        <v>0</v>
      </c>
      <c r="M701">
        <v>858</v>
      </c>
      <c r="N701">
        <v>0</v>
      </c>
      <c r="O701">
        <v>0</v>
      </c>
      <c r="P701">
        <v>8100</v>
      </c>
      <c r="Q701">
        <v>0</v>
      </c>
      <c r="R701">
        <v>19688</v>
      </c>
      <c r="S701">
        <v>0</v>
      </c>
      <c r="T701">
        <v>0</v>
      </c>
      <c r="U701">
        <v>0</v>
      </c>
      <c r="V701">
        <v>1</v>
      </c>
      <c r="W701">
        <v>2</v>
      </c>
      <c r="X701">
        <v>0</v>
      </c>
      <c r="Y701">
        <v>24</v>
      </c>
      <c r="Z701">
        <v>23</v>
      </c>
      <c r="AA701">
        <v>58</v>
      </c>
      <c r="AB701">
        <v>62</v>
      </c>
      <c r="AC701">
        <v>164</v>
      </c>
      <c r="AD701">
        <v>65</v>
      </c>
      <c r="AE701">
        <v>119</v>
      </c>
      <c r="AF701">
        <v>3204</v>
      </c>
      <c r="AG701">
        <v>69688</v>
      </c>
      <c r="AH701">
        <v>50000</v>
      </c>
      <c r="AI701">
        <v>0</v>
      </c>
      <c r="AJ701">
        <v>102</v>
      </c>
      <c r="AK701" t="s">
        <v>8</v>
      </c>
      <c r="AL701">
        <v>0</v>
      </c>
      <c r="AM701">
        <v>0</v>
      </c>
      <c r="AN701">
        <v>0</v>
      </c>
      <c r="AO701">
        <v>0</v>
      </c>
      <c r="AP701">
        <v>0</v>
      </c>
      <c r="AQ701">
        <v>0</v>
      </c>
      <c r="AR701">
        <v>0</v>
      </c>
      <c r="AS701">
        <v>0</v>
      </c>
      <c r="AT701">
        <v>0</v>
      </c>
      <c r="AU701">
        <v>0</v>
      </c>
      <c r="AV701">
        <v>0</v>
      </c>
      <c r="AW701">
        <v>0</v>
      </c>
      <c r="AX701">
        <v>745</v>
      </c>
      <c r="AY701">
        <v>25</v>
      </c>
      <c r="AZ701">
        <v>33</v>
      </c>
      <c r="BA701">
        <v>3294</v>
      </c>
    </row>
    <row r="702" spans="1:53" x14ac:dyDescent="0.4">
      <c r="A702">
        <v>746</v>
      </c>
      <c r="B702" s="1">
        <v>43032</v>
      </c>
      <c r="C702">
        <v>3</v>
      </c>
      <c r="D702" s="1">
        <v>43032.749305555553</v>
      </c>
      <c r="E702" s="1">
        <v>43032.946527777778</v>
      </c>
      <c r="F702">
        <v>19680</v>
      </c>
      <c r="G702">
        <v>1570</v>
      </c>
      <c r="H702">
        <v>0</v>
      </c>
      <c r="I702">
        <v>0</v>
      </c>
      <c r="J702">
        <v>0</v>
      </c>
      <c r="K702">
        <v>0</v>
      </c>
      <c r="L702">
        <v>0</v>
      </c>
      <c r="M702">
        <v>1700</v>
      </c>
      <c r="N702">
        <v>0</v>
      </c>
      <c r="O702">
        <v>0</v>
      </c>
      <c r="P702">
        <v>-2916</v>
      </c>
      <c r="Q702">
        <v>0</v>
      </c>
      <c r="R702">
        <v>20034</v>
      </c>
      <c r="S702">
        <v>0</v>
      </c>
      <c r="T702">
        <v>0</v>
      </c>
      <c r="U702">
        <v>0</v>
      </c>
      <c r="V702">
        <v>3</v>
      </c>
      <c r="W702">
        <v>2</v>
      </c>
      <c r="X702">
        <v>0</v>
      </c>
      <c r="Y702">
        <v>24</v>
      </c>
      <c r="Z702">
        <v>24</v>
      </c>
      <c r="AA702">
        <v>51</v>
      </c>
      <c r="AB702">
        <v>61</v>
      </c>
      <c r="AC702">
        <v>156</v>
      </c>
      <c r="AD702">
        <v>60</v>
      </c>
      <c r="AE702">
        <v>108</v>
      </c>
      <c r="AF702">
        <v>3604</v>
      </c>
      <c r="AG702">
        <v>89722</v>
      </c>
      <c r="AH702">
        <v>50000</v>
      </c>
      <c r="AI702">
        <v>0</v>
      </c>
      <c r="AJ702">
        <v>102</v>
      </c>
      <c r="AK702" t="s">
        <v>8</v>
      </c>
      <c r="AL702">
        <v>0</v>
      </c>
      <c r="AM702">
        <v>0</v>
      </c>
      <c r="AN702">
        <v>0</v>
      </c>
      <c r="AO702">
        <v>0</v>
      </c>
      <c r="AP702">
        <v>0</v>
      </c>
      <c r="AQ702">
        <v>0</v>
      </c>
      <c r="AR702">
        <v>0</v>
      </c>
      <c r="AS702">
        <v>0</v>
      </c>
      <c r="AT702">
        <v>0</v>
      </c>
      <c r="AU702">
        <v>0</v>
      </c>
      <c r="AV702">
        <v>0</v>
      </c>
      <c r="AW702">
        <v>0</v>
      </c>
      <c r="AX702">
        <v>36828</v>
      </c>
      <c r="AY702">
        <v>14</v>
      </c>
      <c r="AZ702">
        <v>45</v>
      </c>
      <c r="BA702">
        <v>1861</v>
      </c>
    </row>
    <row r="703" spans="1:53" x14ac:dyDescent="0.4">
      <c r="A703">
        <v>747</v>
      </c>
      <c r="B703" s="1">
        <v>43032</v>
      </c>
      <c r="C703">
        <v>4</v>
      </c>
      <c r="D703" s="1">
        <v>43032.946527777778</v>
      </c>
      <c r="E703" s="1">
        <v>43033.104166666664</v>
      </c>
      <c r="F703">
        <v>53800</v>
      </c>
      <c r="G703">
        <v>2920</v>
      </c>
      <c r="H703">
        <v>0</v>
      </c>
      <c r="I703">
        <v>0</v>
      </c>
      <c r="J703">
        <v>0</v>
      </c>
      <c r="K703">
        <v>0</v>
      </c>
      <c r="L703">
        <v>0</v>
      </c>
      <c r="M703">
        <v>4538</v>
      </c>
      <c r="N703">
        <v>0</v>
      </c>
      <c r="O703">
        <v>0</v>
      </c>
      <c r="P703">
        <v>3024</v>
      </c>
      <c r="Q703">
        <v>0</v>
      </c>
      <c r="R703">
        <v>64282</v>
      </c>
      <c r="S703">
        <v>0</v>
      </c>
      <c r="T703">
        <v>0</v>
      </c>
      <c r="U703">
        <v>0</v>
      </c>
      <c r="V703">
        <v>7</v>
      </c>
      <c r="W703">
        <v>4</v>
      </c>
      <c r="X703">
        <v>0</v>
      </c>
      <c r="Y703">
        <v>40</v>
      </c>
      <c r="Z703">
        <v>22</v>
      </c>
      <c r="AA703">
        <v>41</v>
      </c>
      <c r="AB703">
        <v>63</v>
      </c>
      <c r="AC703">
        <v>172</v>
      </c>
      <c r="AD703">
        <v>64</v>
      </c>
      <c r="AE703">
        <v>110</v>
      </c>
      <c r="AF703">
        <v>3604</v>
      </c>
      <c r="AG703">
        <v>154004</v>
      </c>
      <c r="AH703">
        <v>50000</v>
      </c>
      <c r="AI703">
        <v>0</v>
      </c>
      <c r="AJ703">
        <v>95</v>
      </c>
      <c r="AK703" t="s">
        <v>21</v>
      </c>
      <c r="AL703">
        <v>0</v>
      </c>
      <c r="AM703">
        <v>0</v>
      </c>
      <c r="AN703">
        <v>0</v>
      </c>
      <c r="AO703">
        <v>0</v>
      </c>
      <c r="AP703">
        <v>0</v>
      </c>
      <c r="AQ703">
        <v>0</v>
      </c>
      <c r="AR703">
        <v>0</v>
      </c>
      <c r="AS703">
        <v>0</v>
      </c>
      <c r="AT703">
        <v>0</v>
      </c>
      <c r="AU703">
        <v>0</v>
      </c>
      <c r="AV703">
        <v>0</v>
      </c>
      <c r="AW703">
        <v>0</v>
      </c>
      <c r="AX703">
        <v>1804</v>
      </c>
      <c r="AY703">
        <v>5</v>
      </c>
      <c r="AZ703">
        <v>13</v>
      </c>
      <c r="BA703">
        <v>905</v>
      </c>
    </row>
    <row r="704" spans="1:53" x14ac:dyDescent="0.4">
      <c r="A704">
        <v>748</v>
      </c>
      <c r="B704" s="1">
        <v>43033</v>
      </c>
      <c r="C704">
        <v>1</v>
      </c>
      <c r="D704" s="1">
        <v>43033.291666666664</v>
      </c>
      <c r="E704" s="1">
        <v>43033.453472222223</v>
      </c>
      <c r="F704">
        <v>0</v>
      </c>
      <c r="G704">
        <v>0</v>
      </c>
      <c r="H704">
        <v>0</v>
      </c>
      <c r="I704">
        <v>0</v>
      </c>
      <c r="J704">
        <v>0</v>
      </c>
      <c r="K704">
        <v>0</v>
      </c>
      <c r="L704">
        <v>0</v>
      </c>
      <c r="M704">
        <v>0</v>
      </c>
      <c r="N704">
        <v>0</v>
      </c>
      <c r="O704">
        <v>0</v>
      </c>
      <c r="P704">
        <v>0</v>
      </c>
      <c r="Q704">
        <v>0</v>
      </c>
      <c r="R704">
        <v>0</v>
      </c>
      <c r="S704">
        <v>0</v>
      </c>
      <c r="T704">
        <v>0</v>
      </c>
      <c r="U704">
        <v>0</v>
      </c>
      <c r="V704">
        <v>0</v>
      </c>
      <c r="W704">
        <v>1</v>
      </c>
      <c r="X704">
        <v>0</v>
      </c>
      <c r="Y704">
        <v>28</v>
      </c>
      <c r="Z704">
        <v>17</v>
      </c>
      <c r="AA704">
        <v>33</v>
      </c>
      <c r="AB704">
        <v>61</v>
      </c>
      <c r="AC704">
        <v>174</v>
      </c>
      <c r="AD704">
        <v>62</v>
      </c>
      <c r="AE704">
        <v>100</v>
      </c>
      <c r="AF704">
        <v>0</v>
      </c>
      <c r="AG704">
        <v>50000</v>
      </c>
      <c r="AH704">
        <v>0</v>
      </c>
      <c r="AI704">
        <v>50000</v>
      </c>
      <c r="AJ704">
        <v>0</v>
      </c>
      <c r="AK704" t="s">
        <v>6</v>
      </c>
      <c r="AL704">
        <v>0</v>
      </c>
      <c r="AM704">
        <v>0</v>
      </c>
      <c r="AN704">
        <v>0</v>
      </c>
      <c r="AO704">
        <v>0</v>
      </c>
      <c r="AP704">
        <v>0</v>
      </c>
      <c r="AQ704">
        <v>0</v>
      </c>
      <c r="AR704">
        <v>0</v>
      </c>
      <c r="AS704">
        <v>0</v>
      </c>
      <c r="AT704">
        <v>0</v>
      </c>
      <c r="AU704">
        <v>0</v>
      </c>
      <c r="AV704">
        <v>0</v>
      </c>
      <c r="AW704">
        <v>0</v>
      </c>
      <c r="AX704">
        <v>0</v>
      </c>
      <c r="AY704">
        <v>0</v>
      </c>
      <c r="AZ704">
        <v>0</v>
      </c>
      <c r="BA704">
        <v>0</v>
      </c>
    </row>
    <row r="705" spans="1:53" x14ac:dyDescent="0.4">
      <c r="A705">
        <v>749</v>
      </c>
      <c r="B705" s="1">
        <v>43033</v>
      </c>
      <c r="C705">
        <v>2</v>
      </c>
      <c r="D705" s="1">
        <v>43033.453472222223</v>
      </c>
      <c r="E705" s="1">
        <v>43033.731249999997</v>
      </c>
      <c r="F705">
        <v>1000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800</v>
      </c>
      <c r="N705">
        <v>0</v>
      </c>
      <c r="O705">
        <v>0</v>
      </c>
      <c r="P705">
        <v>15660</v>
      </c>
      <c r="Q705">
        <v>0</v>
      </c>
      <c r="R705">
        <v>26460</v>
      </c>
      <c r="S705">
        <v>0</v>
      </c>
      <c r="T705">
        <v>0</v>
      </c>
      <c r="U705">
        <v>0</v>
      </c>
      <c r="V705">
        <v>0</v>
      </c>
      <c r="W705">
        <v>2</v>
      </c>
      <c r="X705">
        <v>0</v>
      </c>
      <c r="Y705">
        <v>33</v>
      </c>
      <c r="Z705">
        <v>32</v>
      </c>
      <c r="AA705">
        <v>27</v>
      </c>
      <c r="AB705">
        <v>57</v>
      </c>
      <c r="AC705">
        <v>220</v>
      </c>
      <c r="AD705">
        <v>61</v>
      </c>
      <c r="AE705">
        <v>102</v>
      </c>
      <c r="AF705">
        <v>9303</v>
      </c>
      <c r="AG705">
        <v>76460</v>
      </c>
      <c r="AH705">
        <v>50000</v>
      </c>
      <c r="AI705">
        <v>0</v>
      </c>
      <c r="AJ705">
        <v>96</v>
      </c>
      <c r="AK705" t="s">
        <v>4</v>
      </c>
      <c r="AL705">
        <v>0</v>
      </c>
      <c r="AM705">
        <v>0</v>
      </c>
      <c r="AN705">
        <v>0</v>
      </c>
      <c r="AO705">
        <v>0</v>
      </c>
      <c r="AP705">
        <v>0</v>
      </c>
      <c r="AQ705">
        <v>0</v>
      </c>
      <c r="AR705">
        <v>0</v>
      </c>
      <c r="AS705">
        <v>0</v>
      </c>
      <c r="AT705">
        <v>0</v>
      </c>
      <c r="AU705">
        <v>0</v>
      </c>
      <c r="AV705">
        <v>0</v>
      </c>
      <c r="AW705">
        <v>0</v>
      </c>
      <c r="AX705">
        <v>-2160</v>
      </c>
      <c r="AY705">
        <v>31</v>
      </c>
      <c r="AZ705">
        <v>49</v>
      </c>
      <c r="BA705">
        <v>3865</v>
      </c>
    </row>
    <row r="706" spans="1:53" x14ac:dyDescent="0.4">
      <c r="A706">
        <v>750</v>
      </c>
      <c r="B706" s="1">
        <v>43033</v>
      </c>
      <c r="C706">
        <v>3</v>
      </c>
      <c r="D706" s="1">
        <v>43033.731249999997</v>
      </c>
      <c r="E706" s="1">
        <v>43033.953472222223</v>
      </c>
      <c r="F706">
        <v>37700</v>
      </c>
      <c r="G706">
        <v>95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3092</v>
      </c>
      <c r="N706">
        <v>0</v>
      </c>
      <c r="O706">
        <v>0</v>
      </c>
      <c r="P706">
        <v>-13068</v>
      </c>
      <c r="Q706">
        <v>0</v>
      </c>
      <c r="R706">
        <v>28674</v>
      </c>
      <c r="S706">
        <v>0</v>
      </c>
      <c r="T706">
        <v>0</v>
      </c>
      <c r="U706">
        <v>0</v>
      </c>
      <c r="V706">
        <v>2</v>
      </c>
      <c r="W706">
        <v>0</v>
      </c>
      <c r="X706">
        <v>0</v>
      </c>
      <c r="Y706">
        <v>43</v>
      </c>
      <c r="Z706">
        <v>36</v>
      </c>
      <c r="AA706">
        <v>24</v>
      </c>
      <c r="AB706">
        <v>57</v>
      </c>
      <c r="AC706">
        <v>227</v>
      </c>
      <c r="AD706">
        <v>61</v>
      </c>
      <c r="AE706">
        <v>104</v>
      </c>
      <c r="AF706">
        <v>16205</v>
      </c>
      <c r="AG706">
        <v>105134</v>
      </c>
      <c r="AH706">
        <v>50000</v>
      </c>
      <c r="AI706">
        <v>0</v>
      </c>
      <c r="AJ706">
        <v>89</v>
      </c>
      <c r="AK706" t="s">
        <v>12</v>
      </c>
      <c r="AL706">
        <v>0</v>
      </c>
      <c r="AM706">
        <v>0</v>
      </c>
      <c r="AN706">
        <v>0</v>
      </c>
      <c r="AO706">
        <v>0</v>
      </c>
      <c r="AP706">
        <v>0</v>
      </c>
      <c r="AQ706">
        <v>0</v>
      </c>
      <c r="AR706">
        <v>0</v>
      </c>
      <c r="AS706">
        <v>0</v>
      </c>
      <c r="AT706">
        <v>0</v>
      </c>
      <c r="AU706">
        <v>0</v>
      </c>
      <c r="AV706">
        <v>0</v>
      </c>
      <c r="AW706">
        <v>0</v>
      </c>
      <c r="AX706">
        <v>36083</v>
      </c>
      <c r="AY706">
        <v>17</v>
      </c>
      <c r="AZ706">
        <v>55</v>
      </c>
      <c r="BA706">
        <v>2784</v>
      </c>
    </row>
    <row r="707" spans="1:53" x14ac:dyDescent="0.4">
      <c r="A707">
        <v>751</v>
      </c>
      <c r="B707" s="1">
        <v>43033</v>
      </c>
      <c r="C707">
        <v>4</v>
      </c>
      <c r="D707" s="1">
        <v>43033.953472222223</v>
      </c>
      <c r="E707" s="1">
        <v>43034.113194444442</v>
      </c>
      <c r="F707">
        <v>48930</v>
      </c>
      <c r="G707">
        <v>4180</v>
      </c>
      <c r="H707">
        <v>0</v>
      </c>
      <c r="I707">
        <v>0</v>
      </c>
      <c r="J707">
        <v>0</v>
      </c>
      <c r="K707">
        <v>0</v>
      </c>
      <c r="L707">
        <v>0</v>
      </c>
      <c r="M707">
        <v>4249</v>
      </c>
      <c r="N707">
        <v>0</v>
      </c>
      <c r="O707">
        <v>0</v>
      </c>
      <c r="P707">
        <v>-216</v>
      </c>
      <c r="Q707">
        <v>0</v>
      </c>
      <c r="R707">
        <v>57143</v>
      </c>
      <c r="S707">
        <v>0</v>
      </c>
      <c r="T707">
        <v>0</v>
      </c>
      <c r="U707">
        <v>0</v>
      </c>
      <c r="V707">
        <v>7</v>
      </c>
      <c r="W707">
        <v>0</v>
      </c>
      <c r="X707">
        <v>0</v>
      </c>
      <c r="Y707">
        <v>40</v>
      </c>
      <c r="Z707">
        <v>37</v>
      </c>
      <c r="AA707">
        <v>32</v>
      </c>
      <c r="AB707">
        <v>59</v>
      </c>
      <c r="AC707">
        <v>237</v>
      </c>
      <c r="AD707">
        <v>61</v>
      </c>
      <c r="AE707">
        <v>107</v>
      </c>
      <c r="AF707">
        <v>24845</v>
      </c>
      <c r="AG707">
        <v>162277</v>
      </c>
      <c r="AH707">
        <v>50000</v>
      </c>
      <c r="AI707">
        <v>0</v>
      </c>
      <c r="AJ707">
        <v>1</v>
      </c>
      <c r="AK707" t="s">
        <v>3</v>
      </c>
      <c r="AL707">
        <v>0</v>
      </c>
      <c r="AM707">
        <v>0</v>
      </c>
      <c r="AN707">
        <v>0</v>
      </c>
      <c r="AO707">
        <v>0</v>
      </c>
      <c r="AP707">
        <v>0</v>
      </c>
      <c r="AQ707">
        <v>0</v>
      </c>
      <c r="AR707">
        <v>0</v>
      </c>
      <c r="AS707">
        <v>0</v>
      </c>
      <c r="AT707">
        <v>0</v>
      </c>
      <c r="AU707">
        <v>0</v>
      </c>
      <c r="AV707">
        <v>0</v>
      </c>
      <c r="AW707">
        <v>0</v>
      </c>
      <c r="AX707">
        <v>0</v>
      </c>
      <c r="AY707">
        <v>4</v>
      </c>
      <c r="AZ707">
        <v>6</v>
      </c>
      <c r="BA707">
        <v>737</v>
      </c>
    </row>
    <row r="708" spans="1:53" x14ac:dyDescent="0.4">
      <c r="A708">
        <v>752</v>
      </c>
      <c r="B708" s="1">
        <v>43034</v>
      </c>
      <c r="C708">
        <v>1</v>
      </c>
      <c r="D708" s="1">
        <v>43034.291666666664</v>
      </c>
      <c r="E708" s="1">
        <v>43034.45</v>
      </c>
      <c r="F708">
        <v>0</v>
      </c>
      <c r="G708">
        <v>0</v>
      </c>
      <c r="H708">
        <v>0</v>
      </c>
      <c r="I708">
        <v>0</v>
      </c>
      <c r="J708">
        <v>0</v>
      </c>
      <c r="K708">
        <v>0</v>
      </c>
      <c r="L708">
        <v>0</v>
      </c>
      <c r="M708">
        <v>0</v>
      </c>
      <c r="N708">
        <v>0</v>
      </c>
      <c r="O708">
        <v>0</v>
      </c>
      <c r="P708">
        <v>0</v>
      </c>
      <c r="Q708">
        <v>0</v>
      </c>
      <c r="R708">
        <v>0</v>
      </c>
      <c r="S708">
        <v>0</v>
      </c>
      <c r="T708">
        <v>0</v>
      </c>
      <c r="U708">
        <v>0</v>
      </c>
      <c r="V708">
        <v>0</v>
      </c>
      <c r="W708">
        <v>0</v>
      </c>
      <c r="X708">
        <v>0</v>
      </c>
      <c r="Y708">
        <v>30</v>
      </c>
      <c r="Z708">
        <v>24</v>
      </c>
      <c r="AA708">
        <v>32</v>
      </c>
      <c r="AB708">
        <v>59</v>
      </c>
      <c r="AC708">
        <v>144</v>
      </c>
      <c r="AD708">
        <v>61</v>
      </c>
      <c r="AE708">
        <v>105</v>
      </c>
      <c r="AF708">
        <v>0</v>
      </c>
      <c r="AG708">
        <v>50000</v>
      </c>
      <c r="AH708">
        <v>0</v>
      </c>
      <c r="AI708">
        <v>50000</v>
      </c>
      <c r="AJ708">
        <v>0</v>
      </c>
      <c r="AK708" t="s">
        <v>6</v>
      </c>
      <c r="AL708">
        <v>0</v>
      </c>
      <c r="AM708">
        <v>0</v>
      </c>
      <c r="AN708">
        <v>0</v>
      </c>
      <c r="AO708">
        <v>0</v>
      </c>
      <c r="AP708">
        <v>0</v>
      </c>
      <c r="AQ708">
        <v>0</v>
      </c>
      <c r="AR708">
        <v>0</v>
      </c>
      <c r="AS708">
        <v>0</v>
      </c>
      <c r="AT708">
        <v>0</v>
      </c>
      <c r="AU708">
        <v>0</v>
      </c>
      <c r="AV708">
        <v>0</v>
      </c>
      <c r="AW708">
        <v>0</v>
      </c>
      <c r="AX708">
        <v>0</v>
      </c>
      <c r="AY708">
        <v>0</v>
      </c>
      <c r="AZ708">
        <v>0</v>
      </c>
      <c r="BA708">
        <v>0</v>
      </c>
    </row>
    <row r="709" spans="1:53" x14ac:dyDescent="0.4">
      <c r="A709">
        <v>753</v>
      </c>
      <c r="B709" s="1">
        <v>43034</v>
      </c>
      <c r="C709">
        <v>2</v>
      </c>
      <c r="D709" s="1">
        <v>43034.45</v>
      </c>
      <c r="E709" s="1">
        <v>43034.754861111112</v>
      </c>
      <c r="F709">
        <v>14000</v>
      </c>
      <c r="G709">
        <v>380</v>
      </c>
      <c r="H709">
        <v>0</v>
      </c>
      <c r="I709">
        <v>0</v>
      </c>
      <c r="J709">
        <v>0</v>
      </c>
      <c r="K709">
        <v>0</v>
      </c>
      <c r="L709">
        <v>0</v>
      </c>
      <c r="M709">
        <v>1150</v>
      </c>
      <c r="N709">
        <v>0</v>
      </c>
      <c r="O709">
        <v>0</v>
      </c>
      <c r="P709">
        <v>15120</v>
      </c>
      <c r="Q709">
        <v>0</v>
      </c>
      <c r="R709">
        <v>30650</v>
      </c>
      <c r="S709">
        <v>0</v>
      </c>
      <c r="T709">
        <v>0</v>
      </c>
      <c r="U709">
        <v>0</v>
      </c>
      <c r="V709">
        <v>2</v>
      </c>
      <c r="W709">
        <v>0</v>
      </c>
      <c r="X709">
        <v>0</v>
      </c>
      <c r="Y709">
        <v>40</v>
      </c>
      <c r="Z709">
        <v>26</v>
      </c>
      <c r="AA709">
        <v>26</v>
      </c>
      <c r="AB709">
        <v>60</v>
      </c>
      <c r="AC709">
        <v>164</v>
      </c>
      <c r="AD709">
        <v>61</v>
      </c>
      <c r="AE709">
        <v>105</v>
      </c>
      <c r="AF709">
        <v>0</v>
      </c>
      <c r="AG709">
        <v>80650</v>
      </c>
      <c r="AH709">
        <v>50000</v>
      </c>
      <c r="AI709">
        <v>0</v>
      </c>
      <c r="AJ709">
        <v>93</v>
      </c>
      <c r="AK709" t="s">
        <v>20</v>
      </c>
      <c r="AL709">
        <v>0</v>
      </c>
      <c r="AM709">
        <v>0</v>
      </c>
      <c r="AN709">
        <v>0</v>
      </c>
      <c r="AO709">
        <v>0</v>
      </c>
      <c r="AP709">
        <v>0</v>
      </c>
      <c r="AQ709">
        <v>0</v>
      </c>
      <c r="AR709">
        <v>0</v>
      </c>
      <c r="AS709">
        <v>0</v>
      </c>
      <c r="AT709">
        <v>0</v>
      </c>
      <c r="AU709">
        <v>0</v>
      </c>
      <c r="AV709">
        <v>0</v>
      </c>
      <c r="AW709">
        <v>0</v>
      </c>
      <c r="AX709">
        <v>-259</v>
      </c>
      <c r="AY709">
        <v>32</v>
      </c>
      <c r="AZ709">
        <v>55</v>
      </c>
      <c r="BA709">
        <v>3852</v>
      </c>
    </row>
    <row r="710" spans="1:53" x14ac:dyDescent="0.4">
      <c r="A710">
        <v>754</v>
      </c>
      <c r="B710" s="1">
        <v>43034</v>
      </c>
      <c r="C710">
        <v>3</v>
      </c>
      <c r="D710" s="1">
        <v>43034.754861111112</v>
      </c>
      <c r="E710" s="1">
        <v>43034.955555555556</v>
      </c>
      <c r="F710">
        <v>67620</v>
      </c>
      <c r="G710">
        <v>2190</v>
      </c>
      <c r="H710">
        <v>0</v>
      </c>
      <c r="I710">
        <v>0</v>
      </c>
      <c r="J710">
        <v>0</v>
      </c>
      <c r="K710">
        <v>0</v>
      </c>
      <c r="L710">
        <v>0</v>
      </c>
      <c r="M710">
        <v>5585</v>
      </c>
      <c r="N710">
        <v>0</v>
      </c>
      <c r="O710">
        <v>0</v>
      </c>
      <c r="P710">
        <v>-11232</v>
      </c>
      <c r="Q710">
        <v>0</v>
      </c>
      <c r="R710">
        <v>64163</v>
      </c>
      <c r="S710">
        <v>0</v>
      </c>
      <c r="T710">
        <v>0</v>
      </c>
      <c r="U710">
        <v>0</v>
      </c>
      <c r="V710">
        <v>5</v>
      </c>
      <c r="W710">
        <v>3</v>
      </c>
      <c r="X710">
        <v>0</v>
      </c>
      <c r="Y710">
        <v>38</v>
      </c>
      <c r="Z710">
        <v>30</v>
      </c>
      <c r="AA710">
        <v>33</v>
      </c>
      <c r="AB710">
        <v>61</v>
      </c>
      <c r="AC710">
        <v>164</v>
      </c>
      <c r="AD710">
        <v>60</v>
      </c>
      <c r="AE710">
        <v>102</v>
      </c>
      <c r="AF710">
        <v>18421</v>
      </c>
      <c r="AG710">
        <v>144813</v>
      </c>
      <c r="AH710">
        <v>50000</v>
      </c>
      <c r="AI710">
        <v>0</v>
      </c>
      <c r="AJ710">
        <v>100</v>
      </c>
      <c r="AK710" t="s">
        <v>0</v>
      </c>
      <c r="AL710">
        <v>0</v>
      </c>
      <c r="AM710">
        <v>0</v>
      </c>
      <c r="AN710">
        <v>0</v>
      </c>
      <c r="AO710">
        <v>0</v>
      </c>
      <c r="AP710">
        <v>0</v>
      </c>
      <c r="AQ710">
        <v>0</v>
      </c>
      <c r="AR710">
        <v>0</v>
      </c>
      <c r="AS710">
        <v>0</v>
      </c>
      <c r="AT710">
        <v>0</v>
      </c>
      <c r="AU710">
        <v>0</v>
      </c>
      <c r="AV710">
        <v>0</v>
      </c>
      <c r="AW710">
        <v>0</v>
      </c>
      <c r="AX710">
        <v>59206</v>
      </c>
      <c r="AY710">
        <v>16</v>
      </c>
      <c r="AZ710">
        <v>81</v>
      </c>
      <c r="BA710">
        <v>2898</v>
      </c>
    </row>
    <row r="711" spans="1:53" x14ac:dyDescent="0.4">
      <c r="A711">
        <v>755</v>
      </c>
      <c r="B711" s="1">
        <v>43034</v>
      </c>
      <c r="C711">
        <v>4</v>
      </c>
      <c r="D711" s="1">
        <v>43034.955555555556</v>
      </c>
      <c r="E711" s="1">
        <v>43035.087500000001</v>
      </c>
      <c r="F711">
        <v>12407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  <c r="M711">
        <v>9926</v>
      </c>
      <c r="N711">
        <v>0</v>
      </c>
      <c r="O711">
        <v>0</v>
      </c>
      <c r="P711">
        <v>7020</v>
      </c>
      <c r="Q711">
        <v>0</v>
      </c>
      <c r="R711">
        <v>141016</v>
      </c>
      <c r="S711">
        <v>0</v>
      </c>
      <c r="T711">
        <v>0</v>
      </c>
      <c r="U711">
        <v>0</v>
      </c>
      <c r="V711">
        <v>15</v>
      </c>
      <c r="W711">
        <v>6</v>
      </c>
      <c r="X711">
        <v>0</v>
      </c>
      <c r="Y711">
        <v>34</v>
      </c>
      <c r="Z711">
        <v>25</v>
      </c>
      <c r="AA711">
        <v>22</v>
      </c>
      <c r="AB711">
        <v>61</v>
      </c>
      <c r="AC711">
        <v>150</v>
      </c>
      <c r="AD711">
        <v>61</v>
      </c>
      <c r="AE711">
        <v>103</v>
      </c>
      <c r="AF711">
        <v>52171</v>
      </c>
      <c r="AG711">
        <v>285829</v>
      </c>
      <c r="AH711">
        <v>50000</v>
      </c>
      <c r="AI711">
        <v>0</v>
      </c>
      <c r="AJ711">
        <v>100</v>
      </c>
      <c r="AK711" t="s">
        <v>0</v>
      </c>
      <c r="AL711">
        <v>0</v>
      </c>
      <c r="AM711">
        <v>0</v>
      </c>
      <c r="AN711">
        <v>0</v>
      </c>
      <c r="AO711">
        <v>0</v>
      </c>
      <c r="AP711">
        <v>0</v>
      </c>
      <c r="AQ711">
        <v>0</v>
      </c>
      <c r="AR711">
        <v>0</v>
      </c>
      <c r="AS711">
        <v>0</v>
      </c>
      <c r="AT711">
        <v>0</v>
      </c>
      <c r="AU711">
        <v>0</v>
      </c>
      <c r="AV711">
        <v>0</v>
      </c>
      <c r="AW711">
        <v>0</v>
      </c>
      <c r="AX711">
        <v>12895</v>
      </c>
      <c r="AY711">
        <v>7</v>
      </c>
      <c r="AZ711">
        <v>27</v>
      </c>
      <c r="BA711">
        <v>1332</v>
      </c>
    </row>
    <row r="712" spans="1:53" x14ac:dyDescent="0.4">
      <c r="A712">
        <v>756</v>
      </c>
      <c r="B712" s="1">
        <v>43035</v>
      </c>
      <c r="C712">
        <v>1</v>
      </c>
      <c r="D712" s="1">
        <v>43035.291666666664</v>
      </c>
      <c r="E712" s="1">
        <v>43035.451388888891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0</v>
      </c>
      <c r="O712">
        <v>0</v>
      </c>
      <c r="P712">
        <v>0</v>
      </c>
      <c r="Q712">
        <v>0</v>
      </c>
      <c r="R712">
        <v>0</v>
      </c>
      <c r="S712">
        <v>0</v>
      </c>
      <c r="T712">
        <v>0</v>
      </c>
      <c r="U712">
        <v>0</v>
      </c>
      <c r="V712">
        <v>0</v>
      </c>
      <c r="W712">
        <v>1</v>
      </c>
      <c r="X712">
        <v>0</v>
      </c>
      <c r="Y712">
        <v>30</v>
      </c>
      <c r="Z712">
        <v>15</v>
      </c>
      <c r="AA712">
        <v>26</v>
      </c>
      <c r="AB712">
        <v>60</v>
      </c>
      <c r="AC712">
        <v>152</v>
      </c>
      <c r="AD712">
        <v>58</v>
      </c>
      <c r="AE712">
        <v>90</v>
      </c>
      <c r="AF712">
        <v>0</v>
      </c>
      <c r="AG712">
        <v>50000</v>
      </c>
      <c r="AH712">
        <v>0</v>
      </c>
      <c r="AI712">
        <v>50000</v>
      </c>
      <c r="AJ712">
        <v>0</v>
      </c>
      <c r="AK712" t="s">
        <v>6</v>
      </c>
      <c r="AL712">
        <v>0</v>
      </c>
      <c r="AM712">
        <v>0</v>
      </c>
      <c r="AN712">
        <v>0</v>
      </c>
      <c r="AO712">
        <v>0</v>
      </c>
      <c r="AP712">
        <v>0</v>
      </c>
      <c r="AQ712">
        <v>0</v>
      </c>
      <c r="AR712">
        <v>0</v>
      </c>
      <c r="AS712">
        <v>0</v>
      </c>
      <c r="AT712">
        <v>0</v>
      </c>
      <c r="AU712">
        <v>0</v>
      </c>
      <c r="AV712">
        <v>0</v>
      </c>
      <c r="AW712">
        <v>0</v>
      </c>
      <c r="AX712">
        <v>0</v>
      </c>
      <c r="AY712">
        <v>0</v>
      </c>
      <c r="AZ712">
        <v>0</v>
      </c>
      <c r="BA712">
        <v>0</v>
      </c>
    </row>
    <row r="713" spans="1:53" x14ac:dyDescent="0.4">
      <c r="A713">
        <v>757</v>
      </c>
      <c r="B713" s="1">
        <v>43035</v>
      </c>
      <c r="C713">
        <v>2</v>
      </c>
      <c r="D713" s="1">
        <v>43035.451388888891</v>
      </c>
      <c r="E713" s="1">
        <v>43035.751388888886</v>
      </c>
      <c r="F713">
        <v>14500</v>
      </c>
      <c r="G713">
        <v>0</v>
      </c>
      <c r="H713">
        <v>0</v>
      </c>
      <c r="I713">
        <v>0</v>
      </c>
      <c r="J713">
        <v>0</v>
      </c>
      <c r="K713">
        <v>0</v>
      </c>
      <c r="L713">
        <v>0</v>
      </c>
      <c r="M713">
        <v>1160</v>
      </c>
      <c r="N713">
        <v>0</v>
      </c>
      <c r="O713">
        <v>0</v>
      </c>
      <c r="P713">
        <v>4860</v>
      </c>
      <c r="Q713">
        <v>0</v>
      </c>
      <c r="R713">
        <v>20520</v>
      </c>
      <c r="S713">
        <v>0</v>
      </c>
      <c r="T713">
        <v>0</v>
      </c>
      <c r="U713">
        <v>0</v>
      </c>
      <c r="V713">
        <v>3</v>
      </c>
      <c r="W713">
        <v>1</v>
      </c>
      <c r="X713">
        <v>0</v>
      </c>
      <c r="Y713">
        <v>16</v>
      </c>
      <c r="Z713">
        <v>21</v>
      </c>
      <c r="AA713">
        <v>15</v>
      </c>
      <c r="AB713">
        <v>61</v>
      </c>
      <c r="AC713">
        <v>163</v>
      </c>
      <c r="AD713">
        <v>58</v>
      </c>
      <c r="AE713">
        <v>86</v>
      </c>
      <c r="AF713">
        <v>2464</v>
      </c>
      <c r="AG713">
        <v>70520</v>
      </c>
      <c r="AH713">
        <v>50000</v>
      </c>
      <c r="AI713">
        <v>0</v>
      </c>
      <c r="AJ713">
        <v>97</v>
      </c>
      <c r="AK713" t="s">
        <v>13</v>
      </c>
      <c r="AL713">
        <v>0</v>
      </c>
      <c r="AM713">
        <v>0</v>
      </c>
      <c r="AN713">
        <v>0</v>
      </c>
      <c r="AO713">
        <v>0</v>
      </c>
      <c r="AP713">
        <v>0</v>
      </c>
      <c r="AQ713">
        <v>0</v>
      </c>
      <c r="AR713">
        <v>0</v>
      </c>
      <c r="AS713">
        <v>0</v>
      </c>
      <c r="AT713">
        <v>0</v>
      </c>
      <c r="AU713">
        <v>0</v>
      </c>
      <c r="AV713">
        <v>0</v>
      </c>
      <c r="AW713">
        <v>0</v>
      </c>
      <c r="AX713">
        <v>0</v>
      </c>
      <c r="AY713">
        <v>25</v>
      </c>
      <c r="AZ713">
        <v>37</v>
      </c>
      <c r="BA713">
        <v>3878</v>
      </c>
    </row>
    <row r="714" spans="1:53" x14ac:dyDescent="0.4">
      <c r="A714">
        <v>758</v>
      </c>
      <c r="B714" s="1">
        <v>43035</v>
      </c>
      <c r="C714">
        <v>3</v>
      </c>
      <c r="D714" s="1">
        <v>43035.751388888886</v>
      </c>
      <c r="E714" s="1">
        <v>43036.095138888886</v>
      </c>
      <c r="F714">
        <v>224950</v>
      </c>
      <c r="G714">
        <v>7350</v>
      </c>
      <c r="H714">
        <v>0</v>
      </c>
      <c r="I714">
        <v>0</v>
      </c>
      <c r="J714">
        <v>0</v>
      </c>
      <c r="K714">
        <v>0</v>
      </c>
      <c r="L714">
        <v>0</v>
      </c>
      <c r="M714">
        <v>18583</v>
      </c>
      <c r="N714">
        <v>0</v>
      </c>
      <c r="O714">
        <v>0</v>
      </c>
      <c r="P714">
        <v>134806</v>
      </c>
      <c r="Q714">
        <v>0</v>
      </c>
      <c r="R714">
        <v>385689</v>
      </c>
      <c r="S714">
        <v>0</v>
      </c>
      <c r="T714">
        <v>0</v>
      </c>
      <c r="U714">
        <v>0</v>
      </c>
      <c r="V714">
        <v>27</v>
      </c>
      <c r="W714">
        <v>3</v>
      </c>
      <c r="X714">
        <v>0</v>
      </c>
      <c r="Y714">
        <v>84</v>
      </c>
      <c r="Z714">
        <v>24</v>
      </c>
      <c r="AA714">
        <v>16</v>
      </c>
      <c r="AB714">
        <v>59</v>
      </c>
      <c r="AC714">
        <v>157</v>
      </c>
      <c r="AD714">
        <v>57</v>
      </c>
      <c r="AE714">
        <v>82</v>
      </c>
      <c r="AF714">
        <v>68722</v>
      </c>
      <c r="AG714">
        <v>456209</v>
      </c>
      <c r="AH714">
        <v>50000</v>
      </c>
      <c r="AI714">
        <v>0</v>
      </c>
      <c r="AJ714">
        <v>89</v>
      </c>
      <c r="AK714" t="s">
        <v>12</v>
      </c>
      <c r="AL714">
        <v>0</v>
      </c>
      <c r="AM714">
        <v>0</v>
      </c>
      <c r="AN714">
        <v>0</v>
      </c>
      <c r="AO714">
        <v>0</v>
      </c>
      <c r="AP714">
        <v>0</v>
      </c>
      <c r="AQ714">
        <v>0</v>
      </c>
      <c r="AR714">
        <v>0</v>
      </c>
      <c r="AS714">
        <v>0</v>
      </c>
      <c r="AT714">
        <v>0</v>
      </c>
      <c r="AU714">
        <v>0</v>
      </c>
      <c r="AV714">
        <v>0</v>
      </c>
      <c r="AW714">
        <v>0</v>
      </c>
      <c r="AX714">
        <v>15260</v>
      </c>
      <c r="AY714">
        <v>42</v>
      </c>
      <c r="AZ714">
        <v>199</v>
      </c>
      <c r="BA714">
        <v>5096</v>
      </c>
    </row>
    <row r="715" spans="1:53" x14ac:dyDescent="0.4">
      <c r="A715">
        <v>759</v>
      </c>
      <c r="B715" s="1">
        <v>43036</v>
      </c>
      <c r="C715">
        <v>1</v>
      </c>
      <c r="D715" s="1">
        <v>43036.291666666664</v>
      </c>
      <c r="E715" s="1">
        <v>43036.400694444441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0</v>
      </c>
      <c r="O715">
        <v>0</v>
      </c>
      <c r="P715">
        <v>0</v>
      </c>
      <c r="Q715">
        <v>0</v>
      </c>
      <c r="R715">
        <v>0</v>
      </c>
      <c r="S715">
        <v>0</v>
      </c>
      <c r="T715">
        <v>0</v>
      </c>
      <c r="U715">
        <v>0</v>
      </c>
      <c r="V715">
        <v>0</v>
      </c>
      <c r="W715">
        <v>1</v>
      </c>
      <c r="X715">
        <v>0</v>
      </c>
      <c r="Y715">
        <v>30</v>
      </c>
      <c r="Z715">
        <v>22</v>
      </c>
      <c r="AA715">
        <v>12</v>
      </c>
      <c r="AB715">
        <v>28</v>
      </c>
      <c r="AC715">
        <v>107</v>
      </c>
      <c r="AD715">
        <v>52</v>
      </c>
      <c r="AE715">
        <v>70</v>
      </c>
      <c r="AF715">
        <v>0</v>
      </c>
      <c r="AG715">
        <v>50000</v>
      </c>
      <c r="AH715">
        <v>0</v>
      </c>
      <c r="AI715">
        <v>50000</v>
      </c>
      <c r="AJ715">
        <v>0</v>
      </c>
      <c r="AK715" t="s">
        <v>6</v>
      </c>
      <c r="AL715">
        <v>0</v>
      </c>
      <c r="AM715">
        <v>0</v>
      </c>
      <c r="AN715">
        <v>0</v>
      </c>
      <c r="AO715">
        <v>0</v>
      </c>
      <c r="AP715">
        <v>0</v>
      </c>
      <c r="AQ715">
        <v>0</v>
      </c>
      <c r="AR715">
        <v>0</v>
      </c>
      <c r="AS715">
        <v>0</v>
      </c>
      <c r="AT715">
        <v>0</v>
      </c>
      <c r="AU715">
        <v>0</v>
      </c>
      <c r="AV715">
        <v>0</v>
      </c>
      <c r="AW715">
        <v>0</v>
      </c>
      <c r="AX715">
        <v>0</v>
      </c>
      <c r="AY715">
        <v>0</v>
      </c>
      <c r="AZ715">
        <v>0</v>
      </c>
      <c r="BA715">
        <v>0</v>
      </c>
    </row>
    <row r="716" spans="1:53" x14ac:dyDescent="0.4">
      <c r="A716">
        <v>760</v>
      </c>
      <c r="B716" s="1">
        <v>43036</v>
      </c>
      <c r="C716">
        <v>2</v>
      </c>
      <c r="D716" s="1">
        <v>43036.400694444441</v>
      </c>
      <c r="E716" s="1">
        <v>43036.748611111114</v>
      </c>
      <c r="F716">
        <v>34000</v>
      </c>
      <c r="G716">
        <v>473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3098</v>
      </c>
      <c r="N716">
        <v>0</v>
      </c>
      <c r="O716">
        <v>0</v>
      </c>
      <c r="P716">
        <v>14580</v>
      </c>
      <c r="Q716">
        <v>0</v>
      </c>
      <c r="R716">
        <v>56408</v>
      </c>
      <c r="S716">
        <v>0</v>
      </c>
      <c r="T716">
        <v>0</v>
      </c>
      <c r="U716">
        <v>0</v>
      </c>
      <c r="V716">
        <v>2</v>
      </c>
      <c r="W716">
        <v>0</v>
      </c>
      <c r="X716">
        <v>0</v>
      </c>
      <c r="Y716">
        <v>57</v>
      </c>
      <c r="Z716">
        <v>28</v>
      </c>
      <c r="AA716">
        <v>55</v>
      </c>
      <c r="AB716">
        <v>35</v>
      </c>
      <c r="AC716">
        <v>145</v>
      </c>
      <c r="AD716">
        <v>55</v>
      </c>
      <c r="AE716">
        <v>68</v>
      </c>
      <c r="AF716">
        <v>6365</v>
      </c>
      <c r="AG716">
        <v>106408</v>
      </c>
      <c r="AH716">
        <v>50000</v>
      </c>
      <c r="AI716">
        <v>0</v>
      </c>
      <c r="AJ716">
        <v>99</v>
      </c>
      <c r="AK716" t="s">
        <v>9</v>
      </c>
      <c r="AL716">
        <v>0</v>
      </c>
      <c r="AM716">
        <v>0</v>
      </c>
      <c r="AN716">
        <v>0</v>
      </c>
      <c r="AO716">
        <v>0</v>
      </c>
      <c r="AP716">
        <v>0</v>
      </c>
      <c r="AQ716">
        <v>0</v>
      </c>
      <c r="AR716">
        <v>0</v>
      </c>
      <c r="AS716">
        <v>0</v>
      </c>
      <c r="AT716">
        <v>0</v>
      </c>
      <c r="AU716">
        <v>0</v>
      </c>
      <c r="AV716">
        <v>0</v>
      </c>
      <c r="AW716">
        <v>0</v>
      </c>
      <c r="AX716">
        <v>3758</v>
      </c>
      <c r="AY716">
        <v>42</v>
      </c>
      <c r="AZ716">
        <v>95</v>
      </c>
      <c r="BA716">
        <v>6325</v>
      </c>
    </row>
    <row r="717" spans="1:53" x14ac:dyDescent="0.4">
      <c r="A717">
        <v>761</v>
      </c>
      <c r="B717" s="1">
        <v>43036</v>
      </c>
      <c r="C717">
        <v>3</v>
      </c>
      <c r="D717" s="1">
        <v>43036.748611111114</v>
      </c>
      <c r="E717" s="1">
        <v>43036.956944444442</v>
      </c>
      <c r="F717">
        <v>130180</v>
      </c>
      <c r="G717">
        <v>710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10982</v>
      </c>
      <c r="N717">
        <v>0</v>
      </c>
      <c r="O717">
        <v>0</v>
      </c>
      <c r="P717">
        <v>-14580</v>
      </c>
      <c r="Q717">
        <v>0</v>
      </c>
      <c r="R717">
        <v>133682</v>
      </c>
      <c r="S717">
        <v>0</v>
      </c>
      <c r="T717">
        <v>0</v>
      </c>
      <c r="U717">
        <v>0</v>
      </c>
      <c r="V717">
        <v>9</v>
      </c>
      <c r="W717">
        <v>4</v>
      </c>
      <c r="X717">
        <v>0</v>
      </c>
      <c r="Y717">
        <v>102</v>
      </c>
      <c r="Z717">
        <v>28</v>
      </c>
      <c r="AA717">
        <v>45</v>
      </c>
      <c r="AB717">
        <v>34</v>
      </c>
      <c r="AC717">
        <v>118</v>
      </c>
      <c r="AD717">
        <v>56</v>
      </c>
      <c r="AE717">
        <v>65</v>
      </c>
      <c r="AF717">
        <v>6365</v>
      </c>
      <c r="AG717">
        <v>240090</v>
      </c>
      <c r="AH717">
        <v>50000</v>
      </c>
      <c r="AI717">
        <v>0</v>
      </c>
      <c r="AJ717">
        <v>84</v>
      </c>
      <c r="AK717" t="s">
        <v>16</v>
      </c>
      <c r="AL717">
        <v>0</v>
      </c>
      <c r="AM717">
        <v>0</v>
      </c>
      <c r="AN717">
        <v>0</v>
      </c>
      <c r="AO717">
        <v>0</v>
      </c>
      <c r="AP717">
        <v>0</v>
      </c>
      <c r="AQ717">
        <v>0</v>
      </c>
      <c r="AR717">
        <v>0</v>
      </c>
      <c r="AS717">
        <v>0</v>
      </c>
      <c r="AT717">
        <v>0</v>
      </c>
      <c r="AU717">
        <v>0</v>
      </c>
      <c r="AV717">
        <v>0</v>
      </c>
      <c r="AW717">
        <v>0</v>
      </c>
      <c r="AX717">
        <v>122990</v>
      </c>
      <c r="AY717">
        <v>21</v>
      </c>
      <c r="AZ717">
        <v>136</v>
      </c>
      <c r="BA717">
        <v>3035</v>
      </c>
    </row>
    <row r="718" spans="1:53" x14ac:dyDescent="0.4">
      <c r="A718">
        <v>762</v>
      </c>
      <c r="B718" s="1">
        <v>43036</v>
      </c>
      <c r="C718">
        <v>4</v>
      </c>
      <c r="D718" s="1">
        <v>43036.956944444442</v>
      </c>
      <c r="E718" s="1">
        <v>43037.120833333334</v>
      </c>
      <c r="F718">
        <v>217820</v>
      </c>
      <c r="G718">
        <v>3150</v>
      </c>
      <c r="H718">
        <v>0</v>
      </c>
      <c r="I718">
        <v>0</v>
      </c>
      <c r="J718">
        <v>1600</v>
      </c>
      <c r="K718">
        <v>0</v>
      </c>
      <c r="L718">
        <v>0</v>
      </c>
      <c r="M718">
        <v>17550</v>
      </c>
      <c r="N718">
        <v>0</v>
      </c>
      <c r="O718">
        <v>0</v>
      </c>
      <c r="P718">
        <v>67608</v>
      </c>
      <c r="Q718">
        <v>0</v>
      </c>
      <c r="R718">
        <v>304528</v>
      </c>
      <c r="S718">
        <v>0</v>
      </c>
      <c r="T718">
        <v>0</v>
      </c>
      <c r="U718">
        <v>0</v>
      </c>
      <c r="V718">
        <v>32</v>
      </c>
      <c r="W718">
        <v>3</v>
      </c>
      <c r="X718">
        <v>0</v>
      </c>
      <c r="Y718">
        <v>157</v>
      </c>
      <c r="Z718">
        <v>27</v>
      </c>
      <c r="AA718">
        <v>32</v>
      </c>
      <c r="AB718">
        <v>28</v>
      </c>
      <c r="AC718">
        <v>121</v>
      </c>
      <c r="AD718">
        <v>57</v>
      </c>
      <c r="AE718">
        <v>61</v>
      </c>
      <c r="AF718">
        <v>32962</v>
      </c>
      <c r="AG718">
        <v>544618</v>
      </c>
      <c r="AH718">
        <v>50000</v>
      </c>
      <c r="AI718">
        <v>0</v>
      </c>
      <c r="AJ718">
        <v>29</v>
      </c>
      <c r="AK718" t="s">
        <v>28</v>
      </c>
      <c r="AL718">
        <v>0</v>
      </c>
      <c r="AM718">
        <v>0</v>
      </c>
      <c r="AN718">
        <v>0</v>
      </c>
      <c r="AO718">
        <v>0</v>
      </c>
      <c r="AP718">
        <v>0</v>
      </c>
      <c r="AQ718">
        <v>0</v>
      </c>
      <c r="AR718">
        <v>0</v>
      </c>
      <c r="AS718">
        <v>0</v>
      </c>
      <c r="AT718">
        <v>0</v>
      </c>
      <c r="AU718">
        <v>0</v>
      </c>
      <c r="AV718">
        <v>0</v>
      </c>
      <c r="AW718">
        <v>0</v>
      </c>
      <c r="AX718">
        <v>3218</v>
      </c>
      <c r="AY718">
        <v>17</v>
      </c>
      <c r="AZ718">
        <v>79</v>
      </c>
      <c r="BA718">
        <v>2579</v>
      </c>
    </row>
    <row r="719" spans="1:53" x14ac:dyDescent="0.4">
      <c r="A719">
        <v>763</v>
      </c>
      <c r="B719" s="1">
        <v>43037</v>
      </c>
      <c r="C719">
        <v>1</v>
      </c>
      <c r="D719" s="1">
        <v>43037.291666666664</v>
      </c>
      <c r="E719" s="1">
        <v>43037.409722222219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0</v>
      </c>
      <c r="O719">
        <v>0</v>
      </c>
      <c r="P719">
        <v>0</v>
      </c>
      <c r="Q719">
        <v>0</v>
      </c>
      <c r="R719">
        <v>0</v>
      </c>
      <c r="S719">
        <v>0</v>
      </c>
      <c r="T719">
        <v>0</v>
      </c>
      <c r="U719">
        <v>0</v>
      </c>
      <c r="V719">
        <v>0</v>
      </c>
      <c r="W719">
        <v>1</v>
      </c>
      <c r="X719">
        <v>0</v>
      </c>
      <c r="Y719">
        <v>30</v>
      </c>
      <c r="Z719">
        <v>19</v>
      </c>
      <c r="AA719">
        <v>28</v>
      </c>
      <c r="AB719">
        <v>23</v>
      </c>
      <c r="AC719">
        <v>119</v>
      </c>
      <c r="AD719">
        <v>59</v>
      </c>
      <c r="AE719">
        <v>65</v>
      </c>
      <c r="AF719">
        <v>0</v>
      </c>
      <c r="AG719">
        <v>50000</v>
      </c>
      <c r="AH719">
        <v>50000</v>
      </c>
      <c r="AI719">
        <v>0</v>
      </c>
      <c r="AJ719">
        <v>0</v>
      </c>
      <c r="AK719" t="s">
        <v>6</v>
      </c>
      <c r="AL719">
        <v>0</v>
      </c>
      <c r="AM719">
        <v>0</v>
      </c>
      <c r="AN719">
        <v>0</v>
      </c>
      <c r="AO719">
        <v>0</v>
      </c>
      <c r="AP719">
        <v>0</v>
      </c>
      <c r="AQ719">
        <v>0</v>
      </c>
      <c r="AR719">
        <v>0</v>
      </c>
      <c r="AS719">
        <v>0</v>
      </c>
      <c r="AT719">
        <v>0</v>
      </c>
      <c r="AU719">
        <v>0</v>
      </c>
      <c r="AV719">
        <v>0</v>
      </c>
      <c r="AW719">
        <v>0</v>
      </c>
      <c r="AX719">
        <v>0</v>
      </c>
      <c r="AY719">
        <v>0</v>
      </c>
      <c r="AZ719">
        <v>0</v>
      </c>
      <c r="BA719">
        <v>0</v>
      </c>
    </row>
    <row r="720" spans="1:53" x14ac:dyDescent="0.4">
      <c r="A720">
        <v>764</v>
      </c>
      <c r="B720" s="1">
        <v>43037</v>
      </c>
      <c r="C720">
        <v>2</v>
      </c>
      <c r="D720" s="1">
        <v>43037.409722222219</v>
      </c>
      <c r="E720" s="1">
        <v>43037.739583333336</v>
      </c>
      <c r="F720">
        <v>38000</v>
      </c>
      <c r="G720">
        <v>6080</v>
      </c>
      <c r="H720">
        <v>0</v>
      </c>
      <c r="I720">
        <v>0</v>
      </c>
      <c r="J720">
        <v>0</v>
      </c>
      <c r="K720">
        <v>0</v>
      </c>
      <c r="L720">
        <v>0</v>
      </c>
      <c r="M720">
        <v>3526</v>
      </c>
      <c r="N720">
        <v>0</v>
      </c>
      <c r="O720">
        <v>0</v>
      </c>
      <c r="P720">
        <v>17280</v>
      </c>
      <c r="Q720">
        <v>0</v>
      </c>
      <c r="R720">
        <v>64886</v>
      </c>
      <c r="S720">
        <v>0</v>
      </c>
      <c r="T720">
        <v>0</v>
      </c>
      <c r="U720">
        <v>0</v>
      </c>
      <c r="V720">
        <v>2</v>
      </c>
      <c r="W720">
        <v>3</v>
      </c>
      <c r="X720">
        <v>0</v>
      </c>
      <c r="Y720">
        <v>53</v>
      </c>
      <c r="Z720">
        <v>35</v>
      </c>
      <c r="AA720">
        <v>60</v>
      </c>
      <c r="AB720">
        <v>33</v>
      </c>
      <c r="AC720">
        <v>137</v>
      </c>
      <c r="AD720">
        <v>59</v>
      </c>
      <c r="AE720">
        <v>71</v>
      </c>
      <c r="AF720">
        <v>0</v>
      </c>
      <c r="AG720">
        <v>114886</v>
      </c>
      <c r="AH720">
        <v>50000</v>
      </c>
      <c r="AI720">
        <v>0</v>
      </c>
      <c r="AJ720">
        <v>92</v>
      </c>
      <c r="AK720" t="s">
        <v>22</v>
      </c>
      <c r="AL720">
        <v>0</v>
      </c>
      <c r="AM720">
        <v>0</v>
      </c>
      <c r="AN720">
        <v>0</v>
      </c>
      <c r="AO720">
        <v>0</v>
      </c>
      <c r="AP720">
        <v>0</v>
      </c>
      <c r="AQ720">
        <v>0</v>
      </c>
      <c r="AR720">
        <v>0</v>
      </c>
      <c r="AS720">
        <v>0</v>
      </c>
      <c r="AT720">
        <v>0</v>
      </c>
      <c r="AU720">
        <v>0</v>
      </c>
      <c r="AV720">
        <v>0</v>
      </c>
      <c r="AW720">
        <v>0</v>
      </c>
      <c r="AX720">
        <v>540</v>
      </c>
      <c r="AY720">
        <v>49</v>
      </c>
      <c r="AZ720">
        <v>104</v>
      </c>
      <c r="BA720">
        <v>6803</v>
      </c>
    </row>
    <row r="721" spans="1:53" x14ac:dyDescent="0.4">
      <c r="A721">
        <v>765</v>
      </c>
      <c r="B721" s="1">
        <v>43037</v>
      </c>
      <c r="C721">
        <v>3</v>
      </c>
      <c r="D721" s="1">
        <v>43037.739583333336</v>
      </c>
      <c r="E721" s="1">
        <v>43037.950694444444</v>
      </c>
      <c r="F721">
        <v>31020</v>
      </c>
      <c r="G721">
        <v>2240</v>
      </c>
      <c r="H721">
        <v>0</v>
      </c>
      <c r="I721">
        <v>0</v>
      </c>
      <c r="J721">
        <v>0</v>
      </c>
      <c r="K721">
        <v>0</v>
      </c>
      <c r="L721">
        <v>0</v>
      </c>
      <c r="M721">
        <v>2660</v>
      </c>
      <c r="N721">
        <v>0</v>
      </c>
      <c r="O721">
        <v>0</v>
      </c>
      <c r="P721">
        <v>-7560</v>
      </c>
      <c r="Q721">
        <v>0</v>
      </c>
      <c r="R721">
        <v>28360</v>
      </c>
      <c r="S721">
        <v>0</v>
      </c>
      <c r="T721">
        <v>0</v>
      </c>
      <c r="U721">
        <v>0</v>
      </c>
      <c r="V721">
        <v>5</v>
      </c>
      <c r="W721">
        <v>1</v>
      </c>
      <c r="X721">
        <v>0</v>
      </c>
      <c r="Y721">
        <v>57</v>
      </c>
      <c r="Z721">
        <v>35</v>
      </c>
      <c r="AA721">
        <v>48</v>
      </c>
      <c r="AB721">
        <v>30</v>
      </c>
      <c r="AC721">
        <v>129</v>
      </c>
      <c r="AD721">
        <v>57</v>
      </c>
      <c r="AE721">
        <v>61</v>
      </c>
      <c r="AF721">
        <v>5810</v>
      </c>
      <c r="AG721">
        <v>143246</v>
      </c>
      <c r="AH721">
        <v>50000</v>
      </c>
      <c r="AI721">
        <v>0</v>
      </c>
      <c r="AJ721">
        <v>29</v>
      </c>
      <c r="AK721" t="s">
        <v>28</v>
      </c>
      <c r="AL721">
        <v>0</v>
      </c>
      <c r="AM721">
        <v>0</v>
      </c>
      <c r="AN721">
        <v>0</v>
      </c>
      <c r="AO721">
        <v>0</v>
      </c>
      <c r="AP721">
        <v>0</v>
      </c>
      <c r="AQ721">
        <v>0</v>
      </c>
      <c r="AR721">
        <v>0</v>
      </c>
      <c r="AS721">
        <v>0</v>
      </c>
      <c r="AT721">
        <v>0</v>
      </c>
      <c r="AU721">
        <v>0</v>
      </c>
      <c r="AV721">
        <v>0</v>
      </c>
      <c r="AW721">
        <v>0</v>
      </c>
      <c r="AX721">
        <v>12172</v>
      </c>
      <c r="AY721">
        <v>11</v>
      </c>
      <c r="AZ721">
        <v>24</v>
      </c>
      <c r="BA721">
        <v>3037</v>
      </c>
    </row>
    <row r="722" spans="1:53" x14ac:dyDescent="0.4">
      <c r="A722">
        <v>766</v>
      </c>
      <c r="B722" s="1">
        <v>43037</v>
      </c>
      <c r="C722">
        <v>4</v>
      </c>
      <c r="D722" s="1">
        <v>43037.950694444444</v>
      </c>
      <c r="E722" s="1">
        <v>43038.081944444442</v>
      </c>
      <c r="F722">
        <v>21540</v>
      </c>
      <c r="G722">
        <v>1030</v>
      </c>
      <c r="H722">
        <v>0</v>
      </c>
      <c r="I722">
        <v>0</v>
      </c>
      <c r="J722">
        <v>0</v>
      </c>
      <c r="K722">
        <v>0</v>
      </c>
      <c r="L722">
        <v>0</v>
      </c>
      <c r="M722">
        <v>1806</v>
      </c>
      <c r="N722">
        <v>0</v>
      </c>
      <c r="O722">
        <v>0</v>
      </c>
      <c r="P722">
        <v>12312</v>
      </c>
      <c r="Q722">
        <v>0</v>
      </c>
      <c r="R722">
        <v>36688</v>
      </c>
      <c r="S722">
        <v>0</v>
      </c>
      <c r="T722">
        <v>0</v>
      </c>
      <c r="U722">
        <v>0</v>
      </c>
      <c r="V722">
        <v>8</v>
      </c>
      <c r="W722">
        <v>1</v>
      </c>
      <c r="X722">
        <v>0</v>
      </c>
      <c r="Y722">
        <v>56</v>
      </c>
      <c r="Z722">
        <v>33</v>
      </c>
      <c r="AA722">
        <v>43</v>
      </c>
      <c r="AB722">
        <v>29</v>
      </c>
      <c r="AC722">
        <v>135</v>
      </c>
      <c r="AD722">
        <v>58</v>
      </c>
      <c r="AE722">
        <v>58</v>
      </c>
      <c r="AF722">
        <v>14986</v>
      </c>
      <c r="AG722">
        <v>179934</v>
      </c>
      <c r="AH722">
        <v>50000</v>
      </c>
      <c r="AI722">
        <v>0</v>
      </c>
      <c r="AJ722">
        <v>29</v>
      </c>
      <c r="AK722" t="s">
        <v>28</v>
      </c>
      <c r="AL722">
        <v>0</v>
      </c>
      <c r="AM722">
        <v>0</v>
      </c>
      <c r="AN722">
        <v>0</v>
      </c>
      <c r="AO722">
        <v>0</v>
      </c>
      <c r="AP722">
        <v>0</v>
      </c>
      <c r="AQ722">
        <v>0</v>
      </c>
      <c r="AR722">
        <v>0</v>
      </c>
      <c r="AS722">
        <v>0</v>
      </c>
      <c r="AT722">
        <v>0</v>
      </c>
      <c r="AU722">
        <v>0</v>
      </c>
      <c r="AV722">
        <v>0</v>
      </c>
      <c r="AW722">
        <v>0</v>
      </c>
      <c r="AX722">
        <v>-3554</v>
      </c>
      <c r="AY722">
        <v>6</v>
      </c>
      <c r="AZ722">
        <v>16</v>
      </c>
      <c r="BA722">
        <v>725</v>
      </c>
    </row>
    <row r="723" spans="1:53" x14ac:dyDescent="0.4">
      <c r="A723">
        <v>767</v>
      </c>
      <c r="B723" s="1">
        <v>43038</v>
      </c>
      <c r="C723">
        <v>1</v>
      </c>
      <c r="D723" s="1">
        <v>43038.291666666664</v>
      </c>
      <c r="E723" s="1">
        <v>43038.454861111109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  <c r="M723">
        <v>0</v>
      </c>
      <c r="N723">
        <v>0</v>
      </c>
      <c r="O723">
        <v>0</v>
      </c>
      <c r="P723">
        <v>0</v>
      </c>
      <c r="Q723">
        <v>0</v>
      </c>
      <c r="R723">
        <v>0</v>
      </c>
      <c r="S723">
        <v>0</v>
      </c>
      <c r="T723">
        <v>0</v>
      </c>
      <c r="U723">
        <v>0</v>
      </c>
      <c r="V723">
        <v>0</v>
      </c>
      <c r="W723">
        <v>0</v>
      </c>
      <c r="X723">
        <v>0</v>
      </c>
      <c r="Y723">
        <v>33</v>
      </c>
      <c r="Z723">
        <v>20</v>
      </c>
      <c r="AA723">
        <v>43</v>
      </c>
      <c r="AB723">
        <v>32</v>
      </c>
      <c r="AC723">
        <v>76</v>
      </c>
      <c r="AD723">
        <v>59</v>
      </c>
      <c r="AE723">
        <v>45</v>
      </c>
      <c r="AF723">
        <v>0</v>
      </c>
      <c r="AG723">
        <v>50000</v>
      </c>
      <c r="AH723">
        <v>0</v>
      </c>
      <c r="AI723">
        <v>50000</v>
      </c>
      <c r="AJ723">
        <v>0</v>
      </c>
      <c r="AK723" t="s">
        <v>6</v>
      </c>
      <c r="AL723">
        <v>0</v>
      </c>
      <c r="AM723">
        <v>0</v>
      </c>
      <c r="AN723">
        <v>0</v>
      </c>
      <c r="AO723">
        <v>0</v>
      </c>
      <c r="AP723">
        <v>0</v>
      </c>
      <c r="AQ723">
        <v>0</v>
      </c>
      <c r="AR723">
        <v>0</v>
      </c>
      <c r="AS723">
        <v>0</v>
      </c>
      <c r="AT723">
        <v>0</v>
      </c>
      <c r="AU723">
        <v>0</v>
      </c>
      <c r="AV723">
        <v>0</v>
      </c>
      <c r="AW723">
        <v>0</v>
      </c>
      <c r="AX723">
        <v>0</v>
      </c>
      <c r="AY723">
        <v>0</v>
      </c>
      <c r="AZ723">
        <v>0</v>
      </c>
      <c r="BA723">
        <v>0</v>
      </c>
    </row>
    <row r="724" spans="1:53" x14ac:dyDescent="0.4">
      <c r="A724">
        <v>768</v>
      </c>
      <c r="B724" s="1">
        <v>43038</v>
      </c>
      <c r="C724">
        <v>2</v>
      </c>
      <c r="D724" s="1">
        <v>43038.454861111109</v>
      </c>
      <c r="E724" s="1">
        <v>43038.754166666666</v>
      </c>
      <c r="F724">
        <v>30000</v>
      </c>
      <c r="G724">
        <v>2540</v>
      </c>
      <c r="H724">
        <v>0</v>
      </c>
      <c r="I724">
        <v>0</v>
      </c>
      <c r="J724">
        <v>0</v>
      </c>
      <c r="K724">
        <v>0</v>
      </c>
      <c r="L724">
        <v>0</v>
      </c>
      <c r="M724">
        <v>2602</v>
      </c>
      <c r="N724">
        <v>0</v>
      </c>
      <c r="O724">
        <v>0</v>
      </c>
      <c r="P724">
        <v>22140</v>
      </c>
      <c r="Q724">
        <v>0</v>
      </c>
      <c r="R724">
        <v>57282</v>
      </c>
      <c r="S724">
        <v>0</v>
      </c>
      <c r="T724">
        <v>0</v>
      </c>
      <c r="U724">
        <v>0</v>
      </c>
      <c r="V724">
        <v>1</v>
      </c>
      <c r="W724">
        <v>1</v>
      </c>
      <c r="X724">
        <v>1</v>
      </c>
      <c r="Y724">
        <v>55</v>
      </c>
      <c r="Z724">
        <v>39</v>
      </c>
      <c r="AA724">
        <v>111</v>
      </c>
      <c r="AB724">
        <v>43</v>
      </c>
      <c r="AC724">
        <v>219</v>
      </c>
      <c r="AD724">
        <v>60</v>
      </c>
      <c r="AE724">
        <v>42</v>
      </c>
      <c r="AF724">
        <v>0</v>
      </c>
      <c r="AG724">
        <v>107282</v>
      </c>
      <c r="AH724">
        <v>50000</v>
      </c>
      <c r="AI724">
        <v>0</v>
      </c>
      <c r="AJ724">
        <v>102</v>
      </c>
      <c r="AK724" t="s">
        <v>8</v>
      </c>
      <c r="AL724">
        <v>0</v>
      </c>
      <c r="AM724">
        <v>0</v>
      </c>
      <c r="AN724">
        <v>0</v>
      </c>
      <c r="AO724">
        <v>0</v>
      </c>
      <c r="AP724">
        <v>0</v>
      </c>
      <c r="AQ724">
        <v>0</v>
      </c>
      <c r="AR724">
        <v>0</v>
      </c>
      <c r="AS724">
        <v>0</v>
      </c>
      <c r="AT724">
        <v>0</v>
      </c>
      <c r="AU724">
        <v>0</v>
      </c>
      <c r="AV724">
        <v>0</v>
      </c>
      <c r="AW724">
        <v>0</v>
      </c>
      <c r="AX724">
        <v>410</v>
      </c>
      <c r="AY724">
        <v>39</v>
      </c>
      <c r="AZ724">
        <v>96</v>
      </c>
      <c r="BA724">
        <v>6051</v>
      </c>
    </row>
    <row r="725" spans="1:53" x14ac:dyDescent="0.4">
      <c r="A725">
        <v>769</v>
      </c>
      <c r="B725" s="1">
        <v>43038</v>
      </c>
      <c r="C725">
        <v>3</v>
      </c>
      <c r="D725" s="1">
        <v>43038.754166666666</v>
      </c>
      <c r="E725" s="1">
        <v>43038.953472222223</v>
      </c>
      <c r="F725">
        <v>31000</v>
      </c>
      <c r="G725">
        <v>38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2510</v>
      </c>
      <c r="N725">
        <v>0</v>
      </c>
      <c r="O725">
        <v>0</v>
      </c>
      <c r="P725">
        <v>-15833</v>
      </c>
      <c r="Q725">
        <v>0</v>
      </c>
      <c r="R725">
        <v>18057</v>
      </c>
      <c r="S725">
        <v>0</v>
      </c>
      <c r="T725">
        <v>0</v>
      </c>
      <c r="U725">
        <v>0</v>
      </c>
      <c r="V725">
        <v>2</v>
      </c>
      <c r="W725">
        <v>0</v>
      </c>
      <c r="X725">
        <v>1</v>
      </c>
      <c r="Y725">
        <v>68</v>
      </c>
      <c r="Z725">
        <v>38</v>
      </c>
      <c r="AA725">
        <v>116</v>
      </c>
      <c r="AB725">
        <v>43</v>
      </c>
      <c r="AC725">
        <v>227</v>
      </c>
      <c r="AD725">
        <v>58</v>
      </c>
      <c r="AE725">
        <v>29</v>
      </c>
      <c r="AF725">
        <v>0</v>
      </c>
      <c r="AG725">
        <v>125339</v>
      </c>
      <c r="AH725">
        <v>50000</v>
      </c>
      <c r="AI725">
        <v>0</v>
      </c>
      <c r="AJ725">
        <v>1</v>
      </c>
      <c r="AK725" t="s">
        <v>3</v>
      </c>
      <c r="AL725">
        <v>0</v>
      </c>
      <c r="AM725">
        <v>0</v>
      </c>
      <c r="AN725">
        <v>0</v>
      </c>
      <c r="AO725">
        <v>0</v>
      </c>
      <c r="AP725">
        <v>0</v>
      </c>
      <c r="AQ725">
        <v>0</v>
      </c>
      <c r="AR725">
        <v>0</v>
      </c>
      <c r="AS725">
        <v>0</v>
      </c>
      <c r="AT725">
        <v>0</v>
      </c>
      <c r="AU725">
        <v>0</v>
      </c>
      <c r="AV725">
        <v>0</v>
      </c>
      <c r="AW725">
        <v>0</v>
      </c>
      <c r="AX725">
        <v>12814</v>
      </c>
      <c r="AY725">
        <v>11</v>
      </c>
      <c r="AZ725">
        <v>28</v>
      </c>
      <c r="BA725">
        <v>1593</v>
      </c>
    </row>
    <row r="726" spans="1:53" x14ac:dyDescent="0.4">
      <c r="A726">
        <v>770</v>
      </c>
      <c r="B726" s="1">
        <v>43038</v>
      </c>
      <c r="C726">
        <v>4</v>
      </c>
      <c r="D726" s="1">
        <v>43038.953472222223</v>
      </c>
      <c r="E726" s="1">
        <v>43039.073611111111</v>
      </c>
      <c r="F726">
        <v>2276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1821</v>
      </c>
      <c r="N726">
        <v>0</v>
      </c>
      <c r="O726">
        <v>0</v>
      </c>
      <c r="P726">
        <v>16308</v>
      </c>
      <c r="Q726">
        <v>0</v>
      </c>
      <c r="R726">
        <v>40889</v>
      </c>
      <c r="S726">
        <v>0</v>
      </c>
      <c r="T726">
        <v>0</v>
      </c>
      <c r="U726">
        <v>0</v>
      </c>
      <c r="V726">
        <v>6</v>
      </c>
      <c r="W726">
        <v>1</v>
      </c>
      <c r="X726">
        <v>1</v>
      </c>
      <c r="Y726">
        <v>63</v>
      </c>
      <c r="Z726">
        <v>38</v>
      </c>
      <c r="AA726">
        <v>126</v>
      </c>
      <c r="AB726">
        <v>52</v>
      </c>
      <c r="AC726">
        <v>173</v>
      </c>
      <c r="AD726">
        <v>58</v>
      </c>
      <c r="AE726">
        <v>8</v>
      </c>
      <c r="AF726">
        <v>0</v>
      </c>
      <c r="AG726">
        <v>166228</v>
      </c>
      <c r="AH726">
        <v>50000</v>
      </c>
      <c r="AI726">
        <v>0</v>
      </c>
      <c r="AJ726">
        <v>1</v>
      </c>
      <c r="AK726" t="s">
        <v>3</v>
      </c>
      <c r="AL726">
        <v>0</v>
      </c>
      <c r="AM726">
        <v>0</v>
      </c>
      <c r="AN726">
        <v>0</v>
      </c>
      <c r="AO726">
        <v>0</v>
      </c>
      <c r="AP726">
        <v>0</v>
      </c>
      <c r="AQ726">
        <v>0</v>
      </c>
      <c r="AR726">
        <v>0</v>
      </c>
      <c r="AS726">
        <v>0</v>
      </c>
      <c r="AT726">
        <v>0</v>
      </c>
      <c r="AU726">
        <v>0</v>
      </c>
      <c r="AV726">
        <v>0</v>
      </c>
      <c r="AW726">
        <v>0</v>
      </c>
      <c r="AX726">
        <v>1620</v>
      </c>
      <c r="AY726">
        <v>6</v>
      </c>
      <c r="AZ726">
        <v>19</v>
      </c>
      <c r="BA726">
        <v>751</v>
      </c>
    </row>
    <row r="727" spans="1:53" x14ac:dyDescent="0.4">
      <c r="A727">
        <v>771</v>
      </c>
      <c r="B727" s="1">
        <v>43039</v>
      </c>
      <c r="C727">
        <v>1</v>
      </c>
      <c r="D727" s="1">
        <v>43039.291666666664</v>
      </c>
      <c r="E727" s="1">
        <v>43039.451388888891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0</v>
      </c>
      <c r="O727">
        <v>0</v>
      </c>
      <c r="P727">
        <v>0</v>
      </c>
      <c r="Q727">
        <v>0</v>
      </c>
      <c r="R727">
        <v>0</v>
      </c>
      <c r="S727">
        <v>0</v>
      </c>
      <c r="T727">
        <v>0</v>
      </c>
      <c r="U727">
        <v>0</v>
      </c>
      <c r="V727">
        <v>0</v>
      </c>
      <c r="W727">
        <v>0</v>
      </c>
      <c r="X727">
        <v>0</v>
      </c>
      <c r="Y727">
        <v>30</v>
      </c>
      <c r="Z727">
        <v>18</v>
      </c>
      <c r="AA727">
        <v>77</v>
      </c>
      <c r="AB727">
        <v>36</v>
      </c>
      <c r="AC727">
        <v>116</v>
      </c>
      <c r="AD727">
        <v>57</v>
      </c>
      <c r="AE727">
        <v>55</v>
      </c>
      <c r="AF727">
        <v>0</v>
      </c>
      <c r="AG727">
        <v>50000</v>
      </c>
      <c r="AH727">
        <v>0</v>
      </c>
      <c r="AI727">
        <v>50000</v>
      </c>
      <c r="AJ727">
        <v>0</v>
      </c>
      <c r="AK727" t="s">
        <v>6</v>
      </c>
      <c r="AL727">
        <v>0</v>
      </c>
      <c r="AM727">
        <v>0</v>
      </c>
      <c r="AN727">
        <v>0</v>
      </c>
      <c r="AO727">
        <v>0</v>
      </c>
      <c r="AP727">
        <v>0</v>
      </c>
      <c r="AQ727">
        <v>0</v>
      </c>
      <c r="AR727">
        <v>0</v>
      </c>
      <c r="AS727">
        <v>0</v>
      </c>
      <c r="AT727">
        <v>0</v>
      </c>
      <c r="AU727">
        <v>0</v>
      </c>
      <c r="AV727">
        <v>0</v>
      </c>
      <c r="AW727">
        <v>0</v>
      </c>
      <c r="AX727">
        <v>0</v>
      </c>
      <c r="AY727">
        <v>0</v>
      </c>
      <c r="AZ727">
        <v>0</v>
      </c>
      <c r="BA727">
        <v>0</v>
      </c>
    </row>
    <row r="728" spans="1:53" x14ac:dyDescent="0.4">
      <c r="A728">
        <v>772</v>
      </c>
      <c r="B728" s="1">
        <v>43039</v>
      </c>
      <c r="C728">
        <v>2</v>
      </c>
      <c r="D728" s="1">
        <v>43039.451388888891</v>
      </c>
      <c r="E728" s="1">
        <v>43039.747916666667</v>
      </c>
      <c r="F728">
        <v>9000</v>
      </c>
      <c r="G728">
        <v>35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748</v>
      </c>
      <c r="N728">
        <v>0</v>
      </c>
      <c r="O728">
        <v>0</v>
      </c>
      <c r="P728">
        <v>10800</v>
      </c>
      <c r="Q728">
        <v>0</v>
      </c>
      <c r="R728">
        <v>20898</v>
      </c>
      <c r="S728">
        <v>0</v>
      </c>
      <c r="T728">
        <v>0</v>
      </c>
      <c r="U728">
        <v>0</v>
      </c>
      <c r="V728">
        <v>2</v>
      </c>
      <c r="W728">
        <v>0</v>
      </c>
      <c r="X728">
        <v>0</v>
      </c>
      <c r="Y728">
        <v>24</v>
      </c>
      <c r="Z728">
        <v>29</v>
      </c>
      <c r="AA728">
        <v>84</v>
      </c>
      <c r="AB728">
        <v>41</v>
      </c>
      <c r="AC728">
        <v>160</v>
      </c>
      <c r="AD728">
        <v>59</v>
      </c>
      <c r="AE728">
        <v>53</v>
      </c>
      <c r="AF728">
        <v>0</v>
      </c>
      <c r="AG728">
        <v>70898</v>
      </c>
      <c r="AH728">
        <v>50000</v>
      </c>
      <c r="AI728">
        <v>0</v>
      </c>
      <c r="AJ728">
        <v>96</v>
      </c>
      <c r="AK728" t="s">
        <v>4</v>
      </c>
      <c r="AL728">
        <v>0</v>
      </c>
      <c r="AM728">
        <v>0</v>
      </c>
      <c r="AN728">
        <v>0</v>
      </c>
      <c r="AO728">
        <v>0</v>
      </c>
      <c r="AP728">
        <v>0</v>
      </c>
      <c r="AQ728">
        <v>0</v>
      </c>
      <c r="AR728">
        <v>0</v>
      </c>
      <c r="AS728">
        <v>0</v>
      </c>
      <c r="AT728">
        <v>0</v>
      </c>
      <c r="AU728">
        <v>0</v>
      </c>
      <c r="AV728">
        <v>0</v>
      </c>
      <c r="AW728">
        <v>0</v>
      </c>
      <c r="AX728">
        <v>2278</v>
      </c>
      <c r="AY728">
        <v>20</v>
      </c>
      <c r="AZ728">
        <v>38</v>
      </c>
      <c r="BA728">
        <v>2460</v>
      </c>
    </row>
    <row r="729" spans="1:53" x14ac:dyDescent="0.4">
      <c r="A729">
        <v>773</v>
      </c>
      <c r="B729" s="1">
        <v>43039</v>
      </c>
      <c r="C729">
        <v>3</v>
      </c>
      <c r="D729" s="1">
        <v>43039.747916666667</v>
      </c>
      <c r="E729" s="1">
        <v>43039.959027777775</v>
      </c>
      <c r="F729">
        <v>31900</v>
      </c>
      <c r="G729">
        <v>234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2738</v>
      </c>
      <c r="N729">
        <v>0</v>
      </c>
      <c r="O729">
        <v>0</v>
      </c>
      <c r="P729">
        <v>8748</v>
      </c>
      <c r="Q729">
        <v>0</v>
      </c>
      <c r="R729">
        <v>45726</v>
      </c>
      <c r="S729">
        <v>0</v>
      </c>
      <c r="T729">
        <v>0</v>
      </c>
      <c r="U729">
        <v>0</v>
      </c>
      <c r="V729">
        <v>5</v>
      </c>
      <c r="W729">
        <v>1</v>
      </c>
      <c r="X729">
        <v>0</v>
      </c>
      <c r="Y729">
        <v>29</v>
      </c>
      <c r="Z729">
        <v>28</v>
      </c>
      <c r="AA729">
        <v>85</v>
      </c>
      <c r="AB729">
        <v>47</v>
      </c>
      <c r="AC729">
        <v>194</v>
      </c>
      <c r="AD729">
        <v>59</v>
      </c>
      <c r="AE729">
        <v>63</v>
      </c>
      <c r="AF729">
        <v>5476</v>
      </c>
      <c r="AG729">
        <v>116624</v>
      </c>
      <c r="AH729">
        <v>50000</v>
      </c>
      <c r="AI729">
        <v>0</v>
      </c>
      <c r="AJ729">
        <v>70</v>
      </c>
      <c r="AK729" t="s">
        <v>25</v>
      </c>
      <c r="AL729">
        <v>0</v>
      </c>
      <c r="AM729">
        <v>0</v>
      </c>
      <c r="AN729">
        <v>0</v>
      </c>
      <c r="AO729">
        <v>0</v>
      </c>
      <c r="AP729">
        <v>0</v>
      </c>
      <c r="AQ729">
        <v>0</v>
      </c>
      <c r="AR729">
        <v>0</v>
      </c>
      <c r="AS729">
        <v>0</v>
      </c>
      <c r="AT729">
        <v>0</v>
      </c>
      <c r="AU729">
        <v>0</v>
      </c>
      <c r="AV729">
        <v>0</v>
      </c>
      <c r="AW729">
        <v>0</v>
      </c>
      <c r="AX729">
        <v>39356</v>
      </c>
      <c r="AY729">
        <v>17</v>
      </c>
      <c r="AZ729">
        <v>57</v>
      </c>
      <c r="BA729">
        <v>2436</v>
      </c>
    </row>
    <row r="730" spans="1:53" x14ac:dyDescent="0.4">
      <c r="A730">
        <v>774</v>
      </c>
      <c r="B730" s="1">
        <v>43039</v>
      </c>
      <c r="C730">
        <v>4</v>
      </c>
      <c r="D730" s="1">
        <v>43039.959027777775</v>
      </c>
      <c r="E730" s="1">
        <v>43040.078472222223</v>
      </c>
      <c r="F730">
        <v>61780</v>
      </c>
      <c r="G730">
        <v>600</v>
      </c>
      <c r="H730">
        <v>0</v>
      </c>
      <c r="I730">
        <v>0</v>
      </c>
      <c r="J730">
        <v>0</v>
      </c>
      <c r="K730">
        <v>0</v>
      </c>
      <c r="L730">
        <v>0</v>
      </c>
      <c r="M730">
        <v>4990</v>
      </c>
      <c r="N730">
        <v>0</v>
      </c>
      <c r="O730">
        <v>0</v>
      </c>
      <c r="P730">
        <v>-216</v>
      </c>
      <c r="Q730">
        <v>0</v>
      </c>
      <c r="R730">
        <v>67154</v>
      </c>
      <c r="S730">
        <v>0</v>
      </c>
      <c r="T730">
        <v>0</v>
      </c>
      <c r="U730">
        <v>0</v>
      </c>
      <c r="V730">
        <v>9</v>
      </c>
      <c r="W730">
        <v>1</v>
      </c>
      <c r="X730">
        <v>0</v>
      </c>
      <c r="Y730">
        <v>56</v>
      </c>
      <c r="Z730">
        <v>30</v>
      </c>
      <c r="AA730">
        <v>79</v>
      </c>
      <c r="AB730">
        <v>44</v>
      </c>
      <c r="AC730">
        <v>187</v>
      </c>
      <c r="AD730">
        <v>57</v>
      </c>
      <c r="AE730">
        <v>47</v>
      </c>
      <c r="AF730">
        <v>5476</v>
      </c>
      <c r="AG730">
        <v>183778</v>
      </c>
      <c r="AH730">
        <v>50000</v>
      </c>
      <c r="AI730">
        <v>0</v>
      </c>
      <c r="AJ730">
        <v>100</v>
      </c>
      <c r="AK730" t="s">
        <v>0</v>
      </c>
      <c r="AL730">
        <v>0</v>
      </c>
      <c r="AM730">
        <v>0</v>
      </c>
      <c r="AN730">
        <v>0</v>
      </c>
      <c r="AO730">
        <v>0</v>
      </c>
      <c r="AP730">
        <v>0</v>
      </c>
      <c r="AQ730">
        <v>0</v>
      </c>
      <c r="AR730">
        <v>0</v>
      </c>
      <c r="AS730">
        <v>0</v>
      </c>
      <c r="AT730">
        <v>0</v>
      </c>
      <c r="AU730">
        <v>0</v>
      </c>
      <c r="AV730">
        <v>0</v>
      </c>
      <c r="AW730">
        <v>0</v>
      </c>
      <c r="AX730">
        <v>-2300</v>
      </c>
      <c r="AY730">
        <v>6</v>
      </c>
      <c r="AZ730">
        <v>12</v>
      </c>
      <c r="BA730">
        <v>868</v>
      </c>
    </row>
    <row r="731" spans="1:53" x14ac:dyDescent="0.4">
      <c r="A731">
        <v>775</v>
      </c>
      <c r="B731" s="1">
        <v>43040</v>
      </c>
      <c r="C731">
        <v>1</v>
      </c>
      <c r="D731" s="1">
        <v>43040.291666666664</v>
      </c>
      <c r="E731" s="1">
        <v>43040.443749999999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0</v>
      </c>
      <c r="O731">
        <v>0</v>
      </c>
      <c r="P731">
        <v>0</v>
      </c>
      <c r="Q731">
        <v>0</v>
      </c>
      <c r="R731">
        <v>0</v>
      </c>
      <c r="S731">
        <v>0</v>
      </c>
      <c r="T731">
        <v>0</v>
      </c>
      <c r="U731">
        <v>0</v>
      </c>
      <c r="V731">
        <v>0</v>
      </c>
      <c r="W731">
        <v>1</v>
      </c>
      <c r="X731">
        <v>0</v>
      </c>
      <c r="Y731">
        <v>25</v>
      </c>
      <c r="Z731">
        <v>17</v>
      </c>
      <c r="AA731">
        <v>76</v>
      </c>
      <c r="AB731">
        <v>35</v>
      </c>
      <c r="AC731">
        <v>183</v>
      </c>
      <c r="AD731">
        <v>56</v>
      </c>
      <c r="AE731">
        <v>40</v>
      </c>
      <c r="AF731">
        <v>0</v>
      </c>
      <c r="AG731">
        <v>50000</v>
      </c>
      <c r="AH731">
        <v>50000</v>
      </c>
      <c r="AI731">
        <v>0</v>
      </c>
      <c r="AJ731">
        <v>0</v>
      </c>
      <c r="AK731" t="s">
        <v>6</v>
      </c>
      <c r="AL731">
        <v>0</v>
      </c>
      <c r="AM731">
        <v>0</v>
      </c>
      <c r="AN731">
        <v>0</v>
      </c>
      <c r="AO731">
        <v>0</v>
      </c>
      <c r="AP731">
        <v>0</v>
      </c>
      <c r="AQ731">
        <v>0</v>
      </c>
      <c r="AR731">
        <v>0</v>
      </c>
      <c r="AS731">
        <v>0</v>
      </c>
      <c r="AT731">
        <v>0</v>
      </c>
      <c r="AU731">
        <v>0</v>
      </c>
      <c r="AV731">
        <v>0</v>
      </c>
      <c r="AW731">
        <v>0</v>
      </c>
      <c r="AX731">
        <v>0</v>
      </c>
      <c r="AY731">
        <v>0</v>
      </c>
      <c r="AZ731">
        <v>0</v>
      </c>
      <c r="BA731">
        <v>0</v>
      </c>
    </row>
    <row r="732" spans="1:53" x14ac:dyDescent="0.4">
      <c r="A732">
        <v>776</v>
      </c>
      <c r="B732" s="1">
        <v>43040</v>
      </c>
      <c r="C732">
        <v>2</v>
      </c>
      <c r="D732" s="1">
        <v>43040.443749999999</v>
      </c>
      <c r="E732" s="1">
        <v>43040.750694444447</v>
      </c>
      <c r="F732">
        <v>12250</v>
      </c>
      <c r="G732">
        <v>93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1054</v>
      </c>
      <c r="N732">
        <v>0</v>
      </c>
      <c r="O732">
        <v>0</v>
      </c>
      <c r="P732">
        <v>22140</v>
      </c>
      <c r="Q732">
        <v>0</v>
      </c>
      <c r="R732">
        <v>36374</v>
      </c>
      <c r="S732">
        <v>0</v>
      </c>
      <c r="T732">
        <v>0</v>
      </c>
      <c r="U732">
        <v>0</v>
      </c>
      <c r="V732">
        <v>3</v>
      </c>
      <c r="W732">
        <v>0</v>
      </c>
      <c r="X732">
        <v>0</v>
      </c>
      <c r="Y732">
        <v>24</v>
      </c>
      <c r="Z732">
        <v>29</v>
      </c>
      <c r="AA732">
        <v>87</v>
      </c>
      <c r="AB732">
        <v>39</v>
      </c>
      <c r="AC732">
        <v>196</v>
      </c>
      <c r="AD732">
        <v>56</v>
      </c>
      <c r="AE732">
        <v>38</v>
      </c>
      <c r="AF732">
        <v>4946</v>
      </c>
      <c r="AG732">
        <v>86374</v>
      </c>
      <c r="AH732">
        <v>50000</v>
      </c>
      <c r="AI732">
        <v>0</v>
      </c>
      <c r="AJ732">
        <v>100</v>
      </c>
      <c r="AK732" t="s">
        <v>0</v>
      </c>
      <c r="AL732">
        <v>0</v>
      </c>
      <c r="AM732">
        <v>0</v>
      </c>
      <c r="AN732">
        <v>0</v>
      </c>
      <c r="AO732">
        <v>0</v>
      </c>
      <c r="AP732">
        <v>0</v>
      </c>
      <c r="AQ732">
        <v>0</v>
      </c>
      <c r="AR732">
        <v>0</v>
      </c>
      <c r="AS732">
        <v>0</v>
      </c>
      <c r="AT732">
        <v>0</v>
      </c>
      <c r="AU732">
        <v>0</v>
      </c>
      <c r="AV732">
        <v>0</v>
      </c>
      <c r="AW732">
        <v>0</v>
      </c>
      <c r="AX732">
        <v>-216</v>
      </c>
      <c r="AY732">
        <v>31</v>
      </c>
      <c r="AZ732">
        <v>66</v>
      </c>
      <c r="BA732">
        <v>3815</v>
      </c>
    </row>
    <row r="733" spans="1:53" x14ac:dyDescent="0.4">
      <c r="A733">
        <v>777</v>
      </c>
      <c r="B733" s="1">
        <v>43040</v>
      </c>
      <c r="C733">
        <v>3</v>
      </c>
      <c r="D733" s="1">
        <v>43040.750694444447</v>
      </c>
      <c r="E733" s="1">
        <v>43040.961111111108</v>
      </c>
      <c r="F733">
        <v>32300</v>
      </c>
      <c r="G733">
        <v>1300</v>
      </c>
      <c r="H733">
        <v>0</v>
      </c>
      <c r="I733">
        <v>0</v>
      </c>
      <c r="J733">
        <v>200</v>
      </c>
      <c r="K733">
        <v>0</v>
      </c>
      <c r="L733">
        <v>0</v>
      </c>
      <c r="M733">
        <v>2672</v>
      </c>
      <c r="N733">
        <v>0</v>
      </c>
      <c r="O733">
        <v>0</v>
      </c>
      <c r="P733">
        <v>-15228</v>
      </c>
      <c r="Q733">
        <v>0</v>
      </c>
      <c r="R733">
        <v>20844</v>
      </c>
      <c r="S733">
        <v>0</v>
      </c>
      <c r="T733">
        <v>0</v>
      </c>
      <c r="U733">
        <v>0</v>
      </c>
      <c r="V733">
        <v>5</v>
      </c>
      <c r="W733">
        <v>2</v>
      </c>
      <c r="X733">
        <v>0</v>
      </c>
      <c r="Y733">
        <v>14</v>
      </c>
      <c r="Z733">
        <v>31</v>
      </c>
      <c r="AA733">
        <v>88</v>
      </c>
      <c r="AB733">
        <v>35</v>
      </c>
      <c r="AC733">
        <v>192</v>
      </c>
      <c r="AD733">
        <v>53</v>
      </c>
      <c r="AE733">
        <v>37</v>
      </c>
      <c r="AF733">
        <v>3866</v>
      </c>
      <c r="AG733">
        <v>106138</v>
      </c>
      <c r="AH733">
        <v>50000</v>
      </c>
      <c r="AI733">
        <v>-1080</v>
      </c>
      <c r="AJ733">
        <v>29</v>
      </c>
      <c r="AK733" t="s">
        <v>28</v>
      </c>
      <c r="AL733">
        <v>0</v>
      </c>
      <c r="AM733">
        <v>0</v>
      </c>
      <c r="AN733">
        <v>0</v>
      </c>
      <c r="AO733">
        <v>0</v>
      </c>
      <c r="AP733">
        <v>0</v>
      </c>
      <c r="AQ733">
        <v>0</v>
      </c>
      <c r="AR733">
        <v>0</v>
      </c>
      <c r="AS733">
        <v>0</v>
      </c>
      <c r="AT733">
        <v>0</v>
      </c>
      <c r="AU733">
        <v>0</v>
      </c>
      <c r="AV733">
        <v>0</v>
      </c>
      <c r="AW733">
        <v>0</v>
      </c>
      <c r="AX733">
        <v>19604</v>
      </c>
      <c r="AY733">
        <v>12</v>
      </c>
      <c r="AZ733">
        <v>36</v>
      </c>
      <c r="BA733">
        <v>2529</v>
      </c>
    </row>
    <row r="734" spans="1:53" x14ac:dyDescent="0.4">
      <c r="A734">
        <v>778</v>
      </c>
      <c r="B734" s="1">
        <v>43040</v>
      </c>
      <c r="C734">
        <v>4</v>
      </c>
      <c r="D734" s="1">
        <v>43040.961111111108</v>
      </c>
      <c r="E734" s="1">
        <v>43040.96597222222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0</v>
      </c>
      <c r="O734">
        <v>0</v>
      </c>
      <c r="P734">
        <v>0</v>
      </c>
      <c r="Q734">
        <v>0</v>
      </c>
      <c r="R734">
        <v>0</v>
      </c>
      <c r="S734">
        <v>0</v>
      </c>
      <c r="T734">
        <v>0</v>
      </c>
      <c r="U734">
        <v>0</v>
      </c>
      <c r="V734">
        <v>5</v>
      </c>
      <c r="W734">
        <v>2</v>
      </c>
      <c r="X734">
        <v>0</v>
      </c>
      <c r="Y734">
        <v>14</v>
      </c>
      <c r="Z734">
        <v>31</v>
      </c>
      <c r="AA734">
        <v>88</v>
      </c>
      <c r="AB734">
        <v>35</v>
      </c>
      <c r="AC734">
        <v>192</v>
      </c>
      <c r="AD734">
        <v>53</v>
      </c>
      <c r="AE734">
        <v>37</v>
      </c>
      <c r="AF734">
        <v>4946</v>
      </c>
      <c r="AG734">
        <v>107218</v>
      </c>
      <c r="AH734">
        <v>50000</v>
      </c>
      <c r="AI734">
        <v>0</v>
      </c>
      <c r="AJ734">
        <v>29</v>
      </c>
      <c r="AK734" t="s">
        <v>28</v>
      </c>
      <c r="AL734">
        <v>0</v>
      </c>
      <c r="AM734">
        <v>0</v>
      </c>
      <c r="AN734">
        <v>0</v>
      </c>
      <c r="AO734">
        <v>0</v>
      </c>
      <c r="AP734">
        <v>0</v>
      </c>
      <c r="AQ734">
        <v>0</v>
      </c>
      <c r="AR734">
        <v>0</v>
      </c>
      <c r="AS734">
        <v>0</v>
      </c>
      <c r="AT734">
        <v>0</v>
      </c>
      <c r="AU734">
        <v>0</v>
      </c>
      <c r="AV734">
        <v>0</v>
      </c>
      <c r="AW734">
        <v>0</v>
      </c>
      <c r="AX734">
        <v>22574</v>
      </c>
      <c r="AY734">
        <v>0</v>
      </c>
      <c r="AZ734">
        <v>0</v>
      </c>
      <c r="BA734">
        <v>49</v>
      </c>
    </row>
    <row r="735" spans="1:53" x14ac:dyDescent="0.4">
      <c r="A735">
        <v>779</v>
      </c>
      <c r="B735" s="1">
        <v>43041</v>
      </c>
      <c r="C735">
        <v>1</v>
      </c>
      <c r="D735" s="1">
        <v>43041.291666666664</v>
      </c>
      <c r="E735" s="1">
        <v>43041.446527777778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  <c r="M735">
        <v>0</v>
      </c>
      <c r="N735">
        <v>0</v>
      </c>
      <c r="O735">
        <v>0</v>
      </c>
      <c r="P735">
        <v>0</v>
      </c>
      <c r="Q735">
        <v>0</v>
      </c>
      <c r="R735">
        <v>0</v>
      </c>
      <c r="S735">
        <v>0</v>
      </c>
      <c r="T735">
        <v>0</v>
      </c>
      <c r="U735">
        <v>0</v>
      </c>
      <c r="V735">
        <v>0</v>
      </c>
      <c r="W735">
        <v>1</v>
      </c>
      <c r="X735">
        <v>0</v>
      </c>
      <c r="Y735">
        <v>26</v>
      </c>
      <c r="Z735">
        <v>14</v>
      </c>
      <c r="AA735">
        <v>90</v>
      </c>
      <c r="AB735">
        <v>28</v>
      </c>
      <c r="AC735">
        <v>132</v>
      </c>
      <c r="AD735">
        <v>51</v>
      </c>
      <c r="AE735">
        <v>25</v>
      </c>
      <c r="AF735">
        <v>0</v>
      </c>
      <c r="AG735">
        <v>50000</v>
      </c>
      <c r="AH735">
        <v>0</v>
      </c>
      <c r="AI735">
        <v>50000</v>
      </c>
      <c r="AJ735">
        <v>0</v>
      </c>
      <c r="AK735" t="s">
        <v>6</v>
      </c>
      <c r="AL735">
        <v>0</v>
      </c>
      <c r="AM735">
        <v>0</v>
      </c>
      <c r="AN735">
        <v>0</v>
      </c>
      <c r="AO735">
        <v>0</v>
      </c>
      <c r="AP735">
        <v>0</v>
      </c>
      <c r="AQ735">
        <v>0</v>
      </c>
      <c r="AR735">
        <v>0</v>
      </c>
      <c r="AS735">
        <v>0</v>
      </c>
      <c r="AT735">
        <v>0</v>
      </c>
      <c r="AU735">
        <v>0</v>
      </c>
      <c r="AV735">
        <v>0</v>
      </c>
      <c r="AW735">
        <v>0</v>
      </c>
      <c r="AX735">
        <v>0</v>
      </c>
      <c r="AY735">
        <v>0</v>
      </c>
      <c r="AZ735">
        <v>0</v>
      </c>
      <c r="BA735">
        <v>0</v>
      </c>
    </row>
    <row r="736" spans="1:53" x14ac:dyDescent="0.4">
      <c r="A736">
        <v>780</v>
      </c>
      <c r="B736" s="1">
        <v>43041</v>
      </c>
      <c r="C736">
        <v>2</v>
      </c>
      <c r="D736" s="1">
        <v>43041.446527777778</v>
      </c>
      <c r="E736" s="1">
        <v>43041.75</v>
      </c>
      <c r="F736">
        <v>13000</v>
      </c>
      <c r="G736">
        <v>680</v>
      </c>
      <c r="H736">
        <v>0</v>
      </c>
      <c r="I736">
        <v>0</v>
      </c>
      <c r="J736">
        <v>0</v>
      </c>
      <c r="K736">
        <v>0</v>
      </c>
      <c r="L736">
        <v>0</v>
      </c>
      <c r="M736">
        <v>1094</v>
      </c>
      <c r="N736">
        <v>0</v>
      </c>
      <c r="O736">
        <v>0</v>
      </c>
      <c r="P736">
        <v>20520</v>
      </c>
      <c r="Q736">
        <v>0</v>
      </c>
      <c r="R736">
        <v>35294</v>
      </c>
      <c r="S736">
        <v>0</v>
      </c>
      <c r="T736">
        <v>0</v>
      </c>
      <c r="U736">
        <v>0</v>
      </c>
      <c r="V736">
        <v>1</v>
      </c>
      <c r="W736">
        <v>1</v>
      </c>
      <c r="X736">
        <v>0</v>
      </c>
      <c r="Y736">
        <v>41</v>
      </c>
      <c r="Z736">
        <v>27</v>
      </c>
      <c r="AA736">
        <v>96</v>
      </c>
      <c r="AB736">
        <v>24</v>
      </c>
      <c r="AC736">
        <v>167</v>
      </c>
      <c r="AD736">
        <v>50</v>
      </c>
      <c r="AE736">
        <v>20</v>
      </c>
      <c r="AF736">
        <v>3054</v>
      </c>
      <c r="AG736">
        <v>85294</v>
      </c>
      <c r="AH736">
        <v>50000</v>
      </c>
      <c r="AI736">
        <v>0</v>
      </c>
      <c r="AJ736">
        <v>99</v>
      </c>
      <c r="AK736" t="s">
        <v>9</v>
      </c>
      <c r="AL736">
        <v>0</v>
      </c>
      <c r="AM736">
        <v>0</v>
      </c>
      <c r="AN736">
        <v>0</v>
      </c>
      <c r="AO736">
        <v>0</v>
      </c>
      <c r="AP736">
        <v>0</v>
      </c>
      <c r="AQ736">
        <v>0</v>
      </c>
      <c r="AR736">
        <v>0</v>
      </c>
      <c r="AS736">
        <v>0</v>
      </c>
      <c r="AT736">
        <v>0</v>
      </c>
      <c r="AU736">
        <v>0</v>
      </c>
      <c r="AV736">
        <v>0</v>
      </c>
      <c r="AW736">
        <v>0</v>
      </c>
      <c r="AX736">
        <v>-1674</v>
      </c>
      <c r="AY736">
        <v>34</v>
      </c>
      <c r="AZ736">
        <v>59</v>
      </c>
      <c r="BA736">
        <v>4583</v>
      </c>
    </row>
    <row r="737" spans="1:53" x14ac:dyDescent="0.4">
      <c r="A737">
        <v>781</v>
      </c>
      <c r="B737" s="1">
        <v>43041</v>
      </c>
      <c r="C737">
        <v>3</v>
      </c>
      <c r="D737" s="1">
        <v>43041.75</v>
      </c>
      <c r="E737" s="1">
        <v>43041.962500000001</v>
      </c>
      <c r="F737">
        <v>73010</v>
      </c>
      <c r="G737">
        <v>3870</v>
      </c>
      <c r="H737">
        <v>0</v>
      </c>
      <c r="I737">
        <v>0</v>
      </c>
      <c r="J737">
        <v>1600</v>
      </c>
      <c r="K737">
        <v>2900</v>
      </c>
      <c r="L737">
        <v>0</v>
      </c>
      <c r="M737">
        <v>6255</v>
      </c>
      <c r="N737">
        <v>0</v>
      </c>
      <c r="O737">
        <v>0</v>
      </c>
      <c r="P737">
        <v>-14040</v>
      </c>
      <c r="Q737">
        <v>0</v>
      </c>
      <c r="R737">
        <v>70395</v>
      </c>
      <c r="S737">
        <v>0</v>
      </c>
      <c r="T737">
        <v>0</v>
      </c>
      <c r="U737">
        <v>0</v>
      </c>
      <c r="V737">
        <v>8</v>
      </c>
      <c r="W737">
        <v>0</v>
      </c>
      <c r="X737">
        <v>0</v>
      </c>
      <c r="Y737">
        <v>49</v>
      </c>
      <c r="Z737">
        <v>24</v>
      </c>
      <c r="AA737">
        <v>87</v>
      </c>
      <c r="AB737">
        <v>21</v>
      </c>
      <c r="AC737">
        <v>159</v>
      </c>
      <c r="AD737">
        <v>49</v>
      </c>
      <c r="AE737">
        <v>50</v>
      </c>
      <c r="AF737">
        <v>3054</v>
      </c>
      <c r="AG737">
        <v>155689</v>
      </c>
      <c r="AH737">
        <v>50000</v>
      </c>
      <c r="AI737">
        <v>0</v>
      </c>
      <c r="AJ737">
        <v>99</v>
      </c>
      <c r="AK737" t="s">
        <v>9</v>
      </c>
      <c r="AL737">
        <v>0</v>
      </c>
      <c r="AM737">
        <v>0</v>
      </c>
      <c r="AN737">
        <v>0</v>
      </c>
      <c r="AO737">
        <v>0</v>
      </c>
      <c r="AP737">
        <v>0</v>
      </c>
      <c r="AQ737">
        <v>0</v>
      </c>
      <c r="AR737">
        <v>0</v>
      </c>
      <c r="AS737">
        <v>0</v>
      </c>
      <c r="AT737">
        <v>0</v>
      </c>
      <c r="AU737">
        <v>0</v>
      </c>
      <c r="AV737">
        <v>0</v>
      </c>
      <c r="AW737">
        <v>0</v>
      </c>
      <c r="AX737">
        <v>79641</v>
      </c>
      <c r="AY737">
        <v>29</v>
      </c>
      <c r="AZ737">
        <v>114</v>
      </c>
      <c r="BA737">
        <v>3828</v>
      </c>
    </row>
    <row r="738" spans="1:53" x14ac:dyDescent="0.4">
      <c r="A738">
        <v>782</v>
      </c>
      <c r="B738" s="1">
        <v>43041</v>
      </c>
      <c r="C738">
        <v>4</v>
      </c>
      <c r="D738" s="1">
        <v>43041.962500000001</v>
      </c>
      <c r="E738" s="1">
        <v>43042.082638888889</v>
      </c>
      <c r="F738">
        <v>120085</v>
      </c>
      <c r="G738">
        <v>3770</v>
      </c>
      <c r="H738">
        <v>0</v>
      </c>
      <c r="I738">
        <v>0</v>
      </c>
      <c r="J738">
        <v>0</v>
      </c>
      <c r="K738">
        <v>3500</v>
      </c>
      <c r="L738">
        <v>0</v>
      </c>
      <c r="M738">
        <v>10188</v>
      </c>
      <c r="N738">
        <v>0</v>
      </c>
      <c r="O738">
        <v>0</v>
      </c>
      <c r="P738">
        <v>20952</v>
      </c>
      <c r="Q738">
        <v>0</v>
      </c>
      <c r="R738">
        <v>158495</v>
      </c>
      <c r="S738">
        <v>0</v>
      </c>
      <c r="T738">
        <v>0</v>
      </c>
      <c r="U738">
        <v>0</v>
      </c>
      <c r="V738">
        <v>16</v>
      </c>
      <c r="W738">
        <v>0</v>
      </c>
      <c r="X738">
        <v>0</v>
      </c>
      <c r="Y738">
        <v>72</v>
      </c>
      <c r="Z738">
        <v>29</v>
      </c>
      <c r="AA738">
        <v>94</v>
      </c>
      <c r="AB738">
        <v>19</v>
      </c>
      <c r="AC738">
        <v>149</v>
      </c>
      <c r="AD738">
        <v>46</v>
      </c>
      <c r="AE738">
        <v>45</v>
      </c>
      <c r="AF738">
        <v>55569</v>
      </c>
      <c r="AG738">
        <v>314184</v>
      </c>
      <c r="AH738">
        <v>50000</v>
      </c>
      <c r="AI738">
        <v>0</v>
      </c>
      <c r="AJ738">
        <v>100</v>
      </c>
      <c r="AK738" t="s">
        <v>0</v>
      </c>
      <c r="AL738">
        <v>0</v>
      </c>
      <c r="AM738">
        <v>0</v>
      </c>
      <c r="AN738">
        <v>0</v>
      </c>
      <c r="AO738">
        <v>0</v>
      </c>
      <c r="AP738">
        <v>0</v>
      </c>
      <c r="AQ738">
        <v>0</v>
      </c>
      <c r="AR738">
        <v>0</v>
      </c>
      <c r="AS738">
        <v>0</v>
      </c>
      <c r="AT738">
        <v>0</v>
      </c>
      <c r="AU738">
        <v>0</v>
      </c>
      <c r="AV738">
        <v>0</v>
      </c>
      <c r="AW738">
        <v>0</v>
      </c>
      <c r="AX738">
        <v>5778</v>
      </c>
      <c r="AY738">
        <v>7</v>
      </c>
      <c r="AZ738">
        <v>17</v>
      </c>
      <c r="BA738">
        <v>1311</v>
      </c>
    </row>
    <row r="739" spans="1:53" x14ac:dyDescent="0.4">
      <c r="A739">
        <v>783</v>
      </c>
      <c r="B739" s="1">
        <v>43042</v>
      </c>
      <c r="C739">
        <v>1</v>
      </c>
      <c r="D739" s="1">
        <v>43042.291666666664</v>
      </c>
      <c r="E739" s="1">
        <v>43042.405555555553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0</v>
      </c>
      <c r="O739">
        <v>0</v>
      </c>
      <c r="P739">
        <v>0</v>
      </c>
      <c r="Q739">
        <v>0</v>
      </c>
      <c r="R739">
        <v>0</v>
      </c>
      <c r="S739">
        <v>0</v>
      </c>
      <c r="T739">
        <v>0</v>
      </c>
      <c r="U739">
        <v>0</v>
      </c>
      <c r="V739">
        <v>0</v>
      </c>
      <c r="W739">
        <v>0</v>
      </c>
      <c r="X739">
        <v>0</v>
      </c>
      <c r="Y739">
        <v>30</v>
      </c>
      <c r="Z739">
        <v>16</v>
      </c>
      <c r="AA739">
        <v>92</v>
      </c>
      <c r="AB739">
        <v>20</v>
      </c>
      <c r="AC739">
        <v>152</v>
      </c>
      <c r="AD739">
        <v>46</v>
      </c>
      <c r="AE739">
        <v>50</v>
      </c>
      <c r="AF739">
        <v>0</v>
      </c>
      <c r="AG739">
        <v>50000</v>
      </c>
      <c r="AH739">
        <v>0</v>
      </c>
      <c r="AI739">
        <v>50000</v>
      </c>
      <c r="AJ739">
        <v>0</v>
      </c>
      <c r="AK739" t="s">
        <v>6</v>
      </c>
      <c r="AL739">
        <v>0</v>
      </c>
      <c r="AM739">
        <v>0</v>
      </c>
      <c r="AN739">
        <v>0</v>
      </c>
      <c r="AO739">
        <v>0</v>
      </c>
      <c r="AP739">
        <v>0</v>
      </c>
      <c r="AQ739">
        <v>0</v>
      </c>
      <c r="AR739">
        <v>0</v>
      </c>
      <c r="AS739">
        <v>0</v>
      </c>
      <c r="AT739">
        <v>0</v>
      </c>
      <c r="AU739">
        <v>0</v>
      </c>
      <c r="AV739">
        <v>0</v>
      </c>
      <c r="AW739">
        <v>0</v>
      </c>
      <c r="AX739">
        <v>0</v>
      </c>
      <c r="AY739">
        <v>0</v>
      </c>
      <c r="AZ739">
        <v>0</v>
      </c>
      <c r="BA739">
        <v>0</v>
      </c>
    </row>
    <row r="740" spans="1:53" x14ac:dyDescent="0.4">
      <c r="A740">
        <v>784</v>
      </c>
      <c r="B740" s="1">
        <v>43042</v>
      </c>
      <c r="C740">
        <v>2</v>
      </c>
      <c r="D740" s="1">
        <v>43042.405555555553</v>
      </c>
      <c r="E740" s="1">
        <v>43042.739583333336</v>
      </c>
      <c r="F740">
        <v>43000</v>
      </c>
      <c r="G740">
        <v>909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4164</v>
      </c>
      <c r="N740">
        <v>0</v>
      </c>
      <c r="O740">
        <v>0</v>
      </c>
      <c r="P740">
        <v>23220</v>
      </c>
      <c r="Q740">
        <v>0</v>
      </c>
      <c r="R740">
        <v>79474</v>
      </c>
      <c r="S740">
        <v>0</v>
      </c>
      <c r="T740">
        <v>0</v>
      </c>
      <c r="U740">
        <v>0</v>
      </c>
      <c r="V740">
        <v>2</v>
      </c>
      <c r="W740">
        <v>1</v>
      </c>
      <c r="X740">
        <v>0</v>
      </c>
      <c r="Y740">
        <v>70</v>
      </c>
      <c r="Z740">
        <v>28</v>
      </c>
      <c r="AA740">
        <v>173</v>
      </c>
      <c r="AB740">
        <v>23</v>
      </c>
      <c r="AC740">
        <v>229</v>
      </c>
      <c r="AD740">
        <v>50</v>
      </c>
      <c r="AE740">
        <v>30</v>
      </c>
      <c r="AF740">
        <v>0</v>
      </c>
      <c r="AG740">
        <v>130020</v>
      </c>
      <c r="AH740">
        <v>50000</v>
      </c>
      <c r="AI740">
        <v>546</v>
      </c>
      <c r="AJ740">
        <v>96</v>
      </c>
      <c r="AK740" t="s">
        <v>4</v>
      </c>
      <c r="AL740">
        <v>0</v>
      </c>
      <c r="AM740">
        <v>0</v>
      </c>
      <c r="AN740">
        <v>0</v>
      </c>
      <c r="AO740">
        <v>0</v>
      </c>
      <c r="AP740">
        <v>0</v>
      </c>
      <c r="AQ740">
        <v>0</v>
      </c>
      <c r="AR740">
        <v>0</v>
      </c>
      <c r="AS740">
        <v>0</v>
      </c>
      <c r="AT740">
        <v>0</v>
      </c>
      <c r="AU740">
        <v>0</v>
      </c>
      <c r="AV740">
        <v>0</v>
      </c>
      <c r="AW740">
        <v>0</v>
      </c>
      <c r="AX740">
        <v>0</v>
      </c>
      <c r="AY740">
        <v>50</v>
      </c>
      <c r="AZ740">
        <v>124</v>
      </c>
      <c r="BA740">
        <v>7251</v>
      </c>
    </row>
    <row r="741" spans="1:53" x14ac:dyDescent="0.4">
      <c r="A741">
        <v>785</v>
      </c>
      <c r="B741" s="1">
        <v>43042</v>
      </c>
      <c r="C741">
        <v>3</v>
      </c>
      <c r="D741" s="1">
        <v>43042.739583333336</v>
      </c>
      <c r="E741" s="1">
        <v>43042.953472222223</v>
      </c>
      <c r="F741">
        <v>54900</v>
      </c>
      <c r="G741">
        <v>1770</v>
      </c>
      <c r="H741">
        <v>0</v>
      </c>
      <c r="I741">
        <v>0</v>
      </c>
      <c r="J741">
        <v>0</v>
      </c>
      <c r="K741">
        <v>0</v>
      </c>
      <c r="L741">
        <v>0</v>
      </c>
      <c r="M741">
        <v>4534</v>
      </c>
      <c r="N741">
        <v>0</v>
      </c>
      <c r="O741">
        <v>0</v>
      </c>
      <c r="P741">
        <v>-10260</v>
      </c>
      <c r="Q741">
        <v>0</v>
      </c>
      <c r="R741">
        <v>50944</v>
      </c>
      <c r="S741">
        <v>0</v>
      </c>
      <c r="T741">
        <v>0</v>
      </c>
      <c r="U741">
        <v>0</v>
      </c>
      <c r="V741">
        <v>3</v>
      </c>
      <c r="W741">
        <v>4</v>
      </c>
      <c r="X741">
        <v>0</v>
      </c>
      <c r="Y741">
        <v>82</v>
      </c>
      <c r="Z741">
        <v>30</v>
      </c>
      <c r="AA741">
        <v>171</v>
      </c>
      <c r="AB741">
        <v>23</v>
      </c>
      <c r="AC741">
        <v>245</v>
      </c>
      <c r="AD741">
        <v>48</v>
      </c>
      <c r="AE741">
        <v>14</v>
      </c>
      <c r="AF741">
        <v>12960</v>
      </c>
      <c r="AG741">
        <v>180914</v>
      </c>
      <c r="AH741">
        <v>50000</v>
      </c>
      <c r="AI741">
        <v>496</v>
      </c>
      <c r="AJ741">
        <v>99</v>
      </c>
      <c r="AK741" t="s">
        <v>9</v>
      </c>
      <c r="AL741">
        <v>0</v>
      </c>
      <c r="AM741">
        <v>0</v>
      </c>
      <c r="AN741">
        <v>0</v>
      </c>
      <c r="AO741">
        <v>0</v>
      </c>
      <c r="AP741">
        <v>0</v>
      </c>
      <c r="AQ741">
        <v>0</v>
      </c>
      <c r="AR741">
        <v>0</v>
      </c>
      <c r="AS741">
        <v>0</v>
      </c>
      <c r="AT741">
        <v>0</v>
      </c>
      <c r="AU741">
        <v>0</v>
      </c>
      <c r="AV741">
        <v>0</v>
      </c>
      <c r="AW741">
        <v>0</v>
      </c>
      <c r="AX741">
        <v>51044</v>
      </c>
      <c r="AY741">
        <v>18</v>
      </c>
      <c r="AZ741">
        <v>68</v>
      </c>
      <c r="BA741">
        <v>3397</v>
      </c>
    </row>
    <row r="742" spans="1:53" x14ac:dyDescent="0.4">
      <c r="A742">
        <v>786</v>
      </c>
      <c r="B742" s="1">
        <v>43042</v>
      </c>
      <c r="C742">
        <v>4</v>
      </c>
      <c r="D742" s="1">
        <v>43042.953472222223</v>
      </c>
      <c r="E742" s="1">
        <v>43043.11041666667</v>
      </c>
      <c r="F742">
        <v>127320</v>
      </c>
      <c r="G742">
        <v>2440</v>
      </c>
      <c r="H742">
        <v>0</v>
      </c>
      <c r="I742">
        <v>0</v>
      </c>
      <c r="J742">
        <v>0</v>
      </c>
      <c r="K742">
        <v>0</v>
      </c>
      <c r="L742">
        <v>0</v>
      </c>
      <c r="M742">
        <v>10381</v>
      </c>
      <c r="N742">
        <v>0</v>
      </c>
      <c r="O742">
        <v>0</v>
      </c>
      <c r="P742">
        <v>94392</v>
      </c>
      <c r="Q742">
        <v>0</v>
      </c>
      <c r="R742">
        <v>234533</v>
      </c>
      <c r="S742">
        <v>0</v>
      </c>
      <c r="T742">
        <v>0</v>
      </c>
      <c r="U742">
        <v>0</v>
      </c>
      <c r="V742">
        <v>18</v>
      </c>
      <c r="W742">
        <v>4</v>
      </c>
      <c r="X742">
        <v>0</v>
      </c>
      <c r="Y742">
        <v>112</v>
      </c>
      <c r="Z742">
        <v>31</v>
      </c>
      <c r="AA742">
        <v>153</v>
      </c>
      <c r="AB742">
        <v>20</v>
      </c>
      <c r="AC742">
        <v>225</v>
      </c>
      <c r="AD742">
        <v>43</v>
      </c>
      <c r="AE742">
        <v>7</v>
      </c>
      <c r="AF742">
        <v>68679</v>
      </c>
      <c r="AG742">
        <v>414951</v>
      </c>
      <c r="AH742">
        <v>50000</v>
      </c>
      <c r="AI742">
        <v>0</v>
      </c>
      <c r="AJ742">
        <v>99</v>
      </c>
      <c r="AK742" t="s">
        <v>9</v>
      </c>
      <c r="AL742">
        <v>0</v>
      </c>
      <c r="AM742">
        <v>0</v>
      </c>
      <c r="AN742">
        <v>0</v>
      </c>
      <c r="AO742">
        <v>0</v>
      </c>
      <c r="AP742">
        <v>0</v>
      </c>
      <c r="AQ742">
        <v>0</v>
      </c>
      <c r="AR742">
        <v>0</v>
      </c>
      <c r="AS742">
        <v>0</v>
      </c>
      <c r="AT742">
        <v>0</v>
      </c>
      <c r="AU742">
        <v>0</v>
      </c>
      <c r="AV742">
        <v>0</v>
      </c>
      <c r="AW742">
        <v>0</v>
      </c>
      <c r="AX742">
        <v>1058</v>
      </c>
      <c r="AY742">
        <v>15</v>
      </c>
      <c r="AZ742">
        <v>64</v>
      </c>
      <c r="BA742">
        <v>2992</v>
      </c>
    </row>
    <row r="743" spans="1:53" x14ac:dyDescent="0.4">
      <c r="A743">
        <v>787</v>
      </c>
      <c r="B743" s="1">
        <v>43043</v>
      </c>
      <c r="C743">
        <v>1</v>
      </c>
      <c r="D743" s="1">
        <v>43043.291666666664</v>
      </c>
      <c r="E743" s="1">
        <v>43043.402083333334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  <c r="M743">
        <v>0</v>
      </c>
      <c r="N743">
        <v>0</v>
      </c>
      <c r="O743">
        <v>0</v>
      </c>
      <c r="P743">
        <v>0</v>
      </c>
      <c r="Q743">
        <v>0</v>
      </c>
      <c r="R743">
        <v>0</v>
      </c>
      <c r="S743">
        <v>0</v>
      </c>
      <c r="T743">
        <v>0</v>
      </c>
      <c r="U743">
        <v>0</v>
      </c>
      <c r="V743">
        <v>0</v>
      </c>
      <c r="W743">
        <v>1</v>
      </c>
      <c r="X743">
        <v>0</v>
      </c>
      <c r="Y743">
        <v>25</v>
      </c>
      <c r="Z743">
        <v>16</v>
      </c>
      <c r="AA743">
        <v>95</v>
      </c>
      <c r="AB743">
        <v>21</v>
      </c>
      <c r="AC743">
        <v>122</v>
      </c>
      <c r="AD743">
        <v>43</v>
      </c>
      <c r="AE743">
        <v>15</v>
      </c>
      <c r="AF743">
        <v>0</v>
      </c>
      <c r="AG743">
        <v>50000</v>
      </c>
      <c r="AH743">
        <v>50000</v>
      </c>
      <c r="AI743">
        <v>0</v>
      </c>
      <c r="AJ743">
        <v>0</v>
      </c>
      <c r="AK743" t="s">
        <v>6</v>
      </c>
      <c r="AL743">
        <v>0</v>
      </c>
      <c r="AM743">
        <v>0</v>
      </c>
      <c r="AN743">
        <v>0</v>
      </c>
      <c r="AO743">
        <v>0</v>
      </c>
      <c r="AP743">
        <v>0</v>
      </c>
      <c r="AQ743">
        <v>0</v>
      </c>
      <c r="AR743">
        <v>0</v>
      </c>
      <c r="AS743">
        <v>0</v>
      </c>
      <c r="AT743">
        <v>0</v>
      </c>
      <c r="AU743">
        <v>0</v>
      </c>
      <c r="AV743">
        <v>0</v>
      </c>
      <c r="AW743">
        <v>0</v>
      </c>
      <c r="AX743">
        <v>0</v>
      </c>
      <c r="AY743">
        <v>0</v>
      </c>
      <c r="AZ743">
        <v>0</v>
      </c>
      <c r="BA743">
        <v>0</v>
      </c>
    </row>
    <row r="744" spans="1:53" x14ac:dyDescent="0.4">
      <c r="A744">
        <v>788</v>
      </c>
      <c r="B744" s="1">
        <v>43043</v>
      </c>
      <c r="C744">
        <v>2</v>
      </c>
      <c r="D744" s="1">
        <v>43043.402083333334</v>
      </c>
      <c r="E744" s="1">
        <v>43043.731944444444</v>
      </c>
      <c r="F744">
        <v>42500</v>
      </c>
      <c r="G744">
        <v>6090</v>
      </c>
      <c r="H744">
        <v>0</v>
      </c>
      <c r="I744">
        <v>0</v>
      </c>
      <c r="J744">
        <v>0</v>
      </c>
      <c r="K744">
        <v>0</v>
      </c>
      <c r="L744">
        <v>0</v>
      </c>
      <c r="M744">
        <v>3886</v>
      </c>
      <c r="N744">
        <v>0</v>
      </c>
      <c r="O744">
        <v>0</v>
      </c>
      <c r="P744">
        <v>23220</v>
      </c>
      <c r="Q744">
        <v>0</v>
      </c>
      <c r="R744">
        <v>75696</v>
      </c>
      <c r="S744">
        <v>0</v>
      </c>
      <c r="T744">
        <v>0</v>
      </c>
      <c r="U744">
        <v>0</v>
      </c>
      <c r="V744">
        <v>2</v>
      </c>
      <c r="W744">
        <v>1</v>
      </c>
      <c r="X744">
        <v>0</v>
      </c>
      <c r="Y744">
        <v>62</v>
      </c>
      <c r="Z744">
        <v>42</v>
      </c>
      <c r="AA744">
        <v>141</v>
      </c>
      <c r="AB744">
        <v>30</v>
      </c>
      <c r="AC744">
        <v>185</v>
      </c>
      <c r="AD744">
        <v>47</v>
      </c>
      <c r="AE744">
        <v>11</v>
      </c>
      <c r="AF744">
        <v>0</v>
      </c>
      <c r="AG744">
        <v>125696</v>
      </c>
      <c r="AH744">
        <v>50000</v>
      </c>
      <c r="AI744">
        <v>0</v>
      </c>
      <c r="AJ744">
        <v>84</v>
      </c>
      <c r="AK744" t="s">
        <v>16</v>
      </c>
      <c r="AL744">
        <v>0</v>
      </c>
      <c r="AM744">
        <v>0</v>
      </c>
      <c r="AN744">
        <v>0</v>
      </c>
      <c r="AO744">
        <v>0</v>
      </c>
      <c r="AP744">
        <v>0</v>
      </c>
      <c r="AQ744">
        <v>0</v>
      </c>
      <c r="AR744">
        <v>0</v>
      </c>
      <c r="AS744">
        <v>0</v>
      </c>
      <c r="AT744">
        <v>0</v>
      </c>
      <c r="AU744">
        <v>0</v>
      </c>
      <c r="AV744">
        <v>0</v>
      </c>
      <c r="AW744">
        <v>0</v>
      </c>
      <c r="AX744">
        <v>108</v>
      </c>
      <c r="AY744">
        <v>55</v>
      </c>
      <c r="AZ744">
        <v>128</v>
      </c>
      <c r="BA744">
        <v>7703</v>
      </c>
    </row>
    <row r="745" spans="1:53" x14ac:dyDescent="0.4">
      <c r="A745">
        <v>789</v>
      </c>
      <c r="B745" s="1">
        <v>43043</v>
      </c>
      <c r="C745">
        <v>3</v>
      </c>
      <c r="D745" s="1">
        <v>43043.731944444444</v>
      </c>
      <c r="E745" s="1">
        <v>43043.959722222222</v>
      </c>
      <c r="F745">
        <v>114400</v>
      </c>
      <c r="G745">
        <v>8210</v>
      </c>
      <c r="H745">
        <v>0</v>
      </c>
      <c r="I745">
        <v>0</v>
      </c>
      <c r="J745">
        <v>0</v>
      </c>
      <c r="K745">
        <v>0</v>
      </c>
      <c r="L745">
        <v>0</v>
      </c>
      <c r="M745">
        <v>9809</v>
      </c>
      <c r="N745">
        <v>0</v>
      </c>
      <c r="O745">
        <v>0</v>
      </c>
      <c r="P745">
        <v>-15876</v>
      </c>
      <c r="Q745">
        <v>0</v>
      </c>
      <c r="R745">
        <v>116543</v>
      </c>
      <c r="S745">
        <v>0</v>
      </c>
      <c r="T745">
        <v>0</v>
      </c>
      <c r="U745">
        <v>0</v>
      </c>
      <c r="V745">
        <v>9</v>
      </c>
      <c r="W745">
        <v>4</v>
      </c>
      <c r="X745">
        <v>0</v>
      </c>
      <c r="Y745">
        <v>90</v>
      </c>
      <c r="Z745">
        <v>45</v>
      </c>
      <c r="AA745">
        <v>153</v>
      </c>
      <c r="AB745">
        <v>27</v>
      </c>
      <c r="AC745">
        <v>176</v>
      </c>
      <c r="AD745">
        <v>45</v>
      </c>
      <c r="AE745">
        <v>11</v>
      </c>
      <c r="AF745">
        <v>1093</v>
      </c>
      <c r="AG745">
        <v>242239</v>
      </c>
      <c r="AH745">
        <v>50000</v>
      </c>
      <c r="AI745">
        <v>0</v>
      </c>
      <c r="AJ745">
        <v>95</v>
      </c>
      <c r="AK745" t="s">
        <v>21</v>
      </c>
      <c r="AL745">
        <v>0</v>
      </c>
      <c r="AM745">
        <v>0</v>
      </c>
      <c r="AN745">
        <v>0</v>
      </c>
      <c r="AO745">
        <v>0</v>
      </c>
      <c r="AP745">
        <v>0</v>
      </c>
      <c r="AQ745">
        <v>0</v>
      </c>
      <c r="AR745">
        <v>0</v>
      </c>
      <c r="AS745">
        <v>0</v>
      </c>
      <c r="AT745">
        <v>0</v>
      </c>
      <c r="AU745">
        <v>0</v>
      </c>
      <c r="AV745">
        <v>0</v>
      </c>
      <c r="AW745">
        <v>0</v>
      </c>
      <c r="AX745">
        <v>138715</v>
      </c>
      <c r="AY745">
        <v>23</v>
      </c>
      <c r="AZ745">
        <v>128</v>
      </c>
      <c r="BA745">
        <v>4531</v>
      </c>
    </row>
    <row r="746" spans="1:53" x14ac:dyDescent="0.4">
      <c r="A746">
        <v>790</v>
      </c>
      <c r="B746" s="1">
        <v>43043</v>
      </c>
      <c r="C746">
        <v>4</v>
      </c>
      <c r="D746" s="1">
        <v>43043.959722222222</v>
      </c>
      <c r="E746" s="1">
        <v>43044.158333333333</v>
      </c>
      <c r="F746">
        <v>229080</v>
      </c>
      <c r="G746">
        <v>524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18745</v>
      </c>
      <c r="N746">
        <v>0</v>
      </c>
      <c r="O746">
        <v>0</v>
      </c>
      <c r="P746">
        <v>71496</v>
      </c>
      <c r="Q746">
        <v>0</v>
      </c>
      <c r="R746">
        <v>324561</v>
      </c>
      <c r="S746">
        <v>0</v>
      </c>
      <c r="T746">
        <v>0</v>
      </c>
      <c r="U746">
        <v>0</v>
      </c>
      <c r="V746">
        <v>36</v>
      </c>
      <c r="W746">
        <v>5</v>
      </c>
      <c r="X746">
        <v>0</v>
      </c>
      <c r="Y746">
        <v>124</v>
      </c>
      <c r="Z746">
        <v>44</v>
      </c>
      <c r="AA746">
        <v>173</v>
      </c>
      <c r="AB746">
        <v>28</v>
      </c>
      <c r="AC746">
        <v>176</v>
      </c>
      <c r="AD746">
        <v>44</v>
      </c>
      <c r="AE746">
        <v>27</v>
      </c>
      <c r="AF746">
        <v>15093</v>
      </c>
      <c r="AG746">
        <v>566800</v>
      </c>
      <c r="AH746">
        <v>50000</v>
      </c>
      <c r="AI746">
        <v>0</v>
      </c>
      <c r="AJ746">
        <v>16</v>
      </c>
      <c r="AK746" t="s">
        <v>11</v>
      </c>
      <c r="AL746">
        <v>0</v>
      </c>
      <c r="AM746">
        <v>0</v>
      </c>
      <c r="AN746">
        <v>0</v>
      </c>
      <c r="AO746">
        <v>0</v>
      </c>
      <c r="AP746">
        <v>0</v>
      </c>
      <c r="AQ746">
        <v>0</v>
      </c>
      <c r="AR746">
        <v>0</v>
      </c>
      <c r="AS746">
        <v>0</v>
      </c>
      <c r="AT746">
        <v>0</v>
      </c>
      <c r="AU746">
        <v>0</v>
      </c>
      <c r="AV746">
        <v>0</v>
      </c>
      <c r="AW746">
        <v>0</v>
      </c>
      <c r="AX746">
        <v>3488</v>
      </c>
      <c r="AY746">
        <v>17</v>
      </c>
      <c r="AZ746">
        <v>65</v>
      </c>
      <c r="BA746">
        <v>3495</v>
      </c>
    </row>
    <row r="747" spans="1:53" x14ac:dyDescent="0.4">
      <c r="A747">
        <v>791</v>
      </c>
      <c r="B747" s="1">
        <v>43044</v>
      </c>
      <c r="C747">
        <v>1</v>
      </c>
      <c r="D747" s="1">
        <v>43044.291666666664</v>
      </c>
      <c r="E747" s="1">
        <v>43044.409722222219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0</v>
      </c>
      <c r="O747">
        <v>0</v>
      </c>
      <c r="P747">
        <v>0</v>
      </c>
      <c r="Q747">
        <v>0</v>
      </c>
      <c r="R747">
        <v>0</v>
      </c>
      <c r="S747">
        <v>0</v>
      </c>
      <c r="T747">
        <v>0</v>
      </c>
      <c r="U747">
        <v>0</v>
      </c>
      <c r="V747">
        <v>0</v>
      </c>
      <c r="W747">
        <v>1</v>
      </c>
      <c r="X747">
        <v>0</v>
      </c>
      <c r="Y747">
        <v>28</v>
      </c>
      <c r="Z747">
        <v>15</v>
      </c>
      <c r="AA747">
        <v>72</v>
      </c>
      <c r="AB747">
        <v>26</v>
      </c>
      <c r="AC747">
        <v>75</v>
      </c>
      <c r="AD747">
        <v>45</v>
      </c>
      <c r="AE747">
        <v>25</v>
      </c>
      <c r="AF747">
        <v>0</v>
      </c>
      <c r="AG747">
        <v>50000</v>
      </c>
      <c r="AH747">
        <v>50000</v>
      </c>
      <c r="AI747">
        <v>0</v>
      </c>
      <c r="AJ747">
        <v>0</v>
      </c>
      <c r="AK747" t="s">
        <v>6</v>
      </c>
      <c r="AL747">
        <v>0</v>
      </c>
      <c r="AM747">
        <v>0</v>
      </c>
      <c r="AN747">
        <v>0</v>
      </c>
      <c r="AO747">
        <v>0</v>
      </c>
      <c r="AP747">
        <v>0</v>
      </c>
      <c r="AQ747">
        <v>0</v>
      </c>
      <c r="AR747">
        <v>0</v>
      </c>
      <c r="AS747">
        <v>0</v>
      </c>
      <c r="AT747">
        <v>0</v>
      </c>
      <c r="AU747">
        <v>0</v>
      </c>
      <c r="AV747">
        <v>0</v>
      </c>
      <c r="AW747">
        <v>0</v>
      </c>
      <c r="AX747">
        <v>0</v>
      </c>
      <c r="AY747">
        <v>0</v>
      </c>
      <c r="AZ747">
        <v>0</v>
      </c>
      <c r="BA747">
        <v>0</v>
      </c>
    </row>
    <row r="748" spans="1:53" x14ac:dyDescent="0.4">
      <c r="A748">
        <v>792</v>
      </c>
      <c r="B748" s="1">
        <v>43044</v>
      </c>
      <c r="C748">
        <v>2</v>
      </c>
      <c r="D748" s="1">
        <v>43044.409722222219</v>
      </c>
      <c r="E748" s="1">
        <v>43044.73333333333</v>
      </c>
      <c r="F748">
        <v>43500</v>
      </c>
      <c r="G748">
        <v>385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3787</v>
      </c>
      <c r="N748">
        <v>0</v>
      </c>
      <c r="O748">
        <v>0</v>
      </c>
      <c r="P748">
        <v>24300</v>
      </c>
      <c r="Q748">
        <v>0</v>
      </c>
      <c r="R748">
        <v>75437</v>
      </c>
      <c r="S748">
        <v>0</v>
      </c>
      <c r="T748">
        <v>0</v>
      </c>
      <c r="U748">
        <v>0</v>
      </c>
      <c r="V748">
        <v>1</v>
      </c>
      <c r="W748">
        <v>3</v>
      </c>
      <c r="X748">
        <v>0</v>
      </c>
      <c r="Y748">
        <v>59</v>
      </c>
      <c r="Z748">
        <v>38</v>
      </c>
      <c r="AA748">
        <v>117</v>
      </c>
      <c r="AB748">
        <v>30</v>
      </c>
      <c r="AC748">
        <v>152</v>
      </c>
      <c r="AD748">
        <v>52</v>
      </c>
      <c r="AE748">
        <v>24</v>
      </c>
      <c r="AF748">
        <v>7443</v>
      </c>
      <c r="AG748">
        <v>125447</v>
      </c>
      <c r="AH748">
        <v>50000</v>
      </c>
      <c r="AI748">
        <v>10</v>
      </c>
      <c r="AJ748">
        <v>92</v>
      </c>
      <c r="AK748" t="s">
        <v>22</v>
      </c>
      <c r="AL748">
        <v>0</v>
      </c>
      <c r="AM748">
        <v>0</v>
      </c>
      <c r="AN748">
        <v>0</v>
      </c>
      <c r="AO748">
        <v>0</v>
      </c>
      <c r="AP748">
        <v>0</v>
      </c>
      <c r="AQ748">
        <v>0</v>
      </c>
      <c r="AR748">
        <v>0</v>
      </c>
      <c r="AS748">
        <v>0</v>
      </c>
      <c r="AT748">
        <v>0</v>
      </c>
      <c r="AU748">
        <v>0</v>
      </c>
      <c r="AV748">
        <v>0</v>
      </c>
      <c r="AW748">
        <v>0</v>
      </c>
      <c r="AX748">
        <v>0</v>
      </c>
      <c r="AY748">
        <v>53</v>
      </c>
      <c r="AZ748">
        <v>124</v>
      </c>
      <c r="BA748">
        <v>7863</v>
      </c>
    </row>
    <row r="749" spans="1:53" x14ac:dyDescent="0.4">
      <c r="A749">
        <v>793</v>
      </c>
      <c r="B749" s="1">
        <v>43044</v>
      </c>
      <c r="C749">
        <v>3</v>
      </c>
      <c r="D749" s="1">
        <v>43044.73333333333</v>
      </c>
      <c r="E749" s="1">
        <v>43044.958333333336</v>
      </c>
      <c r="F749">
        <v>44600</v>
      </c>
      <c r="G749">
        <v>55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3612</v>
      </c>
      <c r="N749">
        <v>0</v>
      </c>
      <c r="O749">
        <v>0</v>
      </c>
      <c r="P749">
        <v>-19548</v>
      </c>
      <c r="Q749">
        <v>0</v>
      </c>
      <c r="R749">
        <v>29214</v>
      </c>
      <c r="S749">
        <v>0</v>
      </c>
      <c r="T749">
        <v>0</v>
      </c>
      <c r="U749">
        <v>0</v>
      </c>
      <c r="V749">
        <v>3</v>
      </c>
      <c r="W749">
        <v>4</v>
      </c>
      <c r="X749">
        <v>0</v>
      </c>
      <c r="Y749">
        <v>64</v>
      </c>
      <c r="Z749">
        <v>36</v>
      </c>
      <c r="AA749">
        <v>117</v>
      </c>
      <c r="AB749">
        <v>33</v>
      </c>
      <c r="AC749">
        <v>148</v>
      </c>
      <c r="AD749">
        <v>53</v>
      </c>
      <c r="AE749">
        <v>23</v>
      </c>
      <c r="AF749">
        <v>7443</v>
      </c>
      <c r="AG749">
        <v>154561</v>
      </c>
      <c r="AH749">
        <v>50000</v>
      </c>
      <c r="AI749">
        <v>-90</v>
      </c>
      <c r="AJ749">
        <v>102</v>
      </c>
      <c r="AK749" t="s">
        <v>8</v>
      </c>
      <c r="AL749">
        <v>0</v>
      </c>
      <c r="AM749">
        <v>0</v>
      </c>
      <c r="AN749">
        <v>0</v>
      </c>
      <c r="AO749">
        <v>0</v>
      </c>
      <c r="AP749">
        <v>0</v>
      </c>
      <c r="AQ749">
        <v>0</v>
      </c>
      <c r="AR749">
        <v>0</v>
      </c>
      <c r="AS749">
        <v>0</v>
      </c>
      <c r="AT749">
        <v>0</v>
      </c>
      <c r="AU749">
        <v>0</v>
      </c>
      <c r="AV749">
        <v>0</v>
      </c>
      <c r="AW749">
        <v>0</v>
      </c>
      <c r="AX749">
        <v>18101</v>
      </c>
      <c r="AY749">
        <v>14</v>
      </c>
      <c r="AZ749">
        <v>43</v>
      </c>
      <c r="BA749">
        <v>3176</v>
      </c>
    </row>
    <row r="750" spans="1:53" x14ac:dyDescent="0.4">
      <c r="A750">
        <v>794</v>
      </c>
      <c r="B750" s="1">
        <v>43044</v>
      </c>
      <c r="C750">
        <v>4</v>
      </c>
      <c r="D750" s="1">
        <v>43044.958333333336</v>
      </c>
      <c r="E750" s="1">
        <v>43044.959722222222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0</v>
      </c>
      <c r="O750">
        <v>0</v>
      </c>
      <c r="P750">
        <v>0</v>
      </c>
      <c r="Q750">
        <v>0</v>
      </c>
      <c r="R750">
        <v>0</v>
      </c>
      <c r="S750">
        <v>0</v>
      </c>
      <c r="T750">
        <v>0</v>
      </c>
      <c r="U750">
        <v>0</v>
      </c>
      <c r="V750">
        <v>3</v>
      </c>
      <c r="W750">
        <v>4</v>
      </c>
      <c r="X750">
        <v>0</v>
      </c>
      <c r="Y750">
        <v>64</v>
      </c>
      <c r="Z750">
        <v>36</v>
      </c>
      <c r="AA750">
        <v>118</v>
      </c>
      <c r="AB750">
        <v>33</v>
      </c>
      <c r="AC750">
        <v>148</v>
      </c>
      <c r="AD750">
        <v>53</v>
      </c>
      <c r="AE750">
        <v>23</v>
      </c>
      <c r="AF750">
        <v>7443</v>
      </c>
      <c r="AG750">
        <v>154661</v>
      </c>
      <c r="AH750">
        <v>50000</v>
      </c>
      <c r="AI750">
        <v>10</v>
      </c>
      <c r="AJ750">
        <v>102</v>
      </c>
      <c r="AK750" t="s">
        <v>8</v>
      </c>
      <c r="AL750">
        <v>0</v>
      </c>
      <c r="AM750">
        <v>0</v>
      </c>
      <c r="AN750">
        <v>0</v>
      </c>
      <c r="AO750">
        <v>0</v>
      </c>
      <c r="AP750">
        <v>0</v>
      </c>
      <c r="AQ750">
        <v>0</v>
      </c>
      <c r="AR750">
        <v>0</v>
      </c>
      <c r="AS750">
        <v>0</v>
      </c>
      <c r="AT750">
        <v>0</v>
      </c>
      <c r="AU750">
        <v>0</v>
      </c>
      <c r="AV750">
        <v>0</v>
      </c>
      <c r="AW750">
        <v>0</v>
      </c>
      <c r="AX750">
        <v>18101</v>
      </c>
      <c r="AY750">
        <v>0</v>
      </c>
      <c r="AZ750">
        <v>0</v>
      </c>
      <c r="BA750">
        <v>12</v>
      </c>
    </row>
    <row r="751" spans="1:53" x14ac:dyDescent="0.4">
      <c r="A751">
        <v>795</v>
      </c>
      <c r="B751" s="1">
        <v>43044</v>
      </c>
      <c r="C751">
        <v>5</v>
      </c>
      <c r="D751" s="1">
        <v>43044.959722222222</v>
      </c>
      <c r="E751" s="1">
        <v>43044.960416666669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0</v>
      </c>
      <c r="O751">
        <v>0</v>
      </c>
      <c r="P751">
        <v>0</v>
      </c>
      <c r="Q751">
        <v>0</v>
      </c>
      <c r="R751">
        <v>0</v>
      </c>
      <c r="S751">
        <v>0</v>
      </c>
      <c r="T751">
        <v>0</v>
      </c>
      <c r="U751">
        <v>0</v>
      </c>
      <c r="V751">
        <v>3</v>
      </c>
      <c r="W751">
        <v>4</v>
      </c>
      <c r="X751">
        <v>0</v>
      </c>
      <c r="Y751">
        <v>64</v>
      </c>
      <c r="Z751">
        <v>36</v>
      </c>
      <c r="AA751">
        <v>118</v>
      </c>
      <c r="AB751">
        <v>33</v>
      </c>
      <c r="AC751">
        <v>147</v>
      </c>
      <c r="AD751">
        <v>53</v>
      </c>
      <c r="AE751">
        <v>23</v>
      </c>
      <c r="AF751">
        <v>7443</v>
      </c>
      <c r="AG751">
        <v>154651</v>
      </c>
      <c r="AH751">
        <v>50000</v>
      </c>
      <c r="AI751">
        <v>0</v>
      </c>
      <c r="AJ751">
        <v>102</v>
      </c>
      <c r="AK751" t="s">
        <v>8</v>
      </c>
      <c r="AL751">
        <v>0</v>
      </c>
      <c r="AM751">
        <v>0</v>
      </c>
      <c r="AN751">
        <v>0</v>
      </c>
      <c r="AO751">
        <v>0</v>
      </c>
      <c r="AP751">
        <v>0</v>
      </c>
      <c r="AQ751">
        <v>0</v>
      </c>
      <c r="AR751">
        <v>0</v>
      </c>
      <c r="AS751">
        <v>0</v>
      </c>
      <c r="AT751">
        <v>0</v>
      </c>
      <c r="AU751">
        <v>0</v>
      </c>
      <c r="AV751">
        <v>0</v>
      </c>
      <c r="AW751">
        <v>0</v>
      </c>
      <c r="AX751">
        <v>18101</v>
      </c>
      <c r="AY751">
        <v>0</v>
      </c>
      <c r="AZ751">
        <v>0</v>
      </c>
      <c r="BA751">
        <v>6</v>
      </c>
    </row>
    <row r="752" spans="1:53" x14ac:dyDescent="0.4">
      <c r="A752">
        <v>796</v>
      </c>
      <c r="B752" s="1">
        <v>43044</v>
      </c>
      <c r="C752">
        <v>6</v>
      </c>
      <c r="D752" s="1">
        <v>43044.960416666669</v>
      </c>
      <c r="E752" s="1">
        <v>43045.134722222225</v>
      </c>
      <c r="F752">
        <v>34160</v>
      </c>
      <c r="G752">
        <v>350</v>
      </c>
      <c r="H752">
        <v>0</v>
      </c>
      <c r="I752">
        <v>0</v>
      </c>
      <c r="J752">
        <v>0</v>
      </c>
      <c r="K752">
        <v>0</v>
      </c>
      <c r="L752">
        <v>0</v>
      </c>
      <c r="M752">
        <v>2761</v>
      </c>
      <c r="N752">
        <v>0</v>
      </c>
      <c r="O752">
        <v>0</v>
      </c>
      <c r="P752">
        <v>14364</v>
      </c>
      <c r="Q752">
        <v>0</v>
      </c>
      <c r="R752">
        <v>51635</v>
      </c>
      <c r="S752">
        <v>0</v>
      </c>
      <c r="T752">
        <v>0</v>
      </c>
      <c r="U752">
        <v>0</v>
      </c>
      <c r="V752">
        <v>6</v>
      </c>
      <c r="W752">
        <v>7</v>
      </c>
      <c r="X752">
        <v>0</v>
      </c>
      <c r="Y752">
        <v>66</v>
      </c>
      <c r="Z752">
        <v>36</v>
      </c>
      <c r="AA752">
        <v>114</v>
      </c>
      <c r="AB752">
        <v>34</v>
      </c>
      <c r="AC752">
        <v>148</v>
      </c>
      <c r="AD752">
        <v>54</v>
      </c>
      <c r="AE752">
        <v>29</v>
      </c>
      <c r="AF752">
        <v>12407</v>
      </c>
      <c r="AG752">
        <v>206286</v>
      </c>
      <c r="AH752">
        <v>50000</v>
      </c>
      <c r="AI752">
        <v>0</v>
      </c>
      <c r="AJ752">
        <v>1</v>
      </c>
      <c r="AK752" t="s">
        <v>3</v>
      </c>
      <c r="AL752">
        <v>0</v>
      </c>
      <c r="AM752">
        <v>0</v>
      </c>
      <c r="AN752">
        <v>0</v>
      </c>
      <c r="AO752">
        <v>0</v>
      </c>
      <c r="AP752">
        <v>0</v>
      </c>
      <c r="AQ752">
        <v>0</v>
      </c>
      <c r="AR752">
        <v>0</v>
      </c>
      <c r="AS752">
        <v>0</v>
      </c>
      <c r="AT752">
        <v>0</v>
      </c>
      <c r="AU752">
        <v>0</v>
      </c>
      <c r="AV752">
        <v>0</v>
      </c>
      <c r="AW752">
        <v>0</v>
      </c>
      <c r="AX752">
        <v>2548</v>
      </c>
      <c r="AY752">
        <v>6</v>
      </c>
      <c r="AZ752">
        <v>17</v>
      </c>
      <c r="BA752">
        <v>1004</v>
      </c>
    </row>
    <row r="753" spans="1:53" x14ac:dyDescent="0.4">
      <c r="A753">
        <v>797</v>
      </c>
      <c r="B753" s="1">
        <v>43045</v>
      </c>
      <c r="C753">
        <v>1</v>
      </c>
      <c r="D753" s="1">
        <v>43045.291666666664</v>
      </c>
      <c r="E753" s="1">
        <v>43045.45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0</v>
      </c>
      <c r="O753">
        <v>0</v>
      </c>
      <c r="P753">
        <v>0</v>
      </c>
      <c r="Q753">
        <v>0</v>
      </c>
      <c r="R753">
        <v>0</v>
      </c>
      <c r="S753">
        <v>0</v>
      </c>
      <c r="T753">
        <v>0</v>
      </c>
      <c r="U753">
        <v>0</v>
      </c>
      <c r="V753">
        <v>0</v>
      </c>
      <c r="W753">
        <v>1</v>
      </c>
      <c r="X753">
        <v>0</v>
      </c>
      <c r="Y753">
        <v>25</v>
      </c>
      <c r="Z753">
        <v>15</v>
      </c>
      <c r="AA753">
        <v>92</v>
      </c>
      <c r="AB753">
        <v>34</v>
      </c>
      <c r="AC753">
        <v>132</v>
      </c>
      <c r="AD753">
        <v>52</v>
      </c>
      <c r="AE753">
        <v>20</v>
      </c>
      <c r="AF753">
        <v>0</v>
      </c>
      <c r="AG753">
        <v>50000</v>
      </c>
      <c r="AH753">
        <v>0</v>
      </c>
      <c r="AI753">
        <v>50000</v>
      </c>
      <c r="AJ753">
        <v>0</v>
      </c>
      <c r="AK753" t="s">
        <v>6</v>
      </c>
      <c r="AL753">
        <v>0</v>
      </c>
      <c r="AM753">
        <v>0</v>
      </c>
      <c r="AN753">
        <v>0</v>
      </c>
      <c r="AO753">
        <v>0</v>
      </c>
      <c r="AP753">
        <v>0</v>
      </c>
      <c r="AQ753">
        <v>0</v>
      </c>
      <c r="AR753">
        <v>0</v>
      </c>
      <c r="AS753">
        <v>0</v>
      </c>
      <c r="AT753">
        <v>0</v>
      </c>
      <c r="AU753">
        <v>0</v>
      </c>
      <c r="AV753">
        <v>0</v>
      </c>
      <c r="AW753">
        <v>0</v>
      </c>
      <c r="AX753">
        <v>0</v>
      </c>
      <c r="AY753">
        <v>0</v>
      </c>
      <c r="AZ753">
        <v>0</v>
      </c>
      <c r="BA753">
        <v>0</v>
      </c>
    </row>
    <row r="754" spans="1:53" x14ac:dyDescent="0.4">
      <c r="A754">
        <v>798</v>
      </c>
      <c r="B754" s="1">
        <v>43045</v>
      </c>
      <c r="C754">
        <v>2</v>
      </c>
      <c r="D754" s="1">
        <v>43045.45</v>
      </c>
      <c r="E754" s="1">
        <v>43045.728472222225</v>
      </c>
      <c r="F754">
        <v>16000</v>
      </c>
      <c r="G754">
        <v>184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1427</v>
      </c>
      <c r="N754">
        <v>0</v>
      </c>
      <c r="O754">
        <v>0</v>
      </c>
      <c r="P754">
        <v>19440</v>
      </c>
      <c r="Q754">
        <v>0</v>
      </c>
      <c r="R754">
        <v>38707</v>
      </c>
      <c r="S754">
        <v>0</v>
      </c>
      <c r="T754">
        <v>0</v>
      </c>
      <c r="U754">
        <v>0</v>
      </c>
      <c r="V754">
        <v>0</v>
      </c>
      <c r="W754">
        <v>1</v>
      </c>
      <c r="X754">
        <v>0</v>
      </c>
      <c r="Y754">
        <v>56</v>
      </c>
      <c r="Z754">
        <v>27</v>
      </c>
      <c r="AA754">
        <v>103</v>
      </c>
      <c r="AB754">
        <v>30</v>
      </c>
      <c r="AC754">
        <v>212</v>
      </c>
      <c r="AD754">
        <v>52</v>
      </c>
      <c r="AE754">
        <v>27</v>
      </c>
      <c r="AF754">
        <v>0</v>
      </c>
      <c r="AG754">
        <v>88707</v>
      </c>
      <c r="AH754">
        <v>50000</v>
      </c>
      <c r="AI754">
        <v>0</v>
      </c>
      <c r="AJ754">
        <v>96</v>
      </c>
      <c r="AK754" t="s">
        <v>4</v>
      </c>
      <c r="AL754">
        <v>0</v>
      </c>
      <c r="AM754">
        <v>0</v>
      </c>
      <c r="AN754">
        <v>0</v>
      </c>
      <c r="AO754">
        <v>0</v>
      </c>
      <c r="AP754">
        <v>0</v>
      </c>
      <c r="AQ754">
        <v>0</v>
      </c>
      <c r="AR754">
        <v>0</v>
      </c>
      <c r="AS754">
        <v>0</v>
      </c>
      <c r="AT754">
        <v>0</v>
      </c>
      <c r="AU754">
        <v>0</v>
      </c>
      <c r="AV754">
        <v>0</v>
      </c>
      <c r="AW754">
        <v>0</v>
      </c>
      <c r="AX754">
        <v>820</v>
      </c>
      <c r="AY754">
        <v>33</v>
      </c>
      <c r="AZ754">
        <v>68</v>
      </c>
      <c r="BA754">
        <v>4003</v>
      </c>
    </row>
    <row r="755" spans="1:53" x14ac:dyDescent="0.4">
      <c r="A755">
        <v>799</v>
      </c>
      <c r="B755" s="1">
        <v>43045</v>
      </c>
      <c r="C755">
        <v>3</v>
      </c>
      <c r="D755" s="1">
        <v>43045.728472222225</v>
      </c>
      <c r="E755" s="1">
        <v>43045.948611111111</v>
      </c>
      <c r="F755">
        <v>27500</v>
      </c>
      <c r="G755">
        <v>2140</v>
      </c>
      <c r="H755">
        <v>0</v>
      </c>
      <c r="I755">
        <v>0</v>
      </c>
      <c r="J755">
        <v>0</v>
      </c>
      <c r="K755">
        <v>0</v>
      </c>
      <c r="L755">
        <v>0</v>
      </c>
      <c r="M755">
        <v>2370</v>
      </c>
      <c r="N755">
        <v>0</v>
      </c>
      <c r="O755">
        <v>0</v>
      </c>
      <c r="P755">
        <v>-7776</v>
      </c>
      <c r="Q755">
        <v>0</v>
      </c>
      <c r="R755">
        <v>24234</v>
      </c>
      <c r="S755">
        <v>0</v>
      </c>
      <c r="T755">
        <v>0</v>
      </c>
      <c r="U755">
        <v>0</v>
      </c>
      <c r="V755">
        <v>1</v>
      </c>
      <c r="W755">
        <v>0</v>
      </c>
      <c r="X755">
        <v>0</v>
      </c>
      <c r="Y755">
        <v>66</v>
      </c>
      <c r="Z755">
        <v>32</v>
      </c>
      <c r="AA755">
        <v>109</v>
      </c>
      <c r="AB755">
        <v>30</v>
      </c>
      <c r="AC755">
        <v>209</v>
      </c>
      <c r="AD755">
        <v>51</v>
      </c>
      <c r="AE755">
        <v>22</v>
      </c>
      <c r="AF755">
        <v>6174</v>
      </c>
      <c r="AG755">
        <v>112941</v>
      </c>
      <c r="AH755">
        <v>50000</v>
      </c>
      <c r="AI755">
        <v>0</v>
      </c>
      <c r="AJ755">
        <v>1</v>
      </c>
      <c r="AK755" t="s">
        <v>3</v>
      </c>
      <c r="AL755">
        <v>0</v>
      </c>
      <c r="AM755">
        <v>0</v>
      </c>
      <c r="AN755">
        <v>0</v>
      </c>
      <c r="AO755">
        <v>0</v>
      </c>
      <c r="AP755">
        <v>0</v>
      </c>
      <c r="AQ755">
        <v>0</v>
      </c>
      <c r="AR755">
        <v>0</v>
      </c>
      <c r="AS755">
        <v>0</v>
      </c>
      <c r="AT755">
        <v>0</v>
      </c>
      <c r="AU755">
        <v>0</v>
      </c>
      <c r="AV755">
        <v>0</v>
      </c>
      <c r="AW755">
        <v>0</v>
      </c>
      <c r="AX755">
        <v>-3758</v>
      </c>
      <c r="AY755">
        <v>12</v>
      </c>
      <c r="AZ755">
        <v>25</v>
      </c>
      <c r="BA755">
        <v>2279</v>
      </c>
    </row>
    <row r="756" spans="1:53" x14ac:dyDescent="0.4">
      <c r="A756">
        <v>800</v>
      </c>
      <c r="B756" s="1">
        <v>43045</v>
      </c>
      <c r="C756">
        <v>4</v>
      </c>
      <c r="D756" s="1">
        <v>43045.948611111111</v>
      </c>
      <c r="E756" s="1">
        <v>43046.085416666669</v>
      </c>
      <c r="F756">
        <v>28800</v>
      </c>
      <c r="G756">
        <v>32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2330</v>
      </c>
      <c r="N756">
        <v>0</v>
      </c>
      <c r="O756">
        <v>0</v>
      </c>
      <c r="P756">
        <v>-4536</v>
      </c>
      <c r="Q756">
        <v>0</v>
      </c>
      <c r="R756">
        <v>26914</v>
      </c>
      <c r="S756">
        <v>0</v>
      </c>
      <c r="T756">
        <v>0</v>
      </c>
      <c r="U756">
        <v>0</v>
      </c>
      <c r="V756">
        <v>3</v>
      </c>
      <c r="W756">
        <v>1</v>
      </c>
      <c r="X756">
        <v>0</v>
      </c>
      <c r="Y756">
        <v>67</v>
      </c>
      <c r="Z756">
        <v>32</v>
      </c>
      <c r="AA756">
        <v>105</v>
      </c>
      <c r="AB756">
        <v>32</v>
      </c>
      <c r="AC756">
        <v>210</v>
      </c>
      <c r="AD756">
        <v>49</v>
      </c>
      <c r="AE756">
        <v>36</v>
      </c>
      <c r="AF756">
        <v>7374</v>
      </c>
      <c r="AG756">
        <v>139855</v>
      </c>
      <c r="AH756">
        <v>50000</v>
      </c>
      <c r="AI756">
        <v>0</v>
      </c>
      <c r="AJ756">
        <v>29</v>
      </c>
      <c r="AK756" t="s">
        <v>28</v>
      </c>
      <c r="AL756">
        <v>0</v>
      </c>
      <c r="AM756">
        <v>0</v>
      </c>
      <c r="AN756">
        <v>0</v>
      </c>
      <c r="AO756">
        <v>0</v>
      </c>
      <c r="AP756">
        <v>0</v>
      </c>
      <c r="AQ756">
        <v>0</v>
      </c>
      <c r="AR756">
        <v>0</v>
      </c>
      <c r="AS756">
        <v>0</v>
      </c>
      <c r="AT756">
        <v>0</v>
      </c>
      <c r="AU756">
        <v>0</v>
      </c>
      <c r="AV756">
        <v>0</v>
      </c>
      <c r="AW756">
        <v>0</v>
      </c>
      <c r="AX756">
        <v>540</v>
      </c>
      <c r="AY756">
        <v>4</v>
      </c>
      <c r="AZ756">
        <v>14</v>
      </c>
      <c r="BA756">
        <v>760</v>
      </c>
    </row>
    <row r="757" spans="1:53" x14ac:dyDescent="0.4">
      <c r="A757">
        <v>801</v>
      </c>
      <c r="B757" s="1">
        <v>43046</v>
      </c>
      <c r="C757">
        <v>1</v>
      </c>
      <c r="D757" s="1">
        <v>43046.291666666664</v>
      </c>
      <c r="E757" s="1">
        <v>43046.449305555558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0</v>
      </c>
      <c r="O757">
        <v>0</v>
      </c>
      <c r="P757">
        <v>0</v>
      </c>
      <c r="Q757">
        <v>0</v>
      </c>
      <c r="R757">
        <v>0</v>
      </c>
      <c r="S757">
        <v>0</v>
      </c>
      <c r="T757">
        <v>0</v>
      </c>
      <c r="U757">
        <v>0</v>
      </c>
      <c r="V757">
        <v>0</v>
      </c>
      <c r="W757">
        <v>1</v>
      </c>
      <c r="X757">
        <v>0</v>
      </c>
      <c r="Y757">
        <v>25</v>
      </c>
      <c r="Z757">
        <v>11</v>
      </c>
      <c r="AA757">
        <v>116</v>
      </c>
      <c r="AB757">
        <v>33</v>
      </c>
      <c r="AC757">
        <v>97</v>
      </c>
      <c r="AD757">
        <v>50</v>
      </c>
      <c r="AE757">
        <v>30</v>
      </c>
      <c r="AF757">
        <v>0</v>
      </c>
      <c r="AG757">
        <v>50000</v>
      </c>
      <c r="AH757">
        <v>0</v>
      </c>
      <c r="AI757">
        <v>50000</v>
      </c>
      <c r="AJ757">
        <v>0</v>
      </c>
      <c r="AK757" t="s">
        <v>6</v>
      </c>
      <c r="AL757">
        <v>0</v>
      </c>
      <c r="AM757">
        <v>0</v>
      </c>
      <c r="AN757">
        <v>0</v>
      </c>
      <c r="AO757">
        <v>0</v>
      </c>
      <c r="AP757">
        <v>0</v>
      </c>
      <c r="AQ757">
        <v>0</v>
      </c>
      <c r="AR757">
        <v>0</v>
      </c>
      <c r="AS757">
        <v>0</v>
      </c>
      <c r="AT757">
        <v>0</v>
      </c>
      <c r="AU757">
        <v>0</v>
      </c>
      <c r="AV757">
        <v>0</v>
      </c>
      <c r="AW757">
        <v>0</v>
      </c>
      <c r="AX757">
        <v>0</v>
      </c>
      <c r="AY757">
        <v>0</v>
      </c>
      <c r="AZ757">
        <v>0</v>
      </c>
      <c r="BA757">
        <v>0</v>
      </c>
    </row>
    <row r="758" spans="1:53" x14ac:dyDescent="0.4">
      <c r="A758">
        <v>802</v>
      </c>
      <c r="B758" s="1">
        <v>43046</v>
      </c>
      <c r="C758">
        <v>2</v>
      </c>
      <c r="D758" s="1">
        <v>43046.449305555558</v>
      </c>
      <c r="E758" s="1">
        <v>43046.752083333333</v>
      </c>
      <c r="F758">
        <v>19000</v>
      </c>
      <c r="G758">
        <v>80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1584</v>
      </c>
      <c r="N758">
        <v>0</v>
      </c>
      <c r="O758">
        <v>0</v>
      </c>
      <c r="P758">
        <v>14040</v>
      </c>
      <c r="Q758">
        <v>0</v>
      </c>
      <c r="R758">
        <v>35424</v>
      </c>
      <c r="S758">
        <v>0</v>
      </c>
      <c r="T758">
        <v>0</v>
      </c>
      <c r="U758">
        <v>0</v>
      </c>
      <c r="V758">
        <v>0</v>
      </c>
      <c r="W758">
        <v>3</v>
      </c>
      <c r="X758">
        <v>0</v>
      </c>
      <c r="Y758">
        <v>44</v>
      </c>
      <c r="Z758">
        <v>22</v>
      </c>
      <c r="AA758">
        <v>113</v>
      </c>
      <c r="AB758">
        <v>37</v>
      </c>
      <c r="AC758">
        <v>145</v>
      </c>
      <c r="AD758">
        <v>50</v>
      </c>
      <c r="AE758">
        <v>34</v>
      </c>
      <c r="AF758">
        <v>540</v>
      </c>
      <c r="AG758">
        <v>85424</v>
      </c>
      <c r="AH758">
        <v>50000</v>
      </c>
      <c r="AI758">
        <v>0</v>
      </c>
      <c r="AJ758">
        <v>82</v>
      </c>
      <c r="AK758" t="s">
        <v>17</v>
      </c>
      <c r="AL758">
        <v>0</v>
      </c>
      <c r="AM758">
        <v>0</v>
      </c>
      <c r="AN758">
        <v>0</v>
      </c>
      <c r="AO758">
        <v>0</v>
      </c>
      <c r="AP758">
        <v>0</v>
      </c>
      <c r="AQ758">
        <v>0</v>
      </c>
      <c r="AR758">
        <v>0</v>
      </c>
      <c r="AS758">
        <v>0</v>
      </c>
      <c r="AT758">
        <v>0</v>
      </c>
      <c r="AU758">
        <v>0</v>
      </c>
      <c r="AV758">
        <v>0</v>
      </c>
      <c r="AW758">
        <v>0</v>
      </c>
      <c r="AX758">
        <v>950</v>
      </c>
      <c r="AY758">
        <v>36</v>
      </c>
      <c r="AZ758">
        <v>58</v>
      </c>
      <c r="BA758">
        <v>5221</v>
      </c>
    </row>
    <row r="759" spans="1:53" x14ac:dyDescent="0.4">
      <c r="A759">
        <v>803</v>
      </c>
      <c r="B759" s="1">
        <v>43046</v>
      </c>
      <c r="C759">
        <v>3</v>
      </c>
      <c r="D759" s="1">
        <v>43046.752083333333</v>
      </c>
      <c r="E759" s="1">
        <v>43046.942361111112</v>
      </c>
      <c r="F759">
        <v>18460</v>
      </c>
      <c r="G759">
        <v>2180</v>
      </c>
      <c r="H759">
        <v>0</v>
      </c>
      <c r="I759">
        <v>0</v>
      </c>
      <c r="J759">
        <v>0</v>
      </c>
      <c r="K759">
        <v>0</v>
      </c>
      <c r="L759">
        <v>0</v>
      </c>
      <c r="M759">
        <v>1651</v>
      </c>
      <c r="N759">
        <v>0</v>
      </c>
      <c r="O759">
        <v>0</v>
      </c>
      <c r="P759">
        <v>-216</v>
      </c>
      <c r="Q759">
        <v>0</v>
      </c>
      <c r="R759">
        <v>22075</v>
      </c>
      <c r="S759">
        <v>0</v>
      </c>
      <c r="T759">
        <v>0</v>
      </c>
      <c r="U759">
        <v>0</v>
      </c>
      <c r="V759">
        <v>1</v>
      </c>
      <c r="W759">
        <v>2</v>
      </c>
      <c r="X759">
        <v>0</v>
      </c>
      <c r="Y759">
        <v>62</v>
      </c>
      <c r="Z759">
        <v>20</v>
      </c>
      <c r="AA759">
        <v>110</v>
      </c>
      <c r="AB759">
        <v>40</v>
      </c>
      <c r="AC759">
        <v>165</v>
      </c>
      <c r="AD759">
        <v>54</v>
      </c>
      <c r="AE759">
        <v>39</v>
      </c>
      <c r="AF759">
        <v>540</v>
      </c>
      <c r="AG759">
        <v>107499</v>
      </c>
      <c r="AH759">
        <v>50000</v>
      </c>
      <c r="AI759">
        <v>0</v>
      </c>
      <c r="AJ759">
        <v>82</v>
      </c>
      <c r="AK759" t="s">
        <v>17</v>
      </c>
      <c r="AL759">
        <v>0</v>
      </c>
      <c r="AM759">
        <v>0</v>
      </c>
      <c r="AN759">
        <v>0</v>
      </c>
      <c r="AO759">
        <v>0</v>
      </c>
      <c r="AP759">
        <v>0</v>
      </c>
      <c r="AQ759">
        <v>0</v>
      </c>
      <c r="AR759">
        <v>0</v>
      </c>
      <c r="AS759">
        <v>0</v>
      </c>
      <c r="AT759">
        <v>0</v>
      </c>
      <c r="AU759">
        <v>0</v>
      </c>
      <c r="AV759">
        <v>0</v>
      </c>
      <c r="AW759">
        <v>0</v>
      </c>
      <c r="AX759">
        <v>3920</v>
      </c>
      <c r="AY759">
        <v>8</v>
      </c>
      <c r="AZ759">
        <v>17</v>
      </c>
      <c r="BA759">
        <v>1970</v>
      </c>
    </row>
    <row r="760" spans="1:53" x14ac:dyDescent="0.4">
      <c r="A760">
        <v>804</v>
      </c>
      <c r="B760" s="1">
        <v>43047</v>
      </c>
      <c r="C760">
        <v>1</v>
      </c>
      <c r="D760" s="1">
        <v>43047.291666666664</v>
      </c>
      <c r="E760" s="1">
        <v>43047.452777777777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0</v>
      </c>
      <c r="O760">
        <v>0</v>
      </c>
      <c r="P760">
        <v>0</v>
      </c>
      <c r="Q760">
        <v>0</v>
      </c>
      <c r="R760">
        <v>0</v>
      </c>
      <c r="S760">
        <v>0</v>
      </c>
      <c r="T760">
        <v>0</v>
      </c>
      <c r="U760">
        <v>0</v>
      </c>
      <c r="V760">
        <v>0</v>
      </c>
      <c r="W760">
        <v>1</v>
      </c>
      <c r="X760">
        <v>0</v>
      </c>
      <c r="Y760">
        <v>26</v>
      </c>
      <c r="Z760">
        <v>12</v>
      </c>
      <c r="AA760">
        <v>104</v>
      </c>
      <c r="AB760">
        <v>35</v>
      </c>
      <c r="AC760">
        <v>56</v>
      </c>
      <c r="AD760">
        <v>53</v>
      </c>
      <c r="AE760">
        <v>25</v>
      </c>
      <c r="AF760">
        <v>0</v>
      </c>
      <c r="AG760">
        <v>50000</v>
      </c>
      <c r="AH760">
        <v>0</v>
      </c>
      <c r="AI760">
        <v>50000</v>
      </c>
      <c r="AJ760">
        <v>0</v>
      </c>
      <c r="AK760" t="s">
        <v>6</v>
      </c>
      <c r="AL760">
        <v>0</v>
      </c>
      <c r="AM760">
        <v>0</v>
      </c>
      <c r="AN760">
        <v>0</v>
      </c>
      <c r="AO760">
        <v>0</v>
      </c>
      <c r="AP760">
        <v>0</v>
      </c>
      <c r="AQ760">
        <v>0</v>
      </c>
      <c r="AR760">
        <v>0</v>
      </c>
      <c r="AS760">
        <v>0</v>
      </c>
      <c r="AT760">
        <v>0</v>
      </c>
      <c r="AU760">
        <v>0</v>
      </c>
      <c r="AV760">
        <v>0</v>
      </c>
      <c r="AW760">
        <v>0</v>
      </c>
      <c r="AX760">
        <v>0</v>
      </c>
      <c r="AY760">
        <v>0</v>
      </c>
      <c r="AZ760">
        <v>0</v>
      </c>
      <c r="BA760">
        <v>0</v>
      </c>
    </row>
    <row r="761" spans="1:53" x14ac:dyDescent="0.4">
      <c r="A761">
        <v>805</v>
      </c>
      <c r="B761" s="1">
        <v>43047</v>
      </c>
      <c r="C761">
        <v>2</v>
      </c>
      <c r="D761" s="1">
        <v>43047.452777777777</v>
      </c>
      <c r="E761" s="1">
        <v>43047.731249999997</v>
      </c>
      <c r="F761">
        <v>1000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800</v>
      </c>
      <c r="N761">
        <v>0</v>
      </c>
      <c r="O761">
        <v>0</v>
      </c>
      <c r="P761">
        <v>7560</v>
      </c>
      <c r="Q761">
        <v>0</v>
      </c>
      <c r="R761">
        <v>18360</v>
      </c>
      <c r="S761">
        <v>0</v>
      </c>
      <c r="T761">
        <v>0</v>
      </c>
      <c r="U761">
        <v>0</v>
      </c>
      <c r="V761">
        <v>2</v>
      </c>
      <c r="W761">
        <v>1</v>
      </c>
      <c r="X761">
        <v>0</v>
      </c>
      <c r="Y761">
        <v>21</v>
      </c>
      <c r="Z761">
        <v>15</v>
      </c>
      <c r="AA761">
        <v>118</v>
      </c>
      <c r="AB761">
        <v>36</v>
      </c>
      <c r="AC761">
        <v>96</v>
      </c>
      <c r="AD761">
        <v>54</v>
      </c>
      <c r="AE761">
        <v>30</v>
      </c>
      <c r="AF761">
        <v>0</v>
      </c>
      <c r="AG761">
        <v>68360</v>
      </c>
      <c r="AH761">
        <v>50000</v>
      </c>
      <c r="AI761">
        <v>0</v>
      </c>
      <c r="AJ761">
        <v>96</v>
      </c>
      <c r="AK761" t="s">
        <v>4</v>
      </c>
      <c r="AL761">
        <v>0</v>
      </c>
      <c r="AM761">
        <v>0</v>
      </c>
      <c r="AN761">
        <v>0</v>
      </c>
      <c r="AO761">
        <v>0</v>
      </c>
      <c r="AP761">
        <v>0</v>
      </c>
      <c r="AQ761">
        <v>0</v>
      </c>
      <c r="AR761">
        <v>0</v>
      </c>
      <c r="AS761">
        <v>0</v>
      </c>
      <c r="AT761">
        <v>0</v>
      </c>
      <c r="AU761">
        <v>0</v>
      </c>
      <c r="AV761">
        <v>0</v>
      </c>
      <c r="AW761">
        <v>0</v>
      </c>
      <c r="AX761">
        <v>0</v>
      </c>
      <c r="AY761">
        <v>20</v>
      </c>
      <c r="AZ761">
        <v>34</v>
      </c>
      <c r="BA761">
        <v>2919</v>
      </c>
    </row>
    <row r="762" spans="1:53" x14ac:dyDescent="0.4">
      <c r="A762">
        <v>806</v>
      </c>
      <c r="B762" s="1">
        <v>43047</v>
      </c>
      <c r="C762">
        <v>3</v>
      </c>
      <c r="D762" s="1">
        <v>43047.731249999997</v>
      </c>
      <c r="E762" s="1">
        <v>43047.933333333334</v>
      </c>
      <c r="F762">
        <v>21900</v>
      </c>
      <c r="G762">
        <v>120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1848</v>
      </c>
      <c r="N762">
        <v>0</v>
      </c>
      <c r="O762">
        <v>0</v>
      </c>
      <c r="P762">
        <v>-1188</v>
      </c>
      <c r="Q762">
        <v>0</v>
      </c>
      <c r="R762">
        <v>23760</v>
      </c>
      <c r="S762">
        <v>0</v>
      </c>
      <c r="T762">
        <v>0</v>
      </c>
      <c r="U762">
        <v>0</v>
      </c>
      <c r="V762">
        <v>3</v>
      </c>
      <c r="W762">
        <v>1</v>
      </c>
      <c r="X762">
        <v>0</v>
      </c>
      <c r="Y762">
        <v>34</v>
      </c>
      <c r="Z762">
        <v>16</v>
      </c>
      <c r="AA762">
        <v>119</v>
      </c>
      <c r="AB762">
        <v>40</v>
      </c>
      <c r="AC762">
        <v>93</v>
      </c>
      <c r="AD762">
        <v>53</v>
      </c>
      <c r="AE762">
        <v>25</v>
      </c>
      <c r="AF762">
        <v>0</v>
      </c>
      <c r="AG762">
        <v>92120</v>
      </c>
      <c r="AH762">
        <v>50000</v>
      </c>
      <c r="AI762">
        <v>0</v>
      </c>
      <c r="AJ762">
        <v>29</v>
      </c>
      <c r="AK762" t="s">
        <v>28</v>
      </c>
      <c r="AL762">
        <v>0</v>
      </c>
      <c r="AM762">
        <v>0</v>
      </c>
      <c r="AN762">
        <v>0</v>
      </c>
      <c r="AO762">
        <v>0</v>
      </c>
      <c r="AP762">
        <v>0</v>
      </c>
      <c r="AQ762">
        <v>0</v>
      </c>
      <c r="AR762">
        <v>0</v>
      </c>
      <c r="AS762">
        <v>0</v>
      </c>
      <c r="AT762">
        <v>0</v>
      </c>
      <c r="AU762">
        <v>0</v>
      </c>
      <c r="AV762">
        <v>0</v>
      </c>
      <c r="AW762">
        <v>0</v>
      </c>
      <c r="AX762">
        <v>8047</v>
      </c>
      <c r="AY762">
        <v>16</v>
      </c>
      <c r="AZ762">
        <v>31</v>
      </c>
      <c r="BA762">
        <v>2345</v>
      </c>
    </row>
    <row r="763" spans="1:53" x14ac:dyDescent="0.4">
      <c r="A763">
        <v>807</v>
      </c>
      <c r="B763" s="1">
        <v>43047</v>
      </c>
      <c r="C763">
        <v>4</v>
      </c>
      <c r="D763" s="1">
        <v>43047.933333333334</v>
      </c>
      <c r="E763" s="1">
        <v>43048.074305555558</v>
      </c>
      <c r="F763">
        <v>38240</v>
      </c>
      <c r="G763">
        <v>38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3089</v>
      </c>
      <c r="N763">
        <v>0</v>
      </c>
      <c r="O763">
        <v>0</v>
      </c>
      <c r="P763">
        <v>17064</v>
      </c>
      <c r="Q763">
        <v>0</v>
      </c>
      <c r="R763">
        <v>58773</v>
      </c>
      <c r="S763">
        <v>0</v>
      </c>
      <c r="T763">
        <v>0</v>
      </c>
      <c r="U763">
        <v>0</v>
      </c>
      <c r="V763">
        <v>5</v>
      </c>
      <c r="W763">
        <v>1</v>
      </c>
      <c r="X763">
        <v>0</v>
      </c>
      <c r="Y763">
        <v>51</v>
      </c>
      <c r="Z763">
        <v>16</v>
      </c>
      <c r="AA763">
        <v>116</v>
      </c>
      <c r="AB763">
        <v>46</v>
      </c>
      <c r="AC763">
        <v>111</v>
      </c>
      <c r="AD763">
        <v>52</v>
      </c>
      <c r="AE763">
        <v>23</v>
      </c>
      <c r="AF763">
        <v>21600</v>
      </c>
      <c r="AG763">
        <v>150893</v>
      </c>
      <c r="AH763">
        <v>50000</v>
      </c>
      <c r="AI763">
        <v>0</v>
      </c>
      <c r="AJ763">
        <v>100</v>
      </c>
      <c r="AK763" t="s">
        <v>0</v>
      </c>
      <c r="AL763">
        <v>0</v>
      </c>
      <c r="AM763">
        <v>0</v>
      </c>
      <c r="AN763">
        <v>0</v>
      </c>
      <c r="AO763">
        <v>0</v>
      </c>
      <c r="AP763">
        <v>0</v>
      </c>
      <c r="AQ763">
        <v>0</v>
      </c>
      <c r="AR763">
        <v>0</v>
      </c>
      <c r="AS763">
        <v>0</v>
      </c>
      <c r="AT763">
        <v>0</v>
      </c>
      <c r="AU763">
        <v>0</v>
      </c>
      <c r="AV763">
        <v>0</v>
      </c>
      <c r="AW763">
        <v>0</v>
      </c>
      <c r="AX763">
        <v>0</v>
      </c>
      <c r="AY763">
        <v>5</v>
      </c>
      <c r="AZ763">
        <v>26</v>
      </c>
      <c r="BA763">
        <v>887</v>
      </c>
    </row>
    <row r="764" spans="1:53" x14ac:dyDescent="0.4">
      <c r="A764">
        <v>808</v>
      </c>
      <c r="B764" s="1">
        <v>43048</v>
      </c>
      <c r="C764">
        <v>1</v>
      </c>
      <c r="D764" s="1">
        <v>43048.291666666664</v>
      </c>
      <c r="E764" s="1">
        <v>43048.445833333331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0</v>
      </c>
      <c r="O764">
        <v>0</v>
      </c>
      <c r="P764">
        <v>0</v>
      </c>
      <c r="Q764">
        <v>0</v>
      </c>
      <c r="R764">
        <v>0</v>
      </c>
      <c r="S764">
        <v>0</v>
      </c>
      <c r="T764">
        <v>0</v>
      </c>
      <c r="U764">
        <v>0</v>
      </c>
      <c r="V764">
        <v>0</v>
      </c>
      <c r="W764">
        <v>1</v>
      </c>
      <c r="X764">
        <v>0</v>
      </c>
      <c r="Y764">
        <v>25</v>
      </c>
      <c r="Z764">
        <v>15</v>
      </c>
      <c r="AA764">
        <v>90</v>
      </c>
      <c r="AB764">
        <v>42</v>
      </c>
      <c r="AC764">
        <v>111</v>
      </c>
      <c r="AD764">
        <v>52</v>
      </c>
      <c r="AE764">
        <v>30</v>
      </c>
      <c r="AF764">
        <v>0</v>
      </c>
      <c r="AG764">
        <v>50000</v>
      </c>
      <c r="AH764">
        <v>0</v>
      </c>
      <c r="AI764">
        <v>50000</v>
      </c>
      <c r="AJ764">
        <v>0</v>
      </c>
      <c r="AK764" t="s">
        <v>6</v>
      </c>
      <c r="AL764">
        <v>0</v>
      </c>
      <c r="AM764">
        <v>0</v>
      </c>
      <c r="AN764">
        <v>0</v>
      </c>
      <c r="AO764">
        <v>0</v>
      </c>
      <c r="AP764">
        <v>0</v>
      </c>
      <c r="AQ764">
        <v>0</v>
      </c>
      <c r="AR764">
        <v>0</v>
      </c>
      <c r="AS764">
        <v>0</v>
      </c>
      <c r="AT764">
        <v>0</v>
      </c>
      <c r="AU764">
        <v>0</v>
      </c>
      <c r="AV764">
        <v>0</v>
      </c>
      <c r="AW764">
        <v>0</v>
      </c>
      <c r="AX764">
        <v>0</v>
      </c>
      <c r="AY764">
        <v>0</v>
      </c>
      <c r="AZ764">
        <v>0</v>
      </c>
      <c r="BA764">
        <v>0</v>
      </c>
    </row>
    <row r="765" spans="1:53" x14ac:dyDescent="0.4">
      <c r="A765">
        <v>809</v>
      </c>
      <c r="B765" s="1">
        <v>43048</v>
      </c>
      <c r="C765">
        <v>2</v>
      </c>
      <c r="D765" s="1">
        <v>43048.445833333331</v>
      </c>
      <c r="E765" s="1">
        <v>43048.744444444441</v>
      </c>
      <c r="F765">
        <v>10500</v>
      </c>
      <c r="G765">
        <v>2290</v>
      </c>
      <c r="H765">
        <v>0</v>
      </c>
      <c r="I765">
        <v>0</v>
      </c>
      <c r="J765">
        <v>0</v>
      </c>
      <c r="K765">
        <v>0</v>
      </c>
      <c r="L765">
        <v>0</v>
      </c>
      <c r="M765">
        <v>1023</v>
      </c>
      <c r="N765">
        <v>0</v>
      </c>
      <c r="O765">
        <v>0</v>
      </c>
      <c r="P765">
        <v>11880</v>
      </c>
      <c r="Q765">
        <v>0</v>
      </c>
      <c r="R765">
        <v>25693</v>
      </c>
      <c r="S765">
        <v>0</v>
      </c>
      <c r="T765">
        <v>0</v>
      </c>
      <c r="U765">
        <v>0</v>
      </c>
      <c r="V765">
        <v>0</v>
      </c>
      <c r="W765">
        <v>4</v>
      </c>
      <c r="X765">
        <v>0</v>
      </c>
      <c r="Y765">
        <v>28</v>
      </c>
      <c r="Z765">
        <v>28</v>
      </c>
      <c r="AA765">
        <v>96</v>
      </c>
      <c r="AB765">
        <v>46</v>
      </c>
      <c r="AC765">
        <v>148</v>
      </c>
      <c r="AD765">
        <v>56</v>
      </c>
      <c r="AE765">
        <v>33</v>
      </c>
      <c r="AF765">
        <v>0</v>
      </c>
      <c r="AG765">
        <v>75693</v>
      </c>
      <c r="AH765">
        <v>50000</v>
      </c>
      <c r="AI765">
        <v>0</v>
      </c>
      <c r="AJ765">
        <v>96</v>
      </c>
      <c r="AK765" t="s">
        <v>4</v>
      </c>
      <c r="AL765">
        <v>0</v>
      </c>
      <c r="AM765">
        <v>0</v>
      </c>
      <c r="AN765">
        <v>0</v>
      </c>
      <c r="AO765">
        <v>0</v>
      </c>
      <c r="AP765">
        <v>0</v>
      </c>
      <c r="AQ765">
        <v>0</v>
      </c>
      <c r="AR765">
        <v>0</v>
      </c>
      <c r="AS765">
        <v>0</v>
      </c>
      <c r="AT765">
        <v>0</v>
      </c>
      <c r="AU765">
        <v>0</v>
      </c>
      <c r="AV765">
        <v>0</v>
      </c>
      <c r="AW765">
        <v>0</v>
      </c>
      <c r="AX765">
        <v>1480</v>
      </c>
      <c r="AY765">
        <v>25</v>
      </c>
      <c r="AZ765">
        <v>43</v>
      </c>
      <c r="BA765">
        <v>3404</v>
      </c>
    </row>
    <row r="766" spans="1:53" x14ac:dyDescent="0.4">
      <c r="A766">
        <v>810</v>
      </c>
      <c r="B766" s="1">
        <v>43048</v>
      </c>
      <c r="C766">
        <v>3</v>
      </c>
      <c r="D766" s="1">
        <v>43048.744444444441</v>
      </c>
      <c r="E766" s="1">
        <v>43048.938888888886</v>
      </c>
      <c r="F766">
        <v>29500</v>
      </c>
      <c r="G766">
        <v>242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2554</v>
      </c>
      <c r="N766">
        <v>0</v>
      </c>
      <c r="O766">
        <v>0</v>
      </c>
      <c r="P766">
        <v>-6696</v>
      </c>
      <c r="Q766">
        <v>0</v>
      </c>
      <c r="R766">
        <v>27778</v>
      </c>
      <c r="S766">
        <v>0</v>
      </c>
      <c r="T766">
        <v>0</v>
      </c>
      <c r="U766">
        <v>0</v>
      </c>
      <c r="V766">
        <v>2</v>
      </c>
      <c r="W766">
        <v>4</v>
      </c>
      <c r="X766">
        <v>0</v>
      </c>
      <c r="Y766">
        <v>35</v>
      </c>
      <c r="Z766">
        <v>31</v>
      </c>
      <c r="AA766">
        <v>90</v>
      </c>
      <c r="AB766">
        <v>46</v>
      </c>
      <c r="AC766">
        <v>137</v>
      </c>
      <c r="AD766">
        <v>54</v>
      </c>
      <c r="AE766">
        <v>31</v>
      </c>
      <c r="AF766">
        <v>0</v>
      </c>
      <c r="AG766">
        <v>103471</v>
      </c>
      <c r="AH766">
        <v>50000</v>
      </c>
      <c r="AI766">
        <v>0</v>
      </c>
      <c r="AJ766">
        <v>16</v>
      </c>
      <c r="AK766" t="s">
        <v>11</v>
      </c>
      <c r="AL766">
        <v>0</v>
      </c>
      <c r="AM766">
        <v>0</v>
      </c>
      <c r="AN766">
        <v>0</v>
      </c>
      <c r="AO766">
        <v>0</v>
      </c>
      <c r="AP766">
        <v>0</v>
      </c>
      <c r="AQ766">
        <v>0</v>
      </c>
      <c r="AR766">
        <v>0</v>
      </c>
      <c r="AS766">
        <v>0</v>
      </c>
      <c r="AT766">
        <v>0</v>
      </c>
      <c r="AU766">
        <v>0</v>
      </c>
      <c r="AV766">
        <v>0</v>
      </c>
      <c r="AW766">
        <v>0</v>
      </c>
      <c r="AX766">
        <v>5119</v>
      </c>
      <c r="AY766">
        <v>10</v>
      </c>
      <c r="AZ766">
        <v>27</v>
      </c>
      <c r="BA766">
        <v>1481</v>
      </c>
    </row>
    <row r="767" spans="1:53" x14ac:dyDescent="0.4">
      <c r="A767">
        <v>811</v>
      </c>
      <c r="B767" s="1">
        <v>43049</v>
      </c>
      <c r="C767">
        <v>1</v>
      </c>
      <c r="D767" s="1">
        <v>43049.291666666664</v>
      </c>
      <c r="E767" s="1">
        <v>43049.453472222223</v>
      </c>
      <c r="F767">
        <v>0</v>
      </c>
      <c r="G767">
        <v>0</v>
      </c>
      <c r="H767">
        <v>0</v>
      </c>
      <c r="I767">
        <v>0</v>
      </c>
      <c r="J767">
        <v>0</v>
      </c>
      <c r="K767">
        <v>0</v>
      </c>
      <c r="L767">
        <v>0</v>
      </c>
      <c r="M767">
        <v>0</v>
      </c>
      <c r="N767">
        <v>0</v>
      </c>
      <c r="O767">
        <v>0</v>
      </c>
      <c r="P767">
        <v>0</v>
      </c>
      <c r="Q767">
        <v>0</v>
      </c>
      <c r="R767">
        <v>0</v>
      </c>
      <c r="S767">
        <v>0</v>
      </c>
      <c r="T767">
        <v>0</v>
      </c>
      <c r="U767">
        <v>0</v>
      </c>
      <c r="V767">
        <v>0</v>
      </c>
      <c r="W767">
        <v>1</v>
      </c>
      <c r="X767">
        <v>0</v>
      </c>
      <c r="Y767">
        <v>27</v>
      </c>
      <c r="Z767">
        <v>12</v>
      </c>
      <c r="AA767">
        <v>81</v>
      </c>
      <c r="AB767">
        <v>46</v>
      </c>
      <c r="AC767">
        <v>129</v>
      </c>
      <c r="AD767">
        <v>54</v>
      </c>
      <c r="AE767">
        <v>40</v>
      </c>
      <c r="AF767">
        <v>0</v>
      </c>
      <c r="AG767">
        <v>50000</v>
      </c>
      <c r="AH767">
        <v>0</v>
      </c>
      <c r="AI767">
        <v>50000</v>
      </c>
      <c r="AJ767">
        <v>0</v>
      </c>
      <c r="AK767" t="s">
        <v>6</v>
      </c>
      <c r="AL767">
        <v>0</v>
      </c>
      <c r="AM767">
        <v>0</v>
      </c>
      <c r="AN767">
        <v>0</v>
      </c>
      <c r="AO767">
        <v>0</v>
      </c>
      <c r="AP767">
        <v>0</v>
      </c>
      <c r="AQ767">
        <v>0</v>
      </c>
      <c r="AR767">
        <v>0</v>
      </c>
      <c r="AS767">
        <v>0</v>
      </c>
      <c r="AT767">
        <v>0</v>
      </c>
      <c r="AU767">
        <v>0</v>
      </c>
      <c r="AV767">
        <v>0</v>
      </c>
      <c r="AW767">
        <v>0</v>
      </c>
      <c r="AX767">
        <v>0</v>
      </c>
      <c r="AY767">
        <v>0</v>
      </c>
      <c r="AZ767">
        <v>0</v>
      </c>
      <c r="BA767">
        <v>0</v>
      </c>
    </row>
    <row r="768" spans="1:53" x14ac:dyDescent="0.4">
      <c r="A768">
        <v>812</v>
      </c>
      <c r="B768" s="1">
        <v>43049</v>
      </c>
      <c r="C768">
        <v>2</v>
      </c>
      <c r="D768" s="1">
        <v>43049.453472222223</v>
      </c>
      <c r="E768" s="1">
        <v>43049.726388888892</v>
      </c>
      <c r="F768">
        <v>7000</v>
      </c>
      <c r="G768">
        <v>281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784</v>
      </c>
      <c r="N768">
        <v>0</v>
      </c>
      <c r="O768">
        <v>0</v>
      </c>
      <c r="P768">
        <v>17550</v>
      </c>
      <c r="Q768">
        <v>0</v>
      </c>
      <c r="R768">
        <v>28144</v>
      </c>
      <c r="S768">
        <v>0</v>
      </c>
      <c r="T768">
        <v>0</v>
      </c>
      <c r="U768">
        <v>0</v>
      </c>
      <c r="V768">
        <v>3</v>
      </c>
      <c r="W768">
        <v>0</v>
      </c>
      <c r="X768">
        <v>0</v>
      </c>
      <c r="Y768">
        <v>25</v>
      </c>
      <c r="Z768">
        <v>22</v>
      </c>
      <c r="AA768">
        <v>74</v>
      </c>
      <c r="AB768">
        <v>49</v>
      </c>
      <c r="AC768">
        <v>145</v>
      </c>
      <c r="AD768">
        <v>53</v>
      </c>
      <c r="AE768">
        <v>39</v>
      </c>
      <c r="AF768">
        <v>540</v>
      </c>
      <c r="AG768">
        <v>78144</v>
      </c>
      <c r="AH768">
        <v>50000</v>
      </c>
      <c r="AI768">
        <v>0</v>
      </c>
      <c r="AJ768">
        <v>97</v>
      </c>
      <c r="AK768" t="s">
        <v>13</v>
      </c>
      <c r="AL768">
        <v>0</v>
      </c>
      <c r="AM768">
        <v>0</v>
      </c>
      <c r="AN768">
        <v>0</v>
      </c>
      <c r="AO768">
        <v>0</v>
      </c>
      <c r="AP768">
        <v>0</v>
      </c>
      <c r="AQ768">
        <v>0</v>
      </c>
      <c r="AR768">
        <v>0</v>
      </c>
      <c r="AS768">
        <v>0</v>
      </c>
      <c r="AT768">
        <v>0</v>
      </c>
      <c r="AU768">
        <v>0</v>
      </c>
      <c r="AV768">
        <v>0</v>
      </c>
      <c r="AW768">
        <v>0</v>
      </c>
      <c r="AX768">
        <v>1814</v>
      </c>
      <c r="AY768">
        <v>25</v>
      </c>
      <c r="AZ768">
        <v>43</v>
      </c>
      <c r="BA768">
        <v>2377</v>
      </c>
    </row>
    <row r="769" spans="1:53" x14ac:dyDescent="0.4">
      <c r="A769">
        <v>813</v>
      </c>
      <c r="B769" s="1">
        <v>43049</v>
      </c>
      <c r="C769">
        <v>3</v>
      </c>
      <c r="D769" s="1">
        <v>43049.726388888892</v>
      </c>
      <c r="E769" s="1">
        <v>43049.943749999999</v>
      </c>
      <c r="F769">
        <v>28700</v>
      </c>
      <c r="G769">
        <v>4110</v>
      </c>
      <c r="H769">
        <v>0</v>
      </c>
      <c r="I769">
        <v>0</v>
      </c>
      <c r="J769">
        <v>750</v>
      </c>
      <c r="K769">
        <v>0</v>
      </c>
      <c r="L769">
        <v>0</v>
      </c>
      <c r="M769">
        <v>2564</v>
      </c>
      <c r="N769">
        <v>0</v>
      </c>
      <c r="O769">
        <v>0</v>
      </c>
      <c r="P769">
        <v>-17550</v>
      </c>
      <c r="Q769">
        <v>0</v>
      </c>
      <c r="R769">
        <v>17074</v>
      </c>
      <c r="S769">
        <v>0</v>
      </c>
      <c r="T769">
        <v>0</v>
      </c>
      <c r="U769">
        <v>0</v>
      </c>
      <c r="V769">
        <v>3</v>
      </c>
      <c r="W769">
        <v>0</v>
      </c>
      <c r="X769">
        <v>0</v>
      </c>
      <c r="Y769">
        <v>37</v>
      </c>
      <c r="Z769">
        <v>22</v>
      </c>
      <c r="AA769">
        <v>79</v>
      </c>
      <c r="AB769">
        <v>50</v>
      </c>
      <c r="AC769">
        <v>147</v>
      </c>
      <c r="AD769">
        <v>52</v>
      </c>
      <c r="AE769">
        <v>34</v>
      </c>
      <c r="AF769">
        <v>5054</v>
      </c>
      <c r="AG769">
        <v>95218</v>
      </c>
      <c r="AH769">
        <v>50000</v>
      </c>
      <c r="AI769">
        <v>0</v>
      </c>
      <c r="AJ769">
        <v>100</v>
      </c>
      <c r="AK769" t="s">
        <v>0</v>
      </c>
      <c r="AL769">
        <v>0</v>
      </c>
      <c r="AM769">
        <v>0</v>
      </c>
      <c r="AN769">
        <v>0</v>
      </c>
      <c r="AO769">
        <v>0</v>
      </c>
      <c r="AP769">
        <v>0</v>
      </c>
      <c r="AQ769">
        <v>0</v>
      </c>
      <c r="AR769">
        <v>0</v>
      </c>
      <c r="AS769">
        <v>0</v>
      </c>
      <c r="AT769">
        <v>0</v>
      </c>
      <c r="AU769">
        <v>0</v>
      </c>
      <c r="AV769">
        <v>0</v>
      </c>
      <c r="AW769">
        <v>0</v>
      </c>
      <c r="AX769">
        <v>114716</v>
      </c>
      <c r="AY769">
        <v>23</v>
      </c>
      <c r="AZ769">
        <v>118</v>
      </c>
      <c r="BA769">
        <v>3446</v>
      </c>
    </row>
    <row r="770" spans="1:53" x14ac:dyDescent="0.4">
      <c r="A770">
        <v>814</v>
      </c>
      <c r="B770" s="1">
        <v>43049</v>
      </c>
      <c r="C770">
        <v>4</v>
      </c>
      <c r="D770" s="1">
        <v>43049.943749999999</v>
      </c>
      <c r="E770" s="1">
        <v>43050.007638888892</v>
      </c>
      <c r="F770">
        <v>111380</v>
      </c>
      <c r="G770">
        <v>4140</v>
      </c>
      <c r="H770">
        <v>0</v>
      </c>
      <c r="I770">
        <v>0</v>
      </c>
      <c r="J770">
        <v>0</v>
      </c>
      <c r="K770">
        <v>0</v>
      </c>
      <c r="L770">
        <v>0</v>
      </c>
      <c r="M770">
        <v>9241</v>
      </c>
      <c r="N770">
        <v>0</v>
      </c>
      <c r="O770">
        <v>0</v>
      </c>
      <c r="P770">
        <v>33480</v>
      </c>
      <c r="Q770">
        <v>0</v>
      </c>
      <c r="R770">
        <v>158241</v>
      </c>
      <c r="S770">
        <v>0</v>
      </c>
      <c r="T770">
        <v>0</v>
      </c>
      <c r="U770">
        <v>0</v>
      </c>
      <c r="V770">
        <v>17</v>
      </c>
      <c r="W770">
        <v>1</v>
      </c>
      <c r="X770">
        <v>0</v>
      </c>
      <c r="Y770">
        <v>36</v>
      </c>
      <c r="Z770">
        <v>22</v>
      </c>
      <c r="AA770">
        <v>97</v>
      </c>
      <c r="AB770">
        <v>48</v>
      </c>
      <c r="AC770">
        <v>145</v>
      </c>
      <c r="AD770">
        <v>50</v>
      </c>
      <c r="AE770">
        <v>34</v>
      </c>
      <c r="AF770">
        <v>17625</v>
      </c>
      <c r="AG770">
        <v>253459</v>
      </c>
      <c r="AH770">
        <v>50000</v>
      </c>
      <c r="AI770">
        <v>0</v>
      </c>
      <c r="AJ770">
        <v>1</v>
      </c>
      <c r="AK770" t="s">
        <v>3</v>
      </c>
      <c r="AL770">
        <v>0</v>
      </c>
      <c r="AM770">
        <v>0</v>
      </c>
      <c r="AN770">
        <v>0</v>
      </c>
      <c r="AO770">
        <v>0</v>
      </c>
      <c r="AP770">
        <v>0</v>
      </c>
      <c r="AQ770">
        <v>0</v>
      </c>
      <c r="AR770">
        <v>0</v>
      </c>
      <c r="AS770">
        <v>0</v>
      </c>
      <c r="AT770">
        <v>0</v>
      </c>
      <c r="AU770">
        <v>0</v>
      </c>
      <c r="AV770">
        <v>0</v>
      </c>
      <c r="AW770">
        <v>0</v>
      </c>
      <c r="AX770">
        <v>48655</v>
      </c>
      <c r="AY770">
        <v>12</v>
      </c>
      <c r="AZ770">
        <v>34</v>
      </c>
      <c r="BA770">
        <v>1298</v>
      </c>
    </row>
    <row r="771" spans="1:53" x14ac:dyDescent="0.4">
      <c r="A771">
        <v>815</v>
      </c>
      <c r="B771" s="1">
        <v>43049</v>
      </c>
      <c r="C771">
        <v>5</v>
      </c>
      <c r="D771" s="1">
        <v>43050.007638888892</v>
      </c>
      <c r="E771" s="1">
        <v>43050.084027777775</v>
      </c>
      <c r="F771">
        <v>101720</v>
      </c>
      <c r="G771">
        <v>298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8376</v>
      </c>
      <c r="N771">
        <v>0</v>
      </c>
      <c r="O771">
        <v>0</v>
      </c>
      <c r="P771">
        <v>9828</v>
      </c>
      <c r="Q771">
        <v>0</v>
      </c>
      <c r="R771">
        <v>122904</v>
      </c>
      <c r="S771">
        <v>0</v>
      </c>
      <c r="T771">
        <v>0</v>
      </c>
      <c r="U771">
        <v>0</v>
      </c>
      <c r="V771">
        <v>26</v>
      </c>
      <c r="W771">
        <v>3</v>
      </c>
      <c r="X771">
        <v>0</v>
      </c>
      <c r="Y771">
        <v>59</v>
      </c>
      <c r="Z771">
        <v>22</v>
      </c>
      <c r="AA771">
        <v>97</v>
      </c>
      <c r="AB771">
        <v>47</v>
      </c>
      <c r="AC771">
        <v>141</v>
      </c>
      <c r="AD771">
        <v>47</v>
      </c>
      <c r="AE771">
        <v>43</v>
      </c>
      <c r="AF771">
        <v>17625</v>
      </c>
      <c r="AG771">
        <v>376363</v>
      </c>
      <c r="AH771">
        <v>50000</v>
      </c>
      <c r="AI771">
        <v>0</v>
      </c>
      <c r="AJ771">
        <v>106</v>
      </c>
      <c r="AK771" t="s">
        <v>29</v>
      </c>
      <c r="AL771">
        <v>0</v>
      </c>
      <c r="AM771">
        <v>0</v>
      </c>
      <c r="AN771">
        <v>0</v>
      </c>
      <c r="AO771">
        <v>0</v>
      </c>
      <c r="AP771">
        <v>0</v>
      </c>
      <c r="AQ771">
        <v>0</v>
      </c>
      <c r="AR771">
        <v>0</v>
      </c>
      <c r="AS771">
        <v>0</v>
      </c>
      <c r="AT771">
        <v>0</v>
      </c>
      <c r="AU771">
        <v>0</v>
      </c>
      <c r="AV771">
        <v>0</v>
      </c>
      <c r="AW771">
        <v>0</v>
      </c>
      <c r="AX771">
        <v>7646</v>
      </c>
      <c r="AY771">
        <v>4</v>
      </c>
      <c r="AZ771">
        <v>23</v>
      </c>
      <c r="BA771">
        <v>1321</v>
      </c>
    </row>
    <row r="772" spans="1:53" x14ac:dyDescent="0.4">
      <c r="A772">
        <v>816</v>
      </c>
      <c r="B772" s="1">
        <v>43050</v>
      </c>
      <c r="C772">
        <v>1</v>
      </c>
      <c r="D772" s="1">
        <v>43050.291666666664</v>
      </c>
      <c r="E772" s="1">
        <v>43050.405555555553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0</v>
      </c>
      <c r="O772">
        <v>0</v>
      </c>
      <c r="P772">
        <v>0</v>
      </c>
      <c r="Q772">
        <v>0</v>
      </c>
      <c r="R772">
        <v>0</v>
      </c>
      <c r="S772">
        <v>0</v>
      </c>
      <c r="T772">
        <v>0</v>
      </c>
      <c r="U772">
        <v>0</v>
      </c>
      <c r="V772">
        <v>0</v>
      </c>
      <c r="W772">
        <v>1</v>
      </c>
      <c r="X772">
        <v>0</v>
      </c>
      <c r="Y772">
        <v>26</v>
      </c>
      <c r="Z772">
        <v>15</v>
      </c>
      <c r="AA772">
        <v>80</v>
      </c>
      <c r="AB772">
        <v>48</v>
      </c>
      <c r="AC772">
        <v>81</v>
      </c>
      <c r="AD772">
        <v>50</v>
      </c>
      <c r="AE772">
        <v>40</v>
      </c>
      <c r="AF772">
        <v>0</v>
      </c>
      <c r="AG772">
        <v>50000</v>
      </c>
      <c r="AH772">
        <v>50000</v>
      </c>
      <c r="AI772">
        <v>0</v>
      </c>
      <c r="AJ772">
        <v>0</v>
      </c>
      <c r="AK772" t="s">
        <v>6</v>
      </c>
      <c r="AL772">
        <v>0</v>
      </c>
      <c r="AM772">
        <v>0</v>
      </c>
      <c r="AN772">
        <v>0</v>
      </c>
      <c r="AO772">
        <v>0</v>
      </c>
      <c r="AP772">
        <v>0</v>
      </c>
      <c r="AQ772">
        <v>0</v>
      </c>
      <c r="AR772">
        <v>0</v>
      </c>
      <c r="AS772">
        <v>0</v>
      </c>
      <c r="AT772">
        <v>0</v>
      </c>
      <c r="AU772">
        <v>0</v>
      </c>
      <c r="AV772">
        <v>0</v>
      </c>
      <c r="AW772">
        <v>0</v>
      </c>
      <c r="AX772">
        <v>0</v>
      </c>
      <c r="AY772">
        <v>0</v>
      </c>
      <c r="AZ772">
        <v>0</v>
      </c>
      <c r="BA772">
        <v>0</v>
      </c>
    </row>
    <row r="773" spans="1:53" x14ac:dyDescent="0.4">
      <c r="A773">
        <v>817</v>
      </c>
      <c r="B773" s="1">
        <v>43050</v>
      </c>
      <c r="C773">
        <v>2</v>
      </c>
      <c r="D773" s="1">
        <v>43050.405555555553</v>
      </c>
      <c r="E773" s="1">
        <v>43050.745138888888</v>
      </c>
      <c r="F773">
        <v>43750</v>
      </c>
      <c r="G773">
        <v>357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3785</v>
      </c>
      <c r="N773">
        <v>0</v>
      </c>
      <c r="O773">
        <v>0</v>
      </c>
      <c r="P773">
        <v>21060</v>
      </c>
      <c r="Q773">
        <v>0</v>
      </c>
      <c r="R773">
        <v>72165</v>
      </c>
      <c r="S773">
        <v>0</v>
      </c>
      <c r="T773">
        <v>0</v>
      </c>
      <c r="U773">
        <v>0</v>
      </c>
      <c r="V773">
        <v>1</v>
      </c>
      <c r="W773">
        <v>4</v>
      </c>
      <c r="X773">
        <v>0</v>
      </c>
      <c r="Y773">
        <v>64</v>
      </c>
      <c r="Z773">
        <v>25</v>
      </c>
      <c r="AA773">
        <v>100</v>
      </c>
      <c r="AB773">
        <v>55</v>
      </c>
      <c r="AC773">
        <v>155</v>
      </c>
      <c r="AD773">
        <v>49</v>
      </c>
      <c r="AE773">
        <v>40</v>
      </c>
      <c r="AF773">
        <v>1080</v>
      </c>
      <c r="AG773">
        <v>122165</v>
      </c>
      <c r="AH773">
        <v>50000</v>
      </c>
      <c r="AI773">
        <v>0</v>
      </c>
      <c r="AJ773">
        <v>93</v>
      </c>
      <c r="AK773" t="s">
        <v>20</v>
      </c>
      <c r="AL773">
        <v>0</v>
      </c>
      <c r="AM773">
        <v>0</v>
      </c>
      <c r="AN773">
        <v>0</v>
      </c>
      <c r="AO773">
        <v>0</v>
      </c>
      <c r="AP773">
        <v>0</v>
      </c>
      <c r="AQ773">
        <v>0</v>
      </c>
      <c r="AR773">
        <v>0</v>
      </c>
      <c r="AS773">
        <v>0</v>
      </c>
      <c r="AT773">
        <v>0</v>
      </c>
      <c r="AU773">
        <v>0</v>
      </c>
      <c r="AV773">
        <v>0</v>
      </c>
      <c r="AW773">
        <v>0</v>
      </c>
      <c r="AX773">
        <v>1534</v>
      </c>
      <c r="AY773">
        <v>57</v>
      </c>
      <c r="AZ773">
        <v>128</v>
      </c>
      <c r="BA773">
        <v>7792</v>
      </c>
    </row>
    <row r="774" spans="1:53" x14ac:dyDescent="0.4">
      <c r="A774">
        <v>818</v>
      </c>
      <c r="B774" s="1">
        <v>43050</v>
      </c>
      <c r="C774">
        <v>3</v>
      </c>
      <c r="D774" s="1">
        <v>43050.745138888888</v>
      </c>
      <c r="E774" s="1">
        <v>43050.947222222225</v>
      </c>
      <c r="F774">
        <v>125430</v>
      </c>
      <c r="G774">
        <v>481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10419</v>
      </c>
      <c r="N774">
        <v>0</v>
      </c>
      <c r="O774">
        <v>0</v>
      </c>
      <c r="P774">
        <v>-13500</v>
      </c>
      <c r="Q774">
        <v>0</v>
      </c>
      <c r="R774">
        <v>127159</v>
      </c>
      <c r="S774">
        <v>0</v>
      </c>
      <c r="T774">
        <v>0</v>
      </c>
      <c r="U774">
        <v>0</v>
      </c>
      <c r="V774">
        <v>6</v>
      </c>
      <c r="W774">
        <v>2</v>
      </c>
      <c r="X774">
        <v>0</v>
      </c>
      <c r="Y774">
        <v>88</v>
      </c>
      <c r="Z774">
        <v>24</v>
      </c>
      <c r="AA774">
        <v>110</v>
      </c>
      <c r="AB774">
        <v>59</v>
      </c>
      <c r="AC774">
        <v>161</v>
      </c>
      <c r="AD774">
        <v>46</v>
      </c>
      <c r="AE774">
        <v>19</v>
      </c>
      <c r="AF774">
        <v>63515</v>
      </c>
      <c r="AG774">
        <v>249324</v>
      </c>
      <c r="AH774">
        <v>50000</v>
      </c>
      <c r="AI774">
        <v>0</v>
      </c>
      <c r="AJ774">
        <v>89</v>
      </c>
      <c r="AK774" t="s">
        <v>12</v>
      </c>
      <c r="AL774">
        <v>0</v>
      </c>
      <c r="AM774">
        <v>0</v>
      </c>
      <c r="AN774">
        <v>0</v>
      </c>
      <c r="AO774">
        <v>0</v>
      </c>
      <c r="AP774">
        <v>0</v>
      </c>
      <c r="AQ774">
        <v>0</v>
      </c>
      <c r="AR774">
        <v>0</v>
      </c>
      <c r="AS774">
        <v>0</v>
      </c>
      <c r="AT774">
        <v>0</v>
      </c>
      <c r="AU774">
        <v>0</v>
      </c>
      <c r="AV774">
        <v>0</v>
      </c>
      <c r="AW774">
        <v>0</v>
      </c>
      <c r="AX774">
        <v>84260</v>
      </c>
      <c r="AY774">
        <v>26</v>
      </c>
      <c r="AZ774">
        <v>129</v>
      </c>
      <c r="BA774">
        <v>4014</v>
      </c>
    </row>
    <row r="775" spans="1:53" x14ac:dyDescent="0.4">
      <c r="A775">
        <v>819</v>
      </c>
      <c r="B775" s="1">
        <v>43050</v>
      </c>
      <c r="C775">
        <v>4</v>
      </c>
      <c r="D775" s="1">
        <v>43050.947222222225</v>
      </c>
      <c r="E775" s="1">
        <v>43051.102777777778</v>
      </c>
      <c r="F775">
        <v>171320</v>
      </c>
      <c r="G775">
        <v>8010</v>
      </c>
      <c r="H775">
        <v>0</v>
      </c>
      <c r="I775">
        <v>0</v>
      </c>
      <c r="J775">
        <v>1470</v>
      </c>
      <c r="K775">
        <v>0</v>
      </c>
      <c r="L775">
        <v>0</v>
      </c>
      <c r="M775">
        <v>14229</v>
      </c>
      <c r="N775">
        <v>0</v>
      </c>
      <c r="O775">
        <v>0</v>
      </c>
      <c r="P775">
        <v>62726</v>
      </c>
      <c r="Q775">
        <v>0</v>
      </c>
      <c r="R775">
        <v>254815</v>
      </c>
      <c r="S775">
        <v>0</v>
      </c>
      <c r="T775">
        <v>0</v>
      </c>
      <c r="U775">
        <v>0</v>
      </c>
      <c r="V775">
        <v>21</v>
      </c>
      <c r="W775">
        <v>6</v>
      </c>
      <c r="X775">
        <v>0</v>
      </c>
      <c r="Y775">
        <v>170</v>
      </c>
      <c r="Z775">
        <v>27</v>
      </c>
      <c r="AA775">
        <v>119</v>
      </c>
      <c r="AB775">
        <v>58</v>
      </c>
      <c r="AC775">
        <v>131</v>
      </c>
      <c r="AD775">
        <v>42</v>
      </c>
      <c r="AE775">
        <v>4</v>
      </c>
      <c r="AF775">
        <v>64315</v>
      </c>
      <c r="AG775">
        <v>504139</v>
      </c>
      <c r="AH775">
        <v>50000</v>
      </c>
      <c r="AI775">
        <v>0</v>
      </c>
      <c r="AJ775">
        <v>1</v>
      </c>
      <c r="AK775" t="s">
        <v>3</v>
      </c>
      <c r="AL775">
        <v>0</v>
      </c>
      <c r="AM775">
        <v>0</v>
      </c>
      <c r="AN775">
        <v>0</v>
      </c>
      <c r="AO775">
        <v>0</v>
      </c>
      <c r="AP775">
        <v>0</v>
      </c>
      <c r="AQ775">
        <v>0</v>
      </c>
      <c r="AR775">
        <v>0</v>
      </c>
      <c r="AS775">
        <v>0</v>
      </c>
      <c r="AT775">
        <v>0</v>
      </c>
      <c r="AU775">
        <v>0</v>
      </c>
      <c r="AV775">
        <v>0</v>
      </c>
      <c r="AW775">
        <v>0</v>
      </c>
      <c r="AX775">
        <v>12906</v>
      </c>
      <c r="AY775">
        <v>16</v>
      </c>
      <c r="AZ775">
        <v>64</v>
      </c>
      <c r="BA775">
        <v>2481</v>
      </c>
    </row>
    <row r="776" spans="1:53" x14ac:dyDescent="0.4">
      <c r="A776">
        <v>820</v>
      </c>
      <c r="B776" s="1">
        <v>43051</v>
      </c>
      <c r="C776">
        <v>1</v>
      </c>
      <c r="D776" s="1">
        <v>43051.291666666664</v>
      </c>
      <c r="E776" s="1">
        <v>43051.412499999999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0</v>
      </c>
      <c r="O776">
        <v>0</v>
      </c>
      <c r="P776">
        <v>0</v>
      </c>
      <c r="Q776">
        <v>0</v>
      </c>
      <c r="R776">
        <v>0</v>
      </c>
      <c r="S776">
        <v>0</v>
      </c>
      <c r="T776">
        <v>0</v>
      </c>
      <c r="U776">
        <v>0</v>
      </c>
      <c r="V776">
        <v>0</v>
      </c>
      <c r="W776">
        <v>1</v>
      </c>
      <c r="X776">
        <v>0</v>
      </c>
      <c r="Y776">
        <v>27</v>
      </c>
      <c r="Z776">
        <v>16</v>
      </c>
      <c r="AA776">
        <v>59</v>
      </c>
      <c r="AB776">
        <v>53</v>
      </c>
      <c r="AC776">
        <v>118</v>
      </c>
      <c r="AD776">
        <v>41</v>
      </c>
      <c r="AE776">
        <v>65</v>
      </c>
      <c r="AF776">
        <v>0</v>
      </c>
      <c r="AG776">
        <v>50000</v>
      </c>
      <c r="AH776">
        <v>50000</v>
      </c>
      <c r="AI776">
        <v>0</v>
      </c>
      <c r="AJ776">
        <v>0</v>
      </c>
      <c r="AK776" t="s">
        <v>6</v>
      </c>
      <c r="AL776">
        <v>0</v>
      </c>
      <c r="AM776">
        <v>0</v>
      </c>
      <c r="AN776">
        <v>0</v>
      </c>
      <c r="AO776">
        <v>0</v>
      </c>
      <c r="AP776">
        <v>0</v>
      </c>
      <c r="AQ776">
        <v>0</v>
      </c>
      <c r="AR776">
        <v>0</v>
      </c>
      <c r="AS776">
        <v>0</v>
      </c>
      <c r="AT776">
        <v>0</v>
      </c>
      <c r="AU776">
        <v>0</v>
      </c>
      <c r="AV776">
        <v>0</v>
      </c>
      <c r="AW776">
        <v>0</v>
      </c>
      <c r="AX776">
        <v>0</v>
      </c>
      <c r="AY776">
        <v>0</v>
      </c>
      <c r="AZ776">
        <v>0</v>
      </c>
      <c r="BA776">
        <v>0</v>
      </c>
    </row>
    <row r="777" spans="1:53" x14ac:dyDescent="0.4">
      <c r="A777">
        <v>821</v>
      </c>
      <c r="B777" s="1">
        <v>43051</v>
      </c>
      <c r="C777">
        <v>2</v>
      </c>
      <c r="D777" s="1">
        <v>43051.412499999999</v>
      </c>
      <c r="E777" s="1">
        <v>43051.743055555555</v>
      </c>
      <c r="F777">
        <v>43250</v>
      </c>
      <c r="G777">
        <v>539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3889</v>
      </c>
      <c r="N777">
        <v>0</v>
      </c>
      <c r="O777">
        <v>0</v>
      </c>
      <c r="P777">
        <v>11880</v>
      </c>
      <c r="Q777">
        <v>0</v>
      </c>
      <c r="R777">
        <v>64409</v>
      </c>
      <c r="S777">
        <v>0</v>
      </c>
      <c r="T777">
        <v>0</v>
      </c>
      <c r="U777">
        <v>0</v>
      </c>
      <c r="V777">
        <v>5</v>
      </c>
      <c r="W777">
        <v>0</v>
      </c>
      <c r="X777">
        <v>0</v>
      </c>
      <c r="Y777">
        <v>32</v>
      </c>
      <c r="Z777">
        <v>28</v>
      </c>
      <c r="AA777">
        <v>91</v>
      </c>
      <c r="AB777">
        <v>60</v>
      </c>
      <c r="AC777">
        <v>215</v>
      </c>
      <c r="AD777">
        <v>43</v>
      </c>
      <c r="AE777">
        <v>74</v>
      </c>
      <c r="AF777">
        <v>3970</v>
      </c>
      <c r="AG777">
        <v>114509</v>
      </c>
      <c r="AH777">
        <v>50000</v>
      </c>
      <c r="AI777">
        <v>100</v>
      </c>
      <c r="AJ777">
        <v>90</v>
      </c>
      <c r="AK777" t="s">
        <v>24</v>
      </c>
      <c r="AL777">
        <v>0</v>
      </c>
      <c r="AM777">
        <v>0</v>
      </c>
      <c r="AN777">
        <v>0</v>
      </c>
      <c r="AO777">
        <v>0</v>
      </c>
      <c r="AP777">
        <v>0</v>
      </c>
      <c r="AQ777">
        <v>0</v>
      </c>
      <c r="AR777">
        <v>0</v>
      </c>
      <c r="AS777">
        <v>0</v>
      </c>
      <c r="AT777">
        <v>0</v>
      </c>
      <c r="AU777">
        <v>0</v>
      </c>
      <c r="AV777">
        <v>0</v>
      </c>
      <c r="AW777">
        <v>0</v>
      </c>
      <c r="AX777">
        <v>0</v>
      </c>
      <c r="AY777">
        <v>49</v>
      </c>
      <c r="AZ777">
        <v>110</v>
      </c>
      <c r="BA777">
        <v>7277</v>
      </c>
    </row>
    <row r="778" spans="1:53" x14ac:dyDescent="0.4">
      <c r="A778">
        <v>822</v>
      </c>
      <c r="B778" s="1">
        <v>43051</v>
      </c>
      <c r="C778">
        <v>3</v>
      </c>
      <c r="D778" s="1">
        <v>43051.743055555555</v>
      </c>
      <c r="E778" s="1">
        <v>43051.953472222223</v>
      </c>
      <c r="F778">
        <v>40180</v>
      </c>
      <c r="G778">
        <v>38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3245</v>
      </c>
      <c r="N778">
        <v>0</v>
      </c>
      <c r="O778">
        <v>0</v>
      </c>
      <c r="P778">
        <v>15552</v>
      </c>
      <c r="Q778">
        <v>0</v>
      </c>
      <c r="R778">
        <v>59357</v>
      </c>
      <c r="S778">
        <v>0</v>
      </c>
      <c r="T778">
        <v>0</v>
      </c>
      <c r="U778">
        <v>0</v>
      </c>
      <c r="V778">
        <v>10</v>
      </c>
      <c r="W778">
        <v>0</v>
      </c>
      <c r="X778">
        <v>0</v>
      </c>
      <c r="Y778">
        <v>38</v>
      </c>
      <c r="Z778">
        <v>28</v>
      </c>
      <c r="AA778">
        <v>83</v>
      </c>
      <c r="AB778">
        <v>66</v>
      </c>
      <c r="AC778">
        <v>213</v>
      </c>
      <c r="AD778">
        <v>41</v>
      </c>
      <c r="AE778">
        <v>58</v>
      </c>
      <c r="AF778">
        <v>7773</v>
      </c>
      <c r="AG778">
        <v>173766</v>
      </c>
      <c r="AH778">
        <v>50000</v>
      </c>
      <c r="AI778">
        <v>0</v>
      </c>
      <c r="AJ778">
        <v>1</v>
      </c>
      <c r="AK778" t="s">
        <v>3</v>
      </c>
      <c r="AL778">
        <v>0</v>
      </c>
      <c r="AM778">
        <v>0</v>
      </c>
      <c r="AN778">
        <v>0</v>
      </c>
      <c r="AO778">
        <v>0</v>
      </c>
      <c r="AP778">
        <v>0</v>
      </c>
      <c r="AQ778">
        <v>0</v>
      </c>
      <c r="AR778">
        <v>0</v>
      </c>
      <c r="AS778">
        <v>0</v>
      </c>
      <c r="AT778">
        <v>0</v>
      </c>
      <c r="AU778">
        <v>0</v>
      </c>
      <c r="AV778">
        <v>0</v>
      </c>
      <c r="AW778">
        <v>0</v>
      </c>
      <c r="AX778">
        <v>1998</v>
      </c>
      <c r="AY778">
        <v>19</v>
      </c>
      <c r="AZ778">
        <v>52</v>
      </c>
      <c r="BA778">
        <v>3132</v>
      </c>
    </row>
    <row r="779" spans="1:53" x14ac:dyDescent="0.4">
      <c r="A779">
        <v>823</v>
      </c>
      <c r="B779" s="1">
        <v>43051</v>
      </c>
      <c r="C779">
        <v>4</v>
      </c>
      <c r="D779" s="1">
        <v>43051.953472222223</v>
      </c>
      <c r="E779" s="1">
        <v>43052.121527777781</v>
      </c>
      <c r="F779">
        <v>30350</v>
      </c>
      <c r="G779">
        <v>1500</v>
      </c>
      <c r="H779">
        <v>0</v>
      </c>
      <c r="I779">
        <v>0</v>
      </c>
      <c r="J779">
        <v>0</v>
      </c>
      <c r="K779">
        <v>4400</v>
      </c>
      <c r="L779">
        <v>0</v>
      </c>
      <c r="M779">
        <v>2900</v>
      </c>
      <c r="N779">
        <v>0</v>
      </c>
      <c r="O779">
        <v>0</v>
      </c>
      <c r="P779">
        <v>-5940</v>
      </c>
      <c r="Q779">
        <v>0</v>
      </c>
      <c r="R779">
        <v>33210</v>
      </c>
      <c r="S779">
        <v>0</v>
      </c>
      <c r="T779">
        <v>0</v>
      </c>
      <c r="U779">
        <v>0</v>
      </c>
      <c r="V779">
        <v>13</v>
      </c>
      <c r="W779">
        <v>0</v>
      </c>
      <c r="X779">
        <v>0</v>
      </c>
      <c r="Y779">
        <v>41</v>
      </c>
      <c r="Z779">
        <v>26</v>
      </c>
      <c r="AA779">
        <v>95</v>
      </c>
      <c r="AB779">
        <v>66</v>
      </c>
      <c r="AC779">
        <v>210</v>
      </c>
      <c r="AD779">
        <v>48</v>
      </c>
      <c r="AE779">
        <v>63</v>
      </c>
      <c r="AF779">
        <v>7773</v>
      </c>
      <c r="AG779">
        <v>206976</v>
      </c>
      <c r="AH779">
        <v>50000</v>
      </c>
      <c r="AI779">
        <v>0</v>
      </c>
      <c r="AJ779">
        <v>1</v>
      </c>
      <c r="AK779" t="s">
        <v>3</v>
      </c>
      <c r="AL779">
        <v>0</v>
      </c>
      <c r="AM779">
        <v>0</v>
      </c>
      <c r="AN779">
        <v>0</v>
      </c>
      <c r="AO779">
        <v>0</v>
      </c>
      <c r="AP779">
        <v>0</v>
      </c>
      <c r="AQ779">
        <v>0</v>
      </c>
      <c r="AR779">
        <v>0</v>
      </c>
      <c r="AS779">
        <v>0</v>
      </c>
      <c r="AT779">
        <v>0</v>
      </c>
      <c r="AU779">
        <v>0</v>
      </c>
      <c r="AV779">
        <v>0</v>
      </c>
      <c r="AW779">
        <v>0</v>
      </c>
      <c r="AX779">
        <v>5141</v>
      </c>
      <c r="AY779">
        <v>9</v>
      </c>
      <c r="AZ779">
        <v>18</v>
      </c>
      <c r="BA779">
        <v>1589</v>
      </c>
    </row>
    <row r="780" spans="1:53" x14ac:dyDescent="0.4">
      <c r="A780">
        <v>824</v>
      </c>
      <c r="B780" s="1">
        <v>43052</v>
      </c>
      <c r="C780">
        <v>1</v>
      </c>
      <c r="D780" s="1">
        <v>43052.291666666664</v>
      </c>
      <c r="E780" s="1">
        <v>43052.443749999999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0</v>
      </c>
      <c r="O780">
        <v>0</v>
      </c>
      <c r="P780">
        <v>0</v>
      </c>
      <c r="Q780">
        <v>0</v>
      </c>
      <c r="R780">
        <v>0</v>
      </c>
      <c r="S780">
        <v>0</v>
      </c>
      <c r="T780">
        <v>0</v>
      </c>
      <c r="U780">
        <v>0</v>
      </c>
      <c r="V780">
        <v>0</v>
      </c>
      <c r="W780">
        <v>0</v>
      </c>
      <c r="X780">
        <v>0</v>
      </c>
      <c r="Y780">
        <v>30</v>
      </c>
      <c r="Z780">
        <v>18</v>
      </c>
      <c r="AA780">
        <v>67</v>
      </c>
      <c r="AB780">
        <v>62</v>
      </c>
      <c r="AC780">
        <v>96</v>
      </c>
      <c r="AD780">
        <v>37</v>
      </c>
      <c r="AE780">
        <v>55</v>
      </c>
      <c r="AF780">
        <v>0</v>
      </c>
      <c r="AG780">
        <v>50000</v>
      </c>
      <c r="AH780">
        <v>0</v>
      </c>
      <c r="AI780">
        <v>50000</v>
      </c>
      <c r="AJ780">
        <v>0</v>
      </c>
      <c r="AK780" t="s">
        <v>6</v>
      </c>
      <c r="AL780">
        <v>0</v>
      </c>
      <c r="AM780">
        <v>0</v>
      </c>
      <c r="AN780">
        <v>0</v>
      </c>
      <c r="AO780">
        <v>0</v>
      </c>
      <c r="AP780">
        <v>0</v>
      </c>
      <c r="AQ780">
        <v>0</v>
      </c>
      <c r="AR780">
        <v>0</v>
      </c>
      <c r="AS780">
        <v>0</v>
      </c>
      <c r="AT780">
        <v>0</v>
      </c>
      <c r="AU780">
        <v>0</v>
      </c>
      <c r="AV780">
        <v>0</v>
      </c>
      <c r="AW780">
        <v>0</v>
      </c>
      <c r="AX780">
        <v>0</v>
      </c>
      <c r="AY780">
        <v>0</v>
      </c>
      <c r="AZ780">
        <v>0</v>
      </c>
      <c r="BA780">
        <v>0</v>
      </c>
    </row>
    <row r="781" spans="1:53" x14ac:dyDescent="0.4">
      <c r="A781">
        <v>825</v>
      </c>
      <c r="B781" s="1">
        <v>43052</v>
      </c>
      <c r="C781">
        <v>2</v>
      </c>
      <c r="D781" s="1">
        <v>43052.443749999999</v>
      </c>
      <c r="E781" s="1">
        <v>43052.770138888889</v>
      </c>
      <c r="F781">
        <v>26500</v>
      </c>
      <c r="G781">
        <v>683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2665</v>
      </c>
      <c r="N781">
        <v>0</v>
      </c>
      <c r="O781">
        <v>0</v>
      </c>
      <c r="P781">
        <v>6480</v>
      </c>
      <c r="Q781">
        <v>0</v>
      </c>
      <c r="R781">
        <v>42475</v>
      </c>
      <c r="S781">
        <v>0</v>
      </c>
      <c r="T781">
        <v>0</v>
      </c>
      <c r="U781">
        <v>0</v>
      </c>
      <c r="V781">
        <v>0</v>
      </c>
      <c r="W781">
        <v>1</v>
      </c>
      <c r="X781">
        <v>0</v>
      </c>
      <c r="Y781">
        <v>63</v>
      </c>
      <c r="Z781">
        <v>26</v>
      </c>
      <c r="AA781">
        <v>56</v>
      </c>
      <c r="AB781">
        <v>58</v>
      </c>
      <c r="AC781">
        <v>165</v>
      </c>
      <c r="AD781">
        <v>36</v>
      </c>
      <c r="AE781">
        <v>65</v>
      </c>
      <c r="AF781">
        <v>1080</v>
      </c>
      <c r="AG781">
        <v>92475</v>
      </c>
      <c r="AH781">
        <v>50000</v>
      </c>
      <c r="AI781">
        <v>0</v>
      </c>
      <c r="AJ781">
        <v>102</v>
      </c>
      <c r="AK781" t="s">
        <v>8</v>
      </c>
      <c r="AL781">
        <v>0</v>
      </c>
      <c r="AM781">
        <v>0</v>
      </c>
      <c r="AN781">
        <v>0</v>
      </c>
      <c r="AO781">
        <v>0</v>
      </c>
      <c r="AP781">
        <v>0</v>
      </c>
      <c r="AQ781">
        <v>0</v>
      </c>
      <c r="AR781">
        <v>0</v>
      </c>
      <c r="AS781">
        <v>0</v>
      </c>
      <c r="AT781">
        <v>0</v>
      </c>
      <c r="AU781">
        <v>0</v>
      </c>
      <c r="AV781">
        <v>0</v>
      </c>
      <c r="AW781">
        <v>0</v>
      </c>
      <c r="AX781">
        <v>540</v>
      </c>
      <c r="AY781">
        <v>35</v>
      </c>
      <c r="AZ781">
        <v>67</v>
      </c>
      <c r="BA781">
        <v>5203</v>
      </c>
    </row>
    <row r="782" spans="1:53" x14ac:dyDescent="0.4">
      <c r="A782">
        <v>826</v>
      </c>
      <c r="B782" s="1">
        <v>43052</v>
      </c>
      <c r="C782">
        <v>3</v>
      </c>
      <c r="D782" s="1">
        <v>43052.770138888889</v>
      </c>
      <c r="E782" s="1">
        <v>43052.946527777778</v>
      </c>
      <c r="F782">
        <v>16520</v>
      </c>
      <c r="G782">
        <v>2670</v>
      </c>
      <c r="H782">
        <v>0</v>
      </c>
      <c r="I782">
        <v>0</v>
      </c>
      <c r="J782">
        <v>0</v>
      </c>
      <c r="K782">
        <v>0</v>
      </c>
      <c r="L782">
        <v>0</v>
      </c>
      <c r="M782">
        <v>1535</v>
      </c>
      <c r="N782">
        <v>0</v>
      </c>
      <c r="O782">
        <v>0</v>
      </c>
      <c r="P782">
        <v>-2592</v>
      </c>
      <c r="Q782">
        <v>0</v>
      </c>
      <c r="R782">
        <v>18133</v>
      </c>
      <c r="S782">
        <v>0</v>
      </c>
      <c r="T782">
        <v>0</v>
      </c>
      <c r="U782">
        <v>0</v>
      </c>
      <c r="V782">
        <v>1</v>
      </c>
      <c r="W782">
        <v>1</v>
      </c>
      <c r="X782">
        <v>0</v>
      </c>
      <c r="Y782">
        <v>66</v>
      </c>
      <c r="Z782">
        <v>29</v>
      </c>
      <c r="AA782">
        <v>54</v>
      </c>
      <c r="AB782">
        <v>57</v>
      </c>
      <c r="AC782">
        <v>164</v>
      </c>
      <c r="AD782">
        <v>37</v>
      </c>
      <c r="AE782">
        <v>65</v>
      </c>
      <c r="AF782">
        <v>4968</v>
      </c>
      <c r="AG782">
        <v>110608</v>
      </c>
      <c r="AH782">
        <v>50000</v>
      </c>
      <c r="AI782">
        <v>0</v>
      </c>
      <c r="AJ782">
        <v>102</v>
      </c>
      <c r="AK782" t="s">
        <v>8</v>
      </c>
      <c r="AL782">
        <v>0</v>
      </c>
      <c r="AM782">
        <v>0</v>
      </c>
      <c r="AN782">
        <v>0</v>
      </c>
      <c r="AO782">
        <v>0</v>
      </c>
      <c r="AP782">
        <v>0</v>
      </c>
      <c r="AQ782">
        <v>0</v>
      </c>
      <c r="AR782">
        <v>0</v>
      </c>
      <c r="AS782">
        <v>0</v>
      </c>
      <c r="AT782">
        <v>0</v>
      </c>
      <c r="AU782">
        <v>0</v>
      </c>
      <c r="AV782">
        <v>0</v>
      </c>
      <c r="AW782">
        <v>0</v>
      </c>
      <c r="AX782">
        <v>18284</v>
      </c>
      <c r="AY782">
        <v>8</v>
      </c>
      <c r="AZ782">
        <v>26</v>
      </c>
      <c r="BA782">
        <v>1064</v>
      </c>
    </row>
    <row r="783" spans="1:53" x14ac:dyDescent="0.4">
      <c r="A783">
        <v>827</v>
      </c>
      <c r="B783" s="1">
        <v>43053</v>
      </c>
      <c r="C783">
        <v>1</v>
      </c>
      <c r="D783" s="1">
        <v>43053.291666666664</v>
      </c>
      <c r="E783" s="1">
        <v>43053.449305555558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0</v>
      </c>
      <c r="O783">
        <v>0</v>
      </c>
      <c r="P783">
        <v>0</v>
      </c>
      <c r="Q783">
        <v>0</v>
      </c>
      <c r="R783">
        <v>0</v>
      </c>
      <c r="S783">
        <v>0</v>
      </c>
      <c r="T783">
        <v>0</v>
      </c>
      <c r="U783">
        <v>0</v>
      </c>
      <c r="V783">
        <v>0</v>
      </c>
      <c r="W783">
        <v>1</v>
      </c>
      <c r="X783">
        <v>0</v>
      </c>
      <c r="Y783">
        <v>25</v>
      </c>
      <c r="Z783">
        <v>21</v>
      </c>
      <c r="AA783">
        <v>61</v>
      </c>
      <c r="AB783">
        <v>45</v>
      </c>
      <c r="AC783">
        <v>90</v>
      </c>
      <c r="AD783">
        <v>36</v>
      </c>
      <c r="AE783">
        <v>70</v>
      </c>
      <c r="AF783">
        <v>0</v>
      </c>
      <c r="AG783">
        <v>50000</v>
      </c>
      <c r="AH783">
        <v>0</v>
      </c>
      <c r="AI783">
        <v>50000</v>
      </c>
      <c r="AJ783">
        <v>0</v>
      </c>
      <c r="AK783" t="s">
        <v>6</v>
      </c>
      <c r="AL783">
        <v>0</v>
      </c>
      <c r="AM783">
        <v>0</v>
      </c>
      <c r="AN783">
        <v>0</v>
      </c>
      <c r="AO783">
        <v>0</v>
      </c>
      <c r="AP783">
        <v>0</v>
      </c>
      <c r="AQ783">
        <v>0</v>
      </c>
      <c r="AR783">
        <v>0</v>
      </c>
      <c r="AS783">
        <v>0</v>
      </c>
      <c r="AT783">
        <v>0</v>
      </c>
      <c r="AU783">
        <v>0</v>
      </c>
      <c r="AV783">
        <v>0</v>
      </c>
      <c r="AW783">
        <v>0</v>
      </c>
      <c r="AX783">
        <v>0</v>
      </c>
      <c r="AY783">
        <v>0</v>
      </c>
      <c r="AZ783">
        <v>0</v>
      </c>
      <c r="BA783">
        <v>0</v>
      </c>
    </row>
    <row r="784" spans="1:53" x14ac:dyDescent="0.4">
      <c r="A784">
        <v>828</v>
      </c>
      <c r="B784" s="1">
        <v>43053</v>
      </c>
      <c r="C784">
        <v>2</v>
      </c>
      <c r="D784" s="1">
        <v>43053.449305555558</v>
      </c>
      <c r="E784" s="1">
        <v>43053.768055555556</v>
      </c>
      <c r="F784">
        <v>12000</v>
      </c>
      <c r="G784">
        <v>76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1020</v>
      </c>
      <c r="N784">
        <v>0</v>
      </c>
      <c r="O784">
        <v>0</v>
      </c>
      <c r="P784">
        <v>12852</v>
      </c>
      <c r="Q784">
        <v>0</v>
      </c>
      <c r="R784">
        <v>26632</v>
      </c>
      <c r="S784">
        <v>0</v>
      </c>
      <c r="T784">
        <v>0</v>
      </c>
      <c r="U784">
        <v>0</v>
      </c>
      <c r="V784">
        <v>1</v>
      </c>
      <c r="W784">
        <v>2</v>
      </c>
      <c r="X784">
        <v>0</v>
      </c>
      <c r="Y784">
        <v>29</v>
      </c>
      <c r="Z784">
        <v>23</v>
      </c>
      <c r="AA784">
        <v>53</v>
      </c>
      <c r="AB784">
        <v>42</v>
      </c>
      <c r="AC784">
        <v>118</v>
      </c>
      <c r="AD784">
        <v>34</v>
      </c>
      <c r="AE784">
        <v>63</v>
      </c>
      <c r="AF784">
        <v>7319</v>
      </c>
      <c r="AG784">
        <v>76632</v>
      </c>
      <c r="AH784">
        <v>50000</v>
      </c>
      <c r="AI784">
        <v>0</v>
      </c>
      <c r="AJ784">
        <v>101</v>
      </c>
      <c r="AK784" t="s">
        <v>23</v>
      </c>
      <c r="AL784">
        <v>0</v>
      </c>
      <c r="AM784">
        <v>0</v>
      </c>
      <c r="AN784">
        <v>0</v>
      </c>
      <c r="AO784">
        <v>0</v>
      </c>
      <c r="AP784">
        <v>0</v>
      </c>
      <c r="AQ784">
        <v>0</v>
      </c>
      <c r="AR784">
        <v>0</v>
      </c>
      <c r="AS784">
        <v>0</v>
      </c>
      <c r="AT784">
        <v>0</v>
      </c>
      <c r="AU784">
        <v>0</v>
      </c>
      <c r="AV784">
        <v>0</v>
      </c>
      <c r="AW784">
        <v>0</v>
      </c>
      <c r="AX784">
        <v>-281</v>
      </c>
      <c r="AY784">
        <v>32</v>
      </c>
      <c r="AZ784">
        <v>45</v>
      </c>
      <c r="BA784">
        <v>4779</v>
      </c>
    </row>
    <row r="785" spans="1:53" x14ac:dyDescent="0.4">
      <c r="A785">
        <v>829</v>
      </c>
      <c r="B785" s="1">
        <v>43053</v>
      </c>
      <c r="C785">
        <v>3</v>
      </c>
      <c r="D785" s="1">
        <v>43053.768055555556</v>
      </c>
      <c r="E785" s="1">
        <v>43053.962500000001</v>
      </c>
      <c r="F785">
        <v>19200</v>
      </c>
      <c r="G785">
        <v>640</v>
      </c>
      <c r="H785">
        <v>0</v>
      </c>
      <c r="I785">
        <v>0</v>
      </c>
      <c r="J785">
        <v>0</v>
      </c>
      <c r="K785">
        <v>0</v>
      </c>
      <c r="L785">
        <v>0</v>
      </c>
      <c r="M785">
        <v>1587</v>
      </c>
      <c r="N785">
        <v>0</v>
      </c>
      <c r="O785">
        <v>0</v>
      </c>
      <c r="P785">
        <v>-3780</v>
      </c>
      <c r="Q785">
        <v>0</v>
      </c>
      <c r="R785">
        <v>17647</v>
      </c>
      <c r="S785">
        <v>0</v>
      </c>
      <c r="T785">
        <v>0</v>
      </c>
      <c r="U785">
        <v>0</v>
      </c>
      <c r="V785">
        <v>2</v>
      </c>
      <c r="W785">
        <v>1</v>
      </c>
      <c r="X785">
        <v>0</v>
      </c>
      <c r="Y785">
        <v>39</v>
      </c>
      <c r="Z785">
        <v>25</v>
      </c>
      <c r="AA785">
        <v>68</v>
      </c>
      <c r="AB785">
        <v>44</v>
      </c>
      <c r="AC785">
        <v>123</v>
      </c>
      <c r="AD785">
        <v>34</v>
      </c>
      <c r="AE785">
        <v>60</v>
      </c>
      <c r="AF785">
        <v>7319</v>
      </c>
      <c r="AG785">
        <v>94279</v>
      </c>
      <c r="AH785">
        <v>50000</v>
      </c>
      <c r="AI785">
        <v>0</v>
      </c>
      <c r="AJ785">
        <v>1</v>
      </c>
      <c r="AK785" t="s">
        <v>3</v>
      </c>
      <c r="AL785">
        <v>0</v>
      </c>
      <c r="AM785">
        <v>0</v>
      </c>
      <c r="AN785">
        <v>0</v>
      </c>
      <c r="AO785">
        <v>0</v>
      </c>
      <c r="AP785">
        <v>0</v>
      </c>
      <c r="AQ785">
        <v>0</v>
      </c>
      <c r="AR785">
        <v>0</v>
      </c>
      <c r="AS785">
        <v>0</v>
      </c>
      <c r="AT785">
        <v>0</v>
      </c>
      <c r="AU785">
        <v>0</v>
      </c>
      <c r="AV785">
        <v>0</v>
      </c>
      <c r="AW785">
        <v>0</v>
      </c>
      <c r="AX785">
        <v>8521</v>
      </c>
      <c r="AY785">
        <v>10</v>
      </c>
      <c r="AZ785">
        <v>29</v>
      </c>
      <c r="BA785">
        <v>1608</v>
      </c>
    </row>
    <row r="786" spans="1:53" x14ac:dyDescent="0.4">
      <c r="A786">
        <v>830</v>
      </c>
      <c r="B786" s="1">
        <v>43053</v>
      </c>
      <c r="C786">
        <v>4</v>
      </c>
      <c r="D786" s="1">
        <v>43053.962500000001</v>
      </c>
      <c r="E786" s="1">
        <v>43054.09097222222</v>
      </c>
      <c r="F786">
        <v>36350</v>
      </c>
      <c r="G786">
        <v>1060</v>
      </c>
      <c r="H786">
        <v>0</v>
      </c>
      <c r="I786">
        <v>0</v>
      </c>
      <c r="J786">
        <v>0</v>
      </c>
      <c r="K786">
        <v>1000</v>
      </c>
      <c r="L786">
        <v>0</v>
      </c>
      <c r="M786">
        <v>3072</v>
      </c>
      <c r="N786">
        <v>0</v>
      </c>
      <c r="O786">
        <v>0</v>
      </c>
      <c r="P786">
        <v>1944</v>
      </c>
      <c r="Q786">
        <v>0</v>
      </c>
      <c r="R786">
        <v>43426</v>
      </c>
      <c r="S786">
        <v>0</v>
      </c>
      <c r="T786">
        <v>0</v>
      </c>
      <c r="U786">
        <v>0</v>
      </c>
      <c r="V786">
        <v>6</v>
      </c>
      <c r="W786">
        <v>2</v>
      </c>
      <c r="X786">
        <v>0</v>
      </c>
      <c r="Y786">
        <v>41</v>
      </c>
      <c r="Z786">
        <v>21</v>
      </c>
      <c r="AA786">
        <v>54</v>
      </c>
      <c r="AB786">
        <v>43</v>
      </c>
      <c r="AC786">
        <v>112</v>
      </c>
      <c r="AD786">
        <v>32</v>
      </c>
      <c r="AE786">
        <v>56</v>
      </c>
      <c r="AF786">
        <v>7319</v>
      </c>
      <c r="AG786">
        <v>137705</v>
      </c>
      <c r="AH786">
        <v>50000</v>
      </c>
      <c r="AI786">
        <v>0</v>
      </c>
      <c r="AJ786">
        <v>70</v>
      </c>
      <c r="AK786" t="s">
        <v>25</v>
      </c>
      <c r="AL786">
        <v>0</v>
      </c>
      <c r="AM786">
        <v>0</v>
      </c>
      <c r="AN786">
        <v>0</v>
      </c>
      <c r="AO786">
        <v>0</v>
      </c>
      <c r="AP786">
        <v>0</v>
      </c>
      <c r="AQ786">
        <v>0</v>
      </c>
      <c r="AR786">
        <v>0</v>
      </c>
      <c r="AS786">
        <v>0</v>
      </c>
      <c r="AT786">
        <v>0</v>
      </c>
      <c r="AU786">
        <v>0</v>
      </c>
      <c r="AV786">
        <v>0</v>
      </c>
      <c r="AW786">
        <v>0</v>
      </c>
      <c r="AX786">
        <v>-3564</v>
      </c>
      <c r="AY786">
        <v>6</v>
      </c>
      <c r="AZ786">
        <v>13</v>
      </c>
      <c r="BA786">
        <v>1145</v>
      </c>
    </row>
    <row r="787" spans="1:53" x14ac:dyDescent="0.4">
      <c r="A787">
        <v>831</v>
      </c>
      <c r="B787" s="1">
        <v>43054</v>
      </c>
      <c r="C787">
        <v>1</v>
      </c>
      <c r="D787" s="1">
        <v>43054.291666666664</v>
      </c>
      <c r="E787" s="1">
        <v>43054.447916666664</v>
      </c>
      <c r="F787">
        <v>0</v>
      </c>
      <c r="G787">
        <v>0</v>
      </c>
      <c r="H787">
        <v>0</v>
      </c>
      <c r="I787">
        <v>0</v>
      </c>
      <c r="J787">
        <v>0</v>
      </c>
      <c r="K787">
        <v>0</v>
      </c>
      <c r="L787">
        <v>0</v>
      </c>
      <c r="M787">
        <v>0</v>
      </c>
      <c r="N787">
        <v>0</v>
      </c>
      <c r="O787">
        <v>0</v>
      </c>
      <c r="P787">
        <v>0</v>
      </c>
      <c r="Q787">
        <v>0</v>
      </c>
      <c r="R787">
        <v>0</v>
      </c>
      <c r="S787">
        <v>0</v>
      </c>
      <c r="T787">
        <v>0</v>
      </c>
      <c r="U787">
        <v>0</v>
      </c>
      <c r="V787">
        <v>0</v>
      </c>
      <c r="W787">
        <v>1</v>
      </c>
      <c r="X787">
        <v>0</v>
      </c>
      <c r="Y787">
        <v>27</v>
      </c>
      <c r="Z787">
        <v>20</v>
      </c>
      <c r="AA787">
        <v>54</v>
      </c>
      <c r="AB787">
        <v>35</v>
      </c>
      <c r="AC787">
        <v>63</v>
      </c>
      <c r="AD787">
        <v>32</v>
      </c>
      <c r="AE787">
        <v>60</v>
      </c>
      <c r="AF787">
        <v>0</v>
      </c>
      <c r="AG787">
        <v>50000</v>
      </c>
      <c r="AH787">
        <v>0</v>
      </c>
      <c r="AI787">
        <v>50000</v>
      </c>
      <c r="AJ787">
        <v>0</v>
      </c>
      <c r="AK787" t="s">
        <v>6</v>
      </c>
      <c r="AL787">
        <v>0</v>
      </c>
      <c r="AM787">
        <v>0</v>
      </c>
      <c r="AN787">
        <v>0</v>
      </c>
      <c r="AO787">
        <v>0</v>
      </c>
      <c r="AP787">
        <v>0</v>
      </c>
      <c r="AQ787">
        <v>0</v>
      </c>
      <c r="AR787">
        <v>0</v>
      </c>
      <c r="AS787">
        <v>0</v>
      </c>
      <c r="AT787">
        <v>0</v>
      </c>
      <c r="AU787">
        <v>0</v>
      </c>
      <c r="AV787">
        <v>0</v>
      </c>
      <c r="AW787">
        <v>0</v>
      </c>
      <c r="AX787">
        <v>0</v>
      </c>
      <c r="AY787">
        <v>0</v>
      </c>
      <c r="AZ787">
        <v>0</v>
      </c>
      <c r="BA787">
        <v>0</v>
      </c>
    </row>
    <row r="788" spans="1:53" x14ac:dyDescent="0.4">
      <c r="A788">
        <v>832</v>
      </c>
      <c r="B788" s="1">
        <v>43054</v>
      </c>
      <c r="C788">
        <v>2</v>
      </c>
      <c r="D788" s="1">
        <v>43054.447916666664</v>
      </c>
      <c r="E788" s="1">
        <v>43054.722916666666</v>
      </c>
      <c r="F788">
        <v>10000</v>
      </c>
      <c r="G788">
        <v>0</v>
      </c>
      <c r="H788">
        <v>0</v>
      </c>
      <c r="I788">
        <v>0</v>
      </c>
      <c r="J788">
        <v>0</v>
      </c>
      <c r="K788">
        <v>0</v>
      </c>
      <c r="L788">
        <v>0</v>
      </c>
      <c r="M788">
        <v>800</v>
      </c>
      <c r="N788">
        <v>0</v>
      </c>
      <c r="O788">
        <v>0</v>
      </c>
      <c r="P788">
        <v>11340</v>
      </c>
      <c r="Q788">
        <v>0</v>
      </c>
      <c r="R788">
        <v>22140</v>
      </c>
      <c r="S788">
        <v>0</v>
      </c>
      <c r="T788">
        <v>0</v>
      </c>
      <c r="U788">
        <v>0</v>
      </c>
      <c r="V788">
        <v>0</v>
      </c>
      <c r="W788">
        <v>1</v>
      </c>
      <c r="X788">
        <v>0</v>
      </c>
      <c r="Y788">
        <v>47</v>
      </c>
      <c r="Z788">
        <v>22</v>
      </c>
      <c r="AA788">
        <v>58</v>
      </c>
      <c r="AB788">
        <v>38</v>
      </c>
      <c r="AC788">
        <v>68</v>
      </c>
      <c r="AD788">
        <v>32</v>
      </c>
      <c r="AE788">
        <v>60</v>
      </c>
      <c r="AF788">
        <v>540</v>
      </c>
      <c r="AG788">
        <v>72140</v>
      </c>
      <c r="AH788">
        <v>50000</v>
      </c>
      <c r="AI788">
        <v>0</v>
      </c>
      <c r="AJ788">
        <v>96</v>
      </c>
      <c r="AK788" t="s">
        <v>4</v>
      </c>
      <c r="AL788">
        <v>0</v>
      </c>
      <c r="AM788">
        <v>0</v>
      </c>
      <c r="AN788">
        <v>0</v>
      </c>
      <c r="AO788">
        <v>0</v>
      </c>
      <c r="AP788">
        <v>0</v>
      </c>
      <c r="AQ788">
        <v>0</v>
      </c>
      <c r="AR788">
        <v>0</v>
      </c>
      <c r="AS788">
        <v>0</v>
      </c>
      <c r="AT788">
        <v>0</v>
      </c>
      <c r="AU788">
        <v>0</v>
      </c>
      <c r="AV788">
        <v>0</v>
      </c>
      <c r="AW788">
        <v>0</v>
      </c>
      <c r="AX788">
        <v>1144</v>
      </c>
      <c r="AY788">
        <v>29</v>
      </c>
      <c r="AZ788">
        <v>41</v>
      </c>
      <c r="BA788">
        <v>3612</v>
      </c>
    </row>
    <row r="789" spans="1:53" x14ac:dyDescent="0.4">
      <c r="A789">
        <v>833</v>
      </c>
      <c r="B789" s="1">
        <v>43054</v>
      </c>
      <c r="C789">
        <v>3</v>
      </c>
      <c r="D789" s="1">
        <v>43054.722916666666</v>
      </c>
      <c r="E789" s="1">
        <v>43054.947916666664</v>
      </c>
      <c r="F789">
        <v>41420</v>
      </c>
      <c r="G789">
        <v>224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3492</v>
      </c>
      <c r="N789">
        <v>0</v>
      </c>
      <c r="O789">
        <v>0</v>
      </c>
      <c r="P789">
        <v>13932</v>
      </c>
      <c r="Q789">
        <v>0</v>
      </c>
      <c r="R789">
        <v>61084</v>
      </c>
      <c r="S789">
        <v>0</v>
      </c>
      <c r="T789">
        <v>0</v>
      </c>
      <c r="U789">
        <v>0</v>
      </c>
      <c r="V789">
        <v>5</v>
      </c>
      <c r="W789">
        <v>0</v>
      </c>
      <c r="X789">
        <v>0</v>
      </c>
      <c r="Y789">
        <v>47</v>
      </c>
      <c r="Z789">
        <v>21</v>
      </c>
      <c r="AA789">
        <v>69</v>
      </c>
      <c r="AB789">
        <v>37</v>
      </c>
      <c r="AC789">
        <v>65</v>
      </c>
      <c r="AD789">
        <v>35</v>
      </c>
      <c r="AE789">
        <v>57</v>
      </c>
      <c r="AF789">
        <v>16092</v>
      </c>
      <c r="AG789">
        <v>133224</v>
      </c>
      <c r="AH789">
        <v>50000</v>
      </c>
      <c r="AI789">
        <v>0</v>
      </c>
      <c r="AJ789">
        <v>29</v>
      </c>
      <c r="AK789" t="s">
        <v>28</v>
      </c>
      <c r="AL789">
        <v>0</v>
      </c>
      <c r="AM789">
        <v>0</v>
      </c>
      <c r="AN789">
        <v>0</v>
      </c>
      <c r="AO789">
        <v>0</v>
      </c>
      <c r="AP789">
        <v>0</v>
      </c>
      <c r="AQ789">
        <v>0</v>
      </c>
      <c r="AR789">
        <v>0</v>
      </c>
      <c r="AS789">
        <v>0</v>
      </c>
      <c r="AT789">
        <v>0</v>
      </c>
      <c r="AU789">
        <v>0</v>
      </c>
      <c r="AV789">
        <v>0</v>
      </c>
      <c r="AW789">
        <v>0</v>
      </c>
      <c r="AX789">
        <v>22852</v>
      </c>
      <c r="AY789">
        <v>15</v>
      </c>
      <c r="AZ789">
        <v>47</v>
      </c>
      <c r="BA789">
        <v>2655</v>
      </c>
    </row>
    <row r="790" spans="1:53" x14ac:dyDescent="0.4">
      <c r="A790">
        <v>834</v>
      </c>
      <c r="B790" s="1">
        <v>43054</v>
      </c>
      <c r="C790">
        <v>4</v>
      </c>
      <c r="D790" s="1">
        <v>43054.947916666664</v>
      </c>
      <c r="E790" s="1">
        <v>43055.107638888891</v>
      </c>
      <c r="F790">
        <v>56400</v>
      </c>
      <c r="G790">
        <v>2660</v>
      </c>
      <c r="H790">
        <v>0</v>
      </c>
      <c r="I790">
        <v>0</v>
      </c>
      <c r="J790">
        <v>0</v>
      </c>
      <c r="K790">
        <v>0</v>
      </c>
      <c r="L790">
        <v>0</v>
      </c>
      <c r="M790">
        <v>4724</v>
      </c>
      <c r="N790">
        <v>0</v>
      </c>
      <c r="O790">
        <v>0</v>
      </c>
      <c r="P790">
        <v>13716</v>
      </c>
      <c r="Q790">
        <v>0</v>
      </c>
      <c r="R790">
        <v>77500</v>
      </c>
      <c r="S790">
        <v>0</v>
      </c>
      <c r="T790">
        <v>0</v>
      </c>
      <c r="U790">
        <v>0</v>
      </c>
      <c r="V790">
        <v>9</v>
      </c>
      <c r="W790">
        <v>1</v>
      </c>
      <c r="X790">
        <v>0</v>
      </c>
      <c r="Y790">
        <v>47</v>
      </c>
      <c r="Z790">
        <v>21</v>
      </c>
      <c r="AA790">
        <v>75</v>
      </c>
      <c r="AB790">
        <v>35</v>
      </c>
      <c r="AC790">
        <v>64</v>
      </c>
      <c r="AD790">
        <v>33</v>
      </c>
      <c r="AE790">
        <v>59</v>
      </c>
      <c r="AF790">
        <v>48110</v>
      </c>
      <c r="AG790">
        <v>210724</v>
      </c>
      <c r="AH790">
        <v>50000</v>
      </c>
      <c r="AI790">
        <v>0</v>
      </c>
      <c r="AJ790">
        <v>100</v>
      </c>
      <c r="AK790" t="s">
        <v>0</v>
      </c>
      <c r="AL790">
        <v>0</v>
      </c>
      <c r="AM790">
        <v>0</v>
      </c>
      <c r="AN790">
        <v>0</v>
      </c>
      <c r="AO790">
        <v>0</v>
      </c>
      <c r="AP790">
        <v>0</v>
      </c>
      <c r="AQ790">
        <v>0</v>
      </c>
      <c r="AR790">
        <v>0</v>
      </c>
      <c r="AS790">
        <v>0</v>
      </c>
      <c r="AT790">
        <v>0</v>
      </c>
      <c r="AU790">
        <v>0</v>
      </c>
      <c r="AV790">
        <v>0</v>
      </c>
      <c r="AW790">
        <v>0</v>
      </c>
      <c r="AX790">
        <v>-6167</v>
      </c>
      <c r="AY790">
        <v>8</v>
      </c>
      <c r="AZ790">
        <v>33</v>
      </c>
      <c r="BA790">
        <v>803</v>
      </c>
    </row>
    <row r="791" spans="1:53" x14ac:dyDescent="0.4">
      <c r="A791">
        <v>835</v>
      </c>
      <c r="B791" s="1">
        <v>43055</v>
      </c>
      <c r="C791">
        <v>1</v>
      </c>
      <c r="D791" s="1">
        <v>43055.291666666664</v>
      </c>
      <c r="E791" s="1">
        <v>43055.445138888892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  <c r="M791">
        <v>0</v>
      </c>
      <c r="N791">
        <v>0</v>
      </c>
      <c r="O791">
        <v>0</v>
      </c>
      <c r="P791">
        <v>0</v>
      </c>
      <c r="Q791">
        <v>0</v>
      </c>
      <c r="R791">
        <v>0</v>
      </c>
      <c r="S791">
        <v>0</v>
      </c>
      <c r="T791">
        <v>0</v>
      </c>
      <c r="U791">
        <v>0</v>
      </c>
      <c r="V791">
        <v>0</v>
      </c>
      <c r="W791">
        <v>1</v>
      </c>
      <c r="X791">
        <v>0</v>
      </c>
      <c r="Y791">
        <v>26</v>
      </c>
      <c r="Z791">
        <v>19</v>
      </c>
      <c r="AA791">
        <v>70</v>
      </c>
      <c r="AB791">
        <v>34</v>
      </c>
      <c r="AC791">
        <v>59</v>
      </c>
      <c r="AD791">
        <v>31</v>
      </c>
      <c r="AE791">
        <v>55</v>
      </c>
      <c r="AF791">
        <v>0</v>
      </c>
      <c r="AG791">
        <v>50000</v>
      </c>
      <c r="AH791">
        <v>0</v>
      </c>
      <c r="AI791">
        <v>50000</v>
      </c>
      <c r="AJ791">
        <v>0</v>
      </c>
      <c r="AK791" t="s">
        <v>6</v>
      </c>
      <c r="AL791">
        <v>0</v>
      </c>
      <c r="AM791">
        <v>0</v>
      </c>
      <c r="AN791">
        <v>0</v>
      </c>
      <c r="AO791">
        <v>0</v>
      </c>
      <c r="AP791">
        <v>0</v>
      </c>
      <c r="AQ791">
        <v>0</v>
      </c>
      <c r="AR791">
        <v>0</v>
      </c>
      <c r="AS791">
        <v>0</v>
      </c>
      <c r="AT791">
        <v>0</v>
      </c>
      <c r="AU791">
        <v>0</v>
      </c>
      <c r="AV791">
        <v>0</v>
      </c>
      <c r="AW791">
        <v>0</v>
      </c>
      <c r="AX791">
        <v>0</v>
      </c>
      <c r="AY791">
        <v>0</v>
      </c>
      <c r="AZ791">
        <v>0</v>
      </c>
      <c r="BA791">
        <v>0</v>
      </c>
    </row>
    <row r="792" spans="1:53" x14ac:dyDescent="0.4">
      <c r="A792">
        <v>836</v>
      </c>
      <c r="B792" s="1">
        <v>43055</v>
      </c>
      <c r="C792">
        <v>2</v>
      </c>
      <c r="D792" s="1">
        <v>43055.445138888892</v>
      </c>
      <c r="E792" s="1">
        <v>43055.744444444441</v>
      </c>
      <c r="F792">
        <v>9500</v>
      </c>
      <c r="G792">
        <v>2900</v>
      </c>
      <c r="H792">
        <v>0</v>
      </c>
      <c r="I792">
        <v>0</v>
      </c>
      <c r="J792">
        <v>0</v>
      </c>
      <c r="K792">
        <v>0</v>
      </c>
      <c r="L792">
        <v>0</v>
      </c>
      <c r="M792">
        <v>992</v>
      </c>
      <c r="N792">
        <v>0</v>
      </c>
      <c r="O792">
        <v>0</v>
      </c>
      <c r="P792">
        <v>12420</v>
      </c>
      <c r="Q792">
        <v>0</v>
      </c>
      <c r="R792">
        <v>25812</v>
      </c>
      <c r="S792">
        <v>0</v>
      </c>
      <c r="T792">
        <v>0</v>
      </c>
      <c r="U792">
        <v>0</v>
      </c>
      <c r="V792">
        <v>2</v>
      </c>
      <c r="W792">
        <v>1</v>
      </c>
      <c r="X792">
        <v>0</v>
      </c>
      <c r="Y792">
        <v>27</v>
      </c>
      <c r="Z792">
        <v>28</v>
      </c>
      <c r="AA792">
        <v>66</v>
      </c>
      <c r="AB792">
        <v>40</v>
      </c>
      <c r="AC792">
        <v>99</v>
      </c>
      <c r="AD792">
        <v>33</v>
      </c>
      <c r="AE792">
        <v>57</v>
      </c>
      <c r="AF792">
        <v>0</v>
      </c>
      <c r="AG792">
        <v>75812</v>
      </c>
      <c r="AH792">
        <v>50000</v>
      </c>
      <c r="AI792">
        <v>0</v>
      </c>
      <c r="AJ792">
        <v>106</v>
      </c>
      <c r="AK792" t="s">
        <v>29</v>
      </c>
      <c r="AL792">
        <v>0</v>
      </c>
      <c r="AM792">
        <v>0</v>
      </c>
      <c r="AN792">
        <v>0</v>
      </c>
      <c r="AO792">
        <v>0</v>
      </c>
      <c r="AP792">
        <v>0</v>
      </c>
      <c r="AQ792">
        <v>0</v>
      </c>
      <c r="AR792">
        <v>0</v>
      </c>
      <c r="AS792">
        <v>0</v>
      </c>
      <c r="AT792">
        <v>0</v>
      </c>
      <c r="AU792">
        <v>0</v>
      </c>
      <c r="AV792">
        <v>0</v>
      </c>
      <c r="AW792">
        <v>0</v>
      </c>
      <c r="AX792">
        <v>-346</v>
      </c>
      <c r="AY792">
        <v>22</v>
      </c>
      <c r="AZ792">
        <v>42</v>
      </c>
      <c r="BA792">
        <v>2320</v>
      </c>
    </row>
    <row r="793" spans="1:53" x14ac:dyDescent="0.4">
      <c r="A793">
        <v>837</v>
      </c>
      <c r="B793" s="1">
        <v>43055</v>
      </c>
      <c r="C793">
        <v>3</v>
      </c>
      <c r="D793" s="1">
        <v>43055.744444444441</v>
      </c>
      <c r="E793" s="1">
        <v>43055.933333333334</v>
      </c>
      <c r="F793">
        <v>32600</v>
      </c>
      <c r="G793">
        <v>118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2702</v>
      </c>
      <c r="N793">
        <v>0</v>
      </c>
      <c r="O793">
        <v>0</v>
      </c>
      <c r="P793">
        <v>-12420</v>
      </c>
      <c r="Q793">
        <v>0</v>
      </c>
      <c r="R793">
        <v>24062</v>
      </c>
      <c r="S793">
        <v>0</v>
      </c>
      <c r="T793">
        <v>0</v>
      </c>
      <c r="U793">
        <v>0</v>
      </c>
      <c r="V793">
        <v>2</v>
      </c>
      <c r="W793">
        <v>1</v>
      </c>
      <c r="X793">
        <v>0</v>
      </c>
      <c r="Y793">
        <v>48</v>
      </c>
      <c r="Z793">
        <v>31</v>
      </c>
      <c r="AA793">
        <v>82</v>
      </c>
      <c r="AB793">
        <v>40</v>
      </c>
      <c r="AC793">
        <v>95</v>
      </c>
      <c r="AD793">
        <v>33</v>
      </c>
      <c r="AE793">
        <v>59</v>
      </c>
      <c r="AF793">
        <v>0</v>
      </c>
      <c r="AG793">
        <v>99874</v>
      </c>
      <c r="AH793">
        <v>50000</v>
      </c>
      <c r="AI793">
        <v>0</v>
      </c>
      <c r="AJ793">
        <v>99</v>
      </c>
      <c r="AK793" t="s">
        <v>9</v>
      </c>
      <c r="AL793">
        <v>0</v>
      </c>
      <c r="AM793">
        <v>0</v>
      </c>
      <c r="AN793">
        <v>0</v>
      </c>
      <c r="AO793">
        <v>0</v>
      </c>
      <c r="AP793">
        <v>0</v>
      </c>
      <c r="AQ793">
        <v>0</v>
      </c>
      <c r="AR793">
        <v>0</v>
      </c>
      <c r="AS793">
        <v>0</v>
      </c>
      <c r="AT793">
        <v>0</v>
      </c>
      <c r="AU793">
        <v>0</v>
      </c>
      <c r="AV793">
        <v>0</v>
      </c>
      <c r="AW793">
        <v>0</v>
      </c>
      <c r="AX793">
        <v>27680</v>
      </c>
      <c r="AY793">
        <v>18</v>
      </c>
      <c r="AZ793">
        <v>52</v>
      </c>
      <c r="BA793">
        <v>2574</v>
      </c>
    </row>
    <row r="794" spans="1:53" x14ac:dyDescent="0.4">
      <c r="A794">
        <v>838</v>
      </c>
      <c r="B794" s="1">
        <v>43055</v>
      </c>
      <c r="C794">
        <v>4</v>
      </c>
      <c r="D794" s="1">
        <v>43055.933333333334</v>
      </c>
      <c r="E794" s="1">
        <v>43056.086111111108</v>
      </c>
      <c r="F794">
        <v>45750</v>
      </c>
      <c r="G794">
        <v>2610</v>
      </c>
      <c r="H794">
        <v>0</v>
      </c>
      <c r="I794">
        <v>0</v>
      </c>
      <c r="J794">
        <v>0</v>
      </c>
      <c r="K794">
        <v>0</v>
      </c>
      <c r="L794">
        <v>0</v>
      </c>
      <c r="M794">
        <v>3868</v>
      </c>
      <c r="N794">
        <v>0</v>
      </c>
      <c r="O794">
        <v>0</v>
      </c>
      <c r="P794">
        <v>12960</v>
      </c>
      <c r="Q794">
        <v>0</v>
      </c>
      <c r="R794">
        <v>65188</v>
      </c>
      <c r="S794">
        <v>0</v>
      </c>
      <c r="T794">
        <v>0</v>
      </c>
      <c r="U794">
        <v>0</v>
      </c>
      <c r="V794">
        <v>7</v>
      </c>
      <c r="W794">
        <v>0</v>
      </c>
      <c r="X794">
        <v>0</v>
      </c>
      <c r="Y794">
        <v>52</v>
      </c>
      <c r="Z794">
        <v>31</v>
      </c>
      <c r="AA794">
        <v>78</v>
      </c>
      <c r="AB794">
        <v>38</v>
      </c>
      <c r="AC794">
        <v>84</v>
      </c>
      <c r="AD794">
        <v>30</v>
      </c>
      <c r="AE794">
        <v>46</v>
      </c>
      <c r="AF794">
        <v>16826</v>
      </c>
      <c r="AG794">
        <v>165062</v>
      </c>
      <c r="AH794">
        <v>50000</v>
      </c>
      <c r="AI794">
        <v>0</v>
      </c>
      <c r="AJ794">
        <v>95</v>
      </c>
      <c r="AK794" t="s">
        <v>21</v>
      </c>
      <c r="AL794">
        <v>0</v>
      </c>
      <c r="AM794">
        <v>0</v>
      </c>
      <c r="AN794">
        <v>0</v>
      </c>
      <c r="AO794">
        <v>0</v>
      </c>
      <c r="AP794">
        <v>0</v>
      </c>
      <c r="AQ794">
        <v>0</v>
      </c>
      <c r="AR794">
        <v>0</v>
      </c>
      <c r="AS794">
        <v>0</v>
      </c>
      <c r="AT794">
        <v>0</v>
      </c>
      <c r="AU794">
        <v>0</v>
      </c>
      <c r="AV794">
        <v>0</v>
      </c>
      <c r="AW794">
        <v>0</v>
      </c>
      <c r="AX794">
        <v>1901</v>
      </c>
      <c r="AY794">
        <v>9</v>
      </c>
      <c r="AZ794">
        <v>19</v>
      </c>
      <c r="BA794">
        <v>1332</v>
      </c>
    </row>
    <row r="795" spans="1:53" x14ac:dyDescent="0.4">
      <c r="A795">
        <v>839</v>
      </c>
      <c r="B795" s="1">
        <v>43056</v>
      </c>
      <c r="C795">
        <v>1</v>
      </c>
      <c r="D795" s="1">
        <v>43056.291666666664</v>
      </c>
      <c r="E795" s="1">
        <v>43056.450694444444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0</v>
      </c>
      <c r="O795">
        <v>0</v>
      </c>
      <c r="P795">
        <v>0</v>
      </c>
      <c r="Q795">
        <v>0</v>
      </c>
      <c r="R795">
        <v>0</v>
      </c>
      <c r="S795">
        <v>0</v>
      </c>
      <c r="T795">
        <v>0</v>
      </c>
      <c r="U795">
        <v>0</v>
      </c>
      <c r="V795">
        <v>0</v>
      </c>
      <c r="W795">
        <v>1</v>
      </c>
      <c r="X795">
        <v>0</v>
      </c>
      <c r="Y795">
        <v>29</v>
      </c>
      <c r="Z795">
        <v>12</v>
      </c>
      <c r="AA795">
        <v>72</v>
      </c>
      <c r="AB795">
        <v>37</v>
      </c>
      <c r="AC795">
        <v>76</v>
      </c>
      <c r="AD795">
        <v>29</v>
      </c>
      <c r="AE795">
        <v>45</v>
      </c>
      <c r="AF795">
        <v>0</v>
      </c>
      <c r="AG795">
        <v>50000</v>
      </c>
      <c r="AH795">
        <v>0</v>
      </c>
      <c r="AI795">
        <v>50000</v>
      </c>
      <c r="AJ795">
        <v>0</v>
      </c>
      <c r="AK795" t="s">
        <v>6</v>
      </c>
      <c r="AL795">
        <v>0</v>
      </c>
      <c r="AM795">
        <v>0</v>
      </c>
      <c r="AN795">
        <v>0</v>
      </c>
      <c r="AO795">
        <v>0</v>
      </c>
      <c r="AP795">
        <v>0</v>
      </c>
      <c r="AQ795">
        <v>0</v>
      </c>
      <c r="AR795">
        <v>0</v>
      </c>
      <c r="AS795">
        <v>0</v>
      </c>
      <c r="AT795">
        <v>0</v>
      </c>
      <c r="AU795">
        <v>0</v>
      </c>
      <c r="AV795">
        <v>0</v>
      </c>
      <c r="AW795">
        <v>0</v>
      </c>
      <c r="AX795">
        <v>0</v>
      </c>
      <c r="AY795">
        <v>0</v>
      </c>
      <c r="AZ795">
        <v>0</v>
      </c>
      <c r="BA795">
        <v>0</v>
      </c>
    </row>
    <row r="796" spans="1:53" x14ac:dyDescent="0.4">
      <c r="A796">
        <v>840</v>
      </c>
      <c r="B796" s="1">
        <v>43056</v>
      </c>
      <c r="C796">
        <v>2</v>
      </c>
      <c r="D796" s="1">
        <v>43056.450694444444</v>
      </c>
      <c r="E796" s="1">
        <v>43056.750694444447</v>
      </c>
      <c r="F796">
        <v>10000</v>
      </c>
      <c r="G796">
        <v>158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926</v>
      </c>
      <c r="N796">
        <v>0</v>
      </c>
      <c r="O796">
        <v>0</v>
      </c>
      <c r="P796">
        <v>16740</v>
      </c>
      <c r="Q796">
        <v>0</v>
      </c>
      <c r="R796">
        <v>29246</v>
      </c>
      <c r="S796">
        <v>0</v>
      </c>
      <c r="T796">
        <v>0</v>
      </c>
      <c r="U796">
        <v>0</v>
      </c>
      <c r="V796">
        <v>1</v>
      </c>
      <c r="W796">
        <v>2</v>
      </c>
      <c r="X796">
        <v>0</v>
      </c>
      <c r="Y796">
        <v>40</v>
      </c>
      <c r="Z796">
        <v>16</v>
      </c>
      <c r="AA796">
        <v>79</v>
      </c>
      <c r="AB796">
        <v>40</v>
      </c>
      <c r="AC796">
        <v>114</v>
      </c>
      <c r="AD796">
        <v>32</v>
      </c>
      <c r="AE796">
        <v>46</v>
      </c>
      <c r="AF796">
        <v>0</v>
      </c>
      <c r="AG796">
        <v>79246</v>
      </c>
      <c r="AH796">
        <v>50000</v>
      </c>
      <c r="AI796">
        <v>0</v>
      </c>
      <c r="AJ796">
        <v>97</v>
      </c>
      <c r="AK796" t="s">
        <v>13</v>
      </c>
      <c r="AL796">
        <v>0</v>
      </c>
      <c r="AM796">
        <v>0</v>
      </c>
      <c r="AN796">
        <v>0</v>
      </c>
      <c r="AO796">
        <v>0</v>
      </c>
      <c r="AP796">
        <v>0</v>
      </c>
      <c r="AQ796">
        <v>0</v>
      </c>
      <c r="AR796">
        <v>0</v>
      </c>
      <c r="AS796">
        <v>0</v>
      </c>
      <c r="AT796">
        <v>0</v>
      </c>
      <c r="AU796">
        <v>0</v>
      </c>
      <c r="AV796">
        <v>0</v>
      </c>
      <c r="AW796">
        <v>0</v>
      </c>
      <c r="AX796">
        <v>950</v>
      </c>
      <c r="AY796">
        <v>30</v>
      </c>
      <c r="AZ796">
        <v>50</v>
      </c>
      <c r="BA796">
        <v>3821</v>
      </c>
    </row>
    <row r="797" spans="1:53" x14ac:dyDescent="0.4">
      <c r="A797">
        <v>841</v>
      </c>
      <c r="B797" s="1">
        <v>43056</v>
      </c>
      <c r="C797">
        <v>3</v>
      </c>
      <c r="D797" s="1">
        <v>43056.750694444447</v>
      </c>
      <c r="E797" s="1">
        <v>43056.956250000003</v>
      </c>
      <c r="F797">
        <v>79300</v>
      </c>
      <c r="G797">
        <v>436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6691</v>
      </c>
      <c r="N797">
        <v>0</v>
      </c>
      <c r="O797">
        <v>0</v>
      </c>
      <c r="P797">
        <v>-3780</v>
      </c>
      <c r="Q797">
        <v>0</v>
      </c>
      <c r="R797">
        <v>86571</v>
      </c>
      <c r="S797">
        <v>0</v>
      </c>
      <c r="T797">
        <v>0</v>
      </c>
      <c r="U797">
        <v>0</v>
      </c>
      <c r="V797">
        <v>6</v>
      </c>
      <c r="W797">
        <v>4</v>
      </c>
      <c r="X797">
        <v>0</v>
      </c>
      <c r="Y797">
        <v>43</v>
      </c>
      <c r="Z797">
        <v>16</v>
      </c>
      <c r="AA797">
        <v>84</v>
      </c>
      <c r="AB797">
        <v>38</v>
      </c>
      <c r="AC797">
        <v>109</v>
      </c>
      <c r="AD797">
        <v>29</v>
      </c>
      <c r="AE797">
        <v>35</v>
      </c>
      <c r="AF797">
        <v>23247</v>
      </c>
      <c r="AG797">
        <v>165817</v>
      </c>
      <c r="AH797">
        <v>50000</v>
      </c>
      <c r="AI797">
        <v>0</v>
      </c>
      <c r="AJ797">
        <v>100</v>
      </c>
      <c r="AK797" t="s">
        <v>0</v>
      </c>
      <c r="AL797">
        <v>0</v>
      </c>
      <c r="AM797">
        <v>0</v>
      </c>
      <c r="AN797">
        <v>0</v>
      </c>
      <c r="AO797">
        <v>0</v>
      </c>
      <c r="AP797">
        <v>0</v>
      </c>
      <c r="AQ797">
        <v>0</v>
      </c>
      <c r="AR797">
        <v>0</v>
      </c>
      <c r="AS797">
        <v>0</v>
      </c>
      <c r="AT797">
        <v>0</v>
      </c>
      <c r="AU797">
        <v>0</v>
      </c>
      <c r="AV797">
        <v>0</v>
      </c>
      <c r="AW797">
        <v>0</v>
      </c>
      <c r="AX797">
        <v>108468</v>
      </c>
      <c r="AY797">
        <v>23</v>
      </c>
      <c r="AZ797">
        <v>109</v>
      </c>
      <c r="BA797">
        <v>3129</v>
      </c>
    </row>
    <row r="798" spans="1:53" x14ac:dyDescent="0.4">
      <c r="A798">
        <v>842</v>
      </c>
      <c r="B798" s="1">
        <v>43056</v>
      </c>
      <c r="C798">
        <v>4</v>
      </c>
      <c r="D798" s="1">
        <v>43056.956250000003</v>
      </c>
      <c r="E798" s="1">
        <v>43057.09652777778</v>
      </c>
      <c r="F798">
        <v>148400</v>
      </c>
      <c r="G798">
        <v>8300</v>
      </c>
      <c r="H798">
        <v>0</v>
      </c>
      <c r="I798">
        <v>0</v>
      </c>
      <c r="J798">
        <v>0</v>
      </c>
      <c r="K798">
        <v>0</v>
      </c>
      <c r="L798">
        <v>0</v>
      </c>
      <c r="M798">
        <v>12536</v>
      </c>
      <c r="N798">
        <v>0</v>
      </c>
      <c r="O798">
        <v>0</v>
      </c>
      <c r="P798">
        <v>97092</v>
      </c>
      <c r="Q798">
        <v>0</v>
      </c>
      <c r="R798">
        <v>266328</v>
      </c>
      <c r="S798">
        <v>0</v>
      </c>
      <c r="T798">
        <v>0</v>
      </c>
      <c r="U798">
        <v>0</v>
      </c>
      <c r="V798">
        <v>19</v>
      </c>
      <c r="W798">
        <v>13</v>
      </c>
      <c r="X798">
        <v>0</v>
      </c>
      <c r="Y798">
        <v>56</v>
      </c>
      <c r="Z798">
        <v>13</v>
      </c>
      <c r="AA798">
        <v>85</v>
      </c>
      <c r="AB798">
        <v>31</v>
      </c>
      <c r="AC798">
        <v>84</v>
      </c>
      <c r="AD798">
        <v>26</v>
      </c>
      <c r="AE798">
        <v>16</v>
      </c>
      <c r="AF798">
        <v>103609</v>
      </c>
      <c r="AG798">
        <v>432145</v>
      </c>
      <c r="AH798">
        <v>50000</v>
      </c>
      <c r="AI798">
        <v>0</v>
      </c>
      <c r="AJ798">
        <v>99</v>
      </c>
      <c r="AK798" t="s">
        <v>9</v>
      </c>
      <c r="AL798">
        <v>0</v>
      </c>
      <c r="AM798">
        <v>0</v>
      </c>
      <c r="AN798">
        <v>0</v>
      </c>
      <c r="AO798">
        <v>0</v>
      </c>
      <c r="AP798">
        <v>0</v>
      </c>
      <c r="AQ798">
        <v>0</v>
      </c>
      <c r="AR798">
        <v>0</v>
      </c>
      <c r="AS798">
        <v>0</v>
      </c>
      <c r="AT798">
        <v>0</v>
      </c>
      <c r="AU798">
        <v>0</v>
      </c>
      <c r="AV798">
        <v>0</v>
      </c>
      <c r="AW798">
        <v>0</v>
      </c>
      <c r="AX798">
        <v>57100</v>
      </c>
      <c r="AY798">
        <v>14</v>
      </c>
      <c r="AZ798">
        <v>55</v>
      </c>
      <c r="BA798">
        <v>2615</v>
      </c>
    </row>
    <row r="799" spans="1:53" x14ac:dyDescent="0.4">
      <c r="A799">
        <v>843</v>
      </c>
      <c r="B799" s="1">
        <v>43057</v>
      </c>
      <c r="C799">
        <v>1</v>
      </c>
      <c r="D799" s="1">
        <v>43057.291666666664</v>
      </c>
      <c r="E799" s="1">
        <v>43057.406944444447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0</v>
      </c>
      <c r="O799">
        <v>0</v>
      </c>
      <c r="P799">
        <v>0</v>
      </c>
      <c r="Q799">
        <v>0</v>
      </c>
      <c r="R799">
        <v>0</v>
      </c>
      <c r="S799">
        <v>0</v>
      </c>
      <c r="T799">
        <v>0</v>
      </c>
      <c r="U799">
        <v>0</v>
      </c>
      <c r="V799">
        <v>0</v>
      </c>
      <c r="W799">
        <v>1</v>
      </c>
      <c r="X799">
        <v>0</v>
      </c>
      <c r="Y799">
        <v>27</v>
      </c>
      <c r="Z799">
        <v>14</v>
      </c>
      <c r="AA799">
        <v>86</v>
      </c>
      <c r="AB799">
        <v>27</v>
      </c>
      <c r="AC799">
        <v>85</v>
      </c>
      <c r="AD799">
        <v>25</v>
      </c>
      <c r="AE799">
        <v>75</v>
      </c>
      <c r="AF799">
        <v>0</v>
      </c>
      <c r="AG799">
        <v>50000</v>
      </c>
      <c r="AH799">
        <v>50000</v>
      </c>
      <c r="AI799">
        <v>0</v>
      </c>
      <c r="AJ799">
        <v>0</v>
      </c>
      <c r="AK799" t="s">
        <v>6</v>
      </c>
      <c r="AL799">
        <v>0</v>
      </c>
      <c r="AM799">
        <v>0</v>
      </c>
      <c r="AN799">
        <v>0</v>
      </c>
      <c r="AO799">
        <v>0</v>
      </c>
      <c r="AP799">
        <v>0</v>
      </c>
      <c r="AQ799">
        <v>0</v>
      </c>
      <c r="AR799">
        <v>0</v>
      </c>
      <c r="AS799">
        <v>0</v>
      </c>
      <c r="AT799">
        <v>0</v>
      </c>
      <c r="AU799">
        <v>0</v>
      </c>
      <c r="AV799">
        <v>0</v>
      </c>
      <c r="AW799">
        <v>0</v>
      </c>
      <c r="AX799">
        <v>0</v>
      </c>
      <c r="AY799">
        <v>0</v>
      </c>
      <c r="AZ799">
        <v>0</v>
      </c>
      <c r="BA799">
        <v>0</v>
      </c>
    </row>
    <row r="800" spans="1:53" x14ac:dyDescent="0.4">
      <c r="A800">
        <v>844</v>
      </c>
      <c r="B800" s="1">
        <v>43057</v>
      </c>
      <c r="C800">
        <v>2</v>
      </c>
      <c r="D800" s="1">
        <v>43057.406944444447</v>
      </c>
      <c r="E800" s="1">
        <v>43057.743055555555</v>
      </c>
      <c r="F800">
        <v>31000</v>
      </c>
      <c r="G800">
        <v>624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2979</v>
      </c>
      <c r="N800">
        <v>0</v>
      </c>
      <c r="O800">
        <v>0</v>
      </c>
      <c r="P800">
        <v>14040</v>
      </c>
      <c r="Q800">
        <v>0</v>
      </c>
      <c r="R800">
        <v>54259</v>
      </c>
      <c r="S800">
        <v>0</v>
      </c>
      <c r="T800">
        <v>0</v>
      </c>
      <c r="U800">
        <v>0</v>
      </c>
      <c r="V800">
        <v>3</v>
      </c>
      <c r="W800">
        <v>2</v>
      </c>
      <c r="X800">
        <v>0</v>
      </c>
      <c r="Y800">
        <v>38</v>
      </c>
      <c r="Z800">
        <v>28</v>
      </c>
      <c r="AA800">
        <v>88</v>
      </c>
      <c r="AB800">
        <v>44</v>
      </c>
      <c r="AC800">
        <v>107</v>
      </c>
      <c r="AD800">
        <v>24</v>
      </c>
      <c r="AE800">
        <v>69</v>
      </c>
      <c r="AF800">
        <v>0</v>
      </c>
      <c r="AG800">
        <v>104259</v>
      </c>
      <c r="AH800">
        <v>50000</v>
      </c>
      <c r="AI800">
        <v>0</v>
      </c>
      <c r="AJ800">
        <v>93</v>
      </c>
      <c r="AK800" t="s">
        <v>20</v>
      </c>
      <c r="AL800">
        <v>0</v>
      </c>
      <c r="AM800">
        <v>0</v>
      </c>
      <c r="AN800">
        <v>0</v>
      </c>
      <c r="AO800">
        <v>0</v>
      </c>
      <c r="AP800">
        <v>0</v>
      </c>
      <c r="AQ800">
        <v>0</v>
      </c>
      <c r="AR800">
        <v>0</v>
      </c>
      <c r="AS800">
        <v>0</v>
      </c>
      <c r="AT800">
        <v>0</v>
      </c>
      <c r="AU800">
        <v>0</v>
      </c>
      <c r="AV800">
        <v>0</v>
      </c>
      <c r="AW800">
        <v>0</v>
      </c>
      <c r="AX800">
        <v>1274</v>
      </c>
      <c r="AY800">
        <v>45</v>
      </c>
      <c r="AZ800">
        <v>88</v>
      </c>
      <c r="BA800">
        <v>6851</v>
      </c>
    </row>
    <row r="801" spans="1:53" x14ac:dyDescent="0.4">
      <c r="A801">
        <v>845</v>
      </c>
      <c r="B801" s="1">
        <v>43058</v>
      </c>
      <c r="C801">
        <v>1</v>
      </c>
      <c r="D801" s="1">
        <v>43058.291666666664</v>
      </c>
      <c r="E801" s="1">
        <v>43058.419444444444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0</v>
      </c>
      <c r="O801">
        <v>0</v>
      </c>
      <c r="P801">
        <v>0</v>
      </c>
      <c r="Q801">
        <v>0</v>
      </c>
      <c r="R801">
        <v>0</v>
      </c>
      <c r="S801">
        <v>0</v>
      </c>
      <c r="T801">
        <v>0</v>
      </c>
      <c r="U801">
        <v>0</v>
      </c>
      <c r="V801">
        <v>0</v>
      </c>
      <c r="W801">
        <v>1</v>
      </c>
      <c r="X801">
        <v>0</v>
      </c>
      <c r="Y801">
        <v>25</v>
      </c>
      <c r="Z801">
        <v>17</v>
      </c>
      <c r="AA801">
        <v>89</v>
      </c>
      <c r="AB801">
        <v>35</v>
      </c>
      <c r="AC801">
        <v>72</v>
      </c>
      <c r="AD801">
        <v>18</v>
      </c>
      <c r="AE801">
        <v>40</v>
      </c>
      <c r="AF801">
        <v>0</v>
      </c>
      <c r="AG801">
        <v>50000</v>
      </c>
      <c r="AH801">
        <v>0</v>
      </c>
      <c r="AI801">
        <v>50000</v>
      </c>
      <c r="AJ801">
        <v>0</v>
      </c>
      <c r="AK801" t="s">
        <v>6</v>
      </c>
      <c r="AL801">
        <v>0</v>
      </c>
      <c r="AM801">
        <v>0</v>
      </c>
      <c r="AN801">
        <v>0</v>
      </c>
      <c r="AO801">
        <v>0</v>
      </c>
      <c r="AP801">
        <v>0</v>
      </c>
      <c r="AQ801">
        <v>0</v>
      </c>
      <c r="AR801">
        <v>0</v>
      </c>
      <c r="AS801">
        <v>0</v>
      </c>
      <c r="AT801">
        <v>0</v>
      </c>
      <c r="AU801">
        <v>0</v>
      </c>
      <c r="AV801">
        <v>0</v>
      </c>
      <c r="AW801">
        <v>0</v>
      </c>
      <c r="AX801">
        <v>0</v>
      </c>
      <c r="AY801">
        <v>0</v>
      </c>
      <c r="AZ801">
        <v>0</v>
      </c>
      <c r="BA801">
        <v>0</v>
      </c>
    </row>
    <row r="802" spans="1:53" x14ac:dyDescent="0.4">
      <c r="A802">
        <v>846</v>
      </c>
      <c r="B802" s="1">
        <v>43058</v>
      </c>
      <c r="C802">
        <v>2</v>
      </c>
      <c r="D802" s="1">
        <v>43058.419444444444</v>
      </c>
      <c r="E802" s="1">
        <v>43058.740972222222</v>
      </c>
      <c r="F802">
        <v>42000</v>
      </c>
      <c r="G802">
        <v>10740</v>
      </c>
      <c r="H802">
        <v>0</v>
      </c>
      <c r="I802">
        <v>0</v>
      </c>
      <c r="J802">
        <v>0</v>
      </c>
      <c r="K802">
        <v>0</v>
      </c>
      <c r="L802">
        <v>0</v>
      </c>
      <c r="M802">
        <v>4219</v>
      </c>
      <c r="N802">
        <v>0</v>
      </c>
      <c r="O802">
        <v>0</v>
      </c>
      <c r="P802">
        <v>19440</v>
      </c>
      <c r="Q802">
        <v>0</v>
      </c>
      <c r="R802">
        <v>76399</v>
      </c>
      <c r="S802">
        <v>0</v>
      </c>
      <c r="T802">
        <v>0</v>
      </c>
      <c r="U802">
        <v>0</v>
      </c>
      <c r="V802">
        <v>3</v>
      </c>
      <c r="W802">
        <v>0</v>
      </c>
      <c r="X802">
        <v>0</v>
      </c>
      <c r="Y802">
        <v>63</v>
      </c>
      <c r="Z802">
        <v>34</v>
      </c>
      <c r="AA802">
        <v>92</v>
      </c>
      <c r="AB802">
        <v>36</v>
      </c>
      <c r="AC802">
        <v>104</v>
      </c>
      <c r="AD802">
        <v>18</v>
      </c>
      <c r="AE802">
        <v>41</v>
      </c>
      <c r="AF802">
        <v>4228</v>
      </c>
      <c r="AG802">
        <v>126399</v>
      </c>
      <c r="AH802">
        <v>50000</v>
      </c>
      <c r="AI802">
        <v>0</v>
      </c>
      <c r="AJ802">
        <v>92</v>
      </c>
      <c r="AK802" t="s">
        <v>22</v>
      </c>
      <c r="AL802">
        <v>0</v>
      </c>
      <c r="AM802">
        <v>0</v>
      </c>
      <c r="AN802">
        <v>0</v>
      </c>
      <c r="AO802">
        <v>0</v>
      </c>
      <c r="AP802">
        <v>0</v>
      </c>
      <c r="AQ802">
        <v>0</v>
      </c>
      <c r="AR802">
        <v>0</v>
      </c>
      <c r="AS802">
        <v>0</v>
      </c>
      <c r="AT802">
        <v>0</v>
      </c>
      <c r="AU802">
        <v>0</v>
      </c>
      <c r="AV802">
        <v>0</v>
      </c>
      <c r="AW802">
        <v>0</v>
      </c>
      <c r="AX802">
        <v>-1080</v>
      </c>
      <c r="AY802">
        <v>45</v>
      </c>
      <c r="AZ802">
        <v>118</v>
      </c>
      <c r="BA802">
        <v>6796</v>
      </c>
    </row>
    <row r="803" spans="1:53" x14ac:dyDescent="0.4">
      <c r="A803">
        <v>847</v>
      </c>
      <c r="B803" s="1">
        <v>43058</v>
      </c>
      <c r="C803">
        <v>3</v>
      </c>
      <c r="D803" s="1">
        <v>43058.740972222222</v>
      </c>
      <c r="E803" s="1">
        <v>43058.944444444445</v>
      </c>
      <c r="F803">
        <v>24500</v>
      </c>
      <c r="G803">
        <v>493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2354</v>
      </c>
      <c r="N803">
        <v>0</v>
      </c>
      <c r="O803">
        <v>0</v>
      </c>
      <c r="P803">
        <v>4752</v>
      </c>
      <c r="Q803">
        <v>0</v>
      </c>
      <c r="R803">
        <v>36536</v>
      </c>
      <c r="S803">
        <v>0</v>
      </c>
      <c r="T803">
        <v>0</v>
      </c>
      <c r="U803">
        <v>0</v>
      </c>
      <c r="V803">
        <v>9</v>
      </c>
      <c r="W803">
        <v>0</v>
      </c>
      <c r="X803">
        <v>0</v>
      </c>
      <c r="Y803">
        <v>37</v>
      </c>
      <c r="Z803">
        <v>38</v>
      </c>
      <c r="AA803">
        <v>85</v>
      </c>
      <c r="AB803">
        <v>33</v>
      </c>
      <c r="AC803">
        <v>103</v>
      </c>
      <c r="AD803">
        <v>16</v>
      </c>
      <c r="AE803">
        <v>47</v>
      </c>
      <c r="AF803">
        <v>5628</v>
      </c>
      <c r="AG803">
        <v>162935</v>
      </c>
      <c r="AH803">
        <v>50000</v>
      </c>
      <c r="AI803">
        <v>0</v>
      </c>
      <c r="AJ803">
        <v>82</v>
      </c>
      <c r="AK803" t="s">
        <v>17</v>
      </c>
      <c r="AL803">
        <v>0</v>
      </c>
      <c r="AM803">
        <v>0</v>
      </c>
      <c r="AN803">
        <v>0</v>
      </c>
      <c r="AO803">
        <v>0</v>
      </c>
      <c r="AP803">
        <v>0</v>
      </c>
      <c r="AQ803">
        <v>0</v>
      </c>
      <c r="AR803">
        <v>0</v>
      </c>
      <c r="AS803">
        <v>0</v>
      </c>
      <c r="AT803">
        <v>0</v>
      </c>
      <c r="AU803">
        <v>0</v>
      </c>
      <c r="AV803">
        <v>0</v>
      </c>
      <c r="AW803">
        <v>0</v>
      </c>
      <c r="AX803">
        <v>20854</v>
      </c>
      <c r="AY803">
        <v>14</v>
      </c>
      <c r="AZ803">
        <v>39</v>
      </c>
      <c r="BA803">
        <v>2402</v>
      </c>
    </row>
    <row r="804" spans="1:53" x14ac:dyDescent="0.4">
      <c r="A804">
        <v>848</v>
      </c>
      <c r="B804" s="1">
        <v>43058</v>
      </c>
      <c r="C804">
        <v>4</v>
      </c>
      <c r="D804" s="1">
        <v>43058.944444444445</v>
      </c>
      <c r="E804" s="1">
        <v>43059.111805555556</v>
      </c>
      <c r="F804">
        <v>49625</v>
      </c>
      <c r="G804">
        <v>3360</v>
      </c>
      <c r="H804">
        <v>0</v>
      </c>
      <c r="I804">
        <v>0</v>
      </c>
      <c r="J804">
        <v>0</v>
      </c>
      <c r="K804">
        <v>1320</v>
      </c>
      <c r="L804">
        <v>0</v>
      </c>
      <c r="M804">
        <v>4344</v>
      </c>
      <c r="N804">
        <v>0</v>
      </c>
      <c r="O804">
        <v>0</v>
      </c>
      <c r="P804">
        <v>4050</v>
      </c>
      <c r="Q804">
        <v>0</v>
      </c>
      <c r="R804">
        <v>62699</v>
      </c>
      <c r="S804">
        <v>0</v>
      </c>
      <c r="T804">
        <v>0</v>
      </c>
      <c r="U804">
        <v>0</v>
      </c>
      <c r="V804">
        <v>16</v>
      </c>
      <c r="W804">
        <v>0</v>
      </c>
      <c r="X804">
        <v>0</v>
      </c>
      <c r="Y804">
        <v>28</v>
      </c>
      <c r="Z804">
        <v>41</v>
      </c>
      <c r="AA804">
        <v>87</v>
      </c>
      <c r="AB804">
        <v>35</v>
      </c>
      <c r="AC804">
        <v>94</v>
      </c>
      <c r="AD804">
        <v>15</v>
      </c>
      <c r="AE804">
        <v>41</v>
      </c>
      <c r="AF804">
        <v>5628</v>
      </c>
      <c r="AG804">
        <v>225634</v>
      </c>
      <c r="AH804">
        <v>50000</v>
      </c>
      <c r="AI804">
        <v>0</v>
      </c>
      <c r="AJ804">
        <v>1</v>
      </c>
      <c r="AK804" t="s">
        <v>3</v>
      </c>
      <c r="AL804">
        <v>0</v>
      </c>
      <c r="AM804">
        <v>0</v>
      </c>
      <c r="AN804">
        <v>0</v>
      </c>
      <c r="AO804">
        <v>0</v>
      </c>
      <c r="AP804">
        <v>0</v>
      </c>
      <c r="AQ804">
        <v>0</v>
      </c>
      <c r="AR804">
        <v>0</v>
      </c>
      <c r="AS804">
        <v>0</v>
      </c>
      <c r="AT804">
        <v>0</v>
      </c>
      <c r="AU804">
        <v>0</v>
      </c>
      <c r="AV804">
        <v>0</v>
      </c>
      <c r="AW804">
        <v>0</v>
      </c>
      <c r="AX804">
        <v>5399</v>
      </c>
      <c r="AY804">
        <v>8</v>
      </c>
      <c r="AZ804">
        <v>24</v>
      </c>
      <c r="BA804">
        <v>1366</v>
      </c>
    </row>
    <row r="805" spans="1:53" x14ac:dyDescent="0.4">
      <c r="A805">
        <v>849</v>
      </c>
      <c r="B805" s="1">
        <v>43059</v>
      </c>
      <c r="C805">
        <v>1</v>
      </c>
      <c r="D805" s="1">
        <v>43059.291666666664</v>
      </c>
      <c r="E805" s="1">
        <v>43059.448611111111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0</v>
      </c>
      <c r="O805">
        <v>0</v>
      </c>
      <c r="P805">
        <v>0</v>
      </c>
      <c r="Q805">
        <v>0</v>
      </c>
      <c r="R805">
        <v>0</v>
      </c>
      <c r="S805">
        <v>0</v>
      </c>
      <c r="T805">
        <v>0</v>
      </c>
      <c r="U805">
        <v>0</v>
      </c>
      <c r="V805">
        <v>0</v>
      </c>
      <c r="W805">
        <v>0</v>
      </c>
      <c r="X805">
        <v>0</v>
      </c>
      <c r="Y805">
        <v>21</v>
      </c>
      <c r="Z805">
        <v>37</v>
      </c>
      <c r="AA805">
        <v>79</v>
      </c>
      <c r="AB805">
        <v>33</v>
      </c>
      <c r="AC805">
        <v>84</v>
      </c>
      <c r="AD805">
        <v>15</v>
      </c>
      <c r="AE805">
        <v>35</v>
      </c>
      <c r="AF805">
        <v>0</v>
      </c>
      <c r="AG805">
        <v>50000</v>
      </c>
      <c r="AH805">
        <v>0</v>
      </c>
      <c r="AI805">
        <v>50000</v>
      </c>
      <c r="AJ805">
        <v>0</v>
      </c>
      <c r="AK805" t="s">
        <v>6</v>
      </c>
      <c r="AL805">
        <v>0</v>
      </c>
      <c r="AM805">
        <v>0</v>
      </c>
      <c r="AN805">
        <v>0</v>
      </c>
      <c r="AO805">
        <v>0</v>
      </c>
      <c r="AP805">
        <v>0</v>
      </c>
      <c r="AQ805">
        <v>0</v>
      </c>
      <c r="AR805">
        <v>0</v>
      </c>
      <c r="AS805">
        <v>0</v>
      </c>
      <c r="AT805">
        <v>0</v>
      </c>
      <c r="AU805">
        <v>0</v>
      </c>
      <c r="AV805">
        <v>0</v>
      </c>
      <c r="AW805">
        <v>0</v>
      </c>
      <c r="AX805">
        <v>0</v>
      </c>
      <c r="AY805">
        <v>0</v>
      </c>
      <c r="AZ805">
        <v>0</v>
      </c>
      <c r="BA805">
        <v>0</v>
      </c>
    </row>
    <row r="806" spans="1:53" x14ac:dyDescent="0.4">
      <c r="A806">
        <v>850</v>
      </c>
      <c r="B806" s="1">
        <v>43059</v>
      </c>
      <c r="C806">
        <v>2</v>
      </c>
      <c r="D806" s="1">
        <v>43059.448611111111</v>
      </c>
      <c r="E806" s="1">
        <v>43059.75</v>
      </c>
      <c r="F806">
        <v>14000</v>
      </c>
      <c r="G806">
        <v>224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1299</v>
      </c>
      <c r="N806">
        <v>0</v>
      </c>
      <c r="O806">
        <v>0</v>
      </c>
      <c r="P806">
        <v>16200</v>
      </c>
      <c r="Q806">
        <v>0</v>
      </c>
      <c r="R806">
        <v>33739</v>
      </c>
      <c r="S806">
        <v>0</v>
      </c>
      <c r="T806">
        <v>0</v>
      </c>
      <c r="U806">
        <v>0</v>
      </c>
      <c r="V806">
        <v>2</v>
      </c>
      <c r="W806">
        <v>1</v>
      </c>
      <c r="X806">
        <v>0</v>
      </c>
      <c r="Y806">
        <v>24</v>
      </c>
      <c r="Z806">
        <v>43</v>
      </c>
      <c r="AA806">
        <v>90</v>
      </c>
      <c r="AB806">
        <v>33</v>
      </c>
      <c r="AC806">
        <v>136</v>
      </c>
      <c r="AD806">
        <v>22</v>
      </c>
      <c r="AE806">
        <v>39</v>
      </c>
      <c r="AF806">
        <v>1080</v>
      </c>
      <c r="AG806">
        <v>83739</v>
      </c>
      <c r="AH806">
        <v>50000</v>
      </c>
      <c r="AI806">
        <v>0</v>
      </c>
      <c r="AJ806">
        <v>96</v>
      </c>
      <c r="AK806" t="s">
        <v>4</v>
      </c>
      <c r="AL806">
        <v>0</v>
      </c>
      <c r="AM806">
        <v>0</v>
      </c>
      <c r="AN806">
        <v>0</v>
      </c>
      <c r="AO806">
        <v>0</v>
      </c>
      <c r="AP806">
        <v>0</v>
      </c>
      <c r="AQ806">
        <v>0</v>
      </c>
      <c r="AR806">
        <v>0</v>
      </c>
      <c r="AS806">
        <v>0</v>
      </c>
      <c r="AT806">
        <v>0</v>
      </c>
      <c r="AU806">
        <v>0</v>
      </c>
      <c r="AV806">
        <v>0</v>
      </c>
      <c r="AW806">
        <v>0</v>
      </c>
      <c r="AX806">
        <v>540</v>
      </c>
      <c r="AY806">
        <v>38</v>
      </c>
      <c r="AZ806">
        <v>58</v>
      </c>
      <c r="BA806">
        <v>5587</v>
      </c>
    </row>
    <row r="807" spans="1:53" x14ac:dyDescent="0.4">
      <c r="A807">
        <v>851</v>
      </c>
      <c r="B807" s="1">
        <v>43059</v>
      </c>
      <c r="C807">
        <v>3</v>
      </c>
      <c r="D807" s="1">
        <v>43059.75</v>
      </c>
      <c r="E807" s="1">
        <v>43059.939583333333</v>
      </c>
      <c r="F807">
        <v>1970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1576</v>
      </c>
      <c r="N807">
        <v>0</v>
      </c>
      <c r="O807">
        <v>0</v>
      </c>
      <c r="P807">
        <v>7776</v>
      </c>
      <c r="Q807">
        <v>0</v>
      </c>
      <c r="R807">
        <v>29052</v>
      </c>
      <c r="S807">
        <v>0</v>
      </c>
      <c r="T807">
        <v>0</v>
      </c>
      <c r="U807">
        <v>0</v>
      </c>
      <c r="V807">
        <v>2</v>
      </c>
      <c r="W807">
        <v>2</v>
      </c>
      <c r="X807">
        <v>0</v>
      </c>
      <c r="Y807">
        <v>25</v>
      </c>
      <c r="Z807">
        <v>43</v>
      </c>
      <c r="AA807">
        <v>93</v>
      </c>
      <c r="AB807">
        <v>38</v>
      </c>
      <c r="AC807">
        <v>129</v>
      </c>
      <c r="AD807">
        <v>22</v>
      </c>
      <c r="AE807">
        <v>49</v>
      </c>
      <c r="AF807">
        <v>23642</v>
      </c>
      <c r="AG807">
        <v>112791</v>
      </c>
      <c r="AH807">
        <v>50000</v>
      </c>
      <c r="AI807">
        <v>0</v>
      </c>
      <c r="AJ807">
        <v>1</v>
      </c>
      <c r="AK807" t="s">
        <v>3</v>
      </c>
      <c r="AL807">
        <v>0</v>
      </c>
      <c r="AM807">
        <v>0</v>
      </c>
      <c r="AN807">
        <v>0</v>
      </c>
      <c r="AO807">
        <v>0</v>
      </c>
      <c r="AP807">
        <v>0</v>
      </c>
      <c r="AQ807">
        <v>0</v>
      </c>
      <c r="AR807">
        <v>0</v>
      </c>
      <c r="AS807">
        <v>0</v>
      </c>
      <c r="AT807">
        <v>0</v>
      </c>
      <c r="AU807">
        <v>0</v>
      </c>
      <c r="AV807">
        <v>0</v>
      </c>
      <c r="AW807">
        <v>0</v>
      </c>
      <c r="AX807">
        <v>-1491</v>
      </c>
      <c r="AY807">
        <v>7</v>
      </c>
      <c r="AZ807">
        <v>19</v>
      </c>
      <c r="BA807">
        <v>1702</v>
      </c>
    </row>
    <row r="808" spans="1:53" x14ac:dyDescent="0.4">
      <c r="A808">
        <v>852</v>
      </c>
      <c r="B808" s="1">
        <v>43059</v>
      </c>
      <c r="C808">
        <v>4</v>
      </c>
      <c r="D808" s="1">
        <v>43059.939583333333</v>
      </c>
      <c r="E808" s="1">
        <v>43060.089583333334</v>
      </c>
      <c r="F808">
        <v>34860</v>
      </c>
      <c r="G808">
        <v>4970</v>
      </c>
      <c r="H808">
        <v>0</v>
      </c>
      <c r="I808">
        <v>0</v>
      </c>
      <c r="J808">
        <v>0</v>
      </c>
      <c r="K808">
        <v>0</v>
      </c>
      <c r="L808">
        <v>0</v>
      </c>
      <c r="M808">
        <v>3186</v>
      </c>
      <c r="N808">
        <v>0</v>
      </c>
      <c r="O808">
        <v>0</v>
      </c>
      <c r="P808">
        <v>9828</v>
      </c>
      <c r="Q808">
        <v>0</v>
      </c>
      <c r="R808">
        <v>52844</v>
      </c>
      <c r="S808">
        <v>0</v>
      </c>
      <c r="T808">
        <v>0</v>
      </c>
      <c r="U808">
        <v>0</v>
      </c>
      <c r="V808">
        <v>6</v>
      </c>
      <c r="W808">
        <v>2</v>
      </c>
      <c r="X808">
        <v>0</v>
      </c>
      <c r="Y808">
        <v>28</v>
      </c>
      <c r="Z808">
        <v>41</v>
      </c>
      <c r="AA808">
        <v>105</v>
      </c>
      <c r="AB808">
        <v>39</v>
      </c>
      <c r="AC808">
        <v>132</v>
      </c>
      <c r="AD808">
        <v>23</v>
      </c>
      <c r="AE808">
        <v>39</v>
      </c>
      <c r="AF808">
        <v>33211</v>
      </c>
      <c r="AG808">
        <v>165635</v>
      </c>
      <c r="AH808">
        <v>50000</v>
      </c>
      <c r="AI808">
        <v>0</v>
      </c>
      <c r="AJ808">
        <v>1</v>
      </c>
      <c r="AK808" t="s">
        <v>3</v>
      </c>
      <c r="AL808">
        <v>0</v>
      </c>
      <c r="AM808">
        <v>0</v>
      </c>
      <c r="AN808">
        <v>0</v>
      </c>
      <c r="AO808">
        <v>0</v>
      </c>
      <c r="AP808">
        <v>0</v>
      </c>
      <c r="AQ808">
        <v>0</v>
      </c>
      <c r="AR808">
        <v>0</v>
      </c>
      <c r="AS808">
        <v>0</v>
      </c>
      <c r="AT808">
        <v>0</v>
      </c>
      <c r="AU808">
        <v>0</v>
      </c>
      <c r="AV808">
        <v>0</v>
      </c>
      <c r="AW808">
        <v>0</v>
      </c>
      <c r="AX808">
        <v>1414</v>
      </c>
      <c r="AY808">
        <v>9</v>
      </c>
      <c r="AZ808">
        <v>27</v>
      </c>
      <c r="BA808">
        <v>1395</v>
      </c>
    </row>
    <row r="809" spans="1:53" x14ac:dyDescent="0.4">
      <c r="A809">
        <v>853</v>
      </c>
      <c r="B809" s="1">
        <v>43060</v>
      </c>
      <c r="C809">
        <v>1</v>
      </c>
      <c r="D809" s="1">
        <v>43060.291666666664</v>
      </c>
      <c r="E809" s="1">
        <v>43060.449305555558</v>
      </c>
      <c r="F809">
        <v>0</v>
      </c>
      <c r="G809">
        <v>0</v>
      </c>
      <c r="H809">
        <v>0</v>
      </c>
      <c r="I809">
        <v>0</v>
      </c>
      <c r="J809">
        <v>0</v>
      </c>
      <c r="K809">
        <v>0</v>
      </c>
      <c r="L809">
        <v>0</v>
      </c>
      <c r="M809">
        <v>0</v>
      </c>
      <c r="N809">
        <v>0</v>
      </c>
      <c r="O809">
        <v>0</v>
      </c>
      <c r="P809">
        <v>0</v>
      </c>
      <c r="Q809">
        <v>0</v>
      </c>
      <c r="R809">
        <v>0</v>
      </c>
      <c r="S809">
        <v>0</v>
      </c>
      <c r="T809">
        <v>0</v>
      </c>
      <c r="U809">
        <v>0</v>
      </c>
      <c r="V809">
        <v>0</v>
      </c>
      <c r="W809">
        <v>1</v>
      </c>
      <c r="X809">
        <v>0</v>
      </c>
      <c r="Y809">
        <v>25</v>
      </c>
      <c r="Z809">
        <v>15</v>
      </c>
      <c r="AA809">
        <v>96</v>
      </c>
      <c r="AB809">
        <v>39</v>
      </c>
      <c r="AC809">
        <v>81</v>
      </c>
      <c r="AD809">
        <v>21</v>
      </c>
      <c r="AE809">
        <v>35</v>
      </c>
      <c r="AF809">
        <v>0</v>
      </c>
      <c r="AG809">
        <v>50000</v>
      </c>
      <c r="AH809">
        <v>0</v>
      </c>
      <c r="AI809">
        <v>50000</v>
      </c>
      <c r="AJ809">
        <v>0</v>
      </c>
      <c r="AK809" t="s">
        <v>6</v>
      </c>
      <c r="AL809">
        <v>0</v>
      </c>
      <c r="AM809">
        <v>0</v>
      </c>
      <c r="AN809">
        <v>0</v>
      </c>
      <c r="AO809">
        <v>0</v>
      </c>
      <c r="AP809">
        <v>0</v>
      </c>
      <c r="AQ809">
        <v>0</v>
      </c>
      <c r="AR809">
        <v>0</v>
      </c>
      <c r="AS809">
        <v>0</v>
      </c>
      <c r="AT809">
        <v>0</v>
      </c>
      <c r="AU809">
        <v>0</v>
      </c>
      <c r="AV809">
        <v>0</v>
      </c>
      <c r="AW809">
        <v>0</v>
      </c>
      <c r="AX809">
        <v>0</v>
      </c>
      <c r="AY809">
        <v>0</v>
      </c>
      <c r="AZ809">
        <v>0</v>
      </c>
      <c r="BA809">
        <v>0</v>
      </c>
    </row>
    <row r="810" spans="1:53" x14ac:dyDescent="0.4">
      <c r="A810">
        <v>854</v>
      </c>
      <c r="B810" s="1">
        <v>43060</v>
      </c>
      <c r="C810">
        <v>2</v>
      </c>
      <c r="D810" s="1">
        <v>43060.449305555558</v>
      </c>
      <c r="E810" s="1">
        <v>43060.738888888889</v>
      </c>
      <c r="F810">
        <v>8500</v>
      </c>
      <c r="G810">
        <v>173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818</v>
      </c>
      <c r="N810">
        <v>0</v>
      </c>
      <c r="O810">
        <v>0</v>
      </c>
      <c r="P810">
        <v>21060</v>
      </c>
      <c r="Q810">
        <v>0</v>
      </c>
      <c r="R810">
        <v>32108</v>
      </c>
      <c r="S810">
        <v>0</v>
      </c>
      <c r="T810">
        <v>0</v>
      </c>
      <c r="U810">
        <v>0</v>
      </c>
      <c r="V810">
        <v>1</v>
      </c>
      <c r="W810">
        <v>1</v>
      </c>
      <c r="X810">
        <v>0</v>
      </c>
      <c r="Y810">
        <v>45</v>
      </c>
      <c r="Z810">
        <v>18</v>
      </c>
      <c r="AA810">
        <v>91</v>
      </c>
      <c r="AB810">
        <v>33</v>
      </c>
      <c r="AC810">
        <v>114</v>
      </c>
      <c r="AD810">
        <v>21</v>
      </c>
      <c r="AE810">
        <v>33</v>
      </c>
      <c r="AF810">
        <v>1080</v>
      </c>
      <c r="AG810">
        <v>82108</v>
      </c>
      <c r="AH810">
        <v>50000</v>
      </c>
      <c r="AI810">
        <v>0</v>
      </c>
      <c r="AJ810">
        <v>96</v>
      </c>
      <c r="AK810" t="s">
        <v>4</v>
      </c>
      <c r="AL810">
        <v>0</v>
      </c>
      <c r="AM810">
        <v>0</v>
      </c>
      <c r="AN810">
        <v>0</v>
      </c>
      <c r="AO810">
        <v>0</v>
      </c>
      <c r="AP810">
        <v>0</v>
      </c>
      <c r="AQ810">
        <v>0</v>
      </c>
      <c r="AR810">
        <v>0</v>
      </c>
      <c r="AS810">
        <v>0</v>
      </c>
      <c r="AT810">
        <v>0</v>
      </c>
      <c r="AU810">
        <v>0</v>
      </c>
      <c r="AV810">
        <v>0</v>
      </c>
      <c r="AW810">
        <v>0</v>
      </c>
      <c r="AX810">
        <v>4784</v>
      </c>
      <c r="AY810">
        <v>24</v>
      </c>
      <c r="AZ810">
        <v>56</v>
      </c>
      <c r="BA810">
        <v>2974</v>
      </c>
    </row>
    <row r="811" spans="1:53" x14ac:dyDescent="0.4">
      <c r="A811">
        <v>855</v>
      </c>
      <c r="B811" s="1">
        <v>43060</v>
      </c>
      <c r="C811">
        <v>3</v>
      </c>
      <c r="D811" s="1">
        <v>43060.738888888889</v>
      </c>
      <c r="E811" s="1">
        <v>43060.952777777777</v>
      </c>
      <c r="F811">
        <v>34600</v>
      </c>
      <c r="G811">
        <v>543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3202</v>
      </c>
      <c r="N811">
        <v>0</v>
      </c>
      <c r="O811">
        <v>0</v>
      </c>
      <c r="P811">
        <v>-13932</v>
      </c>
      <c r="Q811">
        <v>0</v>
      </c>
      <c r="R811">
        <v>29300</v>
      </c>
      <c r="S811">
        <v>0</v>
      </c>
      <c r="T811">
        <v>0</v>
      </c>
      <c r="U811">
        <v>0</v>
      </c>
      <c r="V811">
        <v>4</v>
      </c>
      <c r="W811">
        <v>1</v>
      </c>
      <c r="X811">
        <v>0</v>
      </c>
      <c r="Y811">
        <v>44</v>
      </c>
      <c r="Z811">
        <v>18</v>
      </c>
      <c r="AA811">
        <v>95</v>
      </c>
      <c r="AB811">
        <v>31</v>
      </c>
      <c r="AC811">
        <v>117</v>
      </c>
      <c r="AD811">
        <v>18</v>
      </c>
      <c r="AE811">
        <v>18</v>
      </c>
      <c r="AF811">
        <v>1080</v>
      </c>
      <c r="AG811">
        <v>111408</v>
      </c>
      <c r="AH811">
        <v>50000</v>
      </c>
      <c r="AI811">
        <v>0</v>
      </c>
      <c r="AJ811">
        <v>29</v>
      </c>
      <c r="AK811" t="s">
        <v>28</v>
      </c>
      <c r="AL811">
        <v>0</v>
      </c>
      <c r="AM811">
        <v>0</v>
      </c>
      <c r="AN811">
        <v>0</v>
      </c>
      <c r="AO811">
        <v>0</v>
      </c>
      <c r="AP811">
        <v>0</v>
      </c>
      <c r="AQ811">
        <v>0</v>
      </c>
      <c r="AR811">
        <v>0</v>
      </c>
      <c r="AS811">
        <v>0</v>
      </c>
      <c r="AT811">
        <v>0</v>
      </c>
      <c r="AU811">
        <v>0</v>
      </c>
      <c r="AV811">
        <v>0</v>
      </c>
      <c r="AW811">
        <v>0</v>
      </c>
      <c r="AX811">
        <v>5076</v>
      </c>
      <c r="AY811">
        <v>9</v>
      </c>
      <c r="AZ811">
        <v>18</v>
      </c>
      <c r="BA811">
        <v>1984</v>
      </c>
    </row>
    <row r="812" spans="1:53" x14ac:dyDescent="0.4">
      <c r="A812">
        <v>856</v>
      </c>
      <c r="B812" s="1">
        <v>43060</v>
      </c>
      <c r="C812">
        <v>4</v>
      </c>
      <c r="D812" s="1">
        <v>43060.952777777777</v>
      </c>
      <c r="E812" s="1">
        <v>43061.072916666664</v>
      </c>
      <c r="F812">
        <v>15240</v>
      </c>
      <c r="G812">
        <v>200</v>
      </c>
      <c r="H812">
        <v>0</v>
      </c>
      <c r="I812">
        <v>0</v>
      </c>
      <c r="J812">
        <v>0</v>
      </c>
      <c r="K812">
        <v>0</v>
      </c>
      <c r="L812">
        <v>0</v>
      </c>
      <c r="M812">
        <v>1235</v>
      </c>
      <c r="N812">
        <v>0</v>
      </c>
      <c r="O812">
        <v>0</v>
      </c>
      <c r="P812">
        <v>216</v>
      </c>
      <c r="Q812">
        <v>0</v>
      </c>
      <c r="R812">
        <v>16891</v>
      </c>
      <c r="S812">
        <v>0</v>
      </c>
      <c r="T812">
        <v>0</v>
      </c>
      <c r="U812">
        <v>0</v>
      </c>
      <c r="V812">
        <v>6</v>
      </c>
      <c r="W812">
        <v>0</v>
      </c>
      <c r="X812">
        <v>0</v>
      </c>
      <c r="Y812">
        <v>43</v>
      </c>
      <c r="Z812">
        <v>17</v>
      </c>
      <c r="AA812">
        <v>94</v>
      </c>
      <c r="AB812">
        <v>30</v>
      </c>
      <c r="AC812">
        <v>124</v>
      </c>
      <c r="AD812">
        <v>19</v>
      </c>
      <c r="AE812">
        <v>28</v>
      </c>
      <c r="AF812">
        <v>4536</v>
      </c>
      <c r="AG812">
        <v>128299</v>
      </c>
      <c r="AH812">
        <v>50000</v>
      </c>
      <c r="AI812">
        <v>0</v>
      </c>
      <c r="AJ812">
        <v>106</v>
      </c>
      <c r="AK812" t="s">
        <v>29</v>
      </c>
      <c r="AL812">
        <v>0</v>
      </c>
      <c r="AM812">
        <v>0</v>
      </c>
      <c r="AN812">
        <v>0</v>
      </c>
      <c r="AO812">
        <v>0</v>
      </c>
      <c r="AP812">
        <v>0</v>
      </c>
      <c r="AQ812">
        <v>0</v>
      </c>
      <c r="AR812">
        <v>0</v>
      </c>
      <c r="AS812">
        <v>0</v>
      </c>
      <c r="AT812">
        <v>0</v>
      </c>
      <c r="AU812">
        <v>0</v>
      </c>
      <c r="AV812">
        <v>0</v>
      </c>
      <c r="AW812">
        <v>0</v>
      </c>
      <c r="AX812">
        <v>3240</v>
      </c>
      <c r="AY812">
        <v>5</v>
      </c>
      <c r="AZ812">
        <v>11</v>
      </c>
      <c r="BA812">
        <v>508</v>
      </c>
    </row>
    <row r="813" spans="1:53" x14ac:dyDescent="0.4">
      <c r="A813">
        <v>857</v>
      </c>
      <c r="B813" s="1">
        <v>43061</v>
      </c>
      <c r="C813">
        <v>1</v>
      </c>
      <c r="D813" s="1">
        <v>43061.291666666664</v>
      </c>
      <c r="E813" s="1">
        <v>43061.446527777778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  <c r="M813">
        <v>0</v>
      </c>
      <c r="N813">
        <v>0</v>
      </c>
      <c r="O813">
        <v>0</v>
      </c>
      <c r="P813">
        <v>0</v>
      </c>
      <c r="Q813">
        <v>0</v>
      </c>
      <c r="R813">
        <v>0</v>
      </c>
      <c r="S813">
        <v>0</v>
      </c>
      <c r="T813">
        <v>0</v>
      </c>
      <c r="U813">
        <v>0</v>
      </c>
      <c r="V813">
        <v>0</v>
      </c>
      <c r="W813">
        <v>1</v>
      </c>
      <c r="X813">
        <v>0</v>
      </c>
      <c r="Y813">
        <v>25</v>
      </c>
      <c r="Z813">
        <v>14</v>
      </c>
      <c r="AA813">
        <v>101</v>
      </c>
      <c r="AB813">
        <v>31</v>
      </c>
      <c r="AC813">
        <v>123</v>
      </c>
      <c r="AD813">
        <v>18</v>
      </c>
      <c r="AE813">
        <v>30</v>
      </c>
      <c r="AF813">
        <v>0</v>
      </c>
      <c r="AG813">
        <v>50000</v>
      </c>
      <c r="AH813">
        <v>0</v>
      </c>
      <c r="AI813">
        <v>50000</v>
      </c>
      <c r="AJ813">
        <v>0</v>
      </c>
      <c r="AK813" t="s">
        <v>6</v>
      </c>
      <c r="AL813">
        <v>0</v>
      </c>
      <c r="AM813">
        <v>0</v>
      </c>
      <c r="AN813">
        <v>0</v>
      </c>
      <c r="AO813">
        <v>0</v>
      </c>
      <c r="AP813">
        <v>0</v>
      </c>
      <c r="AQ813">
        <v>0</v>
      </c>
      <c r="AR813">
        <v>0</v>
      </c>
      <c r="AS813">
        <v>0</v>
      </c>
      <c r="AT813">
        <v>0</v>
      </c>
      <c r="AU813">
        <v>0</v>
      </c>
      <c r="AV813">
        <v>0</v>
      </c>
      <c r="AW813">
        <v>0</v>
      </c>
      <c r="AX813">
        <v>0</v>
      </c>
      <c r="AY813">
        <v>0</v>
      </c>
      <c r="AZ813">
        <v>0</v>
      </c>
      <c r="BA813">
        <v>0</v>
      </c>
    </row>
    <row r="814" spans="1:53" x14ac:dyDescent="0.4">
      <c r="A814">
        <v>858</v>
      </c>
      <c r="B814" s="1">
        <v>43061</v>
      </c>
      <c r="C814">
        <v>2</v>
      </c>
      <c r="D814" s="1">
        <v>43061.446527777778</v>
      </c>
      <c r="E814" s="1">
        <v>43061.730555555558</v>
      </c>
      <c r="F814">
        <v>1450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1160</v>
      </c>
      <c r="N814">
        <v>0</v>
      </c>
      <c r="O814">
        <v>0</v>
      </c>
      <c r="P814">
        <v>9720</v>
      </c>
      <c r="Q814">
        <v>0</v>
      </c>
      <c r="R814">
        <v>25380</v>
      </c>
      <c r="S814">
        <v>0</v>
      </c>
      <c r="T814">
        <v>0</v>
      </c>
      <c r="U814">
        <v>0</v>
      </c>
      <c r="V814">
        <v>0</v>
      </c>
      <c r="W814">
        <v>2</v>
      </c>
      <c r="X814">
        <v>0</v>
      </c>
      <c r="Y814">
        <v>44</v>
      </c>
      <c r="Z814">
        <v>20</v>
      </c>
      <c r="AA814">
        <v>80</v>
      </c>
      <c r="AB814">
        <v>34</v>
      </c>
      <c r="AC814">
        <v>155</v>
      </c>
      <c r="AD814">
        <v>20</v>
      </c>
      <c r="AE814">
        <v>30</v>
      </c>
      <c r="AF814">
        <v>0</v>
      </c>
      <c r="AG814">
        <v>75380</v>
      </c>
      <c r="AH814">
        <v>50000</v>
      </c>
      <c r="AI814">
        <v>0</v>
      </c>
      <c r="AJ814">
        <v>97</v>
      </c>
      <c r="AK814" t="s">
        <v>13</v>
      </c>
      <c r="AL814">
        <v>0</v>
      </c>
      <c r="AM814">
        <v>0</v>
      </c>
      <c r="AN814">
        <v>0</v>
      </c>
      <c r="AO814">
        <v>0</v>
      </c>
      <c r="AP814">
        <v>0</v>
      </c>
      <c r="AQ814">
        <v>0</v>
      </c>
      <c r="AR814">
        <v>0</v>
      </c>
      <c r="AS814">
        <v>0</v>
      </c>
      <c r="AT814">
        <v>0</v>
      </c>
      <c r="AU814">
        <v>0</v>
      </c>
      <c r="AV814">
        <v>0</v>
      </c>
      <c r="AW814">
        <v>0</v>
      </c>
      <c r="AX814">
        <v>0</v>
      </c>
      <c r="AY814">
        <v>27</v>
      </c>
      <c r="AZ814">
        <v>47</v>
      </c>
      <c r="BA814">
        <v>3728</v>
      </c>
    </row>
    <row r="815" spans="1:53" x14ac:dyDescent="0.4">
      <c r="A815">
        <v>859</v>
      </c>
      <c r="B815" s="1">
        <v>43061</v>
      </c>
      <c r="C815">
        <v>3</v>
      </c>
      <c r="D815" s="1">
        <v>43061.730555555558</v>
      </c>
      <c r="E815" s="1">
        <v>43061.943055555559</v>
      </c>
      <c r="F815">
        <v>27625</v>
      </c>
      <c r="G815">
        <v>1150</v>
      </c>
      <c r="H815">
        <v>0</v>
      </c>
      <c r="I815">
        <v>0</v>
      </c>
      <c r="J815">
        <v>0</v>
      </c>
      <c r="K815">
        <v>1500</v>
      </c>
      <c r="L815">
        <v>0</v>
      </c>
      <c r="M815">
        <v>2422</v>
      </c>
      <c r="N815">
        <v>0</v>
      </c>
      <c r="O815">
        <v>0</v>
      </c>
      <c r="P815">
        <v>-7020</v>
      </c>
      <c r="Q815">
        <v>0</v>
      </c>
      <c r="R815">
        <v>25677</v>
      </c>
      <c r="S815">
        <v>0</v>
      </c>
      <c r="T815">
        <v>0</v>
      </c>
      <c r="U815">
        <v>0</v>
      </c>
      <c r="V815">
        <v>1</v>
      </c>
      <c r="W815">
        <v>3</v>
      </c>
      <c r="X815">
        <v>0</v>
      </c>
      <c r="Y815">
        <v>44</v>
      </c>
      <c r="Z815">
        <v>21</v>
      </c>
      <c r="AA815">
        <v>71</v>
      </c>
      <c r="AB815">
        <v>31</v>
      </c>
      <c r="AC815">
        <v>152</v>
      </c>
      <c r="AD815">
        <v>20</v>
      </c>
      <c r="AE815">
        <v>28</v>
      </c>
      <c r="AF815">
        <v>11259</v>
      </c>
      <c r="AG815">
        <v>101057</v>
      </c>
      <c r="AH815">
        <v>50000</v>
      </c>
      <c r="AI815">
        <v>0</v>
      </c>
      <c r="AJ815">
        <v>1</v>
      </c>
      <c r="AK815" t="s">
        <v>3</v>
      </c>
      <c r="AL815">
        <v>0</v>
      </c>
      <c r="AM815">
        <v>0</v>
      </c>
      <c r="AN815">
        <v>0</v>
      </c>
      <c r="AO815">
        <v>0</v>
      </c>
      <c r="AP815">
        <v>0</v>
      </c>
      <c r="AQ815">
        <v>0</v>
      </c>
      <c r="AR815">
        <v>0</v>
      </c>
      <c r="AS815">
        <v>0</v>
      </c>
      <c r="AT815">
        <v>0</v>
      </c>
      <c r="AU815">
        <v>0</v>
      </c>
      <c r="AV815">
        <v>0</v>
      </c>
      <c r="AW815">
        <v>0</v>
      </c>
      <c r="AX815">
        <v>53466</v>
      </c>
      <c r="AY815">
        <v>20</v>
      </c>
      <c r="AZ815">
        <v>60</v>
      </c>
      <c r="BA815">
        <v>2308</v>
      </c>
    </row>
    <row r="816" spans="1:53" x14ac:dyDescent="0.4">
      <c r="A816">
        <v>860</v>
      </c>
      <c r="B816" s="1">
        <v>43061</v>
      </c>
      <c r="C816">
        <v>4</v>
      </c>
      <c r="D816" s="1">
        <v>43061.943055555559</v>
      </c>
      <c r="E816" s="1">
        <v>43062.098611111112</v>
      </c>
      <c r="F816">
        <v>58950</v>
      </c>
      <c r="G816">
        <v>7550</v>
      </c>
      <c r="H816">
        <v>0</v>
      </c>
      <c r="I816">
        <v>0</v>
      </c>
      <c r="J816">
        <v>0</v>
      </c>
      <c r="K816">
        <v>7410</v>
      </c>
      <c r="L816">
        <v>0</v>
      </c>
      <c r="M816">
        <v>5912</v>
      </c>
      <c r="N816">
        <v>0</v>
      </c>
      <c r="O816">
        <v>0</v>
      </c>
      <c r="P816">
        <v>30348</v>
      </c>
      <c r="Q816">
        <v>0</v>
      </c>
      <c r="R816">
        <v>110170</v>
      </c>
      <c r="S816">
        <v>0</v>
      </c>
      <c r="T816">
        <v>0</v>
      </c>
      <c r="U816">
        <v>0</v>
      </c>
      <c r="V816">
        <v>3</v>
      </c>
      <c r="W816">
        <v>7</v>
      </c>
      <c r="X816">
        <v>0</v>
      </c>
      <c r="Y816">
        <v>70</v>
      </c>
      <c r="Z816">
        <v>20</v>
      </c>
      <c r="AA816">
        <v>69</v>
      </c>
      <c r="AB816">
        <v>27</v>
      </c>
      <c r="AC816">
        <v>152</v>
      </c>
      <c r="AD816">
        <v>20</v>
      </c>
      <c r="AE816">
        <v>8</v>
      </c>
      <c r="AF816">
        <v>56349</v>
      </c>
      <c r="AG816">
        <v>211227</v>
      </c>
      <c r="AH816">
        <v>50000</v>
      </c>
      <c r="AI816">
        <v>0</v>
      </c>
      <c r="AJ816">
        <v>100</v>
      </c>
      <c r="AK816" t="s">
        <v>0</v>
      </c>
      <c r="AL816">
        <v>0</v>
      </c>
      <c r="AM816">
        <v>0</v>
      </c>
      <c r="AN816">
        <v>0</v>
      </c>
      <c r="AO816">
        <v>0</v>
      </c>
      <c r="AP816">
        <v>0</v>
      </c>
      <c r="AQ816">
        <v>0</v>
      </c>
      <c r="AR816">
        <v>0</v>
      </c>
      <c r="AS816">
        <v>0</v>
      </c>
      <c r="AT816">
        <v>0</v>
      </c>
      <c r="AU816">
        <v>0</v>
      </c>
      <c r="AV816">
        <v>0</v>
      </c>
      <c r="AW816">
        <v>0</v>
      </c>
      <c r="AX816">
        <v>3834</v>
      </c>
      <c r="AY816">
        <v>10</v>
      </c>
      <c r="AZ816">
        <v>22</v>
      </c>
      <c r="BA816">
        <v>1803</v>
      </c>
    </row>
    <row r="817" spans="1:53" x14ac:dyDescent="0.4">
      <c r="A817">
        <v>861</v>
      </c>
      <c r="B817" s="1">
        <v>43062</v>
      </c>
      <c r="C817">
        <v>1</v>
      </c>
      <c r="D817" s="1">
        <v>43062.291666666664</v>
      </c>
      <c r="E817" s="1">
        <v>43062.40347222222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0</v>
      </c>
      <c r="O817">
        <v>0</v>
      </c>
      <c r="P817">
        <v>0</v>
      </c>
      <c r="Q817">
        <v>0</v>
      </c>
      <c r="R817">
        <v>0</v>
      </c>
      <c r="S817">
        <v>0</v>
      </c>
      <c r="T817">
        <v>0</v>
      </c>
      <c r="U817">
        <v>0</v>
      </c>
      <c r="V817">
        <v>0</v>
      </c>
      <c r="W817">
        <v>1</v>
      </c>
      <c r="X817">
        <v>0</v>
      </c>
      <c r="Y817">
        <v>25</v>
      </c>
      <c r="Z817">
        <v>20</v>
      </c>
      <c r="AA817">
        <v>71</v>
      </c>
      <c r="AB817">
        <v>28</v>
      </c>
      <c r="AC817">
        <v>140</v>
      </c>
      <c r="AD817">
        <v>18</v>
      </c>
      <c r="AE817">
        <v>10</v>
      </c>
      <c r="AF817">
        <v>0</v>
      </c>
      <c r="AG817">
        <v>50000</v>
      </c>
      <c r="AH817">
        <v>0</v>
      </c>
      <c r="AI817">
        <v>50000</v>
      </c>
      <c r="AJ817">
        <v>0</v>
      </c>
      <c r="AK817" t="s">
        <v>6</v>
      </c>
      <c r="AL817">
        <v>0</v>
      </c>
      <c r="AM817">
        <v>0</v>
      </c>
      <c r="AN817">
        <v>0</v>
      </c>
      <c r="AO817">
        <v>0</v>
      </c>
      <c r="AP817">
        <v>0</v>
      </c>
      <c r="AQ817">
        <v>0</v>
      </c>
      <c r="AR817">
        <v>0</v>
      </c>
      <c r="AS817">
        <v>0</v>
      </c>
      <c r="AT817">
        <v>0</v>
      </c>
      <c r="AU817">
        <v>0</v>
      </c>
      <c r="AV817">
        <v>0</v>
      </c>
      <c r="AW817">
        <v>0</v>
      </c>
      <c r="AX817">
        <v>0</v>
      </c>
      <c r="AY817">
        <v>0</v>
      </c>
      <c r="AZ817">
        <v>0</v>
      </c>
      <c r="BA817">
        <v>0</v>
      </c>
    </row>
    <row r="818" spans="1:53" x14ac:dyDescent="0.4">
      <c r="A818">
        <v>862</v>
      </c>
      <c r="B818" s="1">
        <v>43062</v>
      </c>
      <c r="C818">
        <v>2</v>
      </c>
      <c r="D818" s="1">
        <v>43062.40347222222</v>
      </c>
      <c r="E818" s="1">
        <v>43062.740277777775</v>
      </c>
      <c r="F818">
        <v>35000</v>
      </c>
      <c r="G818">
        <v>3520</v>
      </c>
      <c r="H818">
        <v>0</v>
      </c>
      <c r="I818">
        <v>0</v>
      </c>
      <c r="J818">
        <v>0</v>
      </c>
      <c r="K818">
        <v>0</v>
      </c>
      <c r="L818">
        <v>0</v>
      </c>
      <c r="M818">
        <v>3081</v>
      </c>
      <c r="N818">
        <v>0</v>
      </c>
      <c r="O818">
        <v>0</v>
      </c>
      <c r="P818">
        <v>17280</v>
      </c>
      <c r="Q818">
        <v>0</v>
      </c>
      <c r="R818">
        <v>58881</v>
      </c>
      <c r="S818">
        <v>0</v>
      </c>
      <c r="T818">
        <v>0</v>
      </c>
      <c r="U818">
        <v>0</v>
      </c>
      <c r="V818">
        <v>0</v>
      </c>
      <c r="W818">
        <v>1</v>
      </c>
      <c r="X818">
        <v>0</v>
      </c>
      <c r="Y818">
        <v>71</v>
      </c>
      <c r="Z818">
        <v>34</v>
      </c>
      <c r="AA818">
        <v>82</v>
      </c>
      <c r="AB818">
        <v>42</v>
      </c>
      <c r="AC818">
        <v>149</v>
      </c>
      <c r="AD818">
        <v>18</v>
      </c>
      <c r="AE818">
        <v>12</v>
      </c>
      <c r="AF818">
        <v>3999</v>
      </c>
      <c r="AG818">
        <v>108891</v>
      </c>
      <c r="AH818">
        <v>50000</v>
      </c>
      <c r="AI818">
        <v>10</v>
      </c>
      <c r="AJ818">
        <v>96</v>
      </c>
      <c r="AK818" t="s">
        <v>4</v>
      </c>
      <c r="AL818">
        <v>0</v>
      </c>
      <c r="AM818">
        <v>0</v>
      </c>
      <c r="AN818">
        <v>0</v>
      </c>
      <c r="AO818">
        <v>0</v>
      </c>
      <c r="AP818">
        <v>0</v>
      </c>
      <c r="AQ818">
        <v>0</v>
      </c>
      <c r="AR818">
        <v>0</v>
      </c>
      <c r="AS818">
        <v>0</v>
      </c>
      <c r="AT818">
        <v>0</v>
      </c>
      <c r="AU818">
        <v>0</v>
      </c>
      <c r="AV818">
        <v>0</v>
      </c>
      <c r="AW818">
        <v>0</v>
      </c>
      <c r="AX818">
        <v>2646</v>
      </c>
      <c r="AY818">
        <v>48</v>
      </c>
      <c r="AZ818">
        <v>100</v>
      </c>
      <c r="BA818">
        <v>7407</v>
      </c>
    </row>
    <row r="819" spans="1:53" x14ac:dyDescent="0.4">
      <c r="A819">
        <v>863</v>
      </c>
      <c r="B819" s="1">
        <v>43062</v>
      </c>
      <c r="C819">
        <v>3</v>
      </c>
      <c r="D819" s="1">
        <v>43062.740277777775</v>
      </c>
      <c r="E819" s="1">
        <v>43062.947916666664</v>
      </c>
      <c r="F819">
        <v>23000</v>
      </c>
      <c r="G819">
        <v>380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2144</v>
      </c>
      <c r="N819">
        <v>0</v>
      </c>
      <c r="O819">
        <v>0</v>
      </c>
      <c r="P819">
        <v>-17280</v>
      </c>
      <c r="Q819">
        <v>0</v>
      </c>
      <c r="R819">
        <v>11664</v>
      </c>
      <c r="S819">
        <v>0</v>
      </c>
      <c r="T819">
        <v>0</v>
      </c>
      <c r="U819">
        <v>0</v>
      </c>
      <c r="V819">
        <v>0</v>
      </c>
      <c r="W819">
        <v>2</v>
      </c>
      <c r="X819">
        <v>0</v>
      </c>
      <c r="Y819">
        <v>69</v>
      </c>
      <c r="Z819">
        <v>35</v>
      </c>
      <c r="AA819">
        <v>97</v>
      </c>
      <c r="AB819">
        <v>43</v>
      </c>
      <c r="AC819">
        <v>157</v>
      </c>
      <c r="AD819">
        <v>18</v>
      </c>
      <c r="AE819">
        <v>56</v>
      </c>
      <c r="AF819">
        <v>10479</v>
      </c>
      <c r="AG819">
        <v>120545</v>
      </c>
      <c r="AH819">
        <v>50000</v>
      </c>
      <c r="AI819">
        <v>0</v>
      </c>
      <c r="AJ819">
        <v>84</v>
      </c>
      <c r="AK819" t="s">
        <v>16</v>
      </c>
      <c r="AL819">
        <v>0</v>
      </c>
      <c r="AM819">
        <v>0</v>
      </c>
      <c r="AN819">
        <v>0</v>
      </c>
      <c r="AO819">
        <v>0</v>
      </c>
      <c r="AP819">
        <v>0</v>
      </c>
      <c r="AQ819">
        <v>0</v>
      </c>
      <c r="AR819">
        <v>0</v>
      </c>
      <c r="AS819">
        <v>0</v>
      </c>
      <c r="AT819">
        <v>0</v>
      </c>
      <c r="AU819">
        <v>0</v>
      </c>
      <c r="AV819">
        <v>0</v>
      </c>
      <c r="AW819">
        <v>0</v>
      </c>
      <c r="AX819">
        <v>31860</v>
      </c>
      <c r="AY819">
        <v>6</v>
      </c>
      <c r="AZ819">
        <v>22</v>
      </c>
      <c r="BA819">
        <v>2014</v>
      </c>
    </row>
    <row r="820" spans="1:53" x14ac:dyDescent="0.4">
      <c r="A820">
        <v>864</v>
      </c>
      <c r="B820" s="1">
        <v>43062</v>
      </c>
      <c r="C820">
        <v>4</v>
      </c>
      <c r="D820" s="1">
        <v>43062.947916666664</v>
      </c>
      <c r="E820" s="1">
        <v>43063.072916666664</v>
      </c>
      <c r="F820">
        <v>27800</v>
      </c>
      <c r="G820">
        <v>1200</v>
      </c>
      <c r="H820">
        <v>0</v>
      </c>
      <c r="I820">
        <v>0</v>
      </c>
      <c r="J820">
        <v>0</v>
      </c>
      <c r="K820">
        <v>4000</v>
      </c>
      <c r="L820">
        <v>0</v>
      </c>
      <c r="M820">
        <v>2640</v>
      </c>
      <c r="N820">
        <v>0</v>
      </c>
      <c r="O820">
        <v>0</v>
      </c>
      <c r="P820">
        <v>14040</v>
      </c>
      <c r="Q820">
        <v>0</v>
      </c>
      <c r="R820">
        <v>49680</v>
      </c>
      <c r="S820">
        <v>0</v>
      </c>
      <c r="T820">
        <v>0</v>
      </c>
      <c r="U820">
        <v>0</v>
      </c>
      <c r="V820">
        <v>3</v>
      </c>
      <c r="W820">
        <v>3</v>
      </c>
      <c r="X820">
        <v>0</v>
      </c>
      <c r="Y820">
        <v>69</v>
      </c>
      <c r="Z820">
        <v>34</v>
      </c>
      <c r="AA820">
        <v>99</v>
      </c>
      <c r="AB820">
        <v>42</v>
      </c>
      <c r="AC820">
        <v>150</v>
      </c>
      <c r="AD820">
        <v>16</v>
      </c>
      <c r="AE820">
        <v>46</v>
      </c>
      <c r="AF820">
        <v>25599</v>
      </c>
      <c r="AG820">
        <v>170225</v>
      </c>
      <c r="AH820">
        <v>50000</v>
      </c>
      <c r="AI820">
        <v>0</v>
      </c>
      <c r="AJ820">
        <v>95</v>
      </c>
      <c r="AK820" t="s">
        <v>21</v>
      </c>
      <c r="AL820">
        <v>0</v>
      </c>
      <c r="AM820">
        <v>0</v>
      </c>
      <c r="AN820">
        <v>0</v>
      </c>
      <c r="AO820">
        <v>0</v>
      </c>
      <c r="AP820">
        <v>0</v>
      </c>
      <c r="AQ820">
        <v>0</v>
      </c>
      <c r="AR820">
        <v>0</v>
      </c>
      <c r="AS820">
        <v>0</v>
      </c>
      <c r="AT820">
        <v>0</v>
      </c>
      <c r="AU820">
        <v>0</v>
      </c>
      <c r="AV820">
        <v>0</v>
      </c>
      <c r="AW820">
        <v>0</v>
      </c>
      <c r="AX820">
        <v>4126</v>
      </c>
      <c r="AY820">
        <v>4</v>
      </c>
      <c r="AZ820">
        <v>10</v>
      </c>
      <c r="BA820">
        <v>341</v>
      </c>
    </row>
    <row r="821" spans="1:53" x14ac:dyDescent="0.4">
      <c r="A821">
        <v>865</v>
      </c>
      <c r="B821" s="1">
        <v>43063</v>
      </c>
      <c r="C821">
        <v>1</v>
      </c>
      <c r="D821" s="1">
        <v>43063.291666666664</v>
      </c>
      <c r="E821" s="1">
        <v>43063.445833333331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0</v>
      </c>
      <c r="O821">
        <v>0</v>
      </c>
      <c r="P821">
        <v>0</v>
      </c>
      <c r="Q821">
        <v>0</v>
      </c>
      <c r="R821">
        <v>0</v>
      </c>
      <c r="S821">
        <v>0</v>
      </c>
      <c r="T821">
        <v>0</v>
      </c>
      <c r="U821">
        <v>0</v>
      </c>
      <c r="V821">
        <v>0</v>
      </c>
      <c r="W821">
        <v>1</v>
      </c>
      <c r="X821">
        <v>0</v>
      </c>
      <c r="Y821">
        <v>28</v>
      </c>
      <c r="Z821">
        <v>10</v>
      </c>
      <c r="AA821">
        <v>82</v>
      </c>
      <c r="AB821">
        <v>45</v>
      </c>
      <c r="AC821">
        <v>143</v>
      </c>
      <c r="AD821">
        <v>15</v>
      </c>
      <c r="AE821">
        <v>45</v>
      </c>
      <c r="AF821">
        <v>0</v>
      </c>
      <c r="AG821">
        <v>50000</v>
      </c>
      <c r="AH821">
        <v>0</v>
      </c>
      <c r="AI821">
        <v>50000</v>
      </c>
      <c r="AJ821">
        <v>0</v>
      </c>
      <c r="AK821" t="s">
        <v>6</v>
      </c>
      <c r="AL821">
        <v>0</v>
      </c>
      <c r="AM821">
        <v>0</v>
      </c>
      <c r="AN821">
        <v>0</v>
      </c>
      <c r="AO821">
        <v>0</v>
      </c>
      <c r="AP821">
        <v>0</v>
      </c>
      <c r="AQ821">
        <v>0</v>
      </c>
      <c r="AR821">
        <v>0</v>
      </c>
      <c r="AS821">
        <v>0</v>
      </c>
      <c r="AT821">
        <v>0</v>
      </c>
      <c r="AU821">
        <v>0</v>
      </c>
      <c r="AV821">
        <v>0</v>
      </c>
      <c r="AW821">
        <v>0</v>
      </c>
      <c r="AX821">
        <v>0</v>
      </c>
      <c r="AY821">
        <v>0</v>
      </c>
      <c r="AZ821">
        <v>0</v>
      </c>
      <c r="BA821">
        <v>0</v>
      </c>
    </row>
    <row r="822" spans="1:53" x14ac:dyDescent="0.4">
      <c r="A822">
        <v>866</v>
      </c>
      <c r="B822" s="1">
        <v>43063</v>
      </c>
      <c r="C822">
        <v>2</v>
      </c>
      <c r="D822" s="1">
        <v>43063.445833333331</v>
      </c>
      <c r="E822" s="1">
        <v>43063.725694444445</v>
      </c>
      <c r="F822">
        <v>13500</v>
      </c>
      <c r="G822">
        <v>238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1270</v>
      </c>
      <c r="N822">
        <v>0</v>
      </c>
      <c r="O822">
        <v>0</v>
      </c>
      <c r="P822">
        <v>16740</v>
      </c>
      <c r="Q822">
        <v>0</v>
      </c>
      <c r="R822">
        <v>33890</v>
      </c>
      <c r="S822">
        <v>0</v>
      </c>
      <c r="T822">
        <v>0</v>
      </c>
      <c r="U822">
        <v>0</v>
      </c>
      <c r="V822">
        <v>1</v>
      </c>
      <c r="W822">
        <v>2</v>
      </c>
      <c r="X822">
        <v>0</v>
      </c>
      <c r="Y822">
        <v>45</v>
      </c>
      <c r="Z822">
        <v>17</v>
      </c>
      <c r="AA822">
        <v>64</v>
      </c>
      <c r="AB822">
        <v>44</v>
      </c>
      <c r="AC822">
        <v>167</v>
      </c>
      <c r="AD822">
        <v>15</v>
      </c>
      <c r="AE822">
        <v>45</v>
      </c>
      <c r="AF822">
        <v>0</v>
      </c>
      <c r="AG822">
        <v>83890</v>
      </c>
      <c r="AH822">
        <v>50000</v>
      </c>
      <c r="AI822">
        <v>0</v>
      </c>
      <c r="AJ822">
        <v>96</v>
      </c>
      <c r="AK822" t="s">
        <v>4</v>
      </c>
      <c r="AL822">
        <v>0</v>
      </c>
      <c r="AM822">
        <v>0</v>
      </c>
      <c r="AN822">
        <v>0</v>
      </c>
      <c r="AO822">
        <v>0</v>
      </c>
      <c r="AP822">
        <v>0</v>
      </c>
      <c r="AQ822">
        <v>0</v>
      </c>
      <c r="AR822">
        <v>0</v>
      </c>
      <c r="AS822">
        <v>0</v>
      </c>
      <c r="AT822">
        <v>0</v>
      </c>
      <c r="AU822">
        <v>0</v>
      </c>
      <c r="AV822">
        <v>0</v>
      </c>
      <c r="AW822">
        <v>0</v>
      </c>
      <c r="AX822">
        <v>0</v>
      </c>
      <c r="AY822">
        <v>33</v>
      </c>
      <c r="AZ822">
        <v>54</v>
      </c>
      <c r="BA822">
        <v>4346</v>
      </c>
    </row>
    <row r="823" spans="1:53" x14ac:dyDescent="0.4">
      <c r="A823">
        <v>867</v>
      </c>
      <c r="B823" s="1">
        <v>43064</v>
      </c>
      <c r="C823">
        <v>1</v>
      </c>
      <c r="D823" s="1">
        <v>43064.291666666664</v>
      </c>
      <c r="E823" s="1">
        <v>43064.409722222219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0</v>
      </c>
      <c r="O823">
        <v>0</v>
      </c>
      <c r="P823">
        <v>0</v>
      </c>
      <c r="Q823">
        <v>0</v>
      </c>
      <c r="R823">
        <v>0</v>
      </c>
      <c r="S823">
        <v>0</v>
      </c>
      <c r="T823">
        <v>0</v>
      </c>
      <c r="U823">
        <v>0</v>
      </c>
      <c r="V823">
        <v>0</v>
      </c>
      <c r="W823">
        <v>1</v>
      </c>
      <c r="X823">
        <v>0</v>
      </c>
      <c r="Y823">
        <v>24</v>
      </c>
      <c r="Z823">
        <v>24</v>
      </c>
      <c r="AA823">
        <v>51</v>
      </c>
      <c r="AB823">
        <v>46</v>
      </c>
      <c r="AC823">
        <v>144</v>
      </c>
      <c r="AD823">
        <v>22</v>
      </c>
      <c r="AE823">
        <v>50</v>
      </c>
      <c r="AF823">
        <v>0</v>
      </c>
      <c r="AG823">
        <v>50000</v>
      </c>
      <c r="AH823">
        <v>50000</v>
      </c>
      <c r="AI823">
        <v>0</v>
      </c>
      <c r="AJ823">
        <v>0</v>
      </c>
      <c r="AK823" t="s">
        <v>6</v>
      </c>
      <c r="AL823">
        <v>0</v>
      </c>
      <c r="AM823">
        <v>0</v>
      </c>
      <c r="AN823">
        <v>0</v>
      </c>
      <c r="AO823">
        <v>0</v>
      </c>
      <c r="AP823">
        <v>0</v>
      </c>
      <c r="AQ823">
        <v>0</v>
      </c>
      <c r="AR823">
        <v>0</v>
      </c>
      <c r="AS823">
        <v>0</v>
      </c>
      <c r="AT823">
        <v>0</v>
      </c>
      <c r="AU823">
        <v>0</v>
      </c>
      <c r="AV823">
        <v>0</v>
      </c>
      <c r="AW823">
        <v>0</v>
      </c>
      <c r="AX823">
        <v>0</v>
      </c>
      <c r="AY823">
        <v>0</v>
      </c>
      <c r="AZ823">
        <v>0</v>
      </c>
      <c r="BA823">
        <v>0</v>
      </c>
    </row>
    <row r="824" spans="1:53" x14ac:dyDescent="0.4">
      <c r="A824">
        <v>868</v>
      </c>
      <c r="B824" s="1">
        <v>43064</v>
      </c>
      <c r="C824">
        <v>2</v>
      </c>
      <c r="D824" s="1">
        <v>43064.409722222219</v>
      </c>
      <c r="E824" s="1">
        <v>43064.740972222222</v>
      </c>
      <c r="F824">
        <v>38750</v>
      </c>
      <c r="G824">
        <v>961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3867</v>
      </c>
      <c r="N824">
        <v>0</v>
      </c>
      <c r="O824">
        <v>0</v>
      </c>
      <c r="P824">
        <v>15120</v>
      </c>
      <c r="Q824">
        <v>0</v>
      </c>
      <c r="R824">
        <v>67347</v>
      </c>
      <c r="S824">
        <v>0</v>
      </c>
      <c r="T824">
        <v>0</v>
      </c>
      <c r="U824">
        <v>0</v>
      </c>
      <c r="V824">
        <v>4</v>
      </c>
      <c r="W824">
        <v>1</v>
      </c>
      <c r="X824">
        <v>0</v>
      </c>
      <c r="Y824">
        <v>45</v>
      </c>
      <c r="Z824">
        <v>27</v>
      </c>
      <c r="AA824">
        <v>41</v>
      </c>
      <c r="AB824">
        <v>57</v>
      </c>
      <c r="AC824">
        <v>206</v>
      </c>
      <c r="AD824">
        <v>21</v>
      </c>
      <c r="AE824">
        <v>36</v>
      </c>
      <c r="AF824">
        <v>4696</v>
      </c>
      <c r="AG824">
        <v>117347</v>
      </c>
      <c r="AH824">
        <v>50000</v>
      </c>
      <c r="AI824">
        <v>0</v>
      </c>
      <c r="AJ824">
        <v>84</v>
      </c>
      <c r="AK824" t="s">
        <v>16</v>
      </c>
      <c r="AL824">
        <v>0</v>
      </c>
      <c r="AM824">
        <v>0</v>
      </c>
      <c r="AN824">
        <v>0</v>
      </c>
      <c r="AO824">
        <v>0</v>
      </c>
      <c r="AP824">
        <v>0</v>
      </c>
      <c r="AQ824">
        <v>0</v>
      </c>
      <c r="AR824">
        <v>0</v>
      </c>
      <c r="AS824">
        <v>0</v>
      </c>
      <c r="AT824">
        <v>0</v>
      </c>
      <c r="AU824">
        <v>0</v>
      </c>
      <c r="AV824">
        <v>0</v>
      </c>
      <c r="AW824">
        <v>0</v>
      </c>
      <c r="AX824">
        <v>734</v>
      </c>
      <c r="AY824">
        <v>45</v>
      </c>
      <c r="AZ824">
        <v>101</v>
      </c>
      <c r="BA824">
        <v>7222</v>
      </c>
    </row>
    <row r="825" spans="1:53" x14ac:dyDescent="0.4">
      <c r="A825">
        <v>869</v>
      </c>
      <c r="B825" s="1">
        <v>43065</v>
      </c>
      <c r="C825">
        <v>1</v>
      </c>
      <c r="D825" s="1">
        <v>43065.291666666664</v>
      </c>
      <c r="E825" s="1">
        <v>43065.405555555553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0</v>
      </c>
      <c r="O825">
        <v>0</v>
      </c>
      <c r="P825">
        <v>0</v>
      </c>
      <c r="Q825">
        <v>0</v>
      </c>
      <c r="R825">
        <v>0</v>
      </c>
      <c r="S825">
        <v>0</v>
      </c>
      <c r="T825">
        <v>0</v>
      </c>
      <c r="U825">
        <v>0</v>
      </c>
      <c r="V825">
        <v>0</v>
      </c>
      <c r="W825">
        <v>1</v>
      </c>
      <c r="X825">
        <v>0</v>
      </c>
      <c r="Y825">
        <v>30</v>
      </c>
      <c r="Z825">
        <v>18</v>
      </c>
      <c r="AA825">
        <v>19</v>
      </c>
      <c r="AB825">
        <v>48</v>
      </c>
      <c r="AC825">
        <v>162</v>
      </c>
      <c r="AD825">
        <v>15</v>
      </c>
      <c r="AE825">
        <v>5</v>
      </c>
      <c r="AF825">
        <v>0</v>
      </c>
      <c r="AG825">
        <v>50000</v>
      </c>
      <c r="AH825">
        <v>0</v>
      </c>
      <c r="AI825">
        <v>50000</v>
      </c>
      <c r="AJ825">
        <v>0</v>
      </c>
      <c r="AK825" t="s">
        <v>6</v>
      </c>
      <c r="AL825">
        <v>0</v>
      </c>
      <c r="AM825">
        <v>0</v>
      </c>
      <c r="AN825">
        <v>0</v>
      </c>
      <c r="AO825">
        <v>0</v>
      </c>
      <c r="AP825">
        <v>0</v>
      </c>
      <c r="AQ825">
        <v>0</v>
      </c>
      <c r="AR825">
        <v>0</v>
      </c>
      <c r="AS825">
        <v>0</v>
      </c>
      <c r="AT825">
        <v>0</v>
      </c>
      <c r="AU825">
        <v>0</v>
      </c>
      <c r="AV825">
        <v>0</v>
      </c>
      <c r="AW825">
        <v>0</v>
      </c>
      <c r="AX825">
        <v>0</v>
      </c>
      <c r="AY825">
        <v>0</v>
      </c>
      <c r="AZ825">
        <v>0</v>
      </c>
      <c r="BA825">
        <v>0</v>
      </c>
    </row>
    <row r="826" spans="1:53" x14ac:dyDescent="0.4">
      <c r="A826">
        <v>870</v>
      </c>
      <c r="B826" s="1">
        <v>43065</v>
      </c>
      <c r="C826">
        <v>2</v>
      </c>
      <c r="D826" s="1">
        <v>43065.405555555553</v>
      </c>
      <c r="E826" s="1">
        <v>43065.738194444442</v>
      </c>
      <c r="F826">
        <v>40250</v>
      </c>
      <c r="G826">
        <v>556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3664</v>
      </c>
      <c r="N826">
        <v>0</v>
      </c>
      <c r="O826">
        <v>0</v>
      </c>
      <c r="P826">
        <v>10800</v>
      </c>
      <c r="Q826">
        <v>0</v>
      </c>
      <c r="R826">
        <v>60274</v>
      </c>
      <c r="S826">
        <v>0</v>
      </c>
      <c r="T826">
        <v>0</v>
      </c>
      <c r="U826">
        <v>0</v>
      </c>
      <c r="V826">
        <v>2</v>
      </c>
      <c r="W826">
        <v>2</v>
      </c>
      <c r="X826">
        <v>0</v>
      </c>
      <c r="Y826">
        <v>63</v>
      </c>
      <c r="Z826">
        <v>29</v>
      </c>
      <c r="AA826">
        <v>10</v>
      </c>
      <c r="AB826">
        <v>10</v>
      </c>
      <c r="AC826">
        <v>128</v>
      </c>
      <c r="AD826">
        <v>18</v>
      </c>
      <c r="AE826">
        <v>4</v>
      </c>
      <c r="AF826">
        <v>0</v>
      </c>
      <c r="AG826">
        <v>110374</v>
      </c>
      <c r="AH826">
        <v>50000</v>
      </c>
      <c r="AI826">
        <v>100</v>
      </c>
      <c r="AJ826">
        <v>92</v>
      </c>
      <c r="AK826" t="s">
        <v>22</v>
      </c>
      <c r="AL826">
        <v>0</v>
      </c>
      <c r="AM826">
        <v>0</v>
      </c>
      <c r="AN826">
        <v>0</v>
      </c>
      <c r="AO826">
        <v>0</v>
      </c>
      <c r="AP826">
        <v>0</v>
      </c>
      <c r="AQ826">
        <v>0</v>
      </c>
      <c r="AR826">
        <v>0</v>
      </c>
      <c r="AS826">
        <v>0</v>
      </c>
      <c r="AT826">
        <v>0</v>
      </c>
      <c r="AU826">
        <v>0</v>
      </c>
      <c r="AV826">
        <v>0</v>
      </c>
      <c r="AW826">
        <v>0</v>
      </c>
      <c r="AX826">
        <v>1220</v>
      </c>
      <c r="AY826">
        <v>45</v>
      </c>
      <c r="AZ826">
        <v>93</v>
      </c>
      <c r="BA826">
        <v>6870</v>
      </c>
    </row>
    <row r="827" spans="1:53" x14ac:dyDescent="0.4">
      <c r="A827">
        <v>871</v>
      </c>
      <c r="B827" s="1">
        <v>43065</v>
      </c>
      <c r="C827">
        <v>3</v>
      </c>
      <c r="D827" s="1">
        <v>43065.738194444442</v>
      </c>
      <c r="E827" s="1">
        <v>43065.959722222222</v>
      </c>
      <c r="F827">
        <v>76280</v>
      </c>
      <c r="G827">
        <v>591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6574</v>
      </c>
      <c r="N827">
        <v>0</v>
      </c>
      <c r="O827">
        <v>0</v>
      </c>
      <c r="P827">
        <v>-1080</v>
      </c>
      <c r="Q827">
        <v>0</v>
      </c>
      <c r="R827">
        <v>87684</v>
      </c>
      <c r="S827">
        <v>0</v>
      </c>
      <c r="T827">
        <v>0</v>
      </c>
      <c r="U827">
        <v>0</v>
      </c>
      <c r="V827">
        <v>11</v>
      </c>
      <c r="W827">
        <v>0</v>
      </c>
      <c r="X827">
        <v>0</v>
      </c>
      <c r="Y827">
        <v>69</v>
      </c>
      <c r="Z827">
        <v>28</v>
      </c>
      <c r="AA827">
        <v>23</v>
      </c>
      <c r="AB827">
        <v>18</v>
      </c>
      <c r="AC827">
        <v>167</v>
      </c>
      <c r="AD827">
        <v>16</v>
      </c>
      <c r="AE827">
        <v>8</v>
      </c>
      <c r="AF827">
        <v>0</v>
      </c>
      <c r="AG827">
        <v>197958</v>
      </c>
      <c r="AH827">
        <v>50000</v>
      </c>
      <c r="AI827">
        <v>0</v>
      </c>
      <c r="AJ827">
        <v>30</v>
      </c>
      <c r="AL827">
        <v>0</v>
      </c>
      <c r="AM827">
        <v>0</v>
      </c>
      <c r="AN827">
        <v>0</v>
      </c>
      <c r="AO827">
        <v>0</v>
      </c>
      <c r="AP827">
        <v>0</v>
      </c>
      <c r="AQ827">
        <v>0</v>
      </c>
      <c r="AR827">
        <v>0</v>
      </c>
      <c r="AS827">
        <v>0</v>
      </c>
      <c r="AT827">
        <v>0</v>
      </c>
      <c r="AU827">
        <v>0</v>
      </c>
      <c r="AV827">
        <v>0</v>
      </c>
      <c r="AW827">
        <v>0</v>
      </c>
      <c r="AX827">
        <v>19375</v>
      </c>
      <c r="AY827">
        <v>20</v>
      </c>
      <c r="AZ827">
        <v>68</v>
      </c>
      <c r="BA827">
        <v>2854</v>
      </c>
    </row>
    <row r="828" spans="1:53" x14ac:dyDescent="0.4">
      <c r="A828">
        <v>872</v>
      </c>
      <c r="B828" s="1">
        <v>43066</v>
      </c>
      <c r="C828">
        <v>1</v>
      </c>
      <c r="D828" s="1">
        <v>43066.291666666664</v>
      </c>
      <c r="E828" s="1">
        <v>43066.451388888891</v>
      </c>
      <c r="F828">
        <v>0</v>
      </c>
      <c r="G828">
        <v>0</v>
      </c>
      <c r="H828">
        <v>0</v>
      </c>
      <c r="I828">
        <v>0</v>
      </c>
      <c r="J828">
        <v>0</v>
      </c>
      <c r="K828">
        <v>0</v>
      </c>
      <c r="L828">
        <v>0</v>
      </c>
      <c r="M828">
        <v>0</v>
      </c>
      <c r="N828">
        <v>0</v>
      </c>
      <c r="O828">
        <v>0</v>
      </c>
      <c r="P828">
        <v>0</v>
      </c>
      <c r="Q828">
        <v>0</v>
      </c>
      <c r="R828">
        <v>0</v>
      </c>
      <c r="S828">
        <v>0</v>
      </c>
      <c r="T828">
        <v>0</v>
      </c>
      <c r="U828">
        <v>0</v>
      </c>
      <c r="V828">
        <v>0</v>
      </c>
      <c r="W828">
        <v>0</v>
      </c>
      <c r="X828">
        <v>0</v>
      </c>
      <c r="Y828">
        <v>36</v>
      </c>
      <c r="Z828">
        <v>16</v>
      </c>
      <c r="AA828">
        <v>32</v>
      </c>
      <c r="AB828">
        <v>10</v>
      </c>
      <c r="AC828">
        <v>221</v>
      </c>
      <c r="AD828">
        <v>17</v>
      </c>
      <c r="AE828">
        <v>5</v>
      </c>
      <c r="AF828">
        <v>0</v>
      </c>
      <c r="AG828">
        <v>50000</v>
      </c>
      <c r="AH828">
        <v>0</v>
      </c>
      <c r="AI828">
        <v>50000</v>
      </c>
      <c r="AJ828">
        <v>0</v>
      </c>
      <c r="AK828" t="s">
        <v>6</v>
      </c>
      <c r="AL828">
        <v>0</v>
      </c>
      <c r="AM828">
        <v>0</v>
      </c>
      <c r="AN828">
        <v>0</v>
      </c>
      <c r="AO828">
        <v>0</v>
      </c>
      <c r="AP828">
        <v>0</v>
      </c>
      <c r="AQ828">
        <v>0</v>
      </c>
      <c r="AR828">
        <v>0</v>
      </c>
      <c r="AS828">
        <v>0</v>
      </c>
      <c r="AT828">
        <v>0</v>
      </c>
      <c r="AU828">
        <v>0</v>
      </c>
      <c r="AV828">
        <v>0</v>
      </c>
      <c r="AW828">
        <v>0</v>
      </c>
      <c r="AX828">
        <v>0</v>
      </c>
      <c r="AY828">
        <v>0</v>
      </c>
      <c r="AZ828">
        <v>0</v>
      </c>
      <c r="BA828">
        <v>0</v>
      </c>
    </row>
    <row r="829" spans="1:53" x14ac:dyDescent="0.4">
      <c r="A829">
        <v>873</v>
      </c>
      <c r="B829" s="1">
        <v>43066</v>
      </c>
      <c r="C829">
        <v>2</v>
      </c>
      <c r="D829" s="1">
        <v>43066.451388888891</v>
      </c>
      <c r="E829" s="1">
        <v>43066.728472222225</v>
      </c>
      <c r="F829">
        <v>19000</v>
      </c>
      <c r="G829">
        <v>570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1975</v>
      </c>
      <c r="N829">
        <v>0</v>
      </c>
      <c r="O829">
        <v>0</v>
      </c>
      <c r="P829">
        <v>11340</v>
      </c>
      <c r="Q829">
        <v>0</v>
      </c>
      <c r="R829">
        <v>38015</v>
      </c>
      <c r="S829">
        <v>0</v>
      </c>
      <c r="T829">
        <v>0</v>
      </c>
      <c r="U829">
        <v>0</v>
      </c>
      <c r="V829">
        <v>1</v>
      </c>
      <c r="W829">
        <v>1</v>
      </c>
      <c r="X829">
        <v>0</v>
      </c>
      <c r="Y829">
        <v>53</v>
      </c>
      <c r="Z829">
        <v>16</v>
      </c>
      <c r="AA829">
        <v>62</v>
      </c>
      <c r="AB829">
        <v>27</v>
      </c>
      <c r="AC829">
        <v>269</v>
      </c>
      <c r="AD829">
        <v>13</v>
      </c>
      <c r="AE829">
        <v>29</v>
      </c>
      <c r="AF829">
        <v>1682</v>
      </c>
      <c r="AG829">
        <v>88016</v>
      </c>
      <c r="AH829">
        <v>50000</v>
      </c>
      <c r="AI829">
        <v>1</v>
      </c>
      <c r="AJ829">
        <v>96</v>
      </c>
      <c r="AK829" t="s">
        <v>4</v>
      </c>
      <c r="AL829">
        <v>0</v>
      </c>
      <c r="AM829">
        <v>0</v>
      </c>
      <c r="AN829">
        <v>0</v>
      </c>
      <c r="AO829">
        <v>0</v>
      </c>
      <c r="AP829">
        <v>0</v>
      </c>
      <c r="AQ829">
        <v>0</v>
      </c>
      <c r="AR829">
        <v>0</v>
      </c>
      <c r="AS829">
        <v>0</v>
      </c>
      <c r="AT829">
        <v>0</v>
      </c>
      <c r="AU829">
        <v>0</v>
      </c>
      <c r="AV829">
        <v>0</v>
      </c>
      <c r="AW829">
        <v>0</v>
      </c>
      <c r="AX829">
        <v>0</v>
      </c>
      <c r="AY829">
        <v>39</v>
      </c>
      <c r="AZ829">
        <v>60</v>
      </c>
      <c r="BA829">
        <v>4619</v>
      </c>
    </row>
    <row r="830" spans="1:53" x14ac:dyDescent="0.4">
      <c r="A830">
        <v>874</v>
      </c>
      <c r="B830" s="1">
        <v>43066</v>
      </c>
      <c r="C830">
        <v>3</v>
      </c>
      <c r="D830" s="1">
        <v>43066.728472222225</v>
      </c>
      <c r="E830" s="1">
        <v>43066.954861111109</v>
      </c>
      <c r="F830">
        <v>27200</v>
      </c>
      <c r="G830">
        <v>1730</v>
      </c>
      <c r="H830">
        <v>0</v>
      </c>
      <c r="I830">
        <v>0</v>
      </c>
      <c r="J830">
        <v>0</v>
      </c>
      <c r="K830">
        <v>0</v>
      </c>
      <c r="L830">
        <v>0</v>
      </c>
      <c r="M830">
        <v>2314</v>
      </c>
      <c r="N830">
        <v>0</v>
      </c>
      <c r="O830">
        <v>0</v>
      </c>
      <c r="P830">
        <v>13500</v>
      </c>
      <c r="Q830">
        <v>0</v>
      </c>
      <c r="R830">
        <v>44744</v>
      </c>
      <c r="S830">
        <v>0</v>
      </c>
      <c r="T830">
        <v>0</v>
      </c>
      <c r="U830">
        <v>0</v>
      </c>
      <c r="V830">
        <v>2</v>
      </c>
      <c r="W830">
        <v>0</v>
      </c>
      <c r="X830">
        <v>0</v>
      </c>
      <c r="Y830">
        <v>71</v>
      </c>
      <c r="Z830">
        <v>14</v>
      </c>
      <c r="AA830">
        <v>102</v>
      </c>
      <c r="AB830">
        <v>24</v>
      </c>
      <c r="AC830">
        <v>262</v>
      </c>
      <c r="AD830">
        <v>13</v>
      </c>
      <c r="AE830">
        <v>129</v>
      </c>
      <c r="AF830">
        <v>20545</v>
      </c>
      <c r="AG830">
        <v>132759</v>
      </c>
      <c r="AH830">
        <v>50000</v>
      </c>
      <c r="AI830">
        <v>0</v>
      </c>
      <c r="AJ830">
        <v>30</v>
      </c>
      <c r="AL830">
        <v>0</v>
      </c>
      <c r="AM830">
        <v>0</v>
      </c>
      <c r="AN830">
        <v>0</v>
      </c>
      <c r="AO830">
        <v>0</v>
      </c>
      <c r="AP830">
        <v>0</v>
      </c>
      <c r="AQ830">
        <v>0</v>
      </c>
      <c r="AR830">
        <v>0</v>
      </c>
      <c r="AS830">
        <v>0</v>
      </c>
      <c r="AT830">
        <v>0</v>
      </c>
      <c r="AU830">
        <v>0</v>
      </c>
      <c r="AV830">
        <v>0</v>
      </c>
      <c r="AW830">
        <v>0</v>
      </c>
      <c r="AX830">
        <v>31039</v>
      </c>
      <c r="AY830">
        <v>15</v>
      </c>
      <c r="AZ830">
        <v>40</v>
      </c>
      <c r="BA830">
        <v>2936</v>
      </c>
    </row>
    <row r="831" spans="1:53" x14ac:dyDescent="0.4">
      <c r="A831">
        <v>875</v>
      </c>
      <c r="B831" s="1">
        <v>43066</v>
      </c>
      <c r="C831">
        <v>4</v>
      </c>
      <c r="D831" s="1">
        <v>43066.954861111109</v>
      </c>
      <c r="E831" s="1">
        <v>43067.111111111109</v>
      </c>
      <c r="F831">
        <v>43510</v>
      </c>
      <c r="G831">
        <v>5400</v>
      </c>
      <c r="H831">
        <v>0</v>
      </c>
      <c r="I831">
        <v>0</v>
      </c>
      <c r="J831">
        <v>2500</v>
      </c>
      <c r="K831">
        <v>0</v>
      </c>
      <c r="L831">
        <v>0</v>
      </c>
      <c r="M831">
        <v>3713</v>
      </c>
      <c r="N831">
        <v>0</v>
      </c>
      <c r="O831">
        <v>0</v>
      </c>
      <c r="P831">
        <v>-24840</v>
      </c>
      <c r="Q831">
        <v>0</v>
      </c>
      <c r="R831">
        <v>25283</v>
      </c>
      <c r="S831">
        <v>0</v>
      </c>
      <c r="T831">
        <v>0</v>
      </c>
      <c r="U831">
        <v>0</v>
      </c>
      <c r="V831">
        <v>5</v>
      </c>
      <c r="W831">
        <v>1</v>
      </c>
      <c r="X831">
        <v>0</v>
      </c>
      <c r="Y831">
        <v>63</v>
      </c>
      <c r="Z831">
        <v>11</v>
      </c>
      <c r="AA831">
        <v>100</v>
      </c>
      <c r="AB831">
        <v>24</v>
      </c>
      <c r="AC831">
        <v>260</v>
      </c>
      <c r="AD831">
        <v>14</v>
      </c>
      <c r="AE831">
        <v>127</v>
      </c>
      <c r="AF831">
        <v>20545</v>
      </c>
      <c r="AG831">
        <v>158042</v>
      </c>
      <c r="AH831">
        <v>50000</v>
      </c>
      <c r="AI831">
        <v>0</v>
      </c>
      <c r="AJ831">
        <v>30</v>
      </c>
      <c r="AL831">
        <v>0</v>
      </c>
      <c r="AM831">
        <v>0</v>
      </c>
      <c r="AN831">
        <v>0</v>
      </c>
      <c r="AO831">
        <v>0</v>
      </c>
      <c r="AP831">
        <v>0</v>
      </c>
      <c r="AQ831">
        <v>0</v>
      </c>
      <c r="AR831">
        <v>0</v>
      </c>
      <c r="AS831">
        <v>0</v>
      </c>
      <c r="AT831">
        <v>0</v>
      </c>
      <c r="AU831">
        <v>0</v>
      </c>
      <c r="AV831">
        <v>0</v>
      </c>
      <c r="AW831">
        <v>0</v>
      </c>
      <c r="AX831">
        <v>10368</v>
      </c>
      <c r="AY831">
        <v>2</v>
      </c>
      <c r="AZ831">
        <v>5</v>
      </c>
      <c r="BA831">
        <v>689</v>
      </c>
    </row>
    <row r="832" spans="1:53" x14ac:dyDescent="0.4">
      <c r="A832">
        <v>876</v>
      </c>
      <c r="B832" s="1">
        <v>43067</v>
      </c>
      <c r="C832">
        <v>1</v>
      </c>
      <c r="D832" s="1">
        <v>43067.291666666664</v>
      </c>
      <c r="E832" s="1">
        <v>43067.45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  <c r="M832">
        <v>0</v>
      </c>
      <c r="N832">
        <v>0</v>
      </c>
      <c r="O832">
        <v>0</v>
      </c>
      <c r="P832">
        <v>0</v>
      </c>
      <c r="Q832">
        <v>0</v>
      </c>
      <c r="R832">
        <v>0</v>
      </c>
      <c r="S832">
        <v>0</v>
      </c>
      <c r="T832">
        <v>0</v>
      </c>
      <c r="U832">
        <v>0</v>
      </c>
      <c r="V832">
        <v>0</v>
      </c>
      <c r="W832">
        <v>0</v>
      </c>
      <c r="X832">
        <v>0</v>
      </c>
      <c r="Y832">
        <v>33</v>
      </c>
      <c r="Z832">
        <v>9</v>
      </c>
      <c r="AA832">
        <v>103</v>
      </c>
      <c r="AB832">
        <v>18</v>
      </c>
      <c r="AC832">
        <v>110</v>
      </c>
      <c r="AD832">
        <v>14</v>
      </c>
      <c r="AE832">
        <v>130</v>
      </c>
      <c r="AF832">
        <v>0</v>
      </c>
      <c r="AG832">
        <v>50000</v>
      </c>
      <c r="AH832">
        <v>0</v>
      </c>
      <c r="AI832">
        <v>50000</v>
      </c>
      <c r="AJ832">
        <v>0</v>
      </c>
      <c r="AK832" t="s">
        <v>6</v>
      </c>
      <c r="AL832">
        <v>0</v>
      </c>
      <c r="AM832">
        <v>0</v>
      </c>
      <c r="AN832">
        <v>0</v>
      </c>
      <c r="AO832">
        <v>0</v>
      </c>
      <c r="AP832">
        <v>0</v>
      </c>
      <c r="AQ832">
        <v>0</v>
      </c>
      <c r="AR832">
        <v>0</v>
      </c>
      <c r="AS832">
        <v>0</v>
      </c>
      <c r="AT832">
        <v>0</v>
      </c>
      <c r="AU832">
        <v>0</v>
      </c>
      <c r="AV832">
        <v>0</v>
      </c>
      <c r="AW832">
        <v>0</v>
      </c>
      <c r="AX832">
        <v>0</v>
      </c>
      <c r="AY832">
        <v>0</v>
      </c>
      <c r="AZ832">
        <v>0</v>
      </c>
      <c r="BA832">
        <v>0</v>
      </c>
    </row>
    <row r="833" spans="1:53" x14ac:dyDescent="0.4">
      <c r="A833">
        <v>877</v>
      </c>
      <c r="B833" s="1">
        <v>43067</v>
      </c>
      <c r="C833">
        <v>2</v>
      </c>
      <c r="D833" s="1">
        <v>43067.45</v>
      </c>
      <c r="E833" s="1">
        <v>43067.756944444445</v>
      </c>
      <c r="F833">
        <v>17500</v>
      </c>
      <c r="G833">
        <v>302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1642</v>
      </c>
      <c r="N833">
        <v>0</v>
      </c>
      <c r="O833">
        <v>0</v>
      </c>
      <c r="P833">
        <v>12960</v>
      </c>
      <c r="Q833">
        <v>0</v>
      </c>
      <c r="R833">
        <v>35122</v>
      </c>
      <c r="S833">
        <v>0</v>
      </c>
      <c r="T833">
        <v>0</v>
      </c>
      <c r="U833">
        <v>0</v>
      </c>
      <c r="V833">
        <v>0</v>
      </c>
      <c r="W833">
        <v>2</v>
      </c>
      <c r="X833">
        <v>0</v>
      </c>
      <c r="Y833">
        <v>52</v>
      </c>
      <c r="Z833">
        <v>16</v>
      </c>
      <c r="AA833">
        <v>106</v>
      </c>
      <c r="AB833">
        <v>23</v>
      </c>
      <c r="AC833">
        <v>146</v>
      </c>
      <c r="AD833">
        <v>16</v>
      </c>
      <c r="AE833">
        <v>124</v>
      </c>
      <c r="AF833">
        <v>1708</v>
      </c>
      <c r="AG833">
        <v>85122</v>
      </c>
      <c r="AH833">
        <v>50000</v>
      </c>
      <c r="AI833">
        <v>0</v>
      </c>
      <c r="AJ833">
        <v>82</v>
      </c>
      <c r="AK833" t="s">
        <v>17</v>
      </c>
      <c r="AL833">
        <v>0</v>
      </c>
      <c r="AM833">
        <v>0</v>
      </c>
      <c r="AN833">
        <v>0</v>
      </c>
      <c r="AO833">
        <v>0</v>
      </c>
      <c r="AP833">
        <v>0</v>
      </c>
      <c r="AQ833">
        <v>0</v>
      </c>
      <c r="AR833">
        <v>0</v>
      </c>
      <c r="AS833">
        <v>0</v>
      </c>
      <c r="AT833">
        <v>0</v>
      </c>
      <c r="AU833">
        <v>0</v>
      </c>
      <c r="AV833">
        <v>0</v>
      </c>
      <c r="AW833">
        <v>0</v>
      </c>
      <c r="AX833">
        <v>2570</v>
      </c>
      <c r="AY833">
        <v>36</v>
      </c>
      <c r="AZ833">
        <v>58</v>
      </c>
      <c r="BA833">
        <v>5362</v>
      </c>
    </row>
    <row r="834" spans="1:53" x14ac:dyDescent="0.4">
      <c r="A834">
        <v>878</v>
      </c>
      <c r="B834" s="1">
        <v>43067</v>
      </c>
      <c r="C834">
        <v>3</v>
      </c>
      <c r="D834" s="1">
        <v>43067.756944444445</v>
      </c>
      <c r="E834" s="1">
        <v>43067.951388888891</v>
      </c>
      <c r="F834">
        <v>28600</v>
      </c>
      <c r="G834">
        <v>6420</v>
      </c>
      <c r="H834">
        <v>0</v>
      </c>
      <c r="I834">
        <v>0</v>
      </c>
      <c r="J834">
        <v>0</v>
      </c>
      <c r="K834">
        <v>0</v>
      </c>
      <c r="L834">
        <v>0</v>
      </c>
      <c r="M834">
        <v>2801</v>
      </c>
      <c r="N834">
        <v>0</v>
      </c>
      <c r="O834">
        <v>0</v>
      </c>
      <c r="P834">
        <v>-10368</v>
      </c>
      <c r="Q834">
        <v>0</v>
      </c>
      <c r="R834">
        <v>27453</v>
      </c>
      <c r="S834">
        <v>0</v>
      </c>
      <c r="T834">
        <v>0</v>
      </c>
      <c r="U834">
        <v>0</v>
      </c>
      <c r="V834">
        <v>1</v>
      </c>
      <c r="W834">
        <v>4</v>
      </c>
      <c r="X834">
        <v>0</v>
      </c>
      <c r="Y834">
        <v>60</v>
      </c>
      <c r="Z834">
        <v>15</v>
      </c>
      <c r="AA834">
        <v>87</v>
      </c>
      <c r="AB834">
        <v>20</v>
      </c>
      <c r="AC834">
        <v>133</v>
      </c>
      <c r="AD834">
        <v>13</v>
      </c>
      <c r="AE834">
        <v>106</v>
      </c>
      <c r="AF834">
        <v>3874</v>
      </c>
      <c r="AG834">
        <v>112575</v>
      </c>
      <c r="AH834">
        <v>50000</v>
      </c>
      <c r="AI834">
        <v>0</v>
      </c>
      <c r="AJ834">
        <v>29</v>
      </c>
      <c r="AK834" t="s">
        <v>28</v>
      </c>
      <c r="AL834">
        <v>0</v>
      </c>
      <c r="AM834">
        <v>0</v>
      </c>
      <c r="AN834">
        <v>0</v>
      </c>
      <c r="AO834">
        <v>0</v>
      </c>
      <c r="AP834">
        <v>0</v>
      </c>
      <c r="AQ834">
        <v>0</v>
      </c>
      <c r="AR834">
        <v>0</v>
      </c>
      <c r="AS834">
        <v>0</v>
      </c>
      <c r="AT834">
        <v>0</v>
      </c>
      <c r="AU834">
        <v>0</v>
      </c>
      <c r="AV834">
        <v>0</v>
      </c>
      <c r="AW834">
        <v>0</v>
      </c>
      <c r="AX834">
        <v>0</v>
      </c>
      <c r="AY834">
        <v>6</v>
      </c>
      <c r="AZ834">
        <v>16</v>
      </c>
      <c r="BA834">
        <v>1443</v>
      </c>
    </row>
    <row r="835" spans="1:53" x14ac:dyDescent="0.4">
      <c r="A835">
        <v>879</v>
      </c>
      <c r="B835" s="1">
        <v>43067</v>
      </c>
      <c r="C835">
        <v>4</v>
      </c>
      <c r="D835" s="1">
        <v>43067.951388888891</v>
      </c>
      <c r="E835" s="1">
        <v>43068.090277777781</v>
      </c>
      <c r="F835">
        <v>7000</v>
      </c>
      <c r="G835">
        <v>0</v>
      </c>
      <c r="H835">
        <v>0</v>
      </c>
      <c r="I835">
        <v>0</v>
      </c>
      <c r="J835">
        <v>0</v>
      </c>
      <c r="K835">
        <v>0</v>
      </c>
      <c r="L835">
        <v>0</v>
      </c>
      <c r="M835">
        <v>560</v>
      </c>
      <c r="N835">
        <v>0</v>
      </c>
      <c r="O835">
        <v>0</v>
      </c>
      <c r="P835">
        <v>13284</v>
      </c>
      <c r="Q835">
        <v>0</v>
      </c>
      <c r="R835">
        <v>20844</v>
      </c>
      <c r="S835">
        <v>0</v>
      </c>
      <c r="T835">
        <v>0</v>
      </c>
      <c r="U835">
        <v>0</v>
      </c>
      <c r="V835">
        <v>2</v>
      </c>
      <c r="W835">
        <v>3</v>
      </c>
      <c r="X835">
        <v>0</v>
      </c>
      <c r="Y835">
        <v>69</v>
      </c>
      <c r="Z835">
        <v>14</v>
      </c>
      <c r="AA835">
        <v>99</v>
      </c>
      <c r="AB835">
        <v>23</v>
      </c>
      <c r="AC835">
        <v>148</v>
      </c>
      <c r="AD835">
        <v>15</v>
      </c>
      <c r="AE835">
        <v>108</v>
      </c>
      <c r="AF835">
        <v>9706</v>
      </c>
      <c r="AG835">
        <v>133419</v>
      </c>
      <c r="AH835">
        <v>50000</v>
      </c>
      <c r="AI835">
        <v>0</v>
      </c>
      <c r="AJ835">
        <v>29</v>
      </c>
      <c r="AK835" t="s">
        <v>28</v>
      </c>
      <c r="AL835">
        <v>0</v>
      </c>
      <c r="AM835">
        <v>0</v>
      </c>
      <c r="AN835">
        <v>0</v>
      </c>
      <c r="AO835">
        <v>0</v>
      </c>
      <c r="AP835">
        <v>0</v>
      </c>
      <c r="AQ835">
        <v>0</v>
      </c>
      <c r="AR835">
        <v>0</v>
      </c>
      <c r="AS835">
        <v>0</v>
      </c>
      <c r="AT835">
        <v>0</v>
      </c>
      <c r="AU835">
        <v>0</v>
      </c>
      <c r="AV835">
        <v>0</v>
      </c>
      <c r="AW835">
        <v>0</v>
      </c>
      <c r="AX835">
        <v>0</v>
      </c>
      <c r="AY835">
        <v>7</v>
      </c>
      <c r="AZ835">
        <v>15</v>
      </c>
      <c r="BA835">
        <v>1073</v>
      </c>
    </row>
    <row r="836" spans="1:53" x14ac:dyDescent="0.4">
      <c r="A836">
        <v>880</v>
      </c>
      <c r="B836" s="1">
        <v>43068</v>
      </c>
      <c r="C836">
        <v>1</v>
      </c>
      <c r="D836" s="1">
        <v>43068.291666666664</v>
      </c>
      <c r="E836" s="1">
        <v>43068.443055555559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0</v>
      </c>
      <c r="O836">
        <v>0</v>
      </c>
      <c r="P836">
        <v>0</v>
      </c>
      <c r="Q836">
        <v>0</v>
      </c>
      <c r="R836">
        <v>0</v>
      </c>
      <c r="S836">
        <v>0</v>
      </c>
      <c r="T836">
        <v>0</v>
      </c>
      <c r="U836">
        <v>0</v>
      </c>
      <c r="V836">
        <v>0</v>
      </c>
      <c r="W836">
        <v>1</v>
      </c>
      <c r="X836">
        <v>0</v>
      </c>
      <c r="Y836">
        <v>25</v>
      </c>
      <c r="Z836">
        <v>15</v>
      </c>
      <c r="AA836">
        <v>97</v>
      </c>
      <c r="AB836">
        <v>24</v>
      </c>
      <c r="AC836">
        <v>141</v>
      </c>
      <c r="AD836">
        <v>17</v>
      </c>
      <c r="AE836">
        <v>105</v>
      </c>
      <c r="AF836">
        <v>0</v>
      </c>
      <c r="AG836">
        <v>50000</v>
      </c>
      <c r="AH836">
        <v>0</v>
      </c>
      <c r="AI836">
        <v>50000</v>
      </c>
      <c r="AJ836">
        <v>0</v>
      </c>
      <c r="AK836" t="s">
        <v>6</v>
      </c>
      <c r="AL836">
        <v>0</v>
      </c>
      <c r="AM836">
        <v>0</v>
      </c>
      <c r="AN836">
        <v>0</v>
      </c>
      <c r="AO836">
        <v>0</v>
      </c>
      <c r="AP836">
        <v>0</v>
      </c>
      <c r="AQ836">
        <v>0</v>
      </c>
      <c r="AR836">
        <v>0</v>
      </c>
      <c r="AS836">
        <v>0</v>
      </c>
      <c r="AT836">
        <v>0</v>
      </c>
      <c r="AU836">
        <v>0</v>
      </c>
      <c r="AV836">
        <v>0</v>
      </c>
      <c r="AW836">
        <v>0</v>
      </c>
      <c r="AX836">
        <v>0</v>
      </c>
      <c r="AY836">
        <v>0</v>
      </c>
      <c r="AZ836">
        <v>0</v>
      </c>
      <c r="BA836">
        <v>0</v>
      </c>
    </row>
    <row r="837" spans="1:53" x14ac:dyDescent="0.4">
      <c r="A837">
        <v>881</v>
      </c>
      <c r="B837" s="1">
        <v>43068</v>
      </c>
      <c r="C837">
        <v>2</v>
      </c>
      <c r="D837" s="1">
        <v>43068.443055555559</v>
      </c>
      <c r="E837" s="1">
        <v>43068.748611111114</v>
      </c>
      <c r="F837">
        <v>25500</v>
      </c>
      <c r="G837">
        <v>55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2084</v>
      </c>
      <c r="N837">
        <v>0</v>
      </c>
      <c r="O837">
        <v>0</v>
      </c>
      <c r="P837">
        <v>7020</v>
      </c>
      <c r="Q837">
        <v>0</v>
      </c>
      <c r="R837">
        <v>35154</v>
      </c>
      <c r="S837">
        <v>0</v>
      </c>
      <c r="T837">
        <v>0</v>
      </c>
      <c r="U837">
        <v>0</v>
      </c>
      <c r="V837">
        <v>1</v>
      </c>
      <c r="W837">
        <v>3</v>
      </c>
      <c r="X837">
        <v>0</v>
      </c>
      <c r="Y837">
        <v>37</v>
      </c>
      <c r="Z837">
        <v>20</v>
      </c>
      <c r="AA837">
        <v>97</v>
      </c>
      <c r="AB837">
        <v>27</v>
      </c>
      <c r="AC837">
        <v>189</v>
      </c>
      <c r="AD837">
        <v>23</v>
      </c>
      <c r="AE837">
        <v>101</v>
      </c>
      <c r="AF837">
        <v>0</v>
      </c>
      <c r="AG837">
        <v>85156</v>
      </c>
      <c r="AH837">
        <v>50000</v>
      </c>
      <c r="AI837">
        <v>2</v>
      </c>
      <c r="AJ837">
        <v>102</v>
      </c>
      <c r="AK837" t="s">
        <v>8</v>
      </c>
      <c r="AL837">
        <v>0</v>
      </c>
      <c r="AM837">
        <v>0</v>
      </c>
      <c r="AN837">
        <v>0</v>
      </c>
      <c r="AO837">
        <v>0</v>
      </c>
      <c r="AP837">
        <v>0</v>
      </c>
      <c r="AQ837">
        <v>0</v>
      </c>
      <c r="AR837">
        <v>0</v>
      </c>
      <c r="AS837">
        <v>0</v>
      </c>
      <c r="AT837">
        <v>0</v>
      </c>
      <c r="AU837">
        <v>0</v>
      </c>
      <c r="AV837">
        <v>0</v>
      </c>
      <c r="AW837">
        <v>0</v>
      </c>
      <c r="AX837">
        <v>0</v>
      </c>
      <c r="AY837">
        <v>31</v>
      </c>
      <c r="AZ837">
        <v>62</v>
      </c>
      <c r="BA837">
        <v>4847</v>
      </c>
    </row>
    <row r="838" spans="1:53" x14ac:dyDescent="0.4">
      <c r="A838">
        <v>882</v>
      </c>
      <c r="B838" s="1">
        <v>43068</v>
      </c>
      <c r="C838">
        <v>3</v>
      </c>
      <c r="D838" s="1">
        <v>43068.748611111114</v>
      </c>
      <c r="E838" s="1">
        <v>43068.947916666664</v>
      </c>
      <c r="F838">
        <v>20900</v>
      </c>
      <c r="G838">
        <v>50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1712</v>
      </c>
      <c r="N838">
        <v>0</v>
      </c>
      <c r="O838">
        <v>0</v>
      </c>
      <c r="P838">
        <v>30348</v>
      </c>
      <c r="Q838">
        <v>0</v>
      </c>
      <c r="R838">
        <v>53460</v>
      </c>
      <c r="S838">
        <v>0</v>
      </c>
      <c r="T838">
        <v>0</v>
      </c>
      <c r="U838">
        <v>0</v>
      </c>
      <c r="V838">
        <v>7</v>
      </c>
      <c r="W838">
        <v>0</v>
      </c>
      <c r="X838">
        <v>0</v>
      </c>
      <c r="Y838">
        <v>45</v>
      </c>
      <c r="Z838">
        <v>20</v>
      </c>
      <c r="AA838">
        <v>80</v>
      </c>
      <c r="AB838">
        <v>24</v>
      </c>
      <c r="AC838">
        <v>174</v>
      </c>
      <c r="AD838">
        <v>20</v>
      </c>
      <c r="AE838">
        <v>84</v>
      </c>
      <c r="AF838">
        <v>2490</v>
      </c>
      <c r="AG838">
        <v>138614</v>
      </c>
      <c r="AH838">
        <v>50000</v>
      </c>
      <c r="AI838">
        <v>0</v>
      </c>
      <c r="AJ838">
        <v>29</v>
      </c>
      <c r="AK838" t="s">
        <v>28</v>
      </c>
      <c r="AL838">
        <v>0</v>
      </c>
      <c r="AM838">
        <v>0</v>
      </c>
      <c r="AN838">
        <v>0</v>
      </c>
      <c r="AO838">
        <v>0</v>
      </c>
      <c r="AP838">
        <v>0</v>
      </c>
      <c r="AQ838">
        <v>0</v>
      </c>
      <c r="AR838">
        <v>0</v>
      </c>
      <c r="AS838">
        <v>0</v>
      </c>
      <c r="AT838">
        <v>0</v>
      </c>
      <c r="AU838">
        <v>0</v>
      </c>
      <c r="AV838">
        <v>0</v>
      </c>
      <c r="AW838">
        <v>0</v>
      </c>
      <c r="AX838">
        <v>45706</v>
      </c>
      <c r="AY838">
        <v>13</v>
      </c>
      <c r="AZ838">
        <v>62</v>
      </c>
      <c r="BA838">
        <v>1644</v>
      </c>
    </row>
    <row r="839" spans="1:53" x14ac:dyDescent="0.4">
      <c r="A839">
        <v>883</v>
      </c>
      <c r="B839" s="1">
        <v>43068</v>
      </c>
      <c r="C839">
        <v>4</v>
      </c>
      <c r="D839" s="1">
        <v>43068.947916666664</v>
      </c>
      <c r="E839" s="1">
        <v>43069.09375</v>
      </c>
      <c r="F839">
        <v>98900</v>
      </c>
      <c r="G839">
        <v>100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7992</v>
      </c>
      <c r="N839">
        <v>0</v>
      </c>
      <c r="O839">
        <v>0</v>
      </c>
      <c r="P839">
        <v>-30456</v>
      </c>
      <c r="Q839">
        <v>0</v>
      </c>
      <c r="R839">
        <v>77436</v>
      </c>
      <c r="S839">
        <v>0</v>
      </c>
      <c r="T839">
        <v>0</v>
      </c>
      <c r="U839">
        <v>0</v>
      </c>
      <c r="V839">
        <v>10</v>
      </c>
      <c r="W839">
        <v>4</v>
      </c>
      <c r="X839">
        <v>0</v>
      </c>
      <c r="Y839">
        <v>48</v>
      </c>
      <c r="Z839">
        <v>16</v>
      </c>
      <c r="AA839">
        <v>76</v>
      </c>
      <c r="AB839">
        <v>25</v>
      </c>
      <c r="AC839">
        <v>167</v>
      </c>
      <c r="AD839">
        <v>24</v>
      </c>
      <c r="AE839">
        <v>136</v>
      </c>
      <c r="AF839">
        <v>29274</v>
      </c>
      <c r="AG839">
        <v>216050</v>
      </c>
      <c r="AH839">
        <v>50000</v>
      </c>
      <c r="AI839">
        <v>0</v>
      </c>
      <c r="AJ839">
        <v>100</v>
      </c>
      <c r="AK839" t="s">
        <v>0</v>
      </c>
      <c r="AL839">
        <v>0</v>
      </c>
      <c r="AM839">
        <v>0</v>
      </c>
      <c r="AN839">
        <v>0</v>
      </c>
      <c r="AO839">
        <v>0</v>
      </c>
      <c r="AP839">
        <v>0</v>
      </c>
      <c r="AQ839">
        <v>0</v>
      </c>
      <c r="AR839">
        <v>0</v>
      </c>
      <c r="AS839">
        <v>0</v>
      </c>
      <c r="AT839">
        <v>0</v>
      </c>
      <c r="AU839">
        <v>0</v>
      </c>
      <c r="AV839">
        <v>0</v>
      </c>
      <c r="AW839">
        <v>0</v>
      </c>
      <c r="AX839">
        <v>0</v>
      </c>
      <c r="AY839">
        <v>4</v>
      </c>
      <c r="AZ839">
        <v>11</v>
      </c>
      <c r="BA839">
        <v>947</v>
      </c>
    </row>
    <row r="840" spans="1:53" x14ac:dyDescent="0.4">
      <c r="A840">
        <v>884</v>
      </c>
      <c r="B840" s="1">
        <v>43069</v>
      </c>
      <c r="C840">
        <v>1</v>
      </c>
      <c r="D840" s="1">
        <v>43069.291666666664</v>
      </c>
      <c r="E840" s="1">
        <v>43069.447916666664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0</v>
      </c>
      <c r="O840">
        <v>0</v>
      </c>
      <c r="P840">
        <v>0</v>
      </c>
      <c r="Q840">
        <v>0</v>
      </c>
      <c r="R840">
        <v>0</v>
      </c>
      <c r="S840">
        <v>0</v>
      </c>
      <c r="T840">
        <v>0</v>
      </c>
      <c r="U840">
        <v>0</v>
      </c>
      <c r="V840">
        <v>0</v>
      </c>
      <c r="W840">
        <v>0</v>
      </c>
      <c r="X840">
        <v>0</v>
      </c>
      <c r="Y840">
        <v>33</v>
      </c>
      <c r="Z840">
        <v>15</v>
      </c>
      <c r="AA840">
        <v>74</v>
      </c>
      <c r="AB840">
        <v>15</v>
      </c>
      <c r="AC840">
        <v>110</v>
      </c>
      <c r="AD840">
        <v>24</v>
      </c>
      <c r="AE840">
        <v>130</v>
      </c>
      <c r="AF840">
        <v>0</v>
      </c>
      <c r="AG840">
        <v>50000</v>
      </c>
      <c r="AH840">
        <v>0</v>
      </c>
      <c r="AI840">
        <v>50000</v>
      </c>
      <c r="AJ840">
        <v>0</v>
      </c>
      <c r="AK840" t="s">
        <v>6</v>
      </c>
      <c r="AL840">
        <v>0</v>
      </c>
      <c r="AM840">
        <v>0</v>
      </c>
      <c r="AN840">
        <v>0</v>
      </c>
      <c r="AO840">
        <v>0</v>
      </c>
      <c r="AP840">
        <v>0</v>
      </c>
      <c r="AQ840">
        <v>0</v>
      </c>
      <c r="AR840">
        <v>0</v>
      </c>
      <c r="AS840">
        <v>0</v>
      </c>
      <c r="AT840">
        <v>0</v>
      </c>
      <c r="AU840">
        <v>0</v>
      </c>
      <c r="AV840">
        <v>0</v>
      </c>
      <c r="AW840">
        <v>0</v>
      </c>
      <c r="AX840">
        <v>0</v>
      </c>
      <c r="AY840">
        <v>0</v>
      </c>
      <c r="AZ840">
        <v>0</v>
      </c>
      <c r="BA840">
        <v>0</v>
      </c>
    </row>
    <row r="841" spans="1:53" x14ac:dyDescent="0.4">
      <c r="A841">
        <v>885</v>
      </c>
      <c r="B841" s="1">
        <v>43069</v>
      </c>
      <c r="C841">
        <v>2</v>
      </c>
      <c r="D841" s="1">
        <v>43069.447916666664</v>
      </c>
      <c r="E841" s="1">
        <v>43069.753472222219</v>
      </c>
      <c r="F841">
        <v>1850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1480</v>
      </c>
      <c r="N841">
        <v>0</v>
      </c>
      <c r="O841">
        <v>0</v>
      </c>
      <c r="P841">
        <v>20412</v>
      </c>
      <c r="Q841">
        <v>0</v>
      </c>
      <c r="R841">
        <v>40392</v>
      </c>
      <c r="S841">
        <v>0</v>
      </c>
      <c r="T841">
        <v>0</v>
      </c>
      <c r="U841">
        <v>0</v>
      </c>
      <c r="V841">
        <v>1</v>
      </c>
      <c r="W841">
        <v>0</v>
      </c>
      <c r="X841">
        <v>0</v>
      </c>
      <c r="Y841">
        <v>51</v>
      </c>
      <c r="Z841">
        <v>25</v>
      </c>
      <c r="AA841">
        <v>62</v>
      </c>
      <c r="AB841">
        <v>0</v>
      </c>
      <c r="AC841">
        <v>136</v>
      </c>
      <c r="AD841">
        <v>25</v>
      </c>
      <c r="AE841">
        <v>135</v>
      </c>
      <c r="AF841">
        <v>9072</v>
      </c>
      <c r="AG841">
        <v>90392</v>
      </c>
      <c r="AH841">
        <v>50000</v>
      </c>
      <c r="AI841">
        <v>0</v>
      </c>
      <c r="AJ841">
        <v>84</v>
      </c>
      <c r="AK841" t="s">
        <v>16</v>
      </c>
      <c r="AL841">
        <v>0</v>
      </c>
      <c r="AM841">
        <v>0</v>
      </c>
      <c r="AN841">
        <v>0</v>
      </c>
      <c r="AO841">
        <v>0</v>
      </c>
      <c r="AP841">
        <v>0</v>
      </c>
      <c r="AQ841">
        <v>0</v>
      </c>
      <c r="AR841">
        <v>0</v>
      </c>
      <c r="AS841">
        <v>0</v>
      </c>
      <c r="AT841">
        <v>0</v>
      </c>
      <c r="AU841">
        <v>0</v>
      </c>
      <c r="AV841">
        <v>0</v>
      </c>
      <c r="AW841">
        <v>0</v>
      </c>
      <c r="AX841">
        <v>-7052</v>
      </c>
      <c r="AY841">
        <v>30</v>
      </c>
      <c r="AZ841">
        <v>63</v>
      </c>
      <c r="BA841">
        <v>4753</v>
      </c>
    </row>
    <row r="842" spans="1:53" x14ac:dyDescent="0.4">
      <c r="A842">
        <v>886</v>
      </c>
      <c r="B842" s="1">
        <v>43069</v>
      </c>
      <c r="C842">
        <v>3</v>
      </c>
      <c r="D842" s="1">
        <v>43069.753472222219</v>
      </c>
      <c r="E842" s="1">
        <v>43070.032638888886</v>
      </c>
      <c r="F842">
        <v>90700</v>
      </c>
      <c r="G842">
        <v>863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7946</v>
      </c>
      <c r="N842">
        <v>0</v>
      </c>
      <c r="O842">
        <v>0</v>
      </c>
      <c r="P842">
        <v>-19224</v>
      </c>
      <c r="Q842">
        <v>0</v>
      </c>
      <c r="R842">
        <v>88052</v>
      </c>
      <c r="S842">
        <v>0</v>
      </c>
      <c r="T842">
        <v>0</v>
      </c>
      <c r="U842">
        <v>0</v>
      </c>
      <c r="V842">
        <v>7</v>
      </c>
      <c r="W842">
        <v>1</v>
      </c>
      <c r="X842">
        <v>0</v>
      </c>
      <c r="Y842">
        <v>60</v>
      </c>
      <c r="Z842">
        <v>24</v>
      </c>
      <c r="AA842">
        <v>58</v>
      </c>
      <c r="AB842">
        <v>1</v>
      </c>
      <c r="AC842">
        <v>128</v>
      </c>
      <c r="AD842">
        <v>27</v>
      </c>
      <c r="AE842">
        <v>139</v>
      </c>
      <c r="AF842">
        <v>24040</v>
      </c>
      <c r="AG842">
        <v>178444</v>
      </c>
      <c r="AH842">
        <v>50000</v>
      </c>
      <c r="AI842">
        <v>0</v>
      </c>
      <c r="AJ842">
        <v>100</v>
      </c>
      <c r="AK842" t="s">
        <v>0</v>
      </c>
      <c r="AL842">
        <v>0</v>
      </c>
      <c r="AM842">
        <v>0</v>
      </c>
      <c r="AN842">
        <v>0</v>
      </c>
      <c r="AO842">
        <v>0</v>
      </c>
      <c r="AP842">
        <v>0</v>
      </c>
      <c r="AQ842">
        <v>0</v>
      </c>
      <c r="AR842">
        <v>0</v>
      </c>
      <c r="AS842">
        <v>0</v>
      </c>
      <c r="AT842">
        <v>0</v>
      </c>
      <c r="AU842">
        <v>0</v>
      </c>
      <c r="AV842">
        <v>0</v>
      </c>
      <c r="AW842">
        <v>0</v>
      </c>
      <c r="AX842">
        <v>2754</v>
      </c>
      <c r="AY842">
        <v>21</v>
      </c>
      <c r="AZ842">
        <v>69</v>
      </c>
      <c r="BA842">
        <v>2547</v>
      </c>
    </row>
    <row r="843" spans="1:53" x14ac:dyDescent="0.4">
      <c r="A843">
        <v>887</v>
      </c>
      <c r="B843" s="1">
        <v>43069</v>
      </c>
      <c r="C843">
        <v>4</v>
      </c>
      <c r="D843" s="1">
        <v>43070.032638888886</v>
      </c>
      <c r="E843" s="1">
        <v>43070.089583333334</v>
      </c>
      <c r="F843">
        <v>1000</v>
      </c>
      <c r="G843">
        <v>800</v>
      </c>
      <c r="H843">
        <v>0</v>
      </c>
      <c r="I843">
        <v>0</v>
      </c>
      <c r="J843">
        <v>0</v>
      </c>
      <c r="K843">
        <v>0</v>
      </c>
      <c r="L843">
        <v>0</v>
      </c>
      <c r="M843">
        <v>144</v>
      </c>
      <c r="N843">
        <v>0</v>
      </c>
      <c r="O843">
        <v>0</v>
      </c>
      <c r="P843">
        <v>0</v>
      </c>
      <c r="Q843">
        <v>0</v>
      </c>
      <c r="R843">
        <v>1944</v>
      </c>
      <c r="S843">
        <v>0</v>
      </c>
      <c r="T843">
        <v>0</v>
      </c>
      <c r="U843">
        <v>0</v>
      </c>
      <c r="V843">
        <v>7</v>
      </c>
      <c r="W843">
        <v>1</v>
      </c>
      <c r="X843">
        <v>0</v>
      </c>
      <c r="Y843">
        <v>61</v>
      </c>
      <c r="Z843">
        <v>24</v>
      </c>
      <c r="AA843">
        <v>68</v>
      </c>
      <c r="AB843">
        <v>0</v>
      </c>
      <c r="AC843">
        <v>128</v>
      </c>
      <c r="AD843">
        <v>26</v>
      </c>
      <c r="AE843">
        <v>138</v>
      </c>
      <c r="AF843">
        <v>24040</v>
      </c>
      <c r="AG843">
        <v>180388</v>
      </c>
      <c r="AH843">
        <v>50000</v>
      </c>
      <c r="AI843">
        <v>0</v>
      </c>
      <c r="AJ843">
        <v>100</v>
      </c>
      <c r="AK843" t="s">
        <v>0</v>
      </c>
      <c r="AL843">
        <v>0</v>
      </c>
      <c r="AM843">
        <v>0</v>
      </c>
      <c r="AN843">
        <v>0</v>
      </c>
      <c r="AO843">
        <v>0</v>
      </c>
      <c r="AP843">
        <v>0</v>
      </c>
      <c r="AQ843">
        <v>0</v>
      </c>
      <c r="AR843">
        <v>0</v>
      </c>
      <c r="AS843">
        <v>0</v>
      </c>
      <c r="AT843">
        <v>0</v>
      </c>
      <c r="AU843">
        <v>0</v>
      </c>
      <c r="AV843">
        <v>0</v>
      </c>
      <c r="AW843">
        <v>0</v>
      </c>
      <c r="AX843">
        <v>810</v>
      </c>
      <c r="AY843">
        <v>0</v>
      </c>
      <c r="AZ843">
        <v>0</v>
      </c>
      <c r="BA843">
        <v>90</v>
      </c>
    </row>
    <row r="844" spans="1:53" x14ac:dyDescent="0.4">
      <c r="A844">
        <v>888</v>
      </c>
      <c r="B844" s="1">
        <v>43070</v>
      </c>
      <c r="C844">
        <v>1</v>
      </c>
      <c r="D844" s="1">
        <v>43070.291666666664</v>
      </c>
      <c r="E844" s="1">
        <v>43070.453472222223</v>
      </c>
      <c r="F844">
        <v>0</v>
      </c>
      <c r="G844">
        <v>0</v>
      </c>
      <c r="H844">
        <v>0</v>
      </c>
      <c r="I844">
        <v>0</v>
      </c>
      <c r="J844">
        <v>0</v>
      </c>
      <c r="K844">
        <v>0</v>
      </c>
      <c r="L844">
        <v>0</v>
      </c>
      <c r="M844">
        <v>0</v>
      </c>
      <c r="N844">
        <v>0</v>
      </c>
      <c r="O844">
        <v>0</v>
      </c>
      <c r="P844">
        <v>0</v>
      </c>
      <c r="Q844">
        <v>0</v>
      </c>
      <c r="R844">
        <v>0</v>
      </c>
      <c r="S844">
        <v>0</v>
      </c>
      <c r="T844">
        <v>0</v>
      </c>
      <c r="U844">
        <v>0</v>
      </c>
      <c r="V844">
        <v>0</v>
      </c>
      <c r="W844">
        <v>0</v>
      </c>
      <c r="X844">
        <v>0</v>
      </c>
      <c r="Y844">
        <v>32</v>
      </c>
      <c r="Z844">
        <v>20</v>
      </c>
      <c r="AA844">
        <v>63</v>
      </c>
      <c r="AB844">
        <v>6</v>
      </c>
      <c r="AC844">
        <v>115</v>
      </c>
      <c r="AD844">
        <v>23</v>
      </c>
      <c r="AE844">
        <v>135</v>
      </c>
      <c r="AF844">
        <v>0</v>
      </c>
      <c r="AG844">
        <v>50000</v>
      </c>
      <c r="AH844">
        <v>0</v>
      </c>
      <c r="AI844">
        <v>50000</v>
      </c>
      <c r="AJ844">
        <v>0</v>
      </c>
      <c r="AK844" t="s">
        <v>6</v>
      </c>
      <c r="AL844">
        <v>0</v>
      </c>
      <c r="AM844">
        <v>0</v>
      </c>
      <c r="AN844">
        <v>0</v>
      </c>
      <c r="AO844">
        <v>0</v>
      </c>
      <c r="AP844">
        <v>0</v>
      </c>
      <c r="AQ844">
        <v>0</v>
      </c>
      <c r="AR844">
        <v>0</v>
      </c>
      <c r="AS844">
        <v>0</v>
      </c>
      <c r="AT844">
        <v>0</v>
      </c>
      <c r="AU844">
        <v>0</v>
      </c>
      <c r="AV844">
        <v>0</v>
      </c>
      <c r="AW844">
        <v>0</v>
      </c>
      <c r="AX844">
        <v>0</v>
      </c>
      <c r="AY844">
        <v>0</v>
      </c>
      <c r="AZ844">
        <v>0</v>
      </c>
      <c r="BA844">
        <v>0</v>
      </c>
    </row>
    <row r="845" spans="1:53" x14ac:dyDescent="0.4">
      <c r="A845">
        <v>889</v>
      </c>
      <c r="B845" s="1">
        <v>43070</v>
      </c>
      <c r="C845">
        <v>2</v>
      </c>
      <c r="D845" s="1">
        <v>43070.453472222223</v>
      </c>
      <c r="E845" s="1">
        <v>43070.740277777775</v>
      </c>
      <c r="F845">
        <v>23000</v>
      </c>
      <c r="G845">
        <v>136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1948</v>
      </c>
      <c r="N845">
        <v>0</v>
      </c>
      <c r="O845">
        <v>0</v>
      </c>
      <c r="P845">
        <v>25380</v>
      </c>
      <c r="Q845">
        <v>0</v>
      </c>
      <c r="R845">
        <v>51688</v>
      </c>
      <c r="S845">
        <v>0</v>
      </c>
      <c r="T845">
        <v>0</v>
      </c>
      <c r="U845">
        <v>0</v>
      </c>
      <c r="V845">
        <v>0</v>
      </c>
      <c r="W845">
        <v>1</v>
      </c>
      <c r="X845">
        <v>0</v>
      </c>
      <c r="Y845">
        <v>71</v>
      </c>
      <c r="Z845">
        <v>36</v>
      </c>
      <c r="AA845">
        <v>57</v>
      </c>
      <c r="AB845">
        <v>8</v>
      </c>
      <c r="AC845">
        <v>134</v>
      </c>
      <c r="AD845">
        <v>26</v>
      </c>
      <c r="AE845">
        <v>118</v>
      </c>
      <c r="AF845">
        <v>0</v>
      </c>
      <c r="AG845">
        <v>101688</v>
      </c>
      <c r="AH845">
        <v>50000</v>
      </c>
      <c r="AI845">
        <v>0</v>
      </c>
      <c r="AJ845">
        <v>96</v>
      </c>
      <c r="AK845" t="s">
        <v>4</v>
      </c>
      <c r="AL845">
        <v>0</v>
      </c>
      <c r="AM845">
        <v>0</v>
      </c>
      <c r="AN845">
        <v>0</v>
      </c>
      <c r="AO845">
        <v>0</v>
      </c>
      <c r="AP845">
        <v>0</v>
      </c>
      <c r="AQ845">
        <v>0</v>
      </c>
      <c r="AR845">
        <v>0</v>
      </c>
      <c r="AS845">
        <v>0</v>
      </c>
      <c r="AT845">
        <v>0</v>
      </c>
      <c r="AU845">
        <v>0</v>
      </c>
      <c r="AV845">
        <v>0</v>
      </c>
      <c r="AW845">
        <v>0</v>
      </c>
      <c r="AX845">
        <v>1566</v>
      </c>
      <c r="AY845">
        <v>40</v>
      </c>
      <c r="AZ845">
        <v>93</v>
      </c>
      <c r="BA845">
        <v>5219</v>
      </c>
    </row>
    <row r="846" spans="1:53" x14ac:dyDescent="0.4">
      <c r="A846">
        <v>890</v>
      </c>
      <c r="B846" s="1">
        <v>43071</v>
      </c>
      <c r="C846">
        <v>1</v>
      </c>
      <c r="D846" s="1">
        <v>43071.291666666664</v>
      </c>
      <c r="E846" s="1">
        <v>43071.768055555556</v>
      </c>
      <c r="F846">
        <v>36500</v>
      </c>
      <c r="G846">
        <v>5700</v>
      </c>
      <c r="H846">
        <v>0</v>
      </c>
      <c r="I846">
        <v>0</v>
      </c>
      <c r="J846">
        <v>0</v>
      </c>
      <c r="K846">
        <v>0</v>
      </c>
      <c r="L846">
        <v>0</v>
      </c>
      <c r="M846">
        <v>3374</v>
      </c>
      <c r="N846">
        <v>0</v>
      </c>
      <c r="O846">
        <v>0</v>
      </c>
      <c r="P846">
        <v>12420</v>
      </c>
      <c r="Q846">
        <v>0</v>
      </c>
      <c r="R846">
        <v>57994</v>
      </c>
      <c r="S846">
        <v>0</v>
      </c>
      <c r="T846">
        <v>0</v>
      </c>
      <c r="U846">
        <v>0</v>
      </c>
      <c r="V846">
        <v>0</v>
      </c>
      <c r="W846">
        <v>4</v>
      </c>
      <c r="X846">
        <v>0</v>
      </c>
      <c r="Y846">
        <v>60</v>
      </c>
      <c r="Z846">
        <v>40</v>
      </c>
      <c r="AA846">
        <v>37</v>
      </c>
      <c r="AB846">
        <v>7</v>
      </c>
      <c r="AC846">
        <v>119</v>
      </c>
      <c r="AD846">
        <v>30</v>
      </c>
      <c r="AE846">
        <v>110</v>
      </c>
      <c r="AF846">
        <v>2494</v>
      </c>
      <c r="AG846">
        <v>107994</v>
      </c>
      <c r="AH846">
        <v>50000</v>
      </c>
      <c r="AI846">
        <v>0</v>
      </c>
      <c r="AJ846">
        <v>101</v>
      </c>
      <c r="AK846" t="s">
        <v>23</v>
      </c>
      <c r="AL846">
        <v>0</v>
      </c>
      <c r="AM846">
        <v>0</v>
      </c>
      <c r="AN846">
        <v>0</v>
      </c>
      <c r="AO846">
        <v>0</v>
      </c>
      <c r="AP846">
        <v>0</v>
      </c>
      <c r="AQ846">
        <v>0</v>
      </c>
      <c r="AR846">
        <v>0</v>
      </c>
      <c r="AS846">
        <v>0</v>
      </c>
      <c r="AT846">
        <v>0</v>
      </c>
      <c r="AU846">
        <v>0</v>
      </c>
      <c r="AV846">
        <v>0</v>
      </c>
      <c r="AW846">
        <v>0</v>
      </c>
      <c r="AX846">
        <v>9190</v>
      </c>
      <c r="AY846">
        <v>48</v>
      </c>
      <c r="AZ846">
        <v>103</v>
      </c>
      <c r="BA846">
        <v>7662</v>
      </c>
    </row>
    <row r="847" spans="1:53" x14ac:dyDescent="0.4">
      <c r="A847">
        <v>891</v>
      </c>
      <c r="B847" s="1">
        <v>43072</v>
      </c>
      <c r="C847">
        <v>1</v>
      </c>
      <c r="D847" s="1">
        <v>43072.291666666664</v>
      </c>
      <c r="E847" s="1">
        <v>43072.402083333334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0</v>
      </c>
      <c r="O847">
        <v>0</v>
      </c>
      <c r="P847">
        <v>0</v>
      </c>
      <c r="Q847">
        <v>0</v>
      </c>
      <c r="R847">
        <v>0</v>
      </c>
      <c r="S847">
        <v>0</v>
      </c>
      <c r="T847">
        <v>0</v>
      </c>
      <c r="U847">
        <v>0</v>
      </c>
      <c r="V847">
        <v>0</v>
      </c>
      <c r="W847">
        <v>1</v>
      </c>
      <c r="X847">
        <v>0</v>
      </c>
      <c r="Y847">
        <v>25</v>
      </c>
      <c r="Z847">
        <v>30</v>
      </c>
      <c r="AA847">
        <v>30</v>
      </c>
      <c r="AB847">
        <v>8</v>
      </c>
      <c r="AC847">
        <v>133</v>
      </c>
      <c r="AD847">
        <v>30</v>
      </c>
      <c r="AE847">
        <v>120</v>
      </c>
      <c r="AF847">
        <v>0</v>
      </c>
      <c r="AG847">
        <v>50000</v>
      </c>
      <c r="AH847">
        <v>0</v>
      </c>
      <c r="AI847">
        <v>50000</v>
      </c>
      <c r="AJ847">
        <v>0</v>
      </c>
      <c r="AK847" t="s">
        <v>6</v>
      </c>
      <c r="AL847">
        <v>0</v>
      </c>
      <c r="AM847">
        <v>0</v>
      </c>
      <c r="AN847">
        <v>0</v>
      </c>
      <c r="AO847">
        <v>0</v>
      </c>
      <c r="AP847">
        <v>0</v>
      </c>
      <c r="AQ847">
        <v>0</v>
      </c>
      <c r="AR847">
        <v>0</v>
      </c>
      <c r="AS847">
        <v>0</v>
      </c>
      <c r="AT847">
        <v>0</v>
      </c>
      <c r="AU847">
        <v>0</v>
      </c>
      <c r="AV847">
        <v>0</v>
      </c>
      <c r="AW847">
        <v>0</v>
      </c>
      <c r="AX847">
        <v>0</v>
      </c>
      <c r="AY847">
        <v>0</v>
      </c>
      <c r="AZ847">
        <v>0</v>
      </c>
      <c r="BA847">
        <v>0</v>
      </c>
    </row>
    <row r="848" spans="1:53" x14ac:dyDescent="0.4">
      <c r="A848">
        <v>892</v>
      </c>
      <c r="B848" s="1">
        <v>43072</v>
      </c>
      <c r="C848">
        <v>2</v>
      </c>
      <c r="D848" s="1">
        <v>43072.402083333334</v>
      </c>
      <c r="E848" s="1">
        <v>43072.761805555558</v>
      </c>
      <c r="F848">
        <v>41750</v>
      </c>
      <c r="G848">
        <v>898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4056</v>
      </c>
      <c r="N848">
        <v>0</v>
      </c>
      <c r="O848">
        <v>0</v>
      </c>
      <c r="P848">
        <v>21600</v>
      </c>
      <c r="Q848">
        <v>0</v>
      </c>
      <c r="R848">
        <v>76386</v>
      </c>
      <c r="S848">
        <v>0</v>
      </c>
      <c r="T848">
        <v>0</v>
      </c>
      <c r="U848">
        <v>0</v>
      </c>
      <c r="V848">
        <v>0</v>
      </c>
      <c r="W848">
        <v>1</v>
      </c>
      <c r="X848">
        <v>0</v>
      </c>
      <c r="Y848">
        <v>87</v>
      </c>
      <c r="Z848">
        <v>51</v>
      </c>
      <c r="AA848">
        <v>39</v>
      </c>
      <c r="AB848">
        <v>13</v>
      </c>
      <c r="AC848">
        <v>223</v>
      </c>
      <c r="AD848">
        <v>33</v>
      </c>
      <c r="AE848">
        <v>127</v>
      </c>
      <c r="AF848">
        <v>6674</v>
      </c>
      <c r="AG848">
        <v>131246</v>
      </c>
      <c r="AH848">
        <v>50000</v>
      </c>
      <c r="AI848">
        <v>4860</v>
      </c>
      <c r="AJ848">
        <v>89</v>
      </c>
      <c r="AK848" t="s">
        <v>12</v>
      </c>
      <c r="AL848">
        <v>0</v>
      </c>
      <c r="AM848">
        <v>0</v>
      </c>
      <c r="AN848">
        <v>0</v>
      </c>
      <c r="AO848">
        <v>0</v>
      </c>
      <c r="AP848">
        <v>0</v>
      </c>
      <c r="AQ848">
        <v>0</v>
      </c>
      <c r="AR848">
        <v>0</v>
      </c>
      <c r="AS848">
        <v>0</v>
      </c>
      <c r="AT848">
        <v>0</v>
      </c>
      <c r="AU848">
        <v>0</v>
      </c>
      <c r="AV848">
        <v>0</v>
      </c>
      <c r="AW848">
        <v>0</v>
      </c>
      <c r="AX848">
        <v>5810</v>
      </c>
      <c r="AY848">
        <v>53</v>
      </c>
      <c r="AZ848">
        <v>124</v>
      </c>
      <c r="BA848">
        <v>7583</v>
      </c>
    </row>
    <row r="849" spans="1:53" x14ac:dyDescent="0.4">
      <c r="A849">
        <v>893</v>
      </c>
      <c r="B849" s="1">
        <v>43072</v>
      </c>
      <c r="C849">
        <v>3</v>
      </c>
      <c r="D849" s="1">
        <v>43072.761805555558</v>
      </c>
      <c r="E849" s="1">
        <v>43072.791666666664</v>
      </c>
      <c r="F849">
        <v>850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680</v>
      </c>
      <c r="N849">
        <v>0</v>
      </c>
      <c r="O849">
        <v>0</v>
      </c>
      <c r="P849">
        <v>-4320</v>
      </c>
      <c r="Q849">
        <v>0</v>
      </c>
      <c r="R849">
        <v>4860</v>
      </c>
      <c r="S849">
        <v>0</v>
      </c>
      <c r="T849">
        <v>0</v>
      </c>
      <c r="U849">
        <v>0</v>
      </c>
      <c r="V849">
        <v>0</v>
      </c>
      <c r="W849">
        <v>1</v>
      </c>
      <c r="X849">
        <v>0</v>
      </c>
      <c r="Y849">
        <v>87</v>
      </c>
      <c r="Z849">
        <v>51</v>
      </c>
      <c r="AA849">
        <v>39</v>
      </c>
      <c r="AB849">
        <v>13</v>
      </c>
      <c r="AC849">
        <v>223</v>
      </c>
      <c r="AD849">
        <v>33</v>
      </c>
      <c r="AE849">
        <v>127</v>
      </c>
      <c r="AF849">
        <v>6674</v>
      </c>
      <c r="AG849">
        <v>131246</v>
      </c>
      <c r="AH849">
        <v>50000</v>
      </c>
      <c r="AI849">
        <v>0</v>
      </c>
      <c r="AJ849">
        <v>29</v>
      </c>
      <c r="AK849" t="s">
        <v>28</v>
      </c>
      <c r="AL849">
        <v>0</v>
      </c>
      <c r="AM849">
        <v>0</v>
      </c>
      <c r="AN849">
        <v>0</v>
      </c>
      <c r="AO849">
        <v>0</v>
      </c>
      <c r="AP849">
        <v>0</v>
      </c>
      <c r="AQ849">
        <v>0</v>
      </c>
      <c r="AR849">
        <v>0</v>
      </c>
      <c r="AS849">
        <v>0</v>
      </c>
      <c r="AT849">
        <v>0</v>
      </c>
      <c r="AU849">
        <v>0</v>
      </c>
      <c r="AV849">
        <v>0</v>
      </c>
      <c r="AW849">
        <v>0</v>
      </c>
      <c r="AX849">
        <v>3002</v>
      </c>
      <c r="AY849">
        <v>0</v>
      </c>
      <c r="AZ849">
        <v>5</v>
      </c>
      <c r="BA849">
        <v>746</v>
      </c>
    </row>
    <row r="850" spans="1:53" x14ac:dyDescent="0.4">
      <c r="A850">
        <v>894</v>
      </c>
      <c r="B850" s="1">
        <v>43073</v>
      </c>
      <c r="C850">
        <v>1</v>
      </c>
      <c r="D850" s="1">
        <v>43073.291666666664</v>
      </c>
      <c r="E850" s="1">
        <v>43073.445833333331</v>
      </c>
      <c r="F850">
        <v>0</v>
      </c>
      <c r="G850">
        <v>0</v>
      </c>
      <c r="H850">
        <v>0</v>
      </c>
      <c r="I850">
        <v>0</v>
      </c>
      <c r="J850">
        <v>0</v>
      </c>
      <c r="K850">
        <v>0</v>
      </c>
      <c r="L850">
        <v>0</v>
      </c>
      <c r="M850">
        <v>0</v>
      </c>
      <c r="N850">
        <v>0</v>
      </c>
      <c r="O850">
        <v>0</v>
      </c>
      <c r="P850">
        <v>0</v>
      </c>
      <c r="Q850">
        <v>0</v>
      </c>
      <c r="R850">
        <v>0</v>
      </c>
      <c r="S850">
        <v>0</v>
      </c>
      <c r="T850">
        <v>0</v>
      </c>
      <c r="U850">
        <v>0</v>
      </c>
      <c r="V850">
        <v>0</v>
      </c>
      <c r="W850">
        <v>1</v>
      </c>
      <c r="X850">
        <v>0</v>
      </c>
      <c r="Y850">
        <v>25</v>
      </c>
      <c r="Z850">
        <v>24</v>
      </c>
      <c r="AA850">
        <v>46</v>
      </c>
      <c r="AB850">
        <v>22</v>
      </c>
      <c r="AC850">
        <v>206</v>
      </c>
      <c r="AD850">
        <v>29</v>
      </c>
      <c r="AE850">
        <v>95</v>
      </c>
      <c r="AF850">
        <v>0</v>
      </c>
      <c r="AG850">
        <v>50000</v>
      </c>
      <c r="AH850">
        <v>0</v>
      </c>
      <c r="AI850">
        <v>50000</v>
      </c>
      <c r="AJ850">
        <v>0</v>
      </c>
      <c r="AK850" t="s">
        <v>6</v>
      </c>
      <c r="AL850">
        <v>0</v>
      </c>
      <c r="AM850">
        <v>0</v>
      </c>
      <c r="AN850">
        <v>0</v>
      </c>
      <c r="AO850">
        <v>0</v>
      </c>
      <c r="AP850">
        <v>0</v>
      </c>
      <c r="AQ850">
        <v>0</v>
      </c>
      <c r="AR850">
        <v>0</v>
      </c>
      <c r="AS850">
        <v>0</v>
      </c>
      <c r="AT850">
        <v>0</v>
      </c>
      <c r="AU850">
        <v>0</v>
      </c>
      <c r="AV850">
        <v>0</v>
      </c>
      <c r="AW850">
        <v>0</v>
      </c>
      <c r="AX850">
        <v>0</v>
      </c>
      <c r="AY850">
        <v>0</v>
      </c>
      <c r="AZ850">
        <v>0</v>
      </c>
      <c r="BA850">
        <v>0</v>
      </c>
    </row>
    <row r="851" spans="1:53" x14ac:dyDescent="0.4">
      <c r="A851">
        <v>895</v>
      </c>
      <c r="B851" s="1">
        <v>43073</v>
      </c>
      <c r="C851">
        <v>2</v>
      </c>
      <c r="D851" s="1">
        <v>43073.445833333331</v>
      </c>
      <c r="E851" s="1">
        <v>43073.737500000003</v>
      </c>
      <c r="F851">
        <v>25000</v>
      </c>
      <c r="G851">
        <v>509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2406</v>
      </c>
      <c r="N851">
        <v>0</v>
      </c>
      <c r="O851">
        <v>0</v>
      </c>
      <c r="P851">
        <v>17820</v>
      </c>
      <c r="Q851">
        <v>0</v>
      </c>
      <c r="R851">
        <v>50316</v>
      </c>
      <c r="S851">
        <v>0</v>
      </c>
      <c r="T851">
        <v>0</v>
      </c>
      <c r="U851">
        <v>0</v>
      </c>
      <c r="V851">
        <v>1</v>
      </c>
      <c r="W851">
        <v>2</v>
      </c>
      <c r="X851">
        <v>0</v>
      </c>
      <c r="Y851">
        <v>52</v>
      </c>
      <c r="Z851">
        <v>39</v>
      </c>
      <c r="AA851">
        <v>53</v>
      </c>
      <c r="AB851">
        <v>16</v>
      </c>
      <c r="AC851">
        <v>246</v>
      </c>
      <c r="AD851">
        <v>31</v>
      </c>
      <c r="AE851">
        <v>101</v>
      </c>
      <c r="AF851">
        <v>0</v>
      </c>
      <c r="AG851">
        <v>100316</v>
      </c>
      <c r="AH851">
        <v>50000</v>
      </c>
      <c r="AI851">
        <v>0</v>
      </c>
      <c r="AJ851">
        <v>96</v>
      </c>
      <c r="AK851" t="s">
        <v>4</v>
      </c>
      <c r="AL851">
        <v>0</v>
      </c>
      <c r="AM851">
        <v>0</v>
      </c>
      <c r="AN851">
        <v>0</v>
      </c>
      <c r="AO851">
        <v>0</v>
      </c>
      <c r="AP851">
        <v>0</v>
      </c>
      <c r="AQ851">
        <v>0</v>
      </c>
      <c r="AR851">
        <v>0</v>
      </c>
      <c r="AS851">
        <v>0</v>
      </c>
      <c r="AT851">
        <v>0</v>
      </c>
      <c r="AU851">
        <v>0</v>
      </c>
      <c r="AV851">
        <v>0</v>
      </c>
      <c r="AW851">
        <v>0</v>
      </c>
      <c r="AX851">
        <v>1674</v>
      </c>
      <c r="AY851">
        <v>37</v>
      </c>
      <c r="AZ851">
        <v>81</v>
      </c>
      <c r="BA851">
        <v>5085</v>
      </c>
    </row>
    <row r="852" spans="1:53" x14ac:dyDescent="0.4">
      <c r="A852">
        <v>896</v>
      </c>
      <c r="B852" s="1">
        <v>43073</v>
      </c>
      <c r="C852">
        <v>3</v>
      </c>
      <c r="D852" s="1">
        <v>43073.737500000003</v>
      </c>
      <c r="E852" s="1">
        <v>43073.957638888889</v>
      </c>
      <c r="F852">
        <v>36400</v>
      </c>
      <c r="G852">
        <v>3310</v>
      </c>
      <c r="H852">
        <v>0</v>
      </c>
      <c r="I852">
        <v>0</v>
      </c>
      <c r="J852">
        <v>0</v>
      </c>
      <c r="K852">
        <v>0</v>
      </c>
      <c r="L852">
        <v>0</v>
      </c>
      <c r="M852">
        <v>3177</v>
      </c>
      <c r="N852">
        <v>0</v>
      </c>
      <c r="O852">
        <v>0</v>
      </c>
      <c r="P852">
        <v>11124</v>
      </c>
      <c r="Q852">
        <v>0</v>
      </c>
      <c r="R852">
        <v>54011</v>
      </c>
      <c r="S852">
        <v>0</v>
      </c>
      <c r="T852">
        <v>0</v>
      </c>
      <c r="U852">
        <v>0</v>
      </c>
      <c r="V852">
        <v>5</v>
      </c>
      <c r="W852">
        <v>2</v>
      </c>
      <c r="X852">
        <v>0</v>
      </c>
      <c r="Y852">
        <v>60</v>
      </c>
      <c r="Z852">
        <v>40</v>
      </c>
      <c r="AA852">
        <v>57</v>
      </c>
      <c r="AB852">
        <v>14</v>
      </c>
      <c r="AC852">
        <v>250</v>
      </c>
      <c r="AD852">
        <v>29</v>
      </c>
      <c r="AE852">
        <v>98</v>
      </c>
      <c r="AF852">
        <v>5184</v>
      </c>
      <c r="AG852">
        <v>154327</v>
      </c>
      <c r="AH852">
        <v>50000</v>
      </c>
      <c r="AI852">
        <v>0</v>
      </c>
      <c r="AJ852">
        <v>82</v>
      </c>
      <c r="AK852" t="s">
        <v>17</v>
      </c>
      <c r="AL852">
        <v>0</v>
      </c>
      <c r="AM852">
        <v>0</v>
      </c>
      <c r="AN852">
        <v>0</v>
      </c>
      <c r="AO852">
        <v>0</v>
      </c>
      <c r="AP852">
        <v>0</v>
      </c>
      <c r="AQ852">
        <v>0</v>
      </c>
      <c r="AR852">
        <v>0</v>
      </c>
      <c r="AS852">
        <v>0</v>
      </c>
      <c r="AT852">
        <v>0</v>
      </c>
      <c r="AU852">
        <v>0</v>
      </c>
      <c r="AV852">
        <v>0</v>
      </c>
      <c r="AW852">
        <v>0</v>
      </c>
      <c r="AX852">
        <v>12279</v>
      </c>
      <c r="AY852">
        <v>9</v>
      </c>
      <c r="AZ852">
        <v>34</v>
      </c>
      <c r="BA852">
        <v>2187</v>
      </c>
    </row>
    <row r="853" spans="1:53" x14ac:dyDescent="0.4">
      <c r="A853">
        <v>897</v>
      </c>
      <c r="B853" s="1">
        <v>43073</v>
      </c>
      <c r="C853">
        <v>4</v>
      </c>
      <c r="D853" s="1">
        <v>43073.957638888889</v>
      </c>
      <c r="E853" s="1">
        <v>43074.07916666667</v>
      </c>
      <c r="F853">
        <v>45800</v>
      </c>
      <c r="G853">
        <v>437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4013</v>
      </c>
      <c r="N853">
        <v>0</v>
      </c>
      <c r="O853">
        <v>0</v>
      </c>
      <c r="P853">
        <v>-19440</v>
      </c>
      <c r="Q853">
        <v>0</v>
      </c>
      <c r="R853">
        <v>34743</v>
      </c>
      <c r="S853">
        <v>0</v>
      </c>
      <c r="T853">
        <v>0</v>
      </c>
      <c r="U853">
        <v>0</v>
      </c>
      <c r="V853">
        <v>10</v>
      </c>
      <c r="W853">
        <v>0</v>
      </c>
      <c r="X853">
        <v>0</v>
      </c>
      <c r="Y853">
        <v>54</v>
      </c>
      <c r="Z853">
        <v>41</v>
      </c>
      <c r="AA853">
        <v>58</v>
      </c>
      <c r="AB853">
        <v>16</v>
      </c>
      <c r="AC853">
        <v>253</v>
      </c>
      <c r="AD853">
        <v>31</v>
      </c>
      <c r="AE853">
        <v>101</v>
      </c>
      <c r="AF853">
        <v>5184</v>
      </c>
      <c r="AG853">
        <v>189070</v>
      </c>
      <c r="AH853">
        <v>50000</v>
      </c>
      <c r="AI853">
        <v>0</v>
      </c>
      <c r="AJ853">
        <v>100</v>
      </c>
      <c r="AK853" t="s">
        <v>0</v>
      </c>
      <c r="AL853">
        <v>0</v>
      </c>
      <c r="AM853">
        <v>0</v>
      </c>
      <c r="AN853">
        <v>0</v>
      </c>
      <c r="AO853">
        <v>0</v>
      </c>
      <c r="AP853">
        <v>0</v>
      </c>
      <c r="AQ853">
        <v>0</v>
      </c>
      <c r="AR853">
        <v>0</v>
      </c>
      <c r="AS853">
        <v>0</v>
      </c>
      <c r="AT853">
        <v>0</v>
      </c>
      <c r="AU853">
        <v>0</v>
      </c>
      <c r="AV853">
        <v>0</v>
      </c>
      <c r="AW853">
        <v>0</v>
      </c>
      <c r="AX853">
        <v>929</v>
      </c>
      <c r="AY853">
        <v>3</v>
      </c>
      <c r="AZ853">
        <v>8</v>
      </c>
      <c r="BA853">
        <v>629</v>
      </c>
    </row>
    <row r="854" spans="1:53" x14ac:dyDescent="0.4">
      <c r="A854">
        <v>898</v>
      </c>
      <c r="B854" s="1">
        <v>43074</v>
      </c>
      <c r="C854">
        <v>1</v>
      </c>
      <c r="D854" s="1">
        <v>43074.291666666664</v>
      </c>
      <c r="E854" s="1">
        <v>43074.450694444444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  <c r="M854">
        <v>0</v>
      </c>
      <c r="N854">
        <v>0</v>
      </c>
      <c r="O854">
        <v>0</v>
      </c>
      <c r="P854">
        <v>0</v>
      </c>
      <c r="Q854">
        <v>0</v>
      </c>
      <c r="R854">
        <v>0</v>
      </c>
      <c r="S854">
        <v>0</v>
      </c>
      <c r="T854">
        <v>0</v>
      </c>
      <c r="U854">
        <v>0</v>
      </c>
      <c r="V854">
        <v>0</v>
      </c>
      <c r="W854">
        <v>0</v>
      </c>
      <c r="X854">
        <v>0</v>
      </c>
      <c r="Y854">
        <v>31</v>
      </c>
      <c r="Z854">
        <v>21</v>
      </c>
      <c r="AA854">
        <v>64</v>
      </c>
      <c r="AB854">
        <v>16</v>
      </c>
      <c r="AC854">
        <v>106</v>
      </c>
      <c r="AD854">
        <v>29</v>
      </c>
      <c r="AE854">
        <v>95</v>
      </c>
      <c r="AF854">
        <v>0</v>
      </c>
      <c r="AG854">
        <v>50000</v>
      </c>
      <c r="AH854">
        <v>0</v>
      </c>
      <c r="AI854">
        <v>50000</v>
      </c>
      <c r="AJ854">
        <v>0</v>
      </c>
      <c r="AK854" t="s">
        <v>6</v>
      </c>
      <c r="AL854">
        <v>0</v>
      </c>
      <c r="AM854">
        <v>0</v>
      </c>
      <c r="AN854">
        <v>0</v>
      </c>
      <c r="AO854">
        <v>0</v>
      </c>
      <c r="AP854">
        <v>0</v>
      </c>
      <c r="AQ854">
        <v>0</v>
      </c>
      <c r="AR854">
        <v>0</v>
      </c>
      <c r="AS854">
        <v>0</v>
      </c>
      <c r="AT854">
        <v>0</v>
      </c>
      <c r="AU854">
        <v>0</v>
      </c>
      <c r="AV854">
        <v>0</v>
      </c>
      <c r="AW854">
        <v>0</v>
      </c>
      <c r="AX854">
        <v>0</v>
      </c>
      <c r="AY854">
        <v>0</v>
      </c>
      <c r="AZ854">
        <v>0</v>
      </c>
      <c r="BA854">
        <v>0</v>
      </c>
    </row>
    <row r="855" spans="1:53" x14ac:dyDescent="0.4">
      <c r="A855">
        <v>899</v>
      </c>
      <c r="B855" s="1">
        <v>43074</v>
      </c>
      <c r="C855">
        <v>2</v>
      </c>
      <c r="D855" s="1">
        <v>43074.450694444444</v>
      </c>
      <c r="E855" s="1">
        <v>43074.750694444447</v>
      </c>
      <c r="F855">
        <v>14000</v>
      </c>
      <c r="G855">
        <v>1130</v>
      </c>
      <c r="H855">
        <v>0</v>
      </c>
      <c r="I855">
        <v>0</v>
      </c>
      <c r="J855">
        <v>0</v>
      </c>
      <c r="K855">
        <v>0</v>
      </c>
      <c r="L855">
        <v>0</v>
      </c>
      <c r="M855">
        <v>1210</v>
      </c>
      <c r="N855">
        <v>0</v>
      </c>
      <c r="O855">
        <v>0</v>
      </c>
      <c r="P855">
        <v>24840</v>
      </c>
      <c r="Q855">
        <v>0</v>
      </c>
      <c r="R855">
        <v>41180</v>
      </c>
      <c r="S855">
        <v>0</v>
      </c>
      <c r="T855">
        <v>0</v>
      </c>
      <c r="U855">
        <v>0</v>
      </c>
      <c r="V855">
        <v>0</v>
      </c>
      <c r="W855">
        <v>2</v>
      </c>
      <c r="X855">
        <v>0</v>
      </c>
      <c r="Y855">
        <v>47</v>
      </c>
      <c r="Z855">
        <v>31</v>
      </c>
      <c r="AA855">
        <v>112</v>
      </c>
      <c r="AB855">
        <v>23</v>
      </c>
      <c r="AC855">
        <v>140</v>
      </c>
      <c r="AD855">
        <v>30</v>
      </c>
      <c r="AE855">
        <v>92</v>
      </c>
      <c r="AF855">
        <v>4688</v>
      </c>
      <c r="AG855">
        <v>91180</v>
      </c>
      <c r="AH855">
        <v>50000</v>
      </c>
      <c r="AI855">
        <v>0</v>
      </c>
      <c r="AJ855">
        <v>102</v>
      </c>
      <c r="AK855" t="s">
        <v>8</v>
      </c>
      <c r="AL855">
        <v>0</v>
      </c>
      <c r="AM855">
        <v>0</v>
      </c>
      <c r="AN855">
        <v>0</v>
      </c>
      <c r="AO855">
        <v>0</v>
      </c>
      <c r="AP855">
        <v>0</v>
      </c>
      <c r="AQ855">
        <v>0</v>
      </c>
      <c r="AR855">
        <v>0</v>
      </c>
      <c r="AS855">
        <v>0</v>
      </c>
      <c r="AT855">
        <v>0</v>
      </c>
      <c r="AU855">
        <v>0</v>
      </c>
      <c r="AV855">
        <v>0</v>
      </c>
      <c r="AW855">
        <v>0</v>
      </c>
      <c r="AX855">
        <v>388</v>
      </c>
      <c r="AY855">
        <v>35</v>
      </c>
      <c r="AZ855">
        <v>71</v>
      </c>
      <c r="BA855">
        <v>4665</v>
      </c>
    </row>
    <row r="856" spans="1:53" x14ac:dyDescent="0.4">
      <c r="A856">
        <v>900</v>
      </c>
      <c r="B856" s="1">
        <v>43074</v>
      </c>
      <c r="C856">
        <v>3</v>
      </c>
      <c r="D856" s="1">
        <v>43074.750694444447</v>
      </c>
      <c r="E856" s="1">
        <v>43074.947222222225</v>
      </c>
      <c r="F856">
        <v>42600</v>
      </c>
      <c r="G856">
        <v>3480</v>
      </c>
      <c r="H856">
        <v>0</v>
      </c>
      <c r="I856">
        <v>0</v>
      </c>
      <c r="J856">
        <v>0</v>
      </c>
      <c r="K856">
        <v>0</v>
      </c>
      <c r="L856">
        <v>0</v>
      </c>
      <c r="M856">
        <v>3685</v>
      </c>
      <c r="N856">
        <v>0</v>
      </c>
      <c r="O856">
        <v>0</v>
      </c>
      <c r="P856">
        <v>-24840</v>
      </c>
      <c r="Q856">
        <v>0</v>
      </c>
      <c r="R856">
        <v>24925</v>
      </c>
      <c r="S856">
        <v>0</v>
      </c>
      <c r="T856">
        <v>0</v>
      </c>
      <c r="U856">
        <v>0</v>
      </c>
      <c r="V856">
        <v>0</v>
      </c>
      <c r="W856">
        <v>6</v>
      </c>
      <c r="X856">
        <v>0</v>
      </c>
      <c r="Y856">
        <v>51</v>
      </c>
      <c r="Z856">
        <v>32</v>
      </c>
      <c r="AA856">
        <v>117</v>
      </c>
      <c r="AB856">
        <v>22</v>
      </c>
      <c r="AC856">
        <v>138</v>
      </c>
      <c r="AD856">
        <v>30</v>
      </c>
      <c r="AE856">
        <v>87</v>
      </c>
      <c r="AF856">
        <v>4688</v>
      </c>
      <c r="AG856">
        <v>116105</v>
      </c>
      <c r="AH856">
        <v>50000</v>
      </c>
      <c r="AI856">
        <v>0</v>
      </c>
      <c r="AJ856">
        <v>102</v>
      </c>
      <c r="AK856" t="s">
        <v>8</v>
      </c>
      <c r="AL856">
        <v>0</v>
      </c>
      <c r="AM856">
        <v>0</v>
      </c>
      <c r="AN856">
        <v>0</v>
      </c>
      <c r="AO856">
        <v>0</v>
      </c>
      <c r="AP856">
        <v>0</v>
      </c>
      <c r="AQ856">
        <v>0</v>
      </c>
      <c r="AR856">
        <v>0</v>
      </c>
      <c r="AS856">
        <v>0</v>
      </c>
      <c r="AT856">
        <v>0</v>
      </c>
      <c r="AU856">
        <v>0</v>
      </c>
      <c r="AV856">
        <v>0</v>
      </c>
      <c r="AW856">
        <v>0</v>
      </c>
      <c r="AX856">
        <v>6912</v>
      </c>
      <c r="AY856">
        <v>12</v>
      </c>
      <c r="AZ856">
        <v>27</v>
      </c>
      <c r="BA856">
        <v>2937</v>
      </c>
    </row>
    <row r="857" spans="1:53" x14ac:dyDescent="0.4">
      <c r="A857">
        <v>901</v>
      </c>
      <c r="B857" s="1">
        <v>43074</v>
      </c>
      <c r="C857">
        <v>4</v>
      </c>
      <c r="D857" s="1">
        <v>43074.947222222225</v>
      </c>
      <c r="E857" s="1">
        <v>43075.104861111111</v>
      </c>
      <c r="F857">
        <v>750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600</v>
      </c>
      <c r="N857">
        <v>0</v>
      </c>
      <c r="O857">
        <v>0</v>
      </c>
      <c r="P857">
        <v>8694</v>
      </c>
      <c r="Q857">
        <v>0</v>
      </c>
      <c r="R857">
        <v>16794</v>
      </c>
      <c r="S857">
        <v>0</v>
      </c>
      <c r="T857">
        <v>0</v>
      </c>
      <c r="U857">
        <v>0</v>
      </c>
      <c r="V857">
        <v>1</v>
      </c>
      <c r="W857">
        <v>7</v>
      </c>
      <c r="X857">
        <v>0</v>
      </c>
      <c r="Y857">
        <v>52</v>
      </c>
      <c r="Z857">
        <v>33</v>
      </c>
      <c r="AA857">
        <v>120</v>
      </c>
      <c r="AB857">
        <v>22</v>
      </c>
      <c r="AC857">
        <v>138</v>
      </c>
      <c r="AD857">
        <v>29</v>
      </c>
      <c r="AE857">
        <v>86</v>
      </c>
      <c r="AF857">
        <v>4688</v>
      </c>
      <c r="AG857">
        <v>132899</v>
      </c>
      <c r="AH857">
        <v>50000</v>
      </c>
      <c r="AI857">
        <v>0</v>
      </c>
      <c r="AJ857">
        <v>29</v>
      </c>
      <c r="AK857" t="s">
        <v>28</v>
      </c>
      <c r="AL857">
        <v>0</v>
      </c>
      <c r="AM857">
        <v>0</v>
      </c>
      <c r="AN857">
        <v>0</v>
      </c>
      <c r="AO857">
        <v>0</v>
      </c>
      <c r="AP857">
        <v>0</v>
      </c>
      <c r="AQ857">
        <v>0</v>
      </c>
      <c r="AR857">
        <v>0</v>
      </c>
      <c r="AS857">
        <v>0</v>
      </c>
      <c r="AT857">
        <v>0</v>
      </c>
      <c r="AU857">
        <v>0</v>
      </c>
      <c r="AV857">
        <v>0</v>
      </c>
      <c r="AW857">
        <v>0</v>
      </c>
      <c r="AX857">
        <v>2592</v>
      </c>
      <c r="AY857">
        <v>2</v>
      </c>
      <c r="AZ857">
        <v>5</v>
      </c>
      <c r="BA857">
        <v>551</v>
      </c>
    </row>
    <row r="858" spans="1:53" x14ac:dyDescent="0.4">
      <c r="A858">
        <v>902</v>
      </c>
      <c r="B858" s="1">
        <v>43075</v>
      </c>
      <c r="C858">
        <v>1</v>
      </c>
      <c r="D858" s="1">
        <v>43075.291666666664</v>
      </c>
      <c r="E858" s="1">
        <v>43075.45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0</v>
      </c>
      <c r="O858">
        <v>0</v>
      </c>
      <c r="P858">
        <v>0</v>
      </c>
      <c r="Q858">
        <v>0</v>
      </c>
      <c r="R858">
        <v>0</v>
      </c>
      <c r="S858">
        <v>0</v>
      </c>
      <c r="T858">
        <v>0</v>
      </c>
      <c r="U858">
        <v>0</v>
      </c>
      <c r="V858">
        <v>0</v>
      </c>
      <c r="W858">
        <v>1</v>
      </c>
      <c r="X858">
        <v>0</v>
      </c>
      <c r="Y858">
        <v>25</v>
      </c>
      <c r="Z858">
        <v>11</v>
      </c>
      <c r="AA858">
        <v>119</v>
      </c>
      <c r="AB858">
        <v>21</v>
      </c>
      <c r="AC858">
        <v>133</v>
      </c>
      <c r="AD858">
        <v>28</v>
      </c>
      <c r="AE858">
        <v>80</v>
      </c>
      <c r="AF858">
        <v>0</v>
      </c>
      <c r="AG858">
        <v>50000</v>
      </c>
      <c r="AH858">
        <v>0</v>
      </c>
      <c r="AI858">
        <v>50000</v>
      </c>
      <c r="AJ858">
        <v>0</v>
      </c>
      <c r="AK858" t="s">
        <v>6</v>
      </c>
      <c r="AL858">
        <v>0</v>
      </c>
      <c r="AM858">
        <v>0</v>
      </c>
      <c r="AN858">
        <v>0</v>
      </c>
      <c r="AO858">
        <v>0</v>
      </c>
      <c r="AP858">
        <v>0</v>
      </c>
      <c r="AQ858">
        <v>0</v>
      </c>
      <c r="AR858">
        <v>0</v>
      </c>
      <c r="AS858">
        <v>0</v>
      </c>
      <c r="AT858">
        <v>0</v>
      </c>
      <c r="AU858">
        <v>0</v>
      </c>
      <c r="AV858">
        <v>0</v>
      </c>
      <c r="AW858">
        <v>0</v>
      </c>
      <c r="AX858">
        <v>0</v>
      </c>
      <c r="AY858">
        <v>0</v>
      </c>
      <c r="AZ858">
        <v>0</v>
      </c>
      <c r="BA858">
        <v>0</v>
      </c>
    </row>
    <row r="859" spans="1:53" x14ac:dyDescent="0.4">
      <c r="A859">
        <v>903</v>
      </c>
      <c r="B859" s="1">
        <v>43075</v>
      </c>
      <c r="C859">
        <v>2</v>
      </c>
      <c r="D859" s="1">
        <v>43075.45</v>
      </c>
      <c r="E859" s="1">
        <v>43075.759722222225</v>
      </c>
      <c r="F859">
        <v>25000</v>
      </c>
      <c r="G859">
        <v>355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2284</v>
      </c>
      <c r="N859">
        <v>0</v>
      </c>
      <c r="O859">
        <v>0</v>
      </c>
      <c r="P859">
        <v>4860</v>
      </c>
      <c r="Q859">
        <v>0</v>
      </c>
      <c r="R859">
        <v>35694</v>
      </c>
      <c r="S859">
        <v>0</v>
      </c>
      <c r="T859">
        <v>0</v>
      </c>
      <c r="U859">
        <v>0</v>
      </c>
      <c r="V859">
        <v>1</v>
      </c>
      <c r="W859">
        <v>3</v>
      </c>
      <c r="X859">
        <v>0</v>
      </c>
      <c r="Y859">
        <v>34</v>
      </c>
      <c r="Z859">
        <v>13</v>
      </c>
      <c r="AA859">
        <v>157</v>
      </c>
      <c r="AB859">
        <v>22</v>
      </c>
      <c r="AC859">
        <v>208</v>
      </c>
      <c r="AD859">
        <v>30</v>
      </c>
      <c r="AE859">
        <v>84</v>
      </c>
      <c r="AF859">
        <v>1080</v>
      </c>
      <c r="AG859">
        <v>85694</v>
      </c>
      <c r="AH859">
        <v>50000</v>
      </c>
      <c r="AI859">
        <v>0</v>
      </c>
      <c r="AJ859">
        <v>106</v>
      </c>
      <c r="AK859" t="s">
        <v>29</v>
      </c>
      <c r="AL859">
        <v>0</v>
      </c>
      <c r="AM859">
        <v>0</v>
      </c>
      <c r="AN859">
        <v>0</v>
      </c>
      <c r="AO859">
        <v>0</v>
      </c>
      <c r="AP859">
        <v>0</v>
      </c>
      <c r="AQ859">
        <v>0</v>
      </c>
      <c r="AR859">
        <v>0</v>
      </c>
      <c r="AS859">
        <v>0</v>
      </c>
      <c r="AT859">
        <v>0</v>
      </c>
      <c r="AU859">
        <v>0</v>
      </c>
      <c r="AV859">
        <v>0</v>
      </c>
      <c r="AW859">
        <v>0</v>
      </c>
      <c r="AX859">
        <v>0</v>
      </c>
      <c r="AY859">
        <v>29</v>
      </c>
      <c r="AZ859">
        <v>54</v>
      </c>
      <c r="BA859">
        <v>4649</v>
      </c>
    </row>
    <row r="860" spans="1:53" x14ac:dyDescent="0.4">
      <c r="A860">
        <v>904</v>
      </c>
      <c r="B860" s="1">
        <v>43075</v>
      </c>
      <c r="C860">
        <v>3</v>
      </c>
      <c r="D860" s="1">
        <v>43075.759722222225</v>
      </c>
      <c r="E860" s="1">
        <v>43075.956944444442</v>
      </c>
      <c r="F860">
        <v>33301</v>
      </c>
      <c r="G860">
        <v>143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2778</v>
      </c>
      <c r="N860">
        <v>0</v>
      </c>
      <c r="O860">
        <v>0</v>
      </c>
      <c r="P860">
        <v>2484</v>
      </c>
      <c r="Q860">
        <v>0</v>
      </c>
      <c r="R860">
        <v>39993</v>
      </c>
      <c r="S860">
        <v>0</v>
      </c>
      <c r="T860">
        <v>0</v>
      </c>
      <c r="U860">
        <v>0</v>
      </c>
      <c r="V860">
        <v>2</v>
      </c>
      <c r="W860">
        <v>7</v>
      </c>
      <c r="X860">
        <v>0</v>
      </c>
      <c r="Y860">
        <v>26</v>
      </c>
      <c r="Z860">
        <v>11</v>
      </c>
      <c r="AA860">
        <v>145</v>
      </c>
      <c r="AB860">
        <v>21</v>
      </c>
      <c r="AC860">
        <v>206</v>
      </c>
      <c r="AD860">
        <v>30</v>
      </c>
      <c r="AE860">
        <v>75</v>
      </c>
      <c r="AF860">
        <v>21352</v>
      </c>
      <c r="AG860">
        <v>125687</v>
      </c>
      <c r="AH860">
        <v>50000</v>
      </c>
      <c r="AI860">
        <v>0</v>
      </c>
      <c r="AJ860">
        <v>106</v>
      </c>
      <c r="AK860" t="s">
        <v>29</v>
      </c>
      <c r="AL860">
        <v>0</v>
      </c>
      <c r="AM860">
        <v>0</v>
      </c>
      <c r="AN860">
        <v>0</v>
      </c>
      <c r="AO860">
        <v>0</v>
      </c>
      <c r="AP860">
        <v>0</v>
      </c>
      <c r="AQ860">
        <v>0</v>
      </c>
      <c r="AR860">
        <v>0</v>
      </c>
      <c r="AS860">
        <v>0</v>
      </c>
      <c r="AT860">
        <v>0</v>
      </c>
      <c r="AU860">
        <v>0</v>
      </c>
      <c r="AV860">
        <v>0</v>
      </c>
      <c r="AW860">
        <v>0</v>
      </c>
      <c r="AX860">
        <v>72263</v>
      </c>
      <c r="AY860">
        <v>18</v>
      </c>
      <c r="AZ860">
        <v>75</v>
      </c>
      <c r="BA860">
        <v>2059</v>
      </c>
    </row>
    <row r="861" spans="1:53" x14ac:dyDescent="0.4">
      <c r="A861">
        <v>905</v>
      </c>
      <c r="B861" s="1">
        <v>43075</v>
      </c>
      <c r="C861">
        <v>4</v>
      </c>
      <c r="D861" s="1">
        <v>43075.956944444442</v>
      </c>
      <c r="E861" s="1">
        <v>43076.084027777775</v>
      </c>
      <c r="F861">
        <v>83950</v>
      </c>
      <c r="G861">
        <v>541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7149</v>
      </c>
      <c r="N861">
        <v>0</v>
      </c>
      <c r="O861">
        <v>0</v>
      </c>
      <c r="P861">
        <v>-7344</v>
      </c>
      <c r="Q861">
        <v>0</v>
      </c>
      <c r="R861">
        <v>89165</v>
      </c>
      <c r="S861">
        <v>0</v>
      </c>
      <c r="T861">
        <v>0</v>
      </c>
      <c r="U861">
        <v>0</v>
      </c>
      <c r="V861">
        <v>8</v>
      </c>
      <c r="W861">
        <v>6</v>
      </c>
      <c r="X861">
        <v>0</v>
      </c>
      <c r="Y861">
        <v>41</v>
      </c>
      <c r="Z861">
        <v>11</v>
      </c>
      <c r="AA861">
        <v>133</v>
      </c>
      <c r="AB861">
        <v>21</v>
      </c>
      <c r="AC861">
        <v>218</v>
      </c>
      <c r="AD861">
        <v>29</v>
      </c>
      <c r="AE861">
        <v>75</v>
      </c>
      <c r="AF861">
        <v>41602</v>
      </c>
      <c r="AG861">
        <v>214852</v>
      </c>
      <c r="AH861">
        <v>50000</v>
      </c>
      <c r="AI861">
        <v>0</v>
      </c>
      <c r="AJ861">
        <v>29</v>
      </c>
      <c r="AK861" t="s">
        <v>28</v>
      </c>
      <c r="AL861">
        <v>0</v>
      </c>
      <c r="AM861">
        <v>0</v>
      </c>
      <c r="AN861">
        <v>0</v>
      </c>
      <c r="AO861">
        <v>0</v>
      </c>
      <c r="AP861">
        <v>0</v>
      </c>
      <c r="AQ861">
        <v>0</v>
      </c>
      <c r="AR861">
        <v>0</v>
      </c>
      <c r="AS861">
        <v>0</v>
      </c>
      <c r="AT861">
        <v>0</v>
      </c>
      <c r="AU861">
        <v>0</v>
      </c>
      <c r="AV861">
        <v>0</v>
      </c>
      <c r="AW861">
        <v>0</v>
      </c>
      <c r="AX861">
        <v>0</v>
      </c>
      <c r="AY861">
        <v>0</v>
      </c>
      <c r="AZ861">
        <v>0</v>
      </c>
      <c r="BA861">
        <v>427</v>
      </c>
    </row>
    <row r="862" spans="1:53" x14ac:dyDescent="0.4">
      <c r="A862">
        <v>906</v>
      </c>
      <c r="B862" s="1">
        <v>43076</v>
      </c>
      <c r="C862">
        <v>1</v>
      </c>
      <c r="D862" s="1">
        <v>43076.291666666664</v>
      </c>
      <c r="E862" s="1">
        <v>43076.451388888891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0</v>
      </c>
      <c r="O862">
        <v>0</v>
      </c>
      <c r="P862">
        <v>0</v>
      </c>
      <c r="Q862">
        <v>0</v>
      </c>
      <c r="R862">
        <v>0</v>
      </c>
      <c r="S862">
        <v>0</v>
      </c>
      <c r="T862">
        <v>0</v>
      </c>
      <c r="U862">
        <v>0</v>
      </c>
      <c r="V862">
        <v>0</v>
      </c>
      <c r="W862">
        <v>1</v>
      </c>
      <c r="X862">
        <v>0</v>
      </c>
      <c r="Y862">
        <v>25</v>
      </c>
      <c r="Z862">
        <v>6</v>
      </c>
      <c r="AA862">
        <v>135</v>
      </c>
      <c r="AB862">
        <v>21</v>
      </c>
      <c r="AC862">
        <v>224</v>
      </c>
      <c r="AD862">
        <v>28</v>
      </c>
      <c r="AE862">
        <v>70</v>
      </c>
      <c r="AF862">
        <v>0</v>
      </c>
      <c r="AG862">
        <v>50000</v>
      </c>
      <c r="AH862">
        <v>0</v>
      </c>
      <c r="AI862">
        <v>50000</v>
      </c>
      <c r="AJ862">
        <v>0</v>
      </c>
      <c r="AK862" t="s">
        <v>6</v>
      </c>
      <c r="AL862">
        <v>0</v>
      </c>
      <c r="AM862">
        <v>0</v>
      </c>
      <c r="AN862">
        <v>0</v>
      </c>
      <c r="AO862">
        <v>0</v>
      </c>
      <c r="AP862">
        <v>0</v>
      </c>
      <c r="AQ862">
        <v>0</v>
      </c>
      <c r="AR862">
        <v>0</v>
      </c>
      <c r="AS862">
        <v>0</v>
      </c>
      <c r="AT862">
        <v>0</v>
      </c>
      <c r="AU862">
        <v>0</v>
      </c>
      <c r="AV862">
        <v>0</v>
      </c>
      <c r="AW862">
        <v>0</v>
      </c>
      <c r="AX862">
        <v>0</v>
      </c>
      <c r="AY862">
        <v>0</v>
      </c>
      <c r="AZ862">
        <v>0</v>
      </c>
      <c r="BA862">
        <v>0</v>
      </c>
    </row>
    <row r="863" spans="1:53" x14ac:dyDescent="0.4">
      <c r="A863">
        <v>907</v>
      </c>
      <c r="B863" s="1">
        <v>43076</v>
      </c>
      <c r="C863">
        <v>2</v>
      </c>
      <c r="D863" s="1">
        <v>43076.451388888891</v>
      </c>
      <c r="E863" s="1">
        <v>43076.759027777778</v>
      </c>
      <c r="F863">
        <v>14500</v>
      </c>
      <c r="G863">
        <v>106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1244</v>
      </c>
      <c r="N863">
        <v>0</v>
      </c>
      <c r="O863">
        <v>0</v>
      </c>
      <c r="P863">
        <v>9720</v>
      </c>
      <c r="Q863">
        <v>0</v>
      </c>
      <c r="R863">
        <v>26524</v>
      </c>
      <c r="S863">
        <v>0</v>
      </c>
      <c r="T863">
        <v>0</v>
      </c>
      <c r="U863">
        <v>0</v>
      </c>
      <c r="V863">
        <v>0</v>
      </c>
      <c r="W863">
        <v>2</v>
      </c>
      <c r="X863">
        <v>0</v>
      </c>
      <c r="Y863">
        <v>41</v>
      </c>
      <c r="Z863">
        <v>8</v>
      </c>
      <c r="AA863">
        <v>175</v>
      </c>
      <c r="AB863">
        <v>25</v>
      </c>
      <c r="AC863">
        <v>254</v>
      </c>
      <c r="AD863">
        <v>31</v>
      </c>
      <c r="AE863">
        <v>79</v>
      </c>
      <c r="AF863">
        <v>0</v>
      </c>
      <c r="AG863">
        <v>76524</v>
      </c>
      <c r="AH863">
        <v>50000</v>
      </c>
      <c r="AI863">
        <v>0</v>
      </c>
      <c r="AJ863">
        <v>99</v>
      </c>
      <c r="AK863" t="s">
        <v>9</v>
      </c>
      <c r="AL863">
        <v>0</v>
      </c>
      <c r="AM863">
        <v>0</v>
      </c>
      <c r="AN863">
        <v>0</v>
      </c>
      <c r="AO863">
        <v>0</v>
      </c>
      <c r="AP863">
        <v>0</v>
      </c>
      <c r="AQ863">
        <v>0</v>
      </c>
      <c r="AR863">
        <v>0</v>
      </c>
      <c r="AS863">
        <v>0</v>
      </c>
      <c r="AT863">
        <v>0</v>
      </c>
      <c r="AU863">
        <v>0</v>
      </c>
      <c r="AV863">
        <v>0</v>
      </c>
      <c r="AW863">
        <v>0</v>
      </c>
      <c r="AX863">
        <v>734</v>
      </c>
      <c r="AY863">
        <v>29</v>
      </c>
      <c r="AZ863">
        <v>47</v>
      </c>
      <c r="BA863">
        <v>4086</v>
      </c>
    </row>
    <row r="864" spans="1:53" x14ac:dyDescent="0.4">
      <c r="A864">
        <v>908</v>
      </c>
      <c r="B864" s="1">
        <v>43076</v>
      </c>
      <c r="C864">
        <v>3</v>
      </c>
      <c r="D864" s="1">
        <v>43076.759027777778</v>
      </c>
      <c r="E864" s="1">
        <v>43076.96597222222</v>
      </c>
      <c r="F864">
        <v>59000</v>
      </c>
      <c r="G864">
        <v>294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4955</v>
      </c>
      <c r="N864">
        <v>0</v>
      </c>
      <c r="O864">
        <v>0</v>
      </c>
      <c r="P864">
        <v>33048</v>
      </c>
      <c r="Q864">
        <v>0</v>
      </c>
      <c r="R864">
        <v>99943</v>
      </c>
      <c r="S864">
        <v>0</v>
      </c>
      <c r="T864">
        <v>0</v>
      </c>
      <c r="U864">
        <v>0</v>
      </c>
      <c r="V864">
        <v>6</v>
      </c>
      <c r="W864">
        <v>2</v>
      </c>
      <c r="X864">
        <v>0</v>
      </c>
      <c r="Y864">
        <v>71</v>
      </c>
      <c r="Z864">
        <v>8</v>
      </c>
      <c r="AA864">
        <v>170</v>
      </c>
      <c r="AB864">
        <v>20</v>
      </c>
      <c r="AC864">
        <v>244</v>
      </c>
      <c r="AD864">
        <v>30</v>
      </c>
      <c r="AE864">
        <v>77</v>
      </c>
      <c r="AF864">
        <v>10800</v>
      </c>
      <c r="AG864">
        <v>176467</v>
      </c>
      <c r="AH864">
        <v>50000</v>
      </c>
      <c r="AI864">
        <v>0</v>
      </c>
      <c r="AJ864">
        <v>100</v>
      </c>
      <c r="AK864" t="s">
        <v>0</v>
      </c>
      <c r="AL864">
        <v>0</v>
      </c>
      <c r="AM864">
        <v>0</v>
      </c>
      <c r="AN864">
        <v>0</v>
      </c>
      <c r="AO864">
        <v>0</v>
      </c>
      <c r="AP864">
        <v>0</v>
      </c>
      <c r="AQ864">
        <v>0</v>
      </c>
      <c r="AR864">
        <v>0</v>
      </c>
      <c r="AS864">
        <v>0</v>
      </c>
      <c r="AT864">
        <v>0</v>
      </c>
      <c r="AU864">
        <v>0</v>
      </c>
      <c r="AV864">
        <v>0</v>
      </c>
      <c r="AW864">
        <v>0</v>
      </c>
      <c r="AX864">
        <v>37130</v>
      </c>
      <c r="AY864">
        <v>18</v>
      </c>
      <c r="AZ864">
        <v>85</v>
      </c>
      <c r="BA864">
        <v>1985</v>
      </c>
    </row>
    <row r="865" spans="1:53" x14ac:dyDescent="0.4">
      <c r="A865">
        <v>909</v>
      </c>
      <c r="B865" s="1">
        <v>43076</v>
      </c>
      <c r="C865">
        <v>4</v>
      </c>
      <c r="D865" s="1">
        <v>43076.96597222222</v>
      </c>
      <c r="E865" s="1">
        <v>43077.078472222223</v>
      </c>
      <c r="F865">
        <v>101850</v>
      </c>
      <c r="G865">
        <v>4530</v>
      </c>
      <c r="H865">
        <v>0</v>
      </c>
      <c r="I865">
        <v>0</v>
      </c>
      <c r="J865">
        <v>2000</v>
      </c>
      <c r="K865">
        <v>0</v>
      </c>
      <c r="L865">
        <v>0</v>
      </c>
      <c r="M865">
        <v>8350</v>
      </c>
      <c r="N865">
        <v>0</v>
      </c>
      <c r="O865">
        <v>0</v>
      </c>
      <c r="P865">
        <v>-40392</v>
      </c>
      <c r="Q865">
        <v>0</v>
      </c>
      <c r="R865">
        <v>72338</v>
      </c>
      <c r="S865">
        <v>0</v>
      </c>
      <c r="T865">
        <v>0</v>
      </c>
      <c r="U865">
        <v>0</v>
      </c>
      <c r="V865">
        <v>9</v>
      </c>
      <c r="W865">
        <v>4</v>
      </c>
      <c r="X865">
        <v>0</v>
      </c>
      <c r="Y865">
        <v>73</v>
      </c>
      <c r="Z865">
        <v>5</v>
      </c>
      <c r="AA865">
        <v>164</v>
      </c>
      <c r="AB865">
        <v>21</v>
      </c>
      <c r="AC865">
        <v>243</v>
      </c>
      <c r="AD865">
        <v>29</v>
      </c>
      <c r="AE865">
        <v>80</v>
      </c>
      <c r="AF865">
        <v>43200</v>
      </c>
      <c r="AG865">
        <v>248805</v>
      </c>
      <c r="AH865">
        <v>50000</v>
      </c>
      <c r="AI865">
        <v>0</v>
      </c>
      <c r="AJ865">
        <v>30</v>
      </c>
      <c r="AL865">
        <v>0</v>
      </c>
      <c r="AM865">
        <v>0</v>
      </c>
      <c r="AN865">
        <v>0</v>
      </c>
      <c r="AO865">
        <v>0</v>
      </c>
      <c r="AP865">
        <v>0</v>
      </c>
      <c r="AQ865">
        <v>0</v>
      </c>
      <c r="AR865">
        <v>0</v>
      </c>
      <c r="AS865">
        <v>0</v>
      </c>
      <c r="AT865">
        <v>0</v>
      </c>
      <c r="AU865">
        <v>0</v>
      </c>
      <c r="AV865">
        <v>0</v>
      </c>
      <c r="AW865">
        <v>0</v>
      </c>
      <c r="AX865">
        <v>0</v>
      </c>
      <c r="AY865">
        <v>4</v>
      </c>
      <c r="AZ865">
        <v>29</v>
      </c>
      <c r="BA865">
        <v>498</v>
      </c>
    </row>
    <row r="866" spans="1:53" x14ac:dyDescent="0.4">
      <c r="A866">
        <v>910</v>
      </c>
      <c r="B866" s="1">
        <v>43077</v>
      </c>
      <c r="C866">
        <v>1</v>
      </c>
      <c r="D866" s="1">
        <v>43077.291666666664</v>
      </c>
      <c r="E866" s="1">
        <v>43077.448611111111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  <c r="M866">
        <v>0</v>
      </c>
      <c r="N866">
        <v>0</v>
      </c>
      <c r="O866">
        <v>0</v>
      </c>
      <c r="P866">
        <v>0</v>
      </c>
      <c r="Q866">
        <v>0</v>
      </c>
      <c r="R866">
        <v>0</v>
      </c>
      <c r="S866">
        <v>0</v>
      </c>
      <c r="T866">
        <v>0</v>
      </c>
      <c r="U866">
        <v>0</v>
      </c>
      <c r="V866">
        <v>0</v>
      </c>
      <c r="W866">
        <v>1</v>
      </c>
      <c r="X866">
        <v>0</v>
      </c>
      <c r="Y866">
        <v>27</v>
      </c>
      <c r="Z866">
        <v>6</v>
      </c>
      <c r="AA866">
        <v>113</v>
      </c>
      <c r="AB866">
        <v>20</v>
      </c>
      <c r="AC866">
        <v>243</v>
      </c>
      <c r="AD866">
        <v>28</v>
      </c>
      <c r="AE866">
        <v>130</v>
      </c>
      <c r="AF866">
        <v>0</v>
      </c>
      <c r="AG866">
        <v>50000</v>
      </c>
      <c r="AH866">
        <v>0</v>
      </c>
      <c r="AI866">
        <v>50000</v>
      </c>
      <c r="AJ866">
        <v>0</v>
      </c>
      <c r="AK866" t="s">
        <v>6</v>
      </c>
      <c r="AL866">
        <v>0</v>
      </c>
      <c r="AM866">
        <v>0</v>
      </c>
      <c r="AN866">
        <v>0</v>
      </c>
      <c r="AO866">
        <v>0</v>
      </c>
      <c r="AP866">
        <v>0</v>
      </c>
      <c r="AQ866">
        <v>0</v>
      </c>
      <c r="AR866">
        <v>0</v>
      </c>
      <c r="AS866">
        <v>0</v>
      </c>
      <c r="AT866">
        <v>0</v>
      </c>
      <c r="AU866">
        <v>0</v>
      </c>
      <c r="AV866">
        <v>0</v>
      </c>
      <c r="AW866">
        <v>0</v>
      </c>
      <c r="AX866">
        <v>0</v>
      </c>
      <c r="AY866">
        <v>0</v>
      </c>
      <c r="AZ866">
        <v>0</v>
      </c>
      <c r="BA866">
        <v>0</v>
      </c>
    </row>
    <row r="867" spans="1:53" x14ac:dyDescent="0.4">
      <c r="A867">
        <v>911</v>
      </c>
      <c r="B867" s="1">
        <v>43077</v>
      </c>
      <c r="C867">
        <v>2</v>
      </c>
      <c r="D867" s="1">
        <v>43077.448611111111</v>
      </c>
      <c r="E867" s="1">
        <v>43077.745833333334</v>
      </c>
      <c r="F867">
        <v>15000</v>
      </c>
      <c r="G867">
        <v>3390</v>
      </c>
      <c r="H867">
        <v>0</v>
      </c>
      <c r="I867">
        <v>0</v>
      </c>
      <c r="J867">
        <v>0</v>
      </c>
      <c r="K867">
        <v>0</v>
      </c>
      <c r="L867">
        <v>0</v>
      </c>
      <c r="M867">
        <v>1471</v>
      </c>
      <c r="N867">
        <v>0</v>
      </c>
      <c r="O867">
        <v>0</v>
      </c>
      <c r="P867">
        <v>17820</v>
      </c>
      <c r="Q867">
        <v>0</v>
      </c>
      <c r="R867">
        <v>37681</v>
      </c>
      <c r="S867">
        <v>0</v>
      </c>
      <c r="T867">
        <v>0</v>
      </c>
      <c r="U867">
        <v>0</v>
      </c>
      <c r="V867">
        <v>0</v>
      </c>
      <c r="W867">
        <v>1</v>
      </c>
      <c r="X867">
        <v>0</v>
      </c>
      <c r="Y867">
        <v>54</v>
      </c>
      <c r="Z867">
        <v>25</v>
      </c>
      <c r="AA867">
        <v>115</v>
      </c>
      <c r="AB867">
        <v>27</v>
      </c>
      <c r="AC867">
        <v>308</v>
      </c>
      <c r="AD867">
        <v>34</v>
      </c>
      <c r="AE867">
        <v>81</v>
      </c>
      <c r="AF867">
        <v>0</v>
      </c>
      <c r="AG867">
        <v>87681</v>
      </c>
      <c r="AH867">
        <v>50000</v>
      </c>
      <c r="AI867">
        <v>0</v>
      </c>
      <c r="AJ867">
        <v>96</v>
      </c>
      <c r="AK867" t="s">
        <v>4</v>
      </c>
      <c r="AL867">
        <v>0</v>
      </c>
      <c r="AM867">
        <v>0</v>
      </c>
      <c r="AN867">
        <v>0</v>
      </c>
      <c r="AO867">
        <v>0</v>
      </c>
      <c r="AP867">
        <v>0</v>
      </c>
      <c r="AQ867">
        <v>0</v>
      </c>
      <c r="AR867">
        <v>0</v>
      </c>
      <c r="AS867">
        <v>0</v>
      </c>
      <c r="AT867">
        <v>0</v>
      </c>
      <c r="AU867">
        <v>0</v>
      </c>
      <c r="AV867">
        <v>0</v>
      </c>
      <c r="AW867">
        <v>0</v>
      </c>
      <c r="AX867">
        <v>-1080</v>
      </c>
      <c r="AY867">
        <v>28</v>
      </c>
      <c r="AZ867">
        <v>61</v>
      </c>
      <c r="BA867">
        <v>3548</v>
      </c>
    </row>
    <row r="868" spans="1:53" x14ac:dyDescent="0.4">
      <c r="A868">
        <v>912</v>
      </c>
      <c r="B868" s="1">
        <v>43078</v>
      </c>
      <c r="C868">
        <v>1</v>
      </c>
      <c r="D868" s="1">
        <v>43078.291666666664</v>
      </c>
      <c r="E868" s="1">
        <v>43078.409722222219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  <c r="M868">
        <v>0</v>
      </c>
      <c r="N868">
        <v>0</v>
      </c>
      <c r="O868">
        <v>0</v>
      </c>
      <c r="P868">
        <v>0</v>
      </c>
      <c r="Q868">
        <v>0</v>
      </c>
      <c r="R868">
        <v>0</v>
      </c>
      <c r="S868">
        <v>0</v>
      </c>
      <c r="T868">
        <v>0</v>
      </c>
      <c r="U868">
        <v>0</v>
      </c>
      <c r="V868">
        <v>0</v>
      </c>
      <c r="W868">
        <v>0</v>
      </c>
      <c r="X868">
        <v>0</v>
      </c>
      <c r="Y868">
        <v>33</v>
      </c>
      <c r="Z868">
        <v>10</v>
      </c>
      <c r="AA868">
        <v>92</v>
      </c>
      <c r="AB868">
        <v>17</v>
      </c>
      <c r="AC868">
        <v>175</v>
      </c>
      <c r="AD868">
        <v>29</v>
      </c>
      <c r="AE868">
        <v>55</v>
      </c>
      <c r="AF868">
        <v>0</v>
      </c>
      <c r="AG868">
        <v>50000</v>
      </c>
      <c r="AH868">
        <v>50000</v>
      </c>
      <c r="AI868">
        <v>0</v>
      </c>
      <c r="AJ868">
        <v>0</v>
      </c>
      <c r="AK868" t="s">
        <v>6</v>
      </c>
      <c r="AL868">
        <v>0</v>
      </c>
      <c r="AM868">
        <v>0</v>
      </c>
      <c r="AN868">
        <v>0</v>
      </c>
      <c r="AO868">
        <v>0</v>
      </c>
      <c r="AP868">
        <v>0</v>
      </c>
      <c r="AQ868">
        <v>0</v>
      </c>
      <c r="AR868">
        <v>0</v>
      </c>
      <c r="AS868">
        <v>0</v>
      </c>
      <c r="AT868">
        <v>0</v>
      </c>
      <c r="AU868">
        <v>0</v>
      </c>
      <c r="AV868">
        <v>0</v>
      </c>
      <c r="AW868">
        <v>0</v>
      </c>
      <c r="AX868">
        <v>0</v>
      </c>
      <c r="AY868">
        <v>0</v>
      </c>
      <c r="AZ868">
        <v>0</v>
      </c>
      <c r="BA868">
        <v>0</v>
      </c>
    </row>
    <row r="869" spans="1:53" x14ac:dyDescent="0.4">
      <c r="A869">
        <v>913</v>
      </c>
      <c r="B869" s="1">
        <v>43078</v>
      </c>
      <c r="C869">
        <v>2</v>
      </c>
      <c r="D869" s="1">
        <v>43078.409722222219</v>
      </c>
      <c r="E869" s="1">
        <v>43078.742361111108</v>
      </c>
      <c r="F869">
        <v>40250</v>
      </c>
      <c r="G869">
        <v>660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3747</v>
      </c>
      <c r="N869">
        <v>0</v>
      </c>
      <c r="O869">
        <v>0</v>
      </c>
      <c r="P869">
        <v>23587</v>
      </c>
      <c r="Q869">
        <v>0</v>
      </c>
      <c r="R869">
        <v>74184</v>
      </c>
      <c r="S869">
        <v>0</v>
      </c>
      <c r="T869">
        <v>0</v>
      </c>
      <c r="U869">
        <v>0</v>
      </c>
      <c r="V869">
        <v>5</v>
      </c>
      <c r="W869">
        <v>0</v>
      </c>
      <c r="X869">
        <v>0</v>
      </c>
      <c r="Y869">
        <v>38</v>
      </c>
      <c r="Z869">
        <v>34</v>
      </c>
      <c r="AA869">
        <v>125</v>
      </c>
      <c r="AB869">
        <v>15</v>
      </c>
      <c r="AC869">
        <v>170</v>
      </c>
      <c r="AD869">
        <v>24</v>
      </c>
      <c r="AE869">
        <v>44</v>
      </c>
      <c r="AF869">
        <v>4650</v>
      </c>
      <c r="AG869">
        <v>124764</v>
      </c>
      <c r="AH869">
        <v>50000</v>
      </c>
      <c r="AI869">
        <v>580</v>
      </c>
      <c r="AJ869">
        <v>84</v>
      </c>
      <c r="AK869" t="s">
        <v>16</v>
      </c>
      <c r="AL869">
        <v>0</v>
      </c>
      <c r="AM869">
        <v>0</v>
      </c>
      <c r="AN869">
        <v>0</v>
      </c>
      <c r="AO869">
        <v>0</v>
      </c>
      <c r="AP869">
        <v>0</v>
      </c>
      <c r="AQ869">
        <v>0</v>
      </c>
      <c r="AR869">
        <v>0</v>
      </c>
      <c r="AS869">
        <v>0</v>
      </c>
      <c r="AT869">
        <v>0</v>
      </c>
      <c r="AU869">
        <v>0</v>
      </c>
      <c r="AV869">
        <v>0</v>
      </c>
      <c r="AW869">
        <v>0</v>
      </c>
      <c r="AX869">
        <v>3801</v>
      </c>
      <c r="AY869">
        <v>53</v>
      </c>
      <c r="AZ869">
        <v>118</v>
      </c>
      <c r="BA869">
        <v>7861</v>
      </c>
    </row>
    <row r="870" spans="1:53" x14ac:dyDescent="0.4">
      <c r="A870">
        <v>914</v>
      </c>
      <c r="B870" s="1">
        <v>43078</v>
      </c>
      <c r="C870">
        <v>3</v>
      </c>
      <c r="D870" s="1">
        <v>43078.742361111108</v>
      </c>
      <c r="E870" s="1">
        <v>43078.773611111108</v>
      </c>
      <c r="F870">
        <v>5500</v>
      </c>
      <c r="G870">
        <v>1020</v>
      </c>
      <c r="H870">
        <v>0</v>
      </c>
      <c r="I870">
        <v>0</v>
      </c>
      <c r="J870">
        <v>0</v>
      </c>
      <c r="K870">
        <v>0</v>
      </c>
      <c r="L870">
        <v>0</v>
      </c>
      <c r="M870">
        <v>521</v>
      </c>
      <c r="N870">
        <v>0</v>
      </c>
      <c r="O870">
        <v>0</v>
      </c>
      <c r="P870">
        <v>-3780</v>
      </c>
      <c r="Q870">
        <v>0</v>
      </c>
      <c r="R870">
        <v>3261</v>
      </c>
      <c r="S870">
        <v>0</v>
      </c>
      <c r="T870">
        <v>0</v>
      </c>
      <c r="U870">
        <v>0</v>
      </c>
      <c r="V870">
        <v>5</v>
      </c>
      <c r="W870">
        <v>1</v>
      </c>
      <c r="X870">
        <v>0</v>
      </c>
      <c r="Y870">
        <v>33</v>
      </c>
      <c r="Z870">
        <v>35</v>
      </c>
      <c r="AA870">
        <v>131</v>
      </c>
      <c r="AB870">
        <v>15</v>
      </c>
      <c r="AC870">
        <v>220</v>
      </c>
      <c r="AD870">
        <v>24</v>
      </c>
      <c r="AE870">
        <v>45</v>
      </c>
      <c r="AF870">
        <v>5730</v>
      </c>
      <c r="AG870">
        <v>127445</v>
      </c>
      <c r="AH870">
        <v>50000</v>
      </c>
      <c r="AI870">
        <v>0</v>
      </c>
      <c r="AJ870">
        <v>99</v>
      </c>
      <c r="AK870" t="s">
        <v>9</v>
      </c>
      <c r="AL870">
        <v>0</v>
      </c>
      <c r="AM870">
        <v>0</v>
      </c>
      <c r="AN870">
        <v>0</v>
      </c>
      <c r="AO870">
        <v>0</v>
      </c>
      <c r="AP870">
        <v>0</v>
      </c>
      <c r="AQ870">
        <v>0</v>
      </c>
      <c r="AR870">
        <v>0</v>
      </c>
      <c r="AS870">
        <v>0</v>
      </c>
      <c r="AT870">
        <v>0</v>
      </c>
      <c r="AU870">
        <v>0</v>
      </c>
      <c r="AV870">
        <v>0</v>
      </c>
      <c r="AW870">
        <v>0</v>
      </c>
      <c r="AX870">
        <v>5076</v>
      </c>
      <c r="AY870">
        <v>2</v>
      </c>
      <c r="AZ870">
        <v>21</v>
      </c>
      <c r="BA870">
        <v>706</v>
      </c>
    </row>
    <row r="871" spans="1:53" x14ac:dyDescent="0.4">
      <c r="A871">
        <v>915</v>
      </c>
      <c r="B871" s="1">
        <v>43079</v>
      </c>
      <c r="C871">
        <v>1</v>
      </c>
      <c r="D871" s="1">
        <v>43079.291666666664</v>
      </c>
      <c r="E871" s="1">
        <v>43079.413888888892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  <c r="M871">
        <v>0</v>
      </c>
      <c r="N871">
        <v>0</v>
      </c>
      <c r="O871">
        <v>0</v>
      </c>
      <c r="P871">
        <v>0</v>
      </c>
      <c r="Q871">
        <v>0</v>
      </c>
      <c r="R871">
        <v>0</v>
      </c>
      <c r="S871">
        <v>0</v>
      </c>
      <c r="T871">
        <v>0</v>
      </c>
      <c r="U871">
        <v>0</v>
      </c>
      <c r="V871">
        <v>0</v>
      </c>
      <c r="W871">
        <v>1</v>
      </c>
      <c r="X871">
        <v>0</v>
      </c>
      <c r="Y871">
        <v>26</v>
      </c>
      <c r="Z871">
        <v>10</v>
      </c>
      <c r="AA871">
        <v>119</v>
      </c>
      <c r="AB871">
        <v>5</v>
      </c>
      <c r="AC871">
        <v>176</v>
      </c>
      <c r="AD871">
        <v>14</v>
      </c>
      <c r="AE871">
        <v>20</v>
      </c>
      <c r="AF871">
        <v>0</v>
      </c>
      <c r="AG871">
        <v>50000</v>
      </c>
      <c r="AH871">
        <v>0</v>
      </c>
      <c r="AI871">
        <v>50000</v>
      </c>
      <c r="AJ871">
        <v>0</v>
      </c>
      <c r="AK871" t="s">
        <v>6</v>
      </c>
      <c r="AL871">
        <v>0</v>
      </c>
      <c r="AM871">
        <v>0</v>
      </c>
      <c r="AN871">
        <v>0</v>
      </c>
      <c r="AO871">
        <v>0</v>
      </c>
      <c r="AP871">
        <v>0</v>
      </c>
      <c r="AQ871">
        <v>0</v>
      </c>
      <c r="AR871">
        <v>0</v>
      </c>
      <c r="AS871">
        <v>0</v>
      </c>
      <c r="AT871">
        <v>0</v>
      </c>
      <c r="AU871">
        <v>0</v>
      </c>
      <c r="AV871">
        <v>0</v>
      </c>
      <c r="AW871">
        <v>0</v>
      </c>
      <c r="AX871">
        <v>0</v>
      </c>
      <c r="AY871">
        <v>0</v>
      </c>
      <c r="AZ871">
        <v>0</v>
      </c>
      <c r="BA871">
        <v>0</v>
      </c>
    </row>
    <row r="872" spans="1:53" x14ac:dyDescent="0.4">
      <c r="A872">
        <v>916</v>
      </c>
      <c r="B872" s="1">
        <v>43080</v>
      </c>
      <c r="C872">
        <v>1</v>
      </c>
      <c r="D872" s="1">
        <v>43080.291666666664</v>
      </c>
      <c r="E872" s="1">
        <v>43080.446527777778</v>
      </c>
      <c r="F872">
        <v>0</v>
      </c>
      <c r="G872">
        <v>0</v>
      </c>
      <c r="H872">
        <v>0</v>
      </c>
      <c r="I872">
        <v>0</v>
      </c>
      <c r="J872">
        <v>0</v>
      </c>
      <c r="K872">
        <v>0</v>
      </c>
      <c r="L872">
        <v>0</v>
      </c>
      <c r="M872">
        <v>0</v>
      </c>
      <c r="N872">
        <v>0</v>
      </c>
      <c r="O872">
        <v>0</v>
      </c>
      <c r="P872">
        <v>0</v>
      </c>
      <c r="Q872">
        <v>0</v>
      </c>
      <c r="R872">
        <v>0</v>
      </c>
      <c r="S872">
        <v>0</v>
      </c>
      <c r="T872">
        <v>0</v>
      </c>
      <c r="U872">
        <v>0</v>
      </c>
      <c r="V872">
        <v>0</v>
      </c>
      <c r="W872">
        <v>1</v>
      </c>
      <c r="X872">
        <v>0</v>
      </c>
      <c r="Y872">
        <v>26</v>
      </c>
      <c r="Z872">
        <v>10</v>
      </c>
      <c r="AA872">
        <v>125</v>
      </c>
      <c r="AB872">
        <v>2</v>
      </c>
      <c r="AC872">
        <v>134</v>
      </c>
      <c r="AD872">
        <v>11</v>
      </c>
      <c r="AE872">
        <v>5</v>
      </c>
      <c r="AF872">
        <v>0</v>
      </c>
      <c r="AG872">
        <v>50000</v>
      </c>
      <c r="AH872">
        <v>0</v>
      </c>
      <c r="AI872">
        <v>50000</v>
      </c>
      <c r="AJ872">
        <v>0</v>
      </c>
      <c r="AK872" t="s">
        <v>6</v>
      </c>
      <c r="AL872">
        <v>0</v>
      </c>
      <c r="AM872">
        <v>0</v>
      </c>
      <c r="AN872">
        <v>0</v>
      </c>
      <c r="AO872">
        <v>0</v>
      </c>
      <c r="AP872">
        <v>0</v>
      </c>
      <c r="AQ872">
        <v>0</v>
      </c>
      <c r="AR872">
        <v>0</v>
      </c>
      <c r="AS872">
        <v>0</v>
      </c>
      <c r="AT872">
        <v>0</v>
      </c>
      <c r="AU872">
        <v>0</v>
      </c>
      <c r="AV872">
        <v>0</v>
      </c>
      <c r="AW872">
        <v>0</v>
      </c>
      <c r="AX872">
        <v>0</v>
      </c>
      <c r="AY872">
        <v>0</v>
      </c>
      <c r="AZ872">
        <v>0</v>
      </c>
      <c r="BA872">
        <v>0</v>
      </c>
    </row>
    <row r="873" spans="1:53" x14ac:dyDescent="0.4">
      <c r="A873">
        <v>917</v>
      </c>
      <c r="B873" s="1">
        <v>43080</v>
      </c>
      <c r="C873">
        <v>2</v>
      </c>
      <c r="D873" s="1">
        <v>43080.446527777778</v>
      </c>
      <c r="E873" s="1">
        <v>43080.740972222222</v>
      </c>
      <c r="F873">
        <v>17500</v>
      </c>
      <c r="G873">
        <v>3740</v>
      </c>
      <c r="H873">
        <v>0</v>
      </c>
      <c r="I873">
        <v>0</v>
      </c>
      <c r="J873">
        <v>0</v>
      </c>
      <c r="K873">
        <v>0</v>
      </c>
      <c r="L873">
        <v>0</v>
      </c>
      <c r="M873">
        <v>1699</v>
      </c>
      <c r="N873">
        <v>0</v>
      </c>
      <c r="O873">
        <v>0</v>
      </c>
      <c r="P873">
        <v>16200</v>
      </c>
      <c r="Q873">
        <v>0</v>
      </c>
      <c r="R873">
        <v>39139</v>
      </c>
      <c r="S873">
        <v>0</v>
      </c>
      <c r="T873">
        <v>0</v>
      </c>
      <c r="U873">
        <v>0</v>
      </c>
      <c r="V873">
        <v>3</v>
      </c>
      <c r="W873">
        <v>0</v>
      </c>
      <c r="X873">
        <v>0</v>
      </c>
      <c r="Y873">
        <v>35</v>
      </c>
      <c r="Z873">
        <v>19</v>
      </c>
      <c r="AA873">
        <v>120</v>
      </c>
      <c r="AB873">
        <v>9</v>
      </c>
      <c r="AC873">
        <v>205</v>
      </c>
      <c r="AD873">
        <v>22</v>
      </c>
      <c r="AE873">
        <v>34</v>
      </c>
      <c r="AF873">
        <v>0</v>
      </c>
      <c r="AG873">
        <v>89144</v>
      </c>
      <c r="AH873">
        <v>50000</v>
      </c>
      <c r="AI873">
        <v>5</v>
      </c>
      <c r="AJ873">
        <v>96</v>
      </c>
      <c r="AK873" t="s">
        <v>4</v>
      </c>
      <c r="AL873">
        <v>0</v>
      </c>
      <c r="AM873">
        <v>0</v>
      </c>
      <c r="AN873">
        <v>0</v>
      </c>
      <c r="AO873">
        <v>0</v>
      </c>
      <c r="AP873">
        <v>0</v>
      </c>
      <c r="AQ873">
        <v>0</v>
      </c>
      <c r="AR873">
        <v>0</v>
      </c>
      <c r="AS873">
        <v>0</v>
      </c>
      <c r="AT873">
        <v>0</v>
      </c>
      <c r="AU873">
        <v>0</v>
      </c>
      <c r="AV873">
        <v>0</v>
      </c>
      <c r="AW873">
        <v>0</v>
      </c>
      <c r="AX873">
        <v>-1232</v>
      </c>
      <c r="AY873">
        <v>32</v>
      </c>
      <c r="AZ873">
        <v>63</v>
      </c>
      <c r="BA873">
        <v>4311</v>
      </c>
    </row>
    <row r="874" spans="1:53" x14ac:dyDescent="0.4">
      <c r="A874">
        <v>918</v>
      </c>
      <c r="B874" s="1">
        <v>43081</v>
      </c>
      <c r="C874">
        <v>1</v>
      </c>
      <c r="D874" s="1">
        <v>43081.291666666664</v>
      </c>
      <c r="E874" s="1">
        <v>43081.45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0</v>
      </c>
      <c r="O874">
        <v>0</v>
      </c>
      <c r="P874">
        <v>0</v>
      </c>
      <c r="Q874">
        <v>0</v>
      </c>
      <c r="R874">
        <v>0</v>
      </c>
      <c r="S874">
        <v>0</v>
      </c>
      <c r="T874">
        <v>0</v>
      </c>
      <c r="U874">
        <v>0</v>
      </c>
      <c r="V874">
        <v>0</v>
      </c>
      <c r="W874">
        <v>0</v>
      </c>
      <c r="X874">
        <v>0</v>
      </c>
      <c r="Y874">
        <v>27</v>
      </c>
      <c r="Z874">
        <v>14</v>
      </c>
      <c r="AA874">
        <v>135</v>
      </c>
      <c r="AB874">
        <v>12</v>
      </c>
      <c r="AC874">
        <v>176</v>
      </c>
      <c r="AD874">
        <v>21</v>
      </c>
      <c r="AE874">
        <v>35</v>
      </c>
      <c r="AF874">
        <v>0</v>
      </c>
      <c r="AG874">
        <v>50000</v>
      </c>
      <c r="AH874">
        <v>0</v>
      </c>
      <c r="AI874">
        <v>50000</v>
      </c>
      <c r="AJ874">
        <v>0</v>
      </c>
      <c r="AK874" t="s">
        <v>6</v>
      </c>
      <c r="AL874">
        <v>0</v>
      </c>
      <c r="AM874">
        <v>0</v>
      </c>
      <c r="AN874">
        <v>0</v>
      </c>
      <c r="AO874">
        <v>0</v>
      </c>
      <c r="AP874">
        <v>0</v>
      </c>
      <c r="AQ874">
        <v>0</v>
      </c>
      <c r="AR874">
        <v>0</v>
      </c>
      <c r="AS874">
        <v>0</v>
      </c>
      <c r="AT874">
        <v>0</v>
      </c>
      <c r="AU874">
        <v>0</v>
      </c>
      <c r="AV874">
        <v>0</v>
      </c>
      <c r="AW874">
        <v>0</v>
      </c>
      <c r="AX874">
        <v>0</v>
      </c>
      <c r="AY874">
        <v>0</v>
      </c>
      <c r="AZ874">
        <v>0</v>
      </c>
      <c r="BA874">
        <v>0</v>
      </c>
    </row>
    <row r="875" spans="1:53" x14ac:dyDescent="0.4">
      <c r="A875">
        <v>919</v>
      </c>
      <c r="B875" s="1">
        <v>43081</v>
      </c>
      <c r="C875">
        <v>2</v>
      </c>
      <c r="D875" s="1">
        <v>43081.45</v>
      </c>
      <c r="E875" s="1">
        <v>43081.736805555556</v>
      </c>
      <c r="F875">
        <v>22500</v>
      </c>
      <c r="G875">
        <v>800</v>
      </c>
      <c r="H875">
        <v>0</v>
      </c>
      <c r="I875">
        <v>0</v>
      </c>
      <c r="J875">
        <v>0</v>
      </c>
      <c r="K875">
        <v>0</v>
      </c>
      <c r="L875">
        <v>0</v>
      </c>
      <c r="M875">
        <v>1864</v>
      </c>
      <c r="N875">
        <v>0</v>
      </c>
      <c r="O875">
        <v>0</v>
      </c>
      <c r="P875">
        <v>14040</v>
      </c>
      <c r="Q875">
        <v>0</v>
      </c>
      <c r="R875">
        <v>39204</v>
      </c>
      <c r="S875">
        <v>0</v>
      </c>
      <c r="T875">
        <v>0</v>
      </c>
      <c r="U875">
        <v>0</v>
      </c>
      <c r="V875">
        <v>1</v>
      </c>
      <c r="W875">
        <v>1</v>
      </c>
      <c r="X875">
        <v>0</v>
      </c>
      <c r="Y875">
        <v>40</v>
      </c>
      <c r="Z875">
        <v>28</v>
      </c>
      <c r="AA875">
        <v>129</v>
      </c>
      <c r="AB875">
        <v>4</v>
      </c>
      <c r="AC875">
        <v>231</v>
      </c>
      <c r="AD875">
        <v>20</v>
      </c>
      <c r="AE875">
        <v>30</v>
      </c>
      <c r="AF875">
        <v>4664</v>
      </c>
      <c r="AG875">
        <v>89204</v>
      </c>
      <c r="AH875">
        <v>50000</v>
      </c>
      <c r="AI875">
        <v>0</v>
      </c>
      <c r="AJ875">
        <v>96</v>
      </c>
      <c r="AK875" t="s">
        <v>4</v>
      </c>
      <c r="AL875">
        <v>0</v>
      </c>
      <c r="AM875">
        <v>0</v>
      </c>
      <c r="AN875">
        <v>0</v>
      </c>
      <c r="AO875">
        <v>0</v>
      </c>
      <c r="AP875">
        <v>0</v>
      </c>
      <c r="AQ875">
        <v>0</v>
      </c>
      <c r="AR875">
        <v>0</v>
      </c>
      <c r="AS875">
        <v>0</v>
      </c>
      <c r="AT875">
        <v>0</v>
      </c>
      <c r="AU875">
        <v>0</v>
      </c>
      <c r="AV875">
        <v>0</v>
      </c>
      <c r="AW875">
        <v>0</v>
      </c>
      <c r="AX875">
        <v>0</v>
      </c>
      <c r="AY875">
        <v>34</v>
      </c>
      <c r="AZ875">
        <v>68</v>
      </c>
      <c r="BA875">
        <v>5024</v>
      </c>
    </row>
    <row r="876" spans="1:53" x14ac:dyDescent="0.4">
      <c r="A876">
        <v>920</v>
      </c>
      <c r="B876" s="1">
        <v>43081</v>
      </c>
      <c r="C876">
        <v>3</v>
      </c>
      <c r="D876" s="1">
        <v>43081.736805555556</v>
      </c>
      <c r="E876" s="1">
        <v>43081.952777777777</v>
      </c>
      <c r="F876">
        <v>30000</v>
      </c>
      <c r="G876">
        <v>134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2507</v>
      </c>
      <c r="N876">
        <v>0</v>
      </c>
      <c r="O876">
        <v>0</v>
      </c>
      <c r="P876">
        <v>0</v>
      </c>
      <c r="Q876">
        <v>0</v>
      </c>
      <c r="R876">
        <v>33847</v>
      </c>
      <c r="S876">
        <v>0</v>
      </c>
      <c r="T876">
        <v>0</v>
      </c>
      <c r="U876">
        <v>0</v>
      </c>
      <c r="V876">
        <v>1</v>
      </c>
      <c r="W876">
        <v>2</v>
      </c>
      <c r="X876">
        <v>0</v>
      </c>
      <c r="Y876">
        <v>50</v>
      </c>
      <c r="Z876">
        <v>27</v>
      </c>
      <c r="AA876">
        <v>122</v>
      </c>
      <c r="AB876">
        <v>5</v>
      </c>
      <c r="AC876">
        <v>231</v>
      </c>
      <c r="AD876">
        <v>20</v>
      </c>
      <c r="AE876">
        <v>26</v>
      </c>
      <c r="AF876">
        <v>24665</v>
      </c>
      <c r="AG876">
        <v>123051</v>
      </c>
      <c r="AH876">
        <v>50000</v>
      </c>
      <c r="AI876">
        <v>0</v>
      </c>
      <c r="AJ876">
        <v>29</v>
      </c>
      <c r="AK876" t="s">
        <v>28</v>
      </c>
      <c r="AL876">
        <v>0</v>
      </c>
      <c r="AM876">
        <v>0</v>
      </c>
      <c r="AN876">
        <v>0</v>
      </c>
      <c r="AO876">
        <v>0</v>
      </c>
      <c r="AP876">
        <v>0</v>
      </c>
      <c r="AQ876">
        <v>0</v>
      </c>
      <c r="AR876">
        <v>0</v>
      </c>
      <c r="AS876">
        <v>0</v>
      </c>
      <c r="AT876">
        <v>0</v>
      </c>
      <c r="AU876">
        <v>0</v>
      </c>
      <c r="AV876">
        <v>0</v>
      </c>
      <c r="AW876">
        <v>0</v>
      </c>
      <c r="AX876">
        <v>23695</v>
      </c>
      <c r="AY876">
        <v>13</v>
      </c>
      <c r="AZ876">
        <v>60</v>
      </c>
      <c r="BA876">
        <v>1916</v>
      </c>
    </row>
    <row r="877" spans="1:53" x14ac:dyDescent="0.4">
      <c r="A877">
        <v>921</v>
      </c>
      <c r="B877" s="1">
        <v>43081</v>
      </c>
      <c r="C877">
        <v>4</v>
      </c>
      <c r="D877" s="1">
        <v>43081.952777777777</v>
      </c>
      <c r="E877" s="1">
        <v>43082.084027777775</v>
      </c>
      <c r="F877">
        <v>45700</v>
      </c>
      <c r="G877">
        <v>3690</v>
      </c>
      <c r="H877">
        <v>0</v>
      </c>
      <c r="I877">
        <v>0</v>
      </c>
      <c r="J877">
        <v>200</v>
      </c>
      <c r="K877">
        <v>3000</v>
      </c>
      <c r="L877">
        <v>0</v>
      </c>
      <c r="M877">
        <v>4175</v>
      </c>
      <c r="N877">
        <v>0</v>
      </c>
      <c r="O877">
        <v>0</v>
      </c>
      <c r="P877">
        <v>6264</v>
      </c>
      <c r="Q877">
        <v>0</v>
      </c>
      <c r="R877">
        <v>62629</v>
      </c>
      <c r="S877">
        <v>0</v>
      </c>
      <c r="T877">
        <v>0</v>
      </c>
      <c r="U877">
        <v>0</v>
      </c>
      <c r="V877">
        <v>4</v>
      </c>
      <c r="W877">
        <v>3</v>
      </c>
      <c r="X877">
        <v>0</v>
      </c>
      <c r="Y877">
        <v>45</v>
      </c>
      <c r="Z877">
        <v>27</v>
      </c>
      <c r="AA877">
        <v>127</v>
      </c>
      <c r="AB877">
        <v>7</v>
      </c>
      <c r="AC877">
        <v>228</v>
      </c>
      <c r="AD877">
        <v>19</v>
      </c>
      <c r="AE877">
        <v>25</v>
      </c>
      <c r="AF877">
        <v>56730</v>
      </c>
      <c r="AG877">
        <v>185680</v>
      </c>
      <c r="AH877">
        <v>50000</v>
      </c>
      <c r="AI877">
        <v>0</v>
      </c>
      <c r="AJ877">
        <v>100</v>
      </c>
      <c r="AK877" t="s">
        <v>0</v>
      </c>
      <c r="AL877">
        <v>0</v>
      </c>
      <c r="AM877">
        <v>0</v>
      </c>
      <c r="AN877">
        <v>0</v>
      </c>
      <c r="AO877">
        <v>0</v>
      </c>
      <c r="AP877">
        <v>0</v>
      </c>
      <c r="AQ877">
        <v>0</v>
      </c>
      <c r="AR877">
        <v>0</v>
      </c>
      <c r="AS877">
        <v>0</v>
      </c>
      <c r="AT877">
        <v>0</v>
      </c>
      <c r="AU877">
        <v>0</v>
      </c>
      <c r="AV877">
        <v>0</v>
      </c>
      <c r="AW877">
        <v>0</v>
      </c>
      <c r="AX877">
        <v>1188</v>
      </c>
      <c r="AY877">
        <v>6</v>
      </c>
      <c r="AZ877">
        <v>20</v>
      </c>
      <c r="BA877">
        <v>631</v>
      </c>
    </row>
    <row r="878" spans="1:53" x14ac:dyDescent="0.4">
      <c r="A878">
        <v>922</v>
      </c>
      <c r="B878" s="1">
        <v>43082</v>
      </c>
      <c r="C878">
        <v>1</v>
      </c>
      <c r="D878" s="1">
        <v>43082.291666666664</v>
      </c>
      <c r="E878" s="1">
        <v>43082.445138888892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0</v>
      </c>
      <c r="O878">
        <v>0</v>
      </c>
      <c r="P878">
        <v>0</v>
      </c>
      <c r="Q878">
        <v>0</v>
      </c>
      <c r="R878">
        <v>0</v>
      </c>
      <c r="S878">
        <v>0</v>
      </c>
      <c r="T878">
        <v>0</v>
      </c>
      <c r="U878">
        <v>0</v>
      </c>
      <c r="V878">
        <v>0</v>
      </c>
      <c r="W878">
        <v>1</v>
      </c>
      <c r="X878">
        <v>0</v>
      </c>
      <c r="Y878">
        <v>25</v>
      </c>
      <c r="Z878">
        <v>10</v>
      </c>
      <c r="AA878">
        <v>123</v>
      </c>
      <c r="AB878">
        <v>6</v>
      </c>
      <c r="AC878">
        <v>230</v>
      </c>
      <c r="AD878">
        <v>17</v>
      </c>
      <c r="AE878">
        <v>15</v>
      </c>
      <c r="AF878">
        <v>0</v>
      </c>
      <c r="AG878">
        <v>50000</v>
      </c>
      <c r="AH878">
        <v>0</v>
      </c>
      <c r="AI878">
        <v>50000</v>
      </c>
      <c r="AJ878">
        <v>0</v>
      </c>
      <c r="AK878" t="s">
        <v>6</v>
      </c>
      <c r="AL878">
        <v>0</v>
      </c>
      <c r="AM878">
        <v>0</v>
      </c>
      <c r="AN878">
        <v>0</v>
      </c>
      <c r="AO878">
        <v>0</v>
      </c>
      <c r="AP878">
        <v>0</v>
      </c>
      <c r="AQ878">
        <v>0</v>
      </c>
      <c r="AR878">
        <v>0</v>
      </c>
      <c r="AS878">
        <v>0</v>
      </c>
      <c r="AT878">
        <v>0</v>
      </c>
      <c r="AU878">
        <v>0</v>
      </c>
      <c r="AV878">
        <v>0</v>
      </c>
      <c r="AW878">
        <v>0</v>
      </c>
      <c r="AX878">
        <v>0</v>
      </c>
      <c r="AY878">
        <v>0</v>
      </c>
      <c r="AZ878">
        <v>0</v>
      </c>
      <c r="BA878">
        <v>0</v>
      </c>
    </row>
    <row r="879" spans="1:53" x14ac:dyDescent="0.4">
      <c r="A879">
        <v>923</v>
      </c>
      <c r="B879" s="1">
        <v>43082</v>
      </c>
      <c r="C879">
        <v>2</v>
      </c>
      <c r="D879" s="1">
        <v>43082.445138888892</v>
      </c>
      <c r="E879" s="1">
        <v>43082.745138888888</v>
      </c>
      <c r="F879">
        <v>13500</v>
      </c>
      <c r="G879">
        <v>278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1302</v>
      </c>
      <c r="N879">
        <v>0</v>
      </c>
      <c r="O879">
        <v>0</v>
      </c>
      <c r="P879">
        <v>15120</v>
      </c>
      <c r="Q879">
        <v>0</v>
      </c>
      <c r="R879">
        <v>32702</v>
      </c>
      <c r="S879">
        <v>0</v>
      </c>
      <c r="T879">
        <v>0</v>
      </c>
      <c r="U879">
        <v>0</v>
      </c>
      <c r="V879">
        <v>2</v>
      </c>
      <c r="W879">
        <v>2</v>
      </c>
      <c r="X879">
        <v>0</v>
      </c>
      <c r="Y879">
        <v>27</v>
      </c>
      <c r="Z879">
        <v>15</v>
      </c>
      <c r="AA879">
        <v>148</v>
      </c>
      <c r="AB879">
        <v>16</v>
      </c>
      <c r="AC879">
        <v>250</v>
      </c>
      <c r="AD879">
        <v>17</v>
      </c>
      <c r="AE879">
        <v>17</v>
      </c>
      <c r="AF879">
        <v>0</v>
      </c>
      <c r="AG879">
        <v>82702</v>
      </c>
      <c r="AH879">
        <v>50000</v>
      </c>
      <c r="AI879">
        <v>0</v>
      </c>
      <c r="AJ879">
        <v>82</v>
      </c>
      <c r="AK879" t="s">
        <v>17</v>
      </c>
      <c r="AL879">
        <v>0</v>
      </c>
      <c r="AM879">
        <v>0</v>
      </c>
      <c r="AN879">
        <v>0</v>
      </c>
      <c r="AO879">
        <v>0</v>
      </c>
      <c r="AP879">
        <v>0</v>
      </c>
      <c r="AQ879">
        <v>0</v>
      </c>
      <c r="AR879">
        <v>0</v>
      </c>
      <c r="AS879">
        <v>0</v>
      </c>
      <c r="AT879">
        <v>0</v>
      </c>
      <c r="AU879">
        <v>0</v>
      </c>
      <c r="AV879">
        <v>0</v>
      </c>
      <c r="AW879">
        <v>0</v>
      </c>
      <c r="AX879">
        <v>-2052</v>
      </c>
      <c r="AY879">
        <v>31</v>
      </c>
      <c r="AZ879">
        <v>56</v>
      </c>
      <c r="BA879">
        <v>3622</v>
      </c>
    </row>
    <row r="880" spans="1:53" x14ac:dyDescent="0.4">
      <c r="A880">
        <v>924</v>
      </c>
      <c r="B880" s="1">
        <v>43082</v>
      </c>
      <c r="C880">
        <v>3</v>
      </c>
      <c r="D880" s="1">
        <v>43082.745138888888</v>
      </c>
      <c r="E880" s="1">
        <v>43082.961805555555</v>
      </c>
      <c r="F880">
        <v>105600</v>
      </c>
      <c r="G880">
        <v>529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8871</v>
      </c>
      <c r="N880">
        <v>0</v>
      </c>
      <c r="O880">
        <v>0</v>
      </c>
      <c r="P880">
        <v>11880</v>
      </c>
      <c r="Q880">
        <v>0</v>
      </c>
      <c r="R880">
        <v>131641</v>
      </c>
      <c r="S880">
        <v>0</v>
      </c>
      <c r="T880">
        <v>0</v>
      </c>
      <c r="U880">
        <v>0</v>
      </c>
      <c r="V880">
        <v>7</v>
      </c>
      <c r="W880">
        <v>4</v>
      </c>
      <c r="X880">
        <v>0</v>
      </c>
      <c r="Y880">
        <v>65</v>
      </c>
      <c r="Z880">
        <v>15</v>
      </c>
      <c r="AA880">
        <v>169</v>
      </c>
      <c r="AB880">
        <v>13</v>
      </c>
      <c r="AC880">
        <v>235</v>
      </c>
      <c r="AD880">
        <v>14</v>
      </c>
      <c r="AE880">
        <v>12</v>
      </c>
      <c r="AF880">
        <v>31860</v>
      </c>
      <c r="AG880">
        <v>214342</v>
      </c>
      <c r="AH880">
        <v>50000</v>
      </c>
      <c r="AI880">
        <v>-1</v>
      </c>
      <c r="AJ880">
        <v>100</v>
      </c>
      <c r="AK880" t="s">
        <v>0</v>
      </c>
      <c r="AL880">
        <v>0</v>
      </c>
      <c r="AM880">
        <v>0</v>
      </c>
      <c r="AN880">
        <v>0</v>
      </c>
      <c r="AO880">
        <v>0</v>
      </c>
      <c r="AP880">
        <v>0</v>
      </c>
      <c r="AQ880">
        <v>0</v>
      </c>
      <c r="AR880">
        <v>0</v>
      </c>
      <c r="AS880">
        <v>0</v>
      </c>
      <c r="AT880">
        <v>0</v>
      </c>
      <c r="AU880">
        <v>0</v>
      </c>
      <c r="AV880">
        <v>0</v>
      </c>
      <c r="AW880">
        <v>0</v>
      </c>
      <c r="AX880">
        <v>10012</v>
      </c>
      <c r="AY880">
        <v>19</v>
      </c>
      <c r="AZ880">
        <v>92</v>
      </c>
      <c r="BA880">
        <v>3460</v>
      </c>
    </row>
    <row r="881" spans="1:53" x14ac:dyDescent="0.4">
      <c r="A881">
        <v>925</v>
      </c>
      <c r="B881" s="1">
        <v>43082</v>
      </c>
      <c r="C881">
        <v>4</v>
      </c>
      <c r="D881" s="1">
        <v>43082.961805555555</v>
      </c>
      <c r="E881" s="1">
        <v>43083.079861111109</v>
      </c>
      <c r="F881">
        <v>33500</v>
      </c>
      <c r="G881">
        <v>177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2822</v>
      </c>
      <c r="N881">
        <v>0</v>
      </c>
      <c r="O881">
        <v>0</v>
      </c>
      <c r="P881">
        <v>-10584</v>
      </c>
      <c r="Q881">
        <v>0</v>
      </c>
      <c r="R881">
        <v>27508</v>
      </c>
      <c r="S881">
        <v>0</v>
      </c>
      <c r="T881">
        <v>0</v>
      </c>
      <c r="U881">
        <v>0</v>
      </c>
      <c r="V881">
        <v>9</v>
      </c>
      <c r="W881">
        <v>3</v>
      </c>
      <c r="X881">
        <v>0</v>
      </c>
      <c r="Y881">
        <v>77</v>
      </c>
      <c r="Z881">
        <v>14</v>
      </c>
      <c r="AA881">
        <v>167</v>
      </c>
      <c r="AB881">
        <v>14</v>
      </c>
      <c r="AC881">
        <v>234</v>
      </c>
      <c r="AD881">
        <v>12</v>
      </c>
      <c r="AE881">
        <v>3</v>
      </c>
      <c r="AF881">
        <v>33048</v>
      </c>
      <c r="AG881">
        <v>241851</v>
      </c>
      <c r="AH881">
        <v>50000</v>
      </c>
      <c r="AI881">
        <v>0</v>
      </c>
      <c r="AJ881">
        <v>108</v>
      </c>
      <c r="AK881" t="s">
        <v>30</v>
      </c>
      <c r="AL881">
        <v>0</v>
      </c>
      <c r="AM881">
        <v>0</v>
      </c>
      <c r="AN881">
        <v>0</v>
      </c>
      <c r="AO881">
        <v>0</v>
      </c>
      <c r="AP881">
        <v>0</v>
      </c>
      <c r="AQ881">
        <v>0</v>
      </c>
      <c r="AR881">
        <v>0</v>
      </c>
      <c r="AS881">
        <v>0</v>
      </c>
      <c r="AT881">
        <v>0</v>
      </c>
      <c r="AU881">
        <v>0</v>
      </c>
      <c r="AV881">
        <v>0</v>
      </c>
      <c r="AW881">
        <v>0</v>
      </c>
      <c r="AX881">
        <v>12377</v>
      </c>
      <c r="AY881">
        <v>5</v>
      </c>
      <c r="AZ881">
        <v>15</v>
      </c>
      <c r="BA881">
        <v>541</v>
      </c>
    </row>
    <row r="882" spans="1:53" x14ac:dyDescent="0.4">
      <c r="A882">
        <v>926</v>
      </c>
      <c r="B882" s="1">
        <v>43083</v>
      </c>
      <c r="C882">
        <v>1</v>
      </c>
      <c r="D882" s="1">
        <v>43083.291666666664</v>
      </c>
      <c r="E882" s="1">
        <v>43083.446527777778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0</v>
      </c>
      <c r="O882">
        <v>0</v>
      </c>
      <c r="P882">
        <v>0</v>
      </c>
      <c r="Q882">
        <v>0</v>
      </c>
      <c r="R882">
        <v>0</v>
      </c>
      <c r="S882">
        <v>0</v>
      </c>
      <c r="T882">
        <v>0</v>
      </c>
      <c r="U882">
        <v>0</v>
      </c>
      <c r="V882">
        <v>0</v>
      </c>
      <c r="W882">
        <v>1</v>
      </c>
      <c r="X882">
        <v>0</v>
      </c>
      <c r="Y882">
        <v>25</v>
      </c>
      <c r="Z882">
        <v>12</v>
      </c>
      <c r="AA882">
        <v>109</v>
      </c>
      <c r="AB882">
        <v>11</v>
      </c>
      <c r="AC882">
        <v>234</v>
      </c>
      <c r="AD882">
        <v>12</v>
      </c>
      <c r="AE882">
        <v>150</v>
      </c>
      <c r="AF882">
        <v>0</v>
      </c>
      <c r="AG882">
        <v>50000</v>
      </c>
      <c r="AH882">
        <v>0</v>
      </c>
      <c r="AI882">
        <v>50000</v>
      </c>
      <c r="AJ882">
        <v>0</v>
      </c>
      <c r="AK882" t="s">
        <v>6</v>
      </c>
      <c r="AL882">
        <v>0</v>
      </c>
      <c r="AM882">
        <v>0</v>
      </c>
      <c r="AN882">
        <v>0</v>
      </c>
      <c r="AO882">
        <v>0</v>
      </c>
      <c r="AP882">
        <v>0</v>
      </c>
      <c r="AQ882">
        <v>0</v>
      </c>
      <c r="AR882">
        <v>0</v>
      </c>
      <c r="AS882">
        <v>0</v>
      </c>
      <c r="AT882">
        <v>0</v>
      </c>
      <c r="AU882">
        <v>0</v>
      </c>
      <c r="AV882">
        <v>0</v>
      </c>
      <c r="AW882">
        <v>0</v>
      </c>
      <c r="AX882">
        <v>0</v>
      </c>
      <c r="AY882">
        <v>0</v>
      </c>
      <c r="AZ882">
        <v>0</v>
      </c>
      <c r="BA882">
        <v>0</v>
      </c>
    </row>
    <row r="883" spans="1:53" x14ac:dyDescent="0.4">
      <c r="A883">
        <v>927</v>
      </c>
      <c r="B883" s="1">
        <v>43083</v>
      </c>
      <c r="C883">
        <v>2</v>
      </c>
      <c r="D883" s="1">
        <v>43083.446527777778</v>
      </c>
      <c r="E883" s="1">
        <v>43083.753472222219</v>
      </c>
      <c r="F883">
        <v>23000</v>
      </c>
      <c r="G883">
        <v>260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2048</v>
      </c>
      <c r="N883">
        <v>0</v>
      </c>
      <c r="O883">
        <v>0</v>
      </c>
      <c r="P883">
        <v>7020</v>
      </c>
      <c r="Q883">
        <v>0</v>
      </c>
      <c r="R883">
        <v>34668</v>
      </c>
      <c r="S883">
        <v>0</v>
      </c>
      <c r="T883">
        <v>0</v>
      </c>
      <c r="U883">
        <v>0</v>
      </c>
      <c r="V883">
        <v>3</v>
      </c>
      <c r="W883">
        <v>1</v>
      </c>
      <c r="X883">
        <v>0</v>
      </c>
      <c r="Y883">
        <v>25</v>
      </c>
      <c r="Z883">
        <v>18</v>
      </c>
      <c r="AA883">
        <v>120</v>
      </c>
      <c r="AB883">
        <v>13</v>
      </c>
      <c r="AC883">
        <v>282</v>
      </c>
      <c r="AD883">
        <v>10</v>
      </c>
      <c r="AE883">
        <v>148</v>
      </c>
      <c r="AF883">
        <v>0</v>
      </c>
      <c r="AG883">
        <v>84668</v>
      </c>
      <c r="AH883">
        <v>50000</v>
      </c>
      <c r="AI883">
        <v>0</v>
      </c>
      <c r="AJ883">
        <v>30</v>
      </c>
      <c r="AL883">
        <v>0</v>
      </c>
      <c r="AM883">
        <v>0</v>
      </c>
      <c r="AN883">
        <v>0</v>
      </c>
      <c r="AO883">
        <v>0</v>
      </c>
      <c r="AP883">
        <v>0</v>
      </c>
      <c r="AQ883">
        <v>0</v>
      </c>
      <c r="AR883">
        <v>0</v>
      </c>
      <c r="AS883">
        <v>0</v>
      </c>
      <c r="AT883">
        <v>0</v>
      </c>
      <c r="AU883">
        <v>0</v>
      </c>
      <c r="AV883">
        <v>0</v>
      </c>
      <c r="AW883">
        <v>0</v>
      </c>
      <c r="AX883">
        <v>0</v>
      </c>
      <c r="AY883">
        <v>33</v>
      </c>
      <c r="AZ883">
        <v>60</v>
      </c>
      <c r="BA883">
        <v>4505</v>
      </c>
    </row>
    <row r="884" spans="1:53" x14ac:dyDescent="0.4">
      <c r="A884">
        <v>928</v>
      </c>
      <c r="B884" s="1">
        <v>43083</v>
      </c>
      <c r="C884">
        <v>3</v>
      </c>
      <c r="D884" s="1">
        <v>43083.753472222219</v>
      </c>
      <c r="E884" s="1">
        <v>43084.111805555556</v>
      </c>
      <c r="F884">
        <v>189650</v>
      </c>
      <c r="G884">
        <v>8120</v>
      </c>
      <c r="H884">
        <v>0</v>
      </c>
      <c r="I884">
        <v>0</v>
      </c>
      <c r="J884">
        <v>0</v>
      </c>
      <c r="K884">
        <v>0</v>
      </c>
      <c r="L884">
        <v>0</v>
      </c>
      <c r="M884">
        <v>15821</v>
      </c>
      <c r="N884">
        <v>0</v>
      </c>
      <c r="O884">
        <v>0</v>
      </c>
      <c r="P884">
        <v>11664</v>
      </c>
      <c r="Q884">
        <v>0</v>
      </c>
      <c r="R884">
        <v>225255</v>
      </c>
      <c r="S884">
        <v>0</v>
      </c>
      <c r="T884">
        <v>0</v>
      </c>
      <c r="U884">
        <v>0</v>
      </c>
      <c r="V884">
        <v>20</v>
      </c>
      <c r="W884">
        <v>0</v>
      </c>
      <c r="X884">
        <v>0</v>
      </c>
      <c r="Y884">
        <v>51</v>
      </c>
      <c r="Z884">
        <v>22</v>
      </c>
      <c r="AA884">
        <v>116</v>
      </c>
      <c r="AB884">
        <v>23</v>
      </c>
      <c r="AC884">
        <v>285</v>
      </c>
      <c r="AD884">
        <v>5</v>
      </c>
      <c r="AE884">
        <v>136</v>
      </c>
      <c r="AF884">
        <v>32141</v>
      </c>
      <c r="AG884">
        <v>309902</v>
      </c>
      <c r="AH884">
        <v>50000</v>
      </c>
      <c r="AI884">
        <v>-21</v>
      </c>
      <c r="AJ884">
        <v>108</v>
      </c>
      <c r="AK884" t="s">
        <v>30</v>
      </c>
      <c r="AL884">
        <v>0</v>
      </c>
      <c r="AM884">
        <v>0</v>
      </c>
      <c r="AN884">
        <v>0</v>
      </c>
      <c r="AO884">
        <v>0</v>
      </c>
      <c r="AP884">
        <v>0</v>
      </c>
      <c r="AQ884">
        <v>0</v>
      </c>
      <c r="AR884">
        <v>0</v>
      </c>
      <c r="AS884">
        <v>0</v>
      </c>
      <c r="AT884">
        <v>0</v>
      </c>
      <c r="AU884">
        <v>0</v>
      </c>
      <c r="AV884">
        <v>0</v>
      </c>
      <c r="AW884">
        <v>0</v>
      </c>
      <c r="AX884">
        <v>1717</v>
      </c>
      <c r="AY884">
        <v>26</v>
      </c>
      <c r="AZ884">
        <v>128</v>
      </c>
      <c r="BA884">
        <v>3491</v>
      </c>
    </row>
    <row r="885" spans="1:53" x14ac:dyDescent="0.4">
      <c r="A885">
        <v>929</v>
      </c>
      <c r="B885" s="1">
        <v>43084</v>
      </c>
      <c r="C885">
        <v>1</v>
      </c>
      <c r="D885" s="1">
        <v>43084.291666666664</v>
      </c>
      <c r="E885" s="1">
        <v>43084.45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  <c r="M885">
        <v>0</v>
      </c>
      <c r="N885">
        <v>0</v>
      </c>
      <c r="O885">
        <v>0</v>
      </c>
      <c r="P885">
        <v>0</v>
      </c>
      <c r="Q885">
        <v>0</v>
      </c>
      <c r="R885">
        <v>0</v>
      </c>
      <c r="S885">
        <v>0</v>
      </c>
      <c r="T885">
        <v>0</v>
      </c>
      <c r="U885">
        <v>0</v>
      </c>
      <c r="V885">
        <v>0</v>
      </c>
      <c r="W885">
        <v>0</v>
      </c>
      <c r="X885">
        <v>0</v>
      </c>
      <c r="Y885">
        <v>25</v>
      </c>
      <c r="Z885">
        <v>19</v>
      </c>
      <c r="AA885">
        <v>115</v>
      </c>
      <c r="AB885">
        <v>21</v>
      </c>
      <c r="AC885">
        <v>279</v>
      </c>
      <c r="AD885">
        <v>5</v>
      </c>
      <c r="AE885">
        <v>135</v>
      </c>
      <c r="AF885">
        <v>0</v>
      </c>
      <c r="AG885">
        <v>50000</v>
      </c>
      <c r="AH885">
        <v>0</v>
      </c>
      <c r="AI885">
        <v>50000</v>
      </c>
      <c r="AJ885">
        <v>0</v>
      </c>
      <c r="AK885" t="s">
        <v>6</v>
      </c>
      <c r="AL885">
        <v>0</v>
      </c>
      <c r="AM885">
        <v>0</v>
      </c>
      <c r="AN885">
        <v>0</v>
      </c>
      <c r="AO885">
        <v>0</v>
      </c>
      <c r="AP885">
        <v>0</v>
      </c>
      <c r="AQ885">
        <v>0</v>
      </c>
      <c r="AR885">
        <v>0</v>
      </c>
      <c r="AS885">
        <v>0</v>
      </c>
      <c r="AT885">
        <v>0</v>
      </c>
      <c r="AU885">
        <v>0</v>
      </c>
      <c r="AV885">
        <v>0</v>
      </c>
      <c r="AW885">
        <v>0</v>
      </c>
      <c r="AX885">
        <v>0</v>
      </c>
      <c r="AY885">
        <v>0</v>
      </c>
      <c r="AZ885">
        <v>0</v>
      </c>
      <c r="BA885">
        <v>0</v>
      </c>
    </row>
    <row r="886" spans="1:53" x14ac:dyDescent="0.4">
      <c r="A886">
        <v>930</v>
      </c>
      <c r="B886" s="1">
        <v>43084</v>
      </c>
      <c r="C886">
        <v>2</v>
      </c>
      <c r="D886" s="1">
        <v>43084.45</v>
      </c>
      <c r="E886" s="1">
        <v>43084.75277777778</v>
      </c>
      <c r="F886">
        <v>19500</v>
      </c>
      <c r="G886">
        <v>2740</v>
      </c>
      <c r="H886">
        <v>0</v>
      </c>
      <c r="I886">
        <v>0</v>
      </c>
      <c r="J886">
        <v>0</v>
      </c>
      <c r="K886">
        <v>0</v>
      </c>
      <c r="L886">
        <v>0</v>
      </c>
      <c r="M886">
        <v>1779</v>
      </c>
      <c r="N886">
        <v>0</v>
      </c>
      <c r="O886">
        <v>0</v>
      </c>
      <c r="P886">
        <v>15120</v>
      </c>
      <c r="Q886">
        <v>0</v>
      </c>
      <c r="R886">
        <v>39139</v>
      </c>
      <c r="S886">
        <v>0</v>
      </c>
      <c r="T886">
        <v>0</v>
      </c>
      <c r="U886">
        <v>0</v>
      </c>
      <c r="V886">
        <v>1</v>
      </c>
      <c r="W886">
        <v>1</v>
      </c>
      <c r="X886">
        <v>0</v>
      </c>
      <c r="Y886">
        <v>42</v>
      </c>
      <c r="Z886">
        <v>26</v>
      </c>
      <c r="AA886">
        <v>117</v>
      </c>
      <c r="AB886">
        <v>17</v>
      </c>
      <c r="AC886">
        <v>302</v>
      </c>
      <c r="AD886">
        <v>6</v>
      </c>
      <c r="AE886">
        <v>133</v>
      </c>
      <c r="AF886">
        <v>3406</v>
      </c>
      <c r="AG886">
        <v>89139</v>
      </c>
      <c r="AH886">
        <v>50000</v>
      </c>
      <c r="AI886">
        <v>0</v>
      </c>
      <c r="AJ886">
        <v>97</v>
      </c>
      <c r="AK886" t="s">
        <v>13</v>
      </c>
      <c r="AL886">
        <v>0</v>
      </c>
      <c r="AM886">
        <v>0</v>
      </c>
      <c r="AN886">
        <v>0</v>
      </c>
      <c r="AO886">
        <v>0</v>
      </c>
      <c r="AP886">
        <v>0</v>
      </c>
      <c r="AQ886">
        <v>0</v>
      </c>
      <c r="AR886">
        <v>0</v>
      </c>
      <c r="AS886">
        <v>0</v>
      </c>
      <c r="AT886">
        <v>0</v>
      </c>
      <c r="AU886">
        <v>0</v>
      </c>
      <c r="AV886">
        <v>0</v>
      </c>
      <c r="AW886">
        <v>0</v>
      </c>
      <c r="AX886">
        <v>842</v>
      </c>
      <c r="AY886">
        <v>32</v>
      </c>
      <c r="AZ886">
        <v>63</v>
      </c>
      <c r="BA886">
        <v>4271</v>
      </c>
    </row>
    <row r="887" spans="1:53" x14ac:dyDescent="0.4">
      <c r="A887">
        <v>931</v>
      </c>
      <c r="B887" s="1">
        <v>43085</v>
      </c>
      <c r="C887">
        <v>1</v>
      </c>
      <c r="D887" s="1">
        <v>43085.291666666664</v>
      </c>
      <c r="E887" s="1">
        <v>43085.404166666667</v>
      </c>
      <c r="F887">
        <v>0</v>
      </c>
      <c r="G887">
        <v>0</v>
      </c>
      <c r="H887">
        <v>0</v>
      </c>
      <c r="I887">
        <v>0</v>
      </c>
      <c r="J887">
        <v>0</v>
      </c>
      <c r="K887">
        <v>0</v>
      </c>
      <c r="L887">
        <v>0</v>
      </c>
      <c r="M887">
        <v>0</v>
      </c>
      <c r="N887">
        <v>0</v>
      </c>
      <c r="O887">
        <v>0</v>
      </c>
      <c r="P887">
        <v>0</v>
      </c>
      <c r="Q887">
        <v>0</v>
      </c>
      <c r="R887">
        <v>0</v>
      </c>
      <c r="S887">
        <v>0</v>
      </c>
      <c r="T887">
        <v>0</v>
      </c>
      <c r="U887">
        <v>0</v>
      </c>
      <c r="V887">
        <v>0</v>
      </c>
      <c r="W887">
        <v>0</v>
      </c>
      <c r="X887">
        <v>0</v>
      </c>
      <c r="Y887">
        <v>28</v>
      </c>
      <c r="Z887">
        <v>15</v>
      </c>
      <c r="AA887">
        <v>121</v>
      </c>
      <c r="AB887">
        <v>13</v>
      </c>
      <c r="AC887">
        <v>166</v>
      </c>
      <c r="AD887">
        <v>3</v>
      </c>
      <c r="AE887">
        <v>75</v>
      </c>
      <c r="AF887">
        <v>0</v>
      </c>
      <c r="AG887">
        <v>50000</v>
      </c>
      <c r="AH887">
        <v>50000</v>
      </c>
      <c r="AI887">
        <v>0</v>
      </c>
      <c r="AJ887">
        <v>0</v>
      </c>
      <c r="AK887" t="s">
        <v>6</v>
      </c>
      <c r="AL887">
        <v>0</v>
      </c>
      <c r="AM887">
        <v>0</v>
      </c>
      <c r="AN887">
        <v>0</v>
      </c>
      <c r="AO887">
        <v>0</v>
      </c>
      <c r="AP887">
        <v>0</v>
      </c>
      <c r="AQ887">
        <v>0</v>
      </c>
      <c r="AR887">
        <v>0</v>
      </c>
      <c r="AS887">
        <v>0</v>
      </c>
      <c r="AT887">
        <v>0</v>
      </c>
      <c r="AU887">
        <v>0</v>
      </c>
      <c r="AV887">
        <v>0</v>
      </c>
      <c r="AW887">
        <v>0</v>
      </c>
      <c r="AX887">
        <v>0</v>
      </c>
      <c r="AY887">
        <v>0</v>
      </c>
      <c r="AZ887">
        <v>0</v>
      </c>
      <c r="BA887">
        <v>0</v>
      </c>
    </row>
    <row r="888" spans="1:53" x14ac:dyDescent="0.4">
      <c r="A888">
        <v>932</v>
      </c>
      <c r="B888" s="1">
        <v>43085</v>
      </c>
      <c r="C888">
        <v>2</v>
      </c>
      <c r="D888" s="1">
        <v>43085.404166666667</v>
      </c>
      <c r="E888" s="1">
        <v>43085.74722222222</v>
      </c>
      <c r="F888">
        <v>43000</v>
      </c>
      <c r="G888">
        <v>5590</v>
      </c>
      <c r="H888">
        <v>0</v>
      </c>
      <c r="I888">
        <v>0</v>
      </c>
      <c r="J888">
        <v>0</v>
      </c>
      <c r="K888">
        <v>0</v>
      </c>
      <c r="L888">
        <v>0</v>
      </c>
      <c r="M888">
        <v>3886</v>
      </c>
      <c r="N888">
        <v>0</v>
      </c>
      <c r="O888">
        <v>0</v>
      </c>
      <c r="P888">
        <v>19764</v>
      </c>
      <c r="Q888">
        <v>0</v>
      </c>
      <c r="R888">
        <v>72240</v>
      </c>
      <c r="S888">
        <v>0</v>
      </c>
      <c r="T888">
        <v>0</v>
      </c>
      <c r="U888">
        <v>0</v>
      </c>
      <c r="V888">
        <v>6</v>
      </c>
      <c r="W888">
        <v>1</v>
      </c>
      <c r="X888">
        <v>0</v>
      </c>
      <c r="Y888">
        <v>29</v>
      </c>
      <c r="Z888">
        <v>19</v>
      </c>
      <c r="AA888">
        <v>136</v>
      </c>
      <c r="AB888">
        <v>8</v>
      </c>
      <c r="AC888">
        <v>177</v>
      </c>
      <c r="AD888">
        <v>1</v>
      </c>
      <c r="AE888">
        <v>75</v>
      </c>
      <c r="AF888">
        <v>2890</v>
      </c>
      <c r="AG888">
        <v>122240</v>
      </c>
      <c r="AH888">
        <v>50000</v>
      </c>
      <c r="AI888">
        <v>0</v>
      </c>
      <c r="AJ888">
        <v>84</v>
      </c>
      <c r="AK888" t="s">
        <v>16</v>
      </c>
      <c r="AL888">
        <v>0</v>
      </c>
      <c r="AM888">
        <v>0</v>
      </c>
      <c r="AN888">
        <v>0</v>
      </c>
      <c r="AO888">
        <v>0</v>
      </c>
      <c r="AP888">
        <v>0</v>
      </c>
      <c r="AQ888">
        <v>0</v>
      </c>
      <c r="AR888">
        <v>0</v>
      </c>
      <c r="AS888">
        <v>0</v>
      </c>
      <c r="AT888">
        <v>0</v>
      </c>
      <c r="AU888">
        <v>0</v>
      </c>
      <c r="AV888">
        <v>0</v>
      </c>
      <c r="AW888">
        <v>0</v>
      </c>
      <c r="AX888">
        <v>1144</v>
      </c>
      <c r="AY888">
        <v>51</v>
      </c>
      <c r="AZ888">
        <v>113</v>
      </c>
      <c r="BA888">
        <v>7721</v>
      </c>
    </row>
    <row r="889" spans="1:53" x14ac:dyDescent="0.4">
      <c r="A889">
        <v>933</v>
      </c>
      <c r="B889" s="1">
        <v>43086</v>
      </c>
      <c r="C889">
        <v>1</v>
      </c>
      <c r="D889" s="1">
        <v>43086.291666666664</v>
      </c>
      <c r="E889" s="1">
        <v>43086.406944444447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0</v>
      </c>
      <c r="O889">
        <v>0</v>
      </c>
      <c r="P889">
        <v>0</v>
      </c>
      <c r="Q889">
        <v>0</v>
      </c>
      <c r="R889">
        <v>0</v>
      </c>
      <c r="S889">
        <v>0</v>
      </c>
      <c r="T889">
        <v>0</v>
      </c>
      <c r="U889">
        <v>0</v>
      </c>
      <c r="V889">
        <v>0</v>
      </c>
      <c r="W889">
        <v>0</v>
      </c>
      <c r="X889">
        <v>0</v>
      </c>
      <c r="Y889">
        <v>34</v>
      </c>
      <c r="Z889">
        <v>10</v>
      </c>
      <c r="AA889">
        <v>92</v>
      </c>
      <c r="AB889">
        <v>4</v>
      </c>
      <c r="AC889">
        <v>152</v>
      </c>
      <c r="AD889">
        <v>2</v>
      </c>
      <c r="AE889">
        <v>70</v>
      </c>
      <c r="AF889">
        <v>0</v>
      </c>
      <c r="AG889">
        <v>50000</v>
      </c>
      <c r="AH889">
        <v>50000</v>
      </c>
      <c r="AI889">
        <v>0</v>
      </c>
      <c r="AJ889">
        <v>0</v>
      </c>
      <c r="AK889" t="s">
        <v>6</v>
      </c>
      <c r="AL889">
        <v>0</v>
      </c>
      <c r="AM889">
        <v>0</v>
      </c>
      <c r="AN889">
        <v>0</v>
      </c>
      <c r="AO889">
        <v>0</v>
      </c>
      <c r="AP889">
        <v>0</v>
      </c>
      <c r="AQ889">
        <v>0</v>
      </c>
      <c r="AR889">
        <v>0</v>
      </c>
      <c r="AS889">
        <v>0</v>
      </c>
      <c r="AT889">
        <v>0</v>
      </c>
      <c r="AU889">
        <v>0</v>
      </c>
      <c r="AV889">
        <v>0</v>
      </c>
      <c r="AW889">
        <v>0</v>
      </c>
      <c r="AX889">
        <v>0</v>
      </c>
      <c r="AY889">
        <v>0</v>
      </c>
      <c r="AZ889">
        <v>0</v>
      </c>
      <c r="BA889">
        <v>0</v>
      </c>
    </row>
    <row r="890" spans="1:53" x14ac:dyDescent="0.4">
      <c r="A890">
        <v>934</v>
      </c>
      <c r="B890" s="1">
        <v>43086</v>
      </c>
      <c r="C890">
        <v>2</v>
      </c>
      <c r="D890" s="1">
        <v>43086.406944444447</v>
      </c>
      <c r="E890" s="1">
        <v>43086.740277777775</v>
      </c>
      <c r="F890">
        <v>49000</v>
      </c>
      <c r="G890">
        <v>262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4128</v>
      </c>
      <c r="N890">
        <v>0</v>
      </c>
      <c r="O890">
        <v>0</v>
      </c>
      <c r="P890">
        <v>12960</v>
      </c>
      <c r="Q890">
        <v>0</v>
      </c>
      <c r="R890">
        <v>68708</v>
      </c>
      <c r="S890">
        <v>0</v>
      </c>
      <c r="T890">
        <v>0</v>
      </c>
      <c r="U890">
        <v>0</v>
      </c>
      <c r="V890">
        <v>1</v>
      </c>
      <c r="W890">
        <v>1</v>
      </c>
      <c r="X890">
        <v>0</v>
      </c>
      <c r="Y890">
        <v>78</v>
      </c>
      <c r="Z890">
        <v>19</v>
      </c>
      <c r="AA890">
        <v>104</v>
      </c>
      <c r="AB890">
        <v>13</v>
      </c>
      <c r="AC890">
        <v>214</v>
      </c>
      <c r="AD890">
        <v>3</v>
      </c>
      <c r="AE890">
        <v>75</v>
      </c>
      <c r="AF890">
        <v>2928</v>
      </c>
      <c r="AG890">
        <v>118708</v>
      </c>
      <c r="AH890">
        <v>50000</v>
      </c>
      <c r="AI890">
        <v>0</v>
      </c>
      <c r="AJ890">
        <v>84</v>
      </c>
      <c r="AK890" t="s">
        <v>16</v>
      </c>
      <c r="AL890">
        <v>0</v>
      </c>
      <c r="AM890">
        <v>0</v>
      </c>
      <c r="AN890">
        <v>0</v>
      </c>
      <c r="AO890">
        <v>0</v>
      </c>
      <c r="AP890">
        <v>0</v>
      </c>
      <c r="AQ890">
        <v>0</v>
      </c>
      <c r="AR890">
        <v>0</v>
      </c>
      <c r="AS890">
        <v>0</v>
      </c>
      <c r="AT890">
        <v>0</v>
      </c>
      <c r="AU890">
        <v>0</v>
      </c>
      <c r="AV890">
        <v>0</v>
      </c>
      <c r="AW890">
        <v>0</v>
      </c>
      <c r="AX890">
        <v>302</v>
      </c>
      <c r="AY890">
        <v>49</v>
      </c>
      <c r="AZ890">
        <v>116</v>
      </c>
      <c r="BA890">
        <v>7393</v>
      </c>
    </row>
    <row r="891" spans="1:53" x14ac:dyDescent="0.4">
      <c r="A891">
        <v>935</v>
      </c>
      <c r="B891" s="1">
        <v>43086</v>
      </c>
      <c r="C891">
        <v>3</v>
      </c>
      <c r="D891" s="1">
        <v>43086.740277777775</v>
      </c>
      <c r="E891" s="1">
        <v>43086.956250000003</v>
      </c>
      <c r="F891">
        <v>38500</v>
      </c>
      <c r="G891">
        <v>217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3253</v>
      </c>
      <c r="N891">
        <v>0</v>
      </c>
      <c r="O891">
        <v>0</v>
      </c>
      <c r="P891">
        <v>22032</v>
      </c>
      <c r="Q891">
        <v>0</v>
      </c>
      <c r="R891">
        <v>65955</v>
      </c>
      <c r="S891">
        <v>0</v>
      </c>
      <c r="T891">
        <v>0</v>
      </c>
      <c r="U891">
        <v>0</v>
      </c>
      <c r="V891">
        <v>3</v>
      </c>
      <c r="W891">
        <v>4</v>
      </c>
      <c r="X891">
        <v>0</v>
      </c>
      <c r="Y891">
        <v>97</v>
      </c>
      <c r="Z891">
        <v>18</v>
      </c>
      <c r="AA891">
        <v>105</v>
      </c>
      <c r="AB891">
        <v>14</v>
      </c>
      <c r="AC891">
        <v>217</v>
      </c>
      <c r="AD891">
        <v>1</v>
      </c>
      <c r="AE891">
        <v>70</v>
      </c>
      <c r="AF891">
        <v>15218</v>
      </c>
      <c r="AG891">
        <v>184663</v>
      </c>
      <c r="AH891">
        <v>50000</v>
      </c>
      <c r="AI891">
        <v>0</v>
      </c>
      <c r="AJ891">
        <v>100</v>
      </c>
      <c r="AK891" t="s">
        <v>0</v>
      </c>
      <c r="AL891">
        <v>0</v>
      </c>
      <c r="AM891">
        <v>0</v>
      </c>
      <c r="AN891">
        <v>0</v>
      </c>
      <c r="AO891">
        <v>0</v>
      </c>
      <c r="AP891">
        <v>0</v>
      </c>
      <c r="AQ891">
        <v>0</v>
      </c>
      <c r="AR891">
        <v>0</v>
      </c>
      <c r="AS891">
        <v>0</v>
      </c>
      <c r="AT891">
        <v>0</v>
      </c>
      <c r="AU891">
        <v>0</v>
      </c>
      <c r="AV891">
        <v>0</v>
      </c>
      <c r="AW891">
        <v>0</v>
      </c>
      <c r="AX891">
        <v>24915</v>
      </c>
      <c r="AY891">
        <v>20</v>
      </c>
      <c r="AZ891">
        <v>78</v>
      </c>
      <c r="BA891">
        <v>3021</v>
      </c>
    </row>
    <row r="892" spans="1:53" x14ac:dyDescent="0.4">
      <c r="A892">
        <v>936</v>
      </c>
      <c r="B892" s="1">
        <v>43087</v>
      </c>
      <c r="C892">
        <v>1</v>
      </c>
      <c r="D892" s="1">
        <v>43087.291666666664</v>
      </c>
      <c r="E892" s="1">
        <v>43087.454861111109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  <c r="M892">
        <v>0</v>
      </c>
      <c r="N892">
        <v>0</v>
      </c>
      <c r="O892">
        <v>0</v>
      </c>
      <c r="P892">
        <v>0</v>
      </c>
      <c r="Q892">
        <v>0</v>
      </c>
      <c r="R892">
        <v>0</v>
      </c>
      <c r="S892">
        <v>0</v>
      </c>
      <c r="T892">
        <v>0</v>
      </c>
      <c r="U892">
        <v>0</v>
      </c>
      <c r="V892">
        <v>0</v>
      </c>
      <c r="W892">
        <v>0</v>
      </c>
      <c r="X892">
        <v>0</v>
      </c>
      <c r="Y892">
        <v>35</v>
      </c>
      <c r="Z892">
        <v>4</v>
      </c>
      <c r="AA892">
        <v>100</v>
      </c>
      <c r="AB892">
        <v>17</v>
      </c>
      <c r="AC892">
        <v>207</v>
      </c>
      <c r="AD892">
        <v>4</v>
      </c>
      <c r="AE892">
        <v>60</v>
      </c>
      <c r="AF892">
        <v>0</v>
      </c>
      <c r="AG892">
        <v>50000</v>
      </c>
      <c r="AH892">
        <v>0</v>
      </c>
      <c r="AI892">
        <v>50000</v>
      </c>
      <c r="AJ892">
        <v>0</v>
      </c>
      <c r="AK892" t="s">
        <v>6</v>
      </c>
      <c r="AL892">
        <v>0</v>
      </c>
      <c r="AM892">
        <v>0</v>
      </c>
      <c r="AN892">
        <v>0</v>
      </c>
      <c r="AO892">
        <v>0</v>
      </c>
      <c r="AP892">
        <v>0</v>
      </c>
      <c r="AQ892">
        <v>0</v>
      </c>
      <c r="AR892">
        <v>0</v>
      </c>
      <c r="AS892">
        <v>0</v>
      </c>
      <c r="AT892">
        <v>0</v>
      </c>
      <c r="AU892">
        <v>0</v>
      </c>
      <c r="AV892">
        <v>0</v>
      </c>
      <c r="AW892">
        <v>0</v>
      </c>
      <c r="AX892">
        <v>0</v>
      </c>
      <c r="AY892">
        <v>0</v>
      </c>
      <c r="AZ892">
        <v>0</v>
      </c>
      <c r="BA892">
        <v>0</v>
      </c>
    </row>
    <row r="893" spans="1:53" x14ac:dyDescent="0.4">
      <c r="A893">
        <v>937</v>
      </c>
      <c r="B893" s="1">
        <v>43087</v>
      </c>
      <c r="C893">
        <v>2</v>
      </c>
      <c r="D893" s="1">
        <v>43087.454861111109</v>
      </c>
      <c r="E893" s="1">
        <v>43087.763194444444</v>
      </c>
      <c r="F893">
        <v>20500</v>
      </c>
      <c r="G893">
        <v>168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1774</v>
      </c>
      <c r="N893">
        <v>0</v>
      </c>
      <c r="O893">
        <v>0</v>
      </c>
      <c r="P893">
        <v>16740</v>
      </c>
      <c r="Q893">
        <v>0</v>
      </c>
      <c r="R893">
        <v>40694</v>
      </c>
      <c r="S893">
        <v>0</v>
      </c>
      <c r="T893">
        <v>0</v>
      </c>
      <c r="U893">
        <v>0</v>
      </c>
      <c r="V893">
        <v>0</v>
      </c>
      <c r="W893">
        <v>2</v>
      </c>
      <c r="X893">
        <v>0</v>
      </c>
      <c r="Y893">
        <v>55</v>
      </c>
      <c r="Z893">
        <v>18</v>
      </c>
      <c r="AA893">
        <v>123</v>
      </c>
      <c r="AB893">
        <v>15</v>
      </c>
      <c r="AC893">
        <v>301</v>
      </c>
      <c r="AD893">
        <v>6</v>
      </c>
      <c r="AE893">
        <v>64</v>
      </c>
      <c r="AF893">
        <v>540</v>
      </c>
      <c r="AG893">
        <v>90694</v>
      </c>
      <c r="AH893">
        <v>50000</v>
      </c>
      <c r="AI893">
        <v>0</v>
      </c>
      <c r="AJ893">
        <v>99</v>
      </c>
      <c r="AK893" t="s">
        <v>9</v>
      </c>
      <c r="AL893">
        <v>0</v>
      </c>
      <c r="AM893">
        <v>0</v>
      </c>
      <c r="AN893">
        <v>0</v>
      </c>
      <c r="AO893">
        <v>0</v>
      </c>
      <c r="AP893">
        <v>0</v>
      </c>
      <c r="AQ893">
        <v>0</v>
      </c>
      <c r="AR893">
        <v>0</v>
      </c>
      <c r="AS893">
        <v>0</v>
      </c>
      <c r="AT893">
        <v>0</v>
      </c>
      <c r="AU893">
        <v>0</v>
      </c>
      <c r="AV893">
        <v>0</v>
      </c>
      <c r="AW893">
        <v>0</v>
      </c>
      <c r="AX893">
        <v>432</v>
      </c>
      <c r="AY893">
        <v>39</v>
      </c>
      <c r="AZ893">
        <v>73</v>
      </c>
      <c r="BA893">
        <v>5493</v>
      </c>
    </row>
    <row r="894" spans="1:53" x14ac:dyDescent="0.4">
      <c r="A894">
        <v>938</v>
      </c>
      <c r="B894" s="1">
        <v>43087</v>
      </c>
      <c r="C894">
        <v>3</v>
      </c>
      <c r="D894" s="1">
        <v>43087.763194444444</v>
      </c>
      <c r="E894" s="1">
        <v>43087.960416666669</v>
      </c>
      <c r="F894">
        <v>60500</v>
      </c>
      <c r="G894">
        <v>2180</v>
      </c>
      <c r="H894">
        <v>0</v>
      </c>
      <c r="I894">
        <v>0</v>
      </c>
      <c r="J894">
        <v>500</v>
      </c>
      <c r="K894">
        <v>0</v>
      </c>
      <c r="L894">
        <v>0</v>
      </c>
      <c r="M894">
        <v>4974</v>
      </c>
      <c r="N894">
        <v>0</v>
      </c>
      <c r="O894">
        <v>0</v>
      </c>
      <c r="P894">
        <v>-5292</v>
      </c>
      <c r="Q894">
        <v>0</v>
      </c>
      <c r="R894">
        <v>61862</v>
      </c>
      <c r="S894">
        <v>0</v>
      </c>
      <c r="T894">
        <v>0</v>
      </c>
      <c r="U894">
        <v>0</v>
      </c>
      <c r="V894">
        <v>4</v>
      </c>
      <c r="W894">
        <v>4</v>
      </c>
      <c r="X894">
        <v>0</v>
      </c>
      <c r="Y894">
        <v>56</v>
      </c>
      <c r="Z894">
        <v>22</v>
      </c>
      <c r="AA894">
        <v>130</v>
      </c>
      <c r="AB894">
        <v>17</v>
      </c>
      <c r="AC894">
        <v>299</v>
      </c>
      <c r="AD894">
        <v>4</v>
      </c>
      <c r="AE894">
        <v>56</v>
      </c>
      <c r="AF894">
        <v>8640</v>
      </c>
      <c r="AG894">
        <v>152556</v>
      </c>
      <c r="AH894">
        <v>50000</v>
      </c>
      <c r="AI894">
        <v>0</v>
      </c>
      <c r="AJ894">
        <v>94</v>
      </c>
      <c r="AK894" t="s">
        <v>26</v>
      </c>
      <c r="AL894">
        <v>0</v>
      </c>
      <c r="AM894">
        <v>0</v>
      </c>
      <c r="AN894">
        <v>0</v>
      </c>
      <c r="AO894">
        <v>0</v>
      </c>
      <c r="AP894">
        <v>0</v>
      </c>
      <c r="AQ894">
        <v>0</v>
      </c>
      <c r="AR894">
        <v>0</v>
      </c>
      <c r="AS894">
        <v>0</v>
      </c>
      <c r="AT894">
        <v>0</v>
      </c>
      <c r="AU894">
        <v>0</v>
      </c>
      <c r="AV894">
        <v>0</v>
      </c>
      <c r="AW894">
        <v>0</v>
      </c>
      <c r="AX894">
        <v>18028</v>
      </c>
      <c r="AY894">
        <v>17</v>
      </c>
      <c r="AZ894">
        <v>59</v>
      </c>
      <c r="BA894">
        <v>2478</v>
      </c>
    </row>
    <row r="895" spans="1:53" x14ac:dyDescent="0.4">
      <c r="A895">
        <v>939</v>
      </c>
      <c r="B895" s="1">
        <v>43087</v>
      </c>
      <c r="C895">
        <v>4</v>
      </c>
      <c r="D895" s="1">
        <v>43087.960416666669</v>
      </c>
      <c r="E895" s="1">
        <v>43088.076388888891</v>
      </c>
      <c r="F895">
        <v>49000</v>
      </c>
      <c r="G895">
        <v>3760</v>
      </c>
      <c r="H895">
        <v>0</v>
      </c>
      <c r="I895">
        <v>0</v>
      </c>
      <c r="J895">
        <v>0</v>
      </c>
      <c r="K895">
        <v>0</v>
      </c>
      <c r="L895">
        <v>0</v>
      </c>
      <c r="M895">
        <v>4220</v>
      </c>
      <c r="N895">
        <v>0</v>
      </c>
      <c r="O895">
        <v>0</v>
      </c>
      <c r="P895">
        <v>7992</v>
      </c>
      <c r="Q895">
        <v>0</v>
      </c>
      <c r="R895">
        <v>64972</v>
      </c>
      <c r="S895">
        <v>0</v>
      </c>
      <c r="T895">
        <v>0</v>
      </c>
      <c r="U895">
        <v>0</v>
      </c>
      <c r="V895">
        <v>8</v>
      </c>
      <c r="W895">
        <v>2</v>
      </c>
      <c r="X895">
        <v>0</v>
      </c>
      <c r="Y895">
        <v>73</v>
      </c>
      <c r="Z895">
        <v>21</v>
      </c>
      <c r="AA895">
        <v>123</v>
      </c>
      <c r="AB895">
        <v>15</v>
      </c>
      <c r="AC895">
        <v>291</v>
      </c>
      <c r="AD895">
        <v>3</v>
      </c>
      <c r="AE895">
        <v>49</v>
      </c>
      <c r="AF895">
        <v>28004</v>
      </c>
      <c r="AG895">
        <v>217528</v>
      </c>
      <c r="AH895">
        <v>50000</v>
      </c>
      <c r="AI895">
        <v>0</v>
      </c>
      <c r="AJ895">
        <v>100</v>
      </c>
      <c r="AK895" t="s">
        <v>0</v>
      </c>
      <c r="AL895">
        <v>0</v>
      </c>
      <c r="AM895">
        <v>0</v>
      </c>
      <c r="AN895">
        <v>0</v>
      </c>
      <c r="AO895">
        <v>0</v>
      </c>
      <c r="AP895">
        <v>0</v>
      </c>
      <c r="AQ895">
        <v>0</v>
      </c>
      <c r="AR895">
        <v>0</v>
      </c>
      <c r="AS895">
        <v>0</v>
      </c>
      <c r="AT895">
        <v>0</v>
      </c>
      <c r="AU895">
        <v>0</v>
      </c>
      <c r="AV895">
        <v>0</v>
      </c>
      <c r="AW895">
        <v>0</v>
      </c>
      <c r="AX895">
        <v>6534</v>
      </c>
      <c r="AY895">
        <v>8</v>
      </c>
      <c r="AZ895">
        <v>22</v>
      </c>
      <c r="BA895">
        <v>1282</v>
      </c>
    </row>
    <row r="896" spans="1:53" x14ac:dyDescent="0.4">
      <c r="A896">
        <v>940</v>
      </c>
      <c r="B896" s="1">
        <v>43088</v>
      </c>
      <c r="C896">
        <v>1</v>
      </c>
      <c r="D896" s="1">
        <v>43088.291666666664</v>
      </c>
      <c r="E896" s="1">
        <v>43088.45</v>
      </c>
      <c r="F896">
        <v>0</v>
      </c>
      <c r="G896">
        <v>0</v>
      </c>
      <c r="H896">
        <v>0</v>
      </c>
      <c r="I896">
        <v>0</v>
      </c>
      <c r="J896">
        <v>0</v>
      </c>
      <c r="K896">
        <v>0</v>
      </c>
      <c r="L896">
        <v>0</v>
      </c>
      <c r="M896">
        <v>0</v>
      </c>
      <c r="N896">
        <v>0</v>
      </c>
      <c r="O896">
        <v>0</v>
      </c>
      <c r="P896">
        <v>0</v>
      </c>
      <c r="Q896">
        <v>0</v>
      </c>
      <c r="R896">
        <v>0</v>
      </c>
      <c r="S896">
        <v>0</v>
      </c>
      <c r="T896">
        <v>0</v>
      </c>
      <c r="U896">
        <v>0</v>
      </c>
      <c r="V896">
        <v>0</v>
      </c>
      <c r="W896">
        <v>0</v>
      </c>
      <c r="X896">
        <v>0</v>
      </c>
      <c r="Y896">
        <v>29</v>
      </c>
      <c r="Z896">
        <v>14</v>
      </c>
      <c r="AA896">
        <v>119</v>
      </c>
      <c r="AB896">
        <v>13</v>
      </c>
      <c r="AC896">
        <v>139</v>
      </c>
      <c r="AD896">
        <v>3</v>
      </c>
      <c r="AE896">
        <v>45</v>
      </c>
      <c r="AF896">
        <v>0</v>
      </c>
      <c r="AG896">
        <v>50000</v>
      </c>
      <c r="AH896">
        <v>0</v>
      </c>
      <c r="AI896">
        <v>50000</v>
      </c>
      <c r="AJ896">
        <v>0</v>
      </c>
      <c r="AK896" t="s">
        <v>6</v>
      </c>
      <c r="AL896">
        <v>0</v>
      </c>
      <c r="AM896">
        <v>0</v>
      </c>
      <c r="AN896">
        <v>0</v>
      </c>
      <c r="AO896">
        <v>0</v>
      </c>
      <c r="AP896">
        <v>0</v>
      </c>
      <c r="AQ896">
        <v>0</v>
      </c>
      <c r="AR896">
        <v>0</v>
      </c>
      <c r="AS896">
        <v>0</v>
      </c>
      <c r="AT896">
        <v>0</v>
      </c>
      <c r="AU896">
        <v>0</v>
      </c>
      <c r="AV896">
        <v>0</v>
      </c>
      <c r="AW896">
        <v>0</v>
      </c>
      <c r="AX896">
        <v>0</v>
      </c>
      <c r="AY896">
        <v>0</v>
      </c>
      <c r="AZ896">
        <v>0</v>
      </c>
      <c r="BA896">
        <v>0</v>
      </c>
    </row>
    <row r="897" spans="1:53" x14ac:dyDescent="0.4">
      <c r="A897">
        <v>941</v>
      </c>
      <c r="B897" s="1">
        <v>43088</v>
      </c>
      <c r="C897">
        <v>2</v>
      </c>
      <c r="D897" s="1">
        <v>43088.45</v>
      </c>
      <c r="E897" s="1">
        <v>43088.956250000003</v>
      </c>
      <c r="F897">
        <v>49100</v>
      </c>
      <c r="G897">
        <v>4600</v>
      </c>
      <c r="H897">
        <v>0</v>
      </c>
      <c r="I897">
        <v>0</v>
      </c>
      <c r="J897">
        <v>0</v>
      </c>
      <c r="K897">
        <v>0</v>
      </c>
      <c r="L897">
        <v>0</v>
      </c>
      <c r="M897">
        <v>4296</v>
      </c>
      <c r="N897">
        <v>0</v>
      </c>
      <c r="O897">
        <v>0</v>
      </c>
      <c r="P897">
        <v>28728</v>
      </c>
      <c r="Q897">
        <v>0</v>
      </c>
      <c r="R897">
        <v>86724</v>
      </c>
      <c r="S897">
        <v>0</v>
      </c>
      <c r="T897">
        <v>0</v>
      </c>
      <c r="U897">
        <v>0</v>
      </c>
      <c r="V897">
        <v>5</v>
      </c>
      <c r="W897">
        <v>0</v>
      </c>
      <c r="X897">
        <v>0</v>
      </c>
      <c r="Y897">
        <v>57</v>
      </c>
      <c r="Z897">
        <v>25</v>
      </c>
      <c r="AA897">
        <v>108</v>
      </c>
      <c r="AB897">
        <v>12</v>
      </c>
      <c r="AC897">
        <v>174</v>
      </c>
      <c r="AD897">
        <v>2</v>
      </c>
      <c r="AE897">
        <v>36</v>
      </c>
      <c r="AF897">
        <v>4038</v>
      </c>
      <c r="AG897">
        <v>136724</v>
      </c>
      <c r="AH897">
        <v>50000</v>
      </c>
      <c r="AI897">
        <v>0</v>
      </c>
      <c r="AJ897">
        <v>29</v>
      </c>
      <c r="AK897" t="s">
        <v>28</v>
      </c>
      <c r="AL897">
        <v>0</v>
      </c>
      <c r="AM897">
        <v>0</v>
      </c>
      <c r="AN897">
        <v>0</v>
      </c>
      <c r="AO897">
        <v>0</v>
      </c>
      <c r="AP897">
        <v>0</v>
      </c>
      <c r="AQ897">
        <v>0</v>
      </c>
      <c r="AR897">
        <v>0</v>
      </c>
      <c r="AS897">
        <v>0</v>
      </c>
      <c r="AT897">
        <v>0</v>
      </c>
      <c r="AU897">
        <v>0</v>
      </c>
      <c r="AV897">
        <v>0</v>
      </c>
      <c r="AW897">
        <v>0</v>
      </c>
      <c r="AX897">
        <v>28598</v>
      </c>
      <c r="AY897">
        <v>46</v>
      </c>
      <c r="AZ897">
        <v>102</v>
      </c>
      <c r="BA897">
        <v>5806</v>
      </c>
    </row>
    <row r="898" spans="1:53" x14ac:dyDescent="0.4">
      <c r="A898">
        <v>942</v>
      </c>
      <c r="B898" s="1">
        <v>43088</v>
      </c>
      <c r="C898">
        <v>3</v>
      </c>
      <c r="D898" s="1">
        <v>43088.956250000003</v>
      </c>
      <c r="E898" s="1">
        <v>43089.1</v>
      </c>
      <c r="F898">
        <v>72950</v>
      </c>
      <c r="G898">
        <v>171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5972</v>
      </c>
      <c r="N898">
        <v>0</v>
      </c>
      <c r="O898">
        <v>0</v>
      </c>
      <c r="P898">
        <v>-3024</v>
      </c>
      <c r="Q898">
        <v>0</v>
      </c>
      <c r="R898">
        <v>77608</v>
      </c>
      <c r="S898">
        <v>0</v>
      </c>
      <c r="T898">
        <v>0</v>
      </c>
      <c r="U898">
        <v>0</v>
      </c>
      <c r="V898">
        <v>11</v>
      </c>
      <c r="W898">
        <v>1</v>
      </c>
      <c r="X898">
        <v>0</v>
      </c>
      <c r="Y898">
        <v>53</v>
      </c>
      <c r="Z898">
        <v>24</v>
      </c>
      <c r="AA898">
        <v>112</v>
      </c>
      <c r="AB898">
        <v>13</v>
      </c>
      <c r="AC898">
        <v>167</v>
      </c>
      <c r="AD898">
        <v>1</v>
      </c>
      <c r="AE898">
        <v>29</v>
      </c>
      <c r="AF898">
        <v>20778</v>
      </c>
      <c r="AG898">
        <v>214332</v>
      </c>
      <c r="AH898">
        <v>50000</v>
      </c>
      <c r="AI898">
        <v>0</v>
      </c>
      <c r="AJ898">
        <v>29</v>
      </c>
      <c r="AK898" t="s">
        <v>28</v>
      </c>
      <c r="AL898">
        <v>0</v>
      </c>
      <c r="AM898">
        <v>0</v>
      </c>
      <c r="AN898">
        <v>0</v>
      </c>
      <c r="AO898">
        <v>0</v>
      </c>
      <c r="AP898">
        <v>0</v>
      </c>
      <c r="AQ898">
        <v>0</v>
      </c>
      <c r="AR898">
        <v>0</v>
      </c>
      <c r="AS898">
        <v>0</v>
      </c>
      <c r="AT898">
        <v>0</v>
      </c>
      <c r="AU898">
        <v>0</v>
      </c>
      <c r="AV898">
        <v>0</v>
      </c>
      <c r="AW898">
        <v>0</v>
      </c>
      <c r="AX898">
        <v>2970</v>
      </c>
      <c r="AY898">
        <v>9</v>
      </c>
      <c r="AZ898">
        <v>37</v>
      </c>
      <c r="BA898">
        <v>1516</v>
      </c>
    </row>
    <row r="899" spans="1:53" x14ac:dyDescent="0.4">
      <c r="A899">
        <v>943</v>
      </c>
      <c r="B899" s="1">
        <v>43089</v>
      </c>
      <c r="C899">
        <v>1</v>
      </c>
      <c r="D899" s="1">
        <v>43089.291666666664</v>
      </c>
      <c r="E899" s="1">
        <v>43089.443749999999</v>
      </c>
      <c r="F899">
        <v>0</v>
      </c>
      <c r="G899">
        <v>0</v>
      </c>
      <c r="H899">
        <v>0</v>
      </c>
      <c r="I899">
        <v>0</v>
      </c>
      <c r="J899">
        <v>0</v>
      </c>
      <c r="K899">
        <v>0</v>
      </c>
      <c r="L899">
        <v>0</v>
      </c>
      <c r="M899">
        <v>0</v>
      </c>
      <c r="N899">
        <v>0</v>
      </c>
      <c r="O899">
        <v>0</v>
      </c>
      <c r="P899">
        <v>0</v>
      </c>
      <c r="Q899">
        <v>0</v>
      </c>
      <c r="R899">
        <v>0</v>
      </c>
      <c r="S899">
        <v>0</v>
      </c>
      <c r="T899">
        <v>0</v>
      </c>
      <c r="U899">
        <v>0</v>
      </c>
      <c r="V899">
        <v>0</v>
      </c>
      <c r="W899">
        <v>0</v>
      </c>
      <c r="X899">
        <v>0</v>
      </c>
      <c r="Y899">
        <v>25</v>
      </c>
      <c r="Z899">
        <v>24</v>
      </c>
      <c r="AA899">
        <v>107</v>
      </c>
      <c r="AB899">
        <v>12</v>
      </c>
      <c r="AC899">
        <v>166</v>
      </c>
      <c r="AD899">
        <v>2</v>
      </c>
      <c r="AE899">
        <v>30</v>
      </c>
      <c r="AF899">
        <v>0</v>
      </c>
      <c r="AG899">
        <v>50000</v>
      </c>
      <c r="AH899">
        <v>0</v>
      </c>
      <c r="AI899">
        <v>50000</v>
      </c>
      <c r="AJ899">
        <v>0</v>
      </c>
      <c r="AK899" t="s">
        <v>6</v>
      </c>
      <c r="AL899">
        <v>0</v>
      </c>
      <c r="AM899">
        <v>0</v>
      </c>
      <c r="AN899">
        <v>0</v>
      </c>
      <c r="AO899">
        <v>0</v>
      </c>
      <c r="AP899">
        <v>0</v>
      </c>
      <c r="AQ899">
        <v>0</v>
      </c>
      <c r="AR899">
        <v>0</v>
      </c>
      <c r="AS899">
        <v>0</v>
      </c>
      <c r="AT899">
        <v>0</v>
      </c>
      <c r="AU899">
        <v>0</v>
      </c>
      <c r="AV899">
        <v>0</v>
      </c>
      <c r="AW899">
        <v>0</v>
      </c>
      <c r="AX899">
        <v>0</v>
      </c>
      <c r="AY899">
        <v>0</v>
      </c>
      <c r="AZ899">
        <v>0</v>
      </c>
      <c r="BA899">
        <v>0</v>
      </c>
    </row>
    <row r="900" spans="1:53" x14ac:dyDescent="0.4">
      <c r="A900">
        <v>944</v>
      </c>
      <c r="B900" s="1">
        <v>43089</v>
      </c>
      <c r="C900">
        <v>2</v>
      </c>
      <c r="D900" s="1">
        <v>43089.443749999999</v>
      </c>
      <c r="E900" s="1">
        <v>43089.748611111114</v>
      </c>
      <c r="F900">
        <v>18000</v>
      </c>
      <c r="G900">
        <v>780</v>
      </c>
      <c r="H900">
        <v>0</v>
      </c>
      <c r="I900">
        <v>0</v>
      </c>
      <c r="J900">
        <v>0</v>
      </c>
      <c r="K900">
        <v>0</v>
      </c>
      <c r="L900">
        <v>0</v>
      </c>
      <c r="M900">
        <v>1502</v>
      </c>
      <c r="N900">
        <v>0</v>
      </c>
      <c r="O900">
        <v>0</v>
      </c>
      <c r="P900">
        <v>18360</v>
      </c>
      <c r="Q900">
        <v>0</v>
      </c>
      <c r="R900">
        <v>38642</v>
      </c>
      <c r="S900">
        <v>0</v>
      </c>
      <c r="T900">
        <v>0</v>
      </c>
      <c r="U900">
        <v>0</v>
      </c>
      <c r="V900">
        <v>1</v>
      </c>
      <c r="W900">
        <v>2</v>
      </c>
      <c r="X900">
        <v>0</v>
      </c>
      <c r="Y900">
        <v>35</v>
      </c>
      <c r="Z900">
        <v>36</v>
      </c>
      <c r="AA900">
        <v>112</v>
      </c>
      <c r="AB900">
        <v>16</v>
      </c>
      <c r="AC900">
        <v>198</v>
      </c>
      <c r="AD900">
        <v>2</v>
      </c>
      <c r="AE900">
        <v>35</v>
      </c>
      <c r="AF900">
        <v>1617</v>
      </c>
      <c r="AG900">
        <v>88642</v>
      </c>
      <c r="AH900">
        <v>50000</v>
      </c>
      <c r="AI900">
        <v>0</v>
      </c>
      <c r="AJ900">
        <v>96</v>
      </c>
      <c r="AK900" t="s">
        <v>4</v>
      </c>
      <c r="AL900">
        <v>0</v>
      </c>
      <c r="AM900">
        <v>0</v>
      </c>
      <c r="AN900">
        <v>0</v>
      </c>
      <c r="AO900">
        <v>0</v>
      </c>
      <c r="AP900">
        <v>0</v>
      </c>
      <c r="AQ900">
        <v>0</v>
      </c>
      <c r="AR900">
        <v>0</v>
      </c>
      <c r="AS900">
        <v>0</v>
      </c>
      <c r="AT900">
        <v>0</v>
      </c>
      <c r="AU900">
        <v>0</v>
      </c>
      <c r="AV900">
        <v>0</v>
      </c>
      <c r="AW900">
        <v>0</v>
      </c>
      <c r="AX900">
        <v>1080</v>
      </c>
      <c r="AY900">
        <v>37</v>
      </c>
      <c r="AZ900">
        <v>70</v>
      </c>
      <c r="BA900">
        <v>5134</v>
      </c>
    </row>
    <row r="901" spans="1:53" x14ac:dyDescent="0.4">
      <c r="A901">
        <v>945</v>
      </c>
      <c r="B901" s="1">
        <v>43089</v>
      </c>
      <c r="C901">
        <v>3</v>
      </c>
      <c r="D901" s="1">
        <v>43089.748611111114</v>
      </c>
      <c r="E901" s="1">
        <v>43089.962500000001</v>
      </c>
      <c r="F901">
        <v>51050</v>
      </c>
      <c r="G901">
        <v>0</v>
      </c>
      <c r="H901">
        <v>0</v>
      </c>
      <c r="I901">
        <v>0</v>
      </c>
      <c r="J901">
        <v>0</v>
      </c>
      <c r="K901">
        <v>0</v>
      </c>
      <c r="L901">
        <v>0</v>
      </c>
      <c r="M901">
        <v>4084</v>
      </c>
      <c r="N901">
        <v>0</v>
      </c>
      <c r="O901">
        <v>0</v>
      </c>
      <c r="P901">
        <v>216</v>
      </c>
      <c r="Q901">
        <v>0</v>
      </c>
      <c r="R901">
        <v>55350</v>
      </c>
      <c r="S901">
        <v>0</v>
      </c>
      <c r="T901">
        <v>0</v>
      </c>
      <c r="U901">
        <v>0</v>
      </c>
      <c r="V901">
        <v>7</v>
      </c>
      <c r="W901">
        <v>1</v>
      </c>
      <c r="X901">
        <v>0</v>
      </c>
      <c r="Y901">
        <v>31</v>
      </c>
      <c r="Z901">
        <v>43</v>
      </c>
      <c r="AA901">
        <v>117</v>
      </c>
      <c r="AB901">
        <v>21</v>
      </c>
      <c r="AC901">
        <v>201</v>
      </c>
      <c r="AD901">
        <v>3</v>
      </c>
      <c r="AE901">
        <v>43</v>
      </c>
      <c r="AF901">
        <v>1674</v>
      </c>
      <c r="AG901">
        <v>143992</v>
      </c>
      <c r="AH901">
        <v>50000</v>
      </c>
      <c r="AI901">
        <v>0</v>
      </c>
      <c r="AJ901">
        <v>100</v>
      </c>
      <c r="AK901" t="s">
        <v>0</v>
      </c>
      <c r="AL901">
        <v>0</v>
      </c>
      <c r="AM901">
        <v>0</v>
      </c>
      <c r="AN901">
        <v>0</v>
      </c>
      <c r="AO901">
        <v>0</v>
      </c>
      <c r="AP901">
        <v>0</v>
      </c>
      <c r="AQ901">
        <v>0</v>
      </c>
      <c r="AR901">
        <v>0</v>
      </c>
      <c r="AS901">
        <v>0</v>
      </c>
      <c r="AT901">
        <v>0</v>
      </c>
      <c r="AU901">
        <v>0</v>
      </c>
      <c r="AV901">
        <v>0</v>
      </c>
      <c r="AW901">
        <v>0</v>
      </c>
      <c r="AX901">
        <v>73310</v>
      </c>
      <c r="AY901">
        <v>23</v>
      </c>
      <c r="AZ901">
        <v>81</v>
      </c>
      <c r="BA901">
        <v>3418</v>
      </c>
    </row>
    <row r="902" spans="1:53" x14ac:dyDescent="0.4">
      <c r="A902">
        <v>946</v>
      </c>
      <c r="B902" s="1">
        <v>43089</v>
      </c>
      <c r="C902">
        <v>4</v>
      </c>
      <c r="D902" s="1">
        <v>43089.962500000001</v>
      </c>
      <c r="E902" s="1">
        <v>43090.088888888888</v>
      </c>
      <c r="F902">
        <v>102500</v>
      </c>
      <c r="G902">
        <v>2380</v>
      </c>
      <c r="H902">
        <v>0</v>
      </c>
      <c r="I902">
        <v>0</v>
      </c>
      <c r="J902">
        <v>0</v>
      </c>
      <c r="K902">
        <v>750</v>
      </c>
      <c r="L902">
        <v>0</v>
      </c>
      <c r="M902">
        <v>8450</v>
      </c>
      <c r="N902">
        <v>0</v>
      </c>
      <c r="O902">
        <v>0</v>
      </c>
      <c r="P902">
        <v>44820</v>
      </c>
      <c r="Q902">
        <v>0</v>
      </c>
      <c r="R902">
        <v>158900</v>
      </c>
      <c r="S902">
        <v>0</v>
      </c>
      <c r="T902">
        <v>0</v>
      </c>
      <c r="U902">
        <v>0</v>
      </c>
      <c r="V902">
        <v>16</v>
      </c>
      <c r="W902">
        <v>4</v>
      </c>
      <c r="X902">
        <v>0</v>
      </c>
      <c r="Y902">
        <v>45</v>
      </c>
      <c r="Z902">
        <v>42</v>
      </c>
      <c r="AA902">
        <v>122</v>
      </c>
      <c r="AB902">
        <v>18</v>
      </c>
      <c r="AC902">
        <v>201</v>
      </c>
      <c r="AD902">
        <v>1</v>
      </c>
      <c r="AE902">
        <v>35</v>
      </c>
      <c r="AF902">
        <v>41742</v>
      </c>
      <c r="AG902">
        <v>302892</v>
      </c>
      <c r="AH902">
        <v>50000</v>
      </c>
      <c r="AI902">
        <v>0</v>
      </c>
      <c r="AJ902">
        <v>100</v>
      </c>
      <c r="AK902" t="s">
        <v>0</v>
      </c>
      <c r="AL902">
        <v>0</v>
      </c>
      <c r="AM902">
        <v>0</v>
      </c>
      <c r="AN902">
        <v>0</v>
      </c>
      <c r="AO902">
        <v>0</v>
      </c>
      <c r="AP902">
        <v>0</v>
      </c>
      <c r="AQ902">
        <v>0</v>
      </c>
      <c r="AR902">
        <v>0</v>
      </c>
      <c r="AS902">
        <v>0</v>
      </c>
      <c r="AT902">
        <v>0</v>
      </c>
      <c r="AU902">
        <v>0</v>
      </c>
      <c r="AV902">
        <v>0</v>
      </c>
      <c r="AW902">
        <v>0</v>
      </c>
      <c r="AX902">
        <v>5400</v>
      </c>
      <c r="AY902">
        <v>14</v>
      </c>
      <c r="AZ902">
        <v>52</v>
      </c>
      <c r="BA902">
        <v>1828</v>
      </c>
    </row>
    <row r="903" spans="1:53" x14ac:dyDescent="0.4">
      <c r="A903">
        <v>947</v>
      </c>
      <c r="B903" s="1">
        <v>43090</v>
      </c>
      <c r="C903">
        <v>1</v>
      </c>
      <c r="D903" s="1">
        <v>43090.291666666664</v>
      </c>
      <c r="E903" s="1">
        <v>43090.451388888891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  <c r="M903">
        <v>0</v>
      </c>
      <c r="N903">
        <v>0</v>
      </c>
      <c r="O903">
        <v>0</v>
      </c>
      <c r="P903">
        <v>0</v>
      </c>
      <c r="Q903">
        <v>0</v>
      </c>
      <c r="R903">
        <v>0</v>
      </c>
      <c r="S903">
        <v>0</v>
      </c>
      <c r="T903">
        <v>0</v>
      </c>
      <c r="U903">
        <v>0</v>
      </c>
      <c r="V903">
        <v>0</v>
      </c>
      <c r="W903">
        <v>0</v>
      </c>
      <c r="X903">
        <v>0</v>
      </c>
      <c r="Y903">
        <v>28</v>
      </c>
      <c r="Z903">
        <v>13</v>
      </c>
      <c r="AA903">
        <v>125</v>
      </c>
      <c r="AB903">
        <v>20</v>
      </c>
      <c r="AC903">
        <v>197</v>
      </c>
      <c r="AD903">
        <v>1</v>
      </c>
      <c r="AE903">
        <v>25</v>
      </c>
      <c r="AF903">
        <v>0</v>
      </c>
      <c r="AG903">
        <v>50000</v>
      </c>
      <c r="AH903">
        <v>0</v>
      </c>
      <c r="AI903">
        <v>50000</v>
      </c>
      <c r="AJ903">
        <v>0</v>
      </c>
      <c r="AK903" t="s">
        <v>6</v>
      </c>
      <c r="AL903">
        <v>0</v>
      </c>
      <c r="AM903">
        <v>0</v>
      </c>
      <c r="AN903">
        <v>0</v>
      </c>
      <c r="AO903">
        <v>0</v>
      </c>
      <c r="AP903">
        <v>0</v>
      </c>
      <c r="AQ903">
        <v>0</v>
      </c>
      <c r="AR903">
        <v>0</v>
      </c>
      <c r="AS903">
        <v>0</v>
      </c>
      <c r="AT903">
        <v>0</v>
      </c>
      <c r="AU903">
        <v>0</v>
      </c>
      <c r="AV903">
        <v>0</v>
      </c>
      <c r="AW903">
        <v>0</v>
      </c>
      <c r="AX903">
        <v>0</v>
      </c>
      <c r="AY903">
        <v>0</v>
      </c>
      <c r="AZ903">
        <v>0</v>
      </c>
      <c r="BA903">
        <v>0</v>
      </c>
    </row>
    <row r="904" spans="1:53" x14ac:dyDescent="0.4">
      <c r="A904">
        <v>948</v>
      </c>
      <c r="B904" s="1">
        <v>43090</v>
      </c>
      <c r="C904">
        <v>2</v>
      </c>
      <c r="D904" s="1">
        <v>43090.451388888891</v>
      </c>
      <c r="E904" s="1">
        <v>43090.956250000003</v>
      </c>
      <c r="F904">
        <v>64000</v>
      </c>
      <c r="G904">
        <v>289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5350</v>
      </c>
      <c r="N904">
        <v>0</v>
      </c>
      <c r="O904">
        <v>0</v>
      </c>
      <c r="P904">
        <v>12312</v>
      </c>
      <c r="Q904">
        <v>0</v>
      </c>
      <c r="R904">
        <v>84552</v>
      </c>
      <c r="S904">
        <v>0</v>
      </c>
      <c r="T904">
        <v>0</v>
      </c>
      <c r="U904">
        <v>0</v>
      </c>
      <c r="V904">
        <v>5</v>
      </c>
      <c r="W904">
        <v>2</v>
      </c>
      <c r="X904">
        <v>0</v>
      </c>
      <c r="Y904">
        <v>53</v>
      </c>
      <c r="Z904">
        <v>23</v>
      </c>
      <c r="AA904">
        <v>76</v>
      </c>
      <c r="AB904">
        <v>5</v>
      </c>
      <c r="AC904">
        <v>216</v>
      </c>
      <c r="AD904">
        <v>5</v>
      </c>
      <c r="AE904">
        <v>17</v>
      </c>
      <c r="AF904">
        <v>0</v>
      </c>
      <c r="AG904">
        <v>134552</v>
      </c>
      <c r="AH904">
        <v>50000</v>
      </c>
      <c r="AI904">
        <v>0</v>
      </c>
      <c r="AJ904">
        <v>106</v>
      </c>
      <c r="AK904" t="s">
        <v>29</v>
      </c>
      <c r="AL904">
        <v>0</v>
      </c>
      <c r="AM904">
        <v>0</v>
      </c>
      <c r="AN904">
        <v>0</v>
      </c>
      <c r="AO904">
        <v>0</v>
      </c>
      <c r="AP904">
        <v>0</v>
      </c>
      <c r="AQ904">
        <v>0</v>
      </c>
      <c r="AR904">
        <v>0</v>
      </c>
      <c r="AS904">
        <v>0</v>
      </c>
      <c r="AT904">
        <v>0</v>
      </c>
      <c r="AU904">
        <v>0</v>
      </c>
      <c r="AV904">
        <v>0</v>
      </c>
      <c r="AW904">
        <v>0</v>
      </c>
      <c r="AX904">
        <v>43854</v>
      </c>
      <c r="AY904">
        <v>53</v>
      </c>
      <c r="AZ904">
        <v>139</v>
      </c>
      <c r="BA904">
        <v>6743</v>
      </c>
    </row>
    <row r="905" spans="1:53" x14ac:dyDescent="0.4">
      <c r="A905">
        <v>949</v>
      </c>
      <c r="B905" s="1">
        <v>43091</v>
      </c>
      <c r="C905">
        <v>1</v>
      </c>
      <c r="D905" s="1">
        <v>43091.291666666664</v>
      </c>
      <c r="E905" s="1">
        <v>43091.439583333333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0</v>
      </c>
      <c r="O905">
        <v>0</v>
      </c>
      <c r="P905">
        <v>0</v>
      </c>
      <c r="Q905">
        <v>0</v>
      </c>
      <c r="R905">
        <v>0</v>
      </c>
      <c r="S905">
        <v>0</v>
      </c>
      <c r="T905">
        <v>0</v>
      </c>
      <c r="U905">
        <v>0</v>
      </c>
      <c r="V905">
        <v>0</v>
      </c>
      <c r="W905">
        <v>0</v>
      </c>
      <c r="X905">
        <v>0</v>
      </c>
      <c r="Y905">
        <v>32</v>
      </c>
      <c r="Z905">
        <v>17</v>
      </c>
      <c r="AA905">
        <v>80</v>
      </c>
      <c r="AB905">
        <v>8</v>
      </c>
      <c r="AC905">
        <v>108</v>
      </c>
      <c r="AD905">
        <v>3</v>
      </c>
      <c r="AE905">
        <v>5</v>
      </c>
      <c r="AF905">
        <v>0</v>
      </c>
      <c r="AG905">
        <v>50000</v>
      </c>
      <c r="AH905">
        <v>0</v>
      </c>
      <c r="AI905">
        <v>50000</v>
      </c>
      <c r="AJ905">
        <v>0</v>
      </c>
      <c r="AK905" t="s">
        <v>6</v>
      </c>
      <c r="AL905">
        <v>0</v>
      </c>
      <c r="AM905">
        <v>0</v>
      </c>
      <c r="AN905">
        <v>0</v>
      </c>
      <c r="AO905">
        <v>0</v>
      </c>
      <c r="AP905">
        <v>0</v>
      </c>
      <c r="AQ905">
        <v>0</v>
      </c>
      <c r="AR905">
        <v>0</v>
      </c>
      <c r="AS905">
        <v>0</v>
      </c>
      <c r="AT905">
        <v>0</v>
      </c>
      <c r="AU905">
        <v>0</v>
      </c>
      <c r="AV905">
        <v>0</v>
      </c>
      <c r="AW905">
        <v>0</v>
      </c>
      <c r="AX905">
        <v>0</v>
      </c>
      <c r="AY905">
        <v>0</v>
      </c>
      <c r="AZ905">
        <v>0</v>
      </c>
      <c r="BA905">
        <v>0</v>
      </c>
    </row>
    <row r="906" spans="1:53" x14ac:dyDescent="0.4">
      <c r="A906">
        <v>950</v>
      </c>
      <c r="B906" s="1">
        <v>43091</v>
      </c>
      <c r="C906">
        <v>2</v>
      </c>
      <c r="D906" s="1">
        <v>43091.439583333333</v>
      </c>
      <c r="E906" s="1">
        <v>43091.761111111111</v>
      </c>
      <c r="F906">
        <v>36000</v>
      </c>
      <c r="G906">
        <v>224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3058</v>
      </c>
      <c r="N906">
        <v>0</v>
      </c>
      <c r="O906">
        <v>0</v>
      </c>
      <c r="P906">
        <v>2700</v>
      </c>
      <c r="Q906">
        <v>0</v>
      </c>
      <c r="R906">
        <v>43998</v>
      </c>
      <c r="S906">
        <v>0</v>
      </c>
      <c r="T906">
        <v>0</v>
      </c>
      <c r="U906">
        <v>0</v>
      </c>
      <c r="V906">
        <v>1</v>
      </c>
      <c r="W906">
        <v>1</v>
      </c>
      <c r="X906">
        <v>0</v>
      </c>
      <c r="Y906">
        <v>48</v>
      </c>
      <c r="Z906">
        <v>28</v>
      </c>
      <c r="AA906">
        <v>90</v>
      </c>
      <c r="AB906">
        <v>19</v>
      </c>
      <c r="AC906">
        <v>175</v>
      </c>
      <c r="AD906">
        <v>8</v>
      </c>
      <c r="AE906">
        <v>10</v>
      </c>
      <c r="AF906">
        <v>5248</v>
      </c>
      <c r="AG906">
        <v>93998</v>
      </c>
      <c r="AH906">
        <v>50000</v>
      </c>
      <c r="AI906">
        <v>0</v>
      </c>
      <c r="AJ906">
        <v>99</v>
      </c>
      <c r="AK906" t="s">
        <v>9</v>
      </c>
      <c r="AL906">
        <v>0</v>
      </c>
      <c r="AM906">
        <v>0</v>
      </c>
      <c r="AN906">
        <v>0</v>
      </c>
      <c r="AO906">
        <v>0</v>
      </c>
      <c r="AP906">
        <v>0</v>
      </c>
      <c r="AQ906">
        <v>0</v>
      </c>
      <c r="AR906">
        <v>0</v>
      </c>
      <c r="AS906">
        <v>0</v>
      </c>
      <c r="AT906">
        <v>0</v>
      </c>
      <c r="AU906">
        <v>0</v>
      </c>
      <c r="AV906">
        <v>0</v>
      </c>
      <c r="AW906">
        <v>0</v>
      </c>
      <c r="AX906">
        <v>0</v>
      </c>
      <c r="AY906">
        <v>36</v>
      </c>
      <c r="AZ906">
        <v>77</v>
      </c>
      <c r="BA906">
        <v>6005</v>
      </c>
    </row>
    <row r="907" spans="1:53" x14ac:dyDescent="0.4">
      <c r="A907">
        <v>951</v>
      </c>
      <c r="B907" s="1">
        <v>43092</v>
      </c>
      <c r="C907">
        <v>1</v>
      </c>
      <c r="D907" s="1">
        <v>43092.291666666664</v>
      </c>
      <c r="E907" s="1">
        <v>43092.407638888886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  <c r="M907">
        <v>0</v>
      </c>
      <c r="N907">
        <v>0</v>
      </c>
      <c r="O907">
        <v>0</v>
      </c>
      <c r="P907">
        <v>0</v>
      </c>
      <c r="Q907">
        <v>0</v>
      </c>
      <c r="R907">
        <v>0</v>
      </c>
      <c r="S907">
        <v>0</v>
      </c>
      <c r="T907">
        <v>0</v>
      </c>
      <c r="U907">
        <v>0</v>
      </c>
      <c r="V907">
        <v>0</v>
      </c>
      <c r="W907">
        <v>0</v>
      </c>
      <c r="X907">
        <v>0</v>
      </c>
      <c r="Y907">
        <v>30</v>
      </c>
      <c r="Z907">
        <v>18</v>
      </c>
      <c r="AA907">
        <v>86</v>
      </c>
      <c r="AB907">
        <v>17</v>
      </c>
      <c r="AC907">
        <v>146</v>
      </c>
      <c r="AD907">
        <v>10</v>
      </c>
      <c r="AE907">
        <v>40</v>
      </c>
      <c r="AF907">
        <v>0</v>
      </c>
      <c r="AG907">
        <v>50000</v>
      </c>
      <c r="AH907">
        <v>50000</v>
      </c>
      <c r="AI907">
        <v>0</v>
      </c>
      <c r="AJ907">
        <v>0</v>
      </c>
      <c r="AK907" t="s">
        <v>6</v>
      </c>
      <c r="AL907">
        <v>0</v>
      </c>
      <c r="AM907">
        <v>0</v>
      </c>
      <c r="AN907">
        <v>0</v>
      </c>
      <c r="AO907">
        <v>0</v>
      </c>
      <c r="AP907">
        <v>0</v>
      </c>
      <c r="AQ907">
        <v>0</v>
      </c>
      <c r="AR907">
        <v>0</v>
      </c>
      <c r="AS907">
        <v>0</v>
      </c>
      <c r="AT907">
        <v>0</v>
      </c>
      <c r="AU907">
        <v>0</v>
      </c>
      <c r="AV907">
        <v>0</v>
      </c>
      <c r="AW907">
        <v>0</v>
      </c>
      <c r="AX907">
        <v>0</v>
      </c>
      <c r="AY907">
        <v>0</v>
      </c>
      <c r="AZ907">
        <v>0</v>
      </c>
      <c r="BA907">
        <v>0</v>
      </c>
    </row>
    <row r="908" spans="1:53" x14ac:dyDescent="0.4">
      <c r="A908">
        <v>952</v>
      </c>
      <c r="B908" s="1">
        <v>43092</v>
      </c>
      <c r="C908">
        <v>2</v>
      </c>
      <c r="D908" s="1">
        <v>43092.407638888886</v>
      </c>
      <c r="E908" s="1">
        <v>43092.742361111108</v>
      </c>
      <c r="F908">
        <v>41000</v>
      </c>
      <c r="G908">
        <v>8770</v>
      </c>
      <c r="H908">
        <v>0</v>
      </c>
      <c r="I908">
        <v>0</v>
      </c>
      <c r="J908">
        <v>0</v>
      </c>
      <c r="K908">
        <v>0</v>
      </c>
      <c r="L908">
        <v>0</v>
      </c>
      <c r="M908">
        <v>3980</v>
      </c>
      <c r="N908">
        <v>0</v>
      </c>
      <c r="O908">
        <v>0</v>
      </c>
      <c r="P908">
        <v>14580</v>
      </c>
      <c r="Q908">
        <v>0</v>
      </c>
      <c r="R908">
        <v>68330</v>
      </c>
      <c r="S908">
        <v>0</v>
      </c>
      <c r="T908">
        <v>0</v>
      </c>
      <c r="U908">
        <v>0</v>
      </c>
      <c r="V908">
        <v>1</v>
      </c>
      <c r="W908">
        <v>4</v>
      </c>
      <c r="X908">
        <v>0</v>
      </c>
      <c r="Y908">
        <v>63</v>
      </c>
      <c r="Z908">
        <v>31</v>
      </c>
      <c r="AA908">
        <v>72</v>
      </c>
      <c r="AB908">
        <v>20</v>
      </c>
      <c r="AC908">
        <v>157</v>
      </c>
      <c r="AD908">
        <v>8</v>
      </c>
      <c r="AE908">
        <v>40</v>
      </c>
      <c r="AF908">
        <v>0</v>
      </c>
      <c r="AG908">
        <v>118350</v>
      </c>
      <c r="AH908">
        <v>50000</v>
      </c>
      <c r="AI908">
        <v>20</v>
      </c>
      <c r="AJ908">
        <v>93</v>
      </c>
      <c r="AK908" t="s">
        <v>20</v>
      </c>
      <c r="AL908">
        <v>0</v>
      </c>
      <c r="AM908">
        <v>0</v>
      </c>
      <c r="AN908">
        <v>0</v>
      </c>
      <c r="AO908">
        <v>0</v>
      </c>
      <c r="AP908">
        <v>0</v>
      </c>
      <c r="AQ908">
        <v>0</v>
      </c>
      <c r="AR908">
        <v>0</v>
      </c>
      <c r="AS908">
        <v>0</v>
      </c>
      <c r="AT908">
        <v>0</v>
      </c>
      <c r="AU908">
        <v>0</v>
      </c>
      <c r="AV908">
        <v>0</v>
      </c>
      <c r="AW908">
        <v>0</v>
      </c>
      <c r="AX908">
        <v>-454</v>
      </c>
      <c r="AY908">
        <v>48</v>
      </c>
      <c r="AZ908">
        <v>103</v>
      </c>
      <c r="BA908">
        <v>7463</v>
      </c>
    </row>
    <row r="909" spans="1:53" x14ac:dyDescent="0.4">
      <c r="A909">
        <v>953</v>
      </c>
      <c r="B909" s="1">
        <v>43093</v>
      </c>
      <c r="C909">
        <v>1</v>
      </c>
      <c r="D909" s="1">
        <v>43093.291666666664</v>
      </c>
      <c r="E909" s="1">
        <v>43093.407638888886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0</v>
      </c>
      <c r="O909">
        <v>0</v>
      </c>
      <c r="P909">
        <v>0</v>
      </c>
      <c r="Q909">
        <v>0</v>
      </c>
      <c r="R909">
        <v>0</v>
      </c>
      <c r="S909">
        <v>0</v>
      </c>
      <c r="T909">
        <v>0</v>
      </c>
      <c r="U909">
        <v>0</v>
      </c>
      <c r="V909">
        <v>0</v>
      </c>
      <c r="W909">
        <v>0</v>
      </c>
      <c r="X909">
        <v>0</v>
      </c>
      <c r="Y909">
        <v>34</v>
      </c>
      <c r="Z909">
        <v>16</v>
      </c>
      <c r="AA909">
        <v>61</v>
      </c>
      <c r="AB909">
        <v>11</v>
      </c>
      <c r="AC909">
        <v>134</v>
      </c>
      <c r="AD909">
        <v>0</v>
      </c>
      <c r="AE909">
        <v>10</v>
      </c>
      <c r="AF909">
        <v>0</v>
      </c>
      <c r="AG909">
        <v>50000</v>
      </c>
      <c r="AH909">
        <v>50000</v>
      </c>
      <c r="AI909">
        <v>0</v>
      </c>
      <c r="AJ909">
        <v>0</v>
      </c>
      <c r="AK909" t="s">
        <v>6</v>
      </c>
      <c r="AL909">
        <v>0</v>
      </c>
      <c r="AM909">
        <v>0</v>
      </c>
      <c r="AN909">
        <v>0</v>
      </c>
      <c r="AO909">
        <v>0</v>
      </c>
      <c r="AP909">
        <v>0</v>
      </c>
      <c r="AQ909">
        <v>0</v>
      </c>
      <c r="AR909">
        <v>0</v>
      </c>
      <c r="AS909">
        <v>0</v>
      </c>
      <c r="AT909">
        <v>0</v>
      </c>
      <c r="AU909">
        <v>0</v>
      </c>
      <c r="AV909">
        <v>0</v>
      </c>
      <c r="AW909">
        <v>0</v>
      </c>
      <c r="AX909">
        <v>0</v>
      </c>
      <c r="AY909">
        <v>0</v>
      </c>
      <c r="AZ909">
        <v>0</v>
      </c>
      <c r="BA909">
        <v>0</v>
      </c>
    </row>
    <row r="910" spans="1:53" x14ac:dyDescent="0.4">
      <c r="A910">
        <v>954</v>
      </c>
      <c r="B910" s="1">
        <v>43093</v>
      </c>
      <c r="C910">
        <v>2</v>
      </c>
      <c r="D910" s="1">
        <v>43093.407638888886</v>
      </c>
      <c r="E910" s="1">
        <v>43093.736805555556</v>
      </c>
      <c r="F910">
        <v>45250</v>
      </c>
      <c r="G910">
        <v>565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4070</v>
      </c>
      <c r="N910">
        <v>0</v>
      </c>
      <c r="O910">
        <v>0</v>
      </c>
      <c r="P910">
        <v>22950</v>
      </c>
      <c r="Q910">
        <v>0</v>
      </c>
      <c r="R910">
        <v>77920</v>
      </c>
      <c r="S910">
        <v>0</v>
      </c>
      <c r="T910">
        <v>0</v>
      </c>
      <c r="U910">
        <v>0</v>
      </c>
      <c r="V910">
        <v>1</v>
      </c>
      <c r="W910">
        <v>4</v>
      </c>
      <c r="X910">
        <v>0</v>
      </c>
      <c r="Y910">
        <v>68</v>
      </c>
      <c r="Z910">
        <v>32</v>
      </c>
      <c r="AA910">
        <v>32</v>
      </c>
      <c r="AB910">
        <v>26</v>
      </c>
      <c r="AC910">
        <v>187</v>
      </c>
      <c r="AD910">
        <v>4</v>
      </c>
      <c r="AE910">
        <v>6</v>
      </c>
      <c r="AF910">
        <v>7524</v>
      </c>
      <c r="AG910">
        <v>127920</v>
      </c>
      <c r="AH910">
        <v>50000</v>
      </c>
      <c r="AI910">
        <v>0</v>
      </c>
      <c r="AJ910">
        <v>84</v>
      </c>
      <c r="AK910" t="s">
        <v>16</v>
      </c>
      <c r="AL910">
        <v>0</v>
      </c>
      <c r="AM910">
        <v>0</v>
      </c>
      <c r="AN910">
        <v>0</v>
      </c>
      <c r="AO910">
        <v>0</v>
      </c>
      <c r="AP910">
        <v>0</v>
      </c>
      <c r="AQ910">
        <v>0</v>
      </c>
      <c r="AR910">
        <v>0</v>
      </c>
      <c r="AS910">
        <v>0</v>
      </c>
      <c r="AT910">
        <v>0</v>
      </c>
      <c r="AU910">
        <v>0</v>
      </c>
      <c r="AV910">
        <v>0</v>
      </c>
      <c r="AW910">
        <v>0</v>
      </c>
      <c r="AX910">
        <v>-1080</v>
      </c>
      <c r="AY910">
        <v>53</v>
      </c>
      <c r="AZ910">
        <v>129</v>
      </c>
      <c r="BA910">
        <v>7695</v>
      </c>
    </row>
    <row r="911" spans="1:53" x14ac:dyDescent="0.4">
      <c r="A911">
        <v>955</v>
      </c>
      <c r="B911" s="1">
        <v>43094</v>
      </c>
      <c r="C911">
        <v>1</v>
      </c>
      <c r="D911" s="1">
        <v>43094.291666666664</v>
      </c>
      <c r="E911" s="1">
        <v>43094.404166666667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0</v>
      </c>
      <c r="O911">
        <v>0</v>
      </c>
      <c r="P911">
        <v>0</v>
      </c>
      <c r="Q911">
        <v>0</v>
      </c>
      <c r="R911">
        <v>0</v>
      </c>
      <c r="S911">
        <v>0</v>
      </c>
      <c r="T911">
        <v>0</v>
      </c>
      <c r="U911">
        <v>0</v>
      </c>
      <c r="V911">
        <v>0</v>
      </c>
      <c r="W911">
        <v>0</v>
      </c>
      <c r="X911">
        <v>0</v>
      </c>
      <c r="Y911">
        <v>36</v>
      </c>
      <c r="Z911">
        <v>17</v>
      </c>
      <c r="AA911">
        <v>31</v>
      </c>
      <c r="AB911">
        <v>25</v>
      </c>
      <c r="AC911">
        <v>109</v>
      </c>
      <c r="AD911">
        <v>6</v>
      </c>
      <c r="AE911">
        <v>30</v>
      </c>
      <c r="AF911">
        <v>0</v>
      </c>
      <c r="AG911">
        <v>50000</v>
      </c>
      <c r="AH911">
        <v>0</v>
      </c>
      <c r="AI911">
        <v>50000</v>
      </c>
      <c r="AJ911">
        <v>0</v>
      </c>
      <c r="AK911" t="s">
        <v>6</v>
      </c>
      <c r="AL911">
        <v>0</v>
      </c>
      <c r="AM911">
        <v>0</v>
      </c>
      <c r="AN911">
        <v>0</v>
      </c>
      <c r="AO911">
        <v>0</v>
      </c>
      <c r="AP911">
        <v>0</v>
      </c>
      <c r="AQ911">
        <v>0</v>
      </c>
      <c r="AR911">
        <v>0</v>
      </c>
      <c r="AS911">
        <v>0</v>
      </c>
      <c r="AT911">
        <v>0</v>
      </c>
      <c r="AU911">
        <v>0</v>
      </c>
      <c r="AV911">
        <v>0</v>
      </c>
      <c r="AW911">
        <v>0</v>
      </c>
      <c r="AX911">
        <v>0</v>
      </c>
      <c r="AY911">
        <v>0</v>
      </c>
      <c r="AZ911">
        <v>0</v>
      </c>
      <c r="BA911">
        <v>0</v>
      </c>
    </row>
    <row r="912" spans="1:53" x14ac:dyDescent="0.4">
      <c r="A912">
        <v>956</v>
      </c>
      <c r="B912" s="1">
        <v>43094</v>
      </c>
      <c r="C912">
        <v>2</v>
      </c>
      <c r="D912" s="1">
        <v>43094.404166666667</v>
      </c>
      <c r="E912" s="1">
        <v>43094.741666666669</v>
      </c>
      <c r="F912">
        <v>40500</v>
      </c>
      <c r="G912">
        <v>982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4023</v>
      </c>
      <c r="N912">
        <v>0</v>
      </c>
      <c r="O912">
        <v>0</v>
      </c>
      <c r="P912">
        <v>21600</v>
      </c>
      <c r="Q912">
        <v>0</v>
      </c>
      <c r="R912">
        <v>75943</v>
      </c>
      <c r="S912">
        <v>0</v>
      </c>
      <c r="T912">
        <v>0</v>
      </c>
      <c r="U912">
        <v>0</v>
      </c>
      <c r="V912">
        <v>1</v>
      </c>
      <c r="W912">
        <v>2</v>
      </c>
      <c r="X912">
        <v>0</v>
      </c>
      <c r="Y912">
        <v>77</v>
      </c>
      <c r="Z912">
        <v>37</v>
      </c>
      <c r="AA912">
        <v>64</v>
      </c>
      <c r="AB912">
        <v>33</v>
      </c>
      <c r="AC912">
        <v>227</v>
      </c>
      <c r="AD912">
        <v>13</v>
      </c>
      <c r="AE912">
        <v>63</v>
      </c>
      <c r="AF912">
        <v>0</v>
      </c>
      <c r="AG912">
        <v>125948</v>
      </c>
      <c r="AH912">
        <v>50000</v>
      </c>
      <c r="AI912">
        <v>5</v>
      </c>
      <c r="AJ912">
        <v>92</v>
      </c>
      <c r="AK912" t="s">
        <v>22</v>
      </c>
      <c r="AL912">
        <v>0</v>
      </c>
      <c r="AM912">
        <v>0</v>
      </c>
      <c r="AN912">
        <v>0</v>
      </c>
      <c r="AO912">
        <v>0</v>
      </c>
      <c r="AP912">
        <v>0</v>
      </c>
      <c r="AQ912">
        <v>0</v>
      </c>
      <c r="AR912">
        <v>0</v>
      </c>
      <c r="AS912">
        <v>0</v>
      </c>
      <c r="AT912">
        <v>0</v>
      </c>
      <c r="AU912">
        <v>0</v>
      </c>
      <c r="AV912">
        <v>0</v>
      </c>
      <c r="AW912">
        <v>0</v>
      </c>
      <c r="AX912">
        <v>0</v>
      </c>
      <c r="AY912">
        <v>48</v>
      </c>
      <c r="AZ912">
        <v>120</v>
      </c>
      <c r="BA912">
        <v>6850</v>
      </c>
    </row>
    <row r="913" spans="1:53" x14ac:dyDescent="0.4">
      <c r="A913">
        <v>957</v>
      </c>
      <c r="B913" s="1">
        <v>43095</v>
      </c>
      <c r="C913">
        <v>1</v>
      </c>
      <c r="D913" s="1">
        <v>43095.291666666664</v>
      </c>
      <c r="E913" s="1">
        <v>43095.412499999999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0</v>
      </c>
      <c r="O913">
        <v>0</v>
      </c>
      <c r="P913">
        <v>0</v>
      </c>
      <c r="Q913">
        <v>0</v>
      </c>
      <c r="R913">
        <v>0</v>
      </c>
      <c r="S913">
        <v>0</v>
      </c>
      <c r="T913">
        <v>0</v>
      </c>
      <c r="U913">
        <v>0</v>
      </c>
      <c r="V913">
        <v>0</v>
      </c>
      <c r="W913">
        <v>0</v>
      </c>
      <c r="X913">
        <v>0</v>
      </c>
      <c r="Y913">
        <v>30</v>
      </c>
      <c r="Z913">
        <v>24</v>
      </c>
      <c r="AA913">
        <v>58</v>
      </c>
      <c r="AB913">
        <v>22</v>
      </c>
      <c r="AC913">
        <v>100</v>
      </c>
      <c r="AD913">
        <v>8</v>
      </c>
      <c r="AE913">
        <v>60</v>
      </c>
      <c r="AF913">
        <v>0</v>
      </c>
      <c r="AG913">
        <v>50000</v>
      </c>
      <c r="AH913">
        <v>0</v>
      </c>
      <c r="AI913">
        <v>50000</v>
      </c>
      <c r="AJ913">
        <v>0</v>
      </c>
      <c r="AK913" t="s">
        <v>6</v>
      </c>
      <c r="AL913">
        <v>0</v>
      </c>
      <c r="AM913">
        <v>0</v>
      </c>
      <c r="AN913">
        <v>0</v>
      </c>
      <c r="AO913">
        <v>0</v>
      </c>
      <c r="AP913">
        <v>0</v>
      </c>
      <c r="AQ913">
        <v>0</v>
      </c>
      <c r="AR913">
        <v>0</v>
      </c>
      <c r="AS913">
        <v>0</v>
      </c>
      <c r="AT913">
        <v>0</v>
      </c>
      <c r="AU913">
        <v>0</v>
      </c>
      <c r="AV913">
        <v>0</v>
      </c>
      <c r="AW913">
        <v>0</v>
      </c>
      <c r="AX913">
        <v>0</v>
      </c>
      <c r="AY913">
        <v>0</v>
      </c>
      <c r="AZ913">
        <v>0</v>
      </c>
      <c r="BA913">
        <v>0</v>
      </c>
    </row>
    <row r="914" spans="1:53" x14ac:dyDescent="0.4">
      <c r="A914">
        <v>958</v>
      </c>
      <c r="B914" s="1">
        <v>43095</v>
      </c>
      <c r="C914">
        <v>2</v>
      </c>
      <c r="D914" s="1">
        <v>43095.412499999999</v>
      </c>
      <c r="E914" s="1">
        <v>43095.769444444442</v>
      </c>
      <c r="F914">
        <v>37250</v>
      </c>
      <c r="G914">
        <v>3730</v>
      </c>
      <c r="H914">
        <v>0</v>
      </c>
      <c r="I914">
        <v>0</v>
      </c>
      <c r="J914">
        <v>0</v>
      </c>
      <c r="K914">
        <v>0</v>
      </c>
      <c r="L914">
        <v>0</v>
      </c>
      <c r="M914">
        <v>3277</v>
      </c>
      <c r="N914">
        <v>0</v>
      </c>
      <c r="O914">
        <v>0</v>
      </c>
      <c r="P914">
        <v>9180</v>
      </c>
      <c r="Q914">
        <v>0</v>
      </c>
      <c r="R914">
        <v>53437</v>
      </c>
      <c r="S914">
        <v>0</v>
      </c>
      <c r="T914">
        <v>0</v>
      </c>
      <c r="U914">
        <v>0</v>
      </c>
      <c r="V914">
        <v>3</v>
      </c>
      <c r="W914">
        <v>2</v>
      </c>
      <c r="X914">
        <v>0</v>
      </c>
      <c r="Y914">
        <v>39</v>
      </c>
      <c r="Z914">
        <v>34</v>
      </c>
      <c r="AA914">
        <v>46</v>
      </c>
      <c r="AB914">
        <v>25</v>
      </c>
      <c r="AC914">
        <v>148</v>
      </c>
      <c r="AD914">
        <v>9</v>
      </c>
      <c r="AE914">
        <v>67</v>
      </c>
      <c r="AF914">
        <v>0</v>
      </c>
      <c r="AG914">
        <v>103442</v>
      </c>
      <c r="AH914">
        <v>50000</v>
      </c>
      <c r="AI914">
        <v>5</v>
      </c>
      <c r="AJ914">
        <v>97</v>
      </c>
      <c r="AK914" t="s">
        <v>13</v>
      </c>
      <c r="AL914">
        <v>0</v>
      </c>
      <c r="AM914">
        <v>0</v>
      </c>
      <c r="AN914">
        <v>0</v>
      </c>
      <c r="AO914">
        <v>0</v>
      </c>
      <c r="AP914">
        <v>0</v>
      </c>
      <c r="AQ914">
        <v>0</v>
      </c>
      <c r="AR914">
        <v>0</v>
      </c>
      <c r="AS914">
        <v>0</v>
      </c>
      <c r="AT914">
        <v>0</v>
      </c>
      <c r="AU914">
        <v>0</v>
      </c>
      <c r="AV914">
        <v>0</v>
      </c>
      <c r="AW914">
        <v>0</v>
      </c>
      <c r="AX914">
        <v>1522</v>
      </c>
      <c r="AY914">
        <v>41</v>
      </c>
      <c r="AZ914">
        <v>90</v>
      </c>
      <c r="BA914">
        <v>6496</v>
      </c>
    </row>
    <row r="915" spans="1:53" x14ac:dyDescent="0.4">
      <c r="A915">
        <v>959</v>
      </c>
      <c r="B915" s="1">
        <v>43095</v>
      </c>
      <c r="C915">
        <v>3</v>
      </c>
      <c r="D915" s="1">
        <v>43095.769444444442</v>
      </c>
      <c r="E915" s="1">
        <v>43096.102777777778</v>
      </c>
      <c r="F915">
        <v>221400</v>
      </c>
      <c r="G915">
        <v>13770</v>
      </c>
      <c r="H915">
        <v>0</v>
      </c>
      <c r="I915">
        <v>0</v>
      </c>
      <c r="J915">
        <v>0</v>
      </c>
      <c r="K915">
        <v>0</v>
      </c>
      <c r="L915">
        <v>0</v>
      </c>
      <c r="M915">
        <v>18812</v>
      </c>
      <c r="N915">
        <v>0</v>
      </c>
      <c r="O915">
        <v>0</v>
      </c>
      <c r="P915">
        <v>25380</v>
      </c>
      <c r="Q915">
        <v>0</v>
      </c>
      <c r="R915">
        <v>279362</v>
      </c>
      <c r="S915">
        <v>0</v>
      </c>
      <c r="T915">
        <v>0</v>
      </c>
      <c r="U915">
        <v>0</v>
      </c>
      <c r="V915">
        <v>14</v>
      </c>
      <c r="W915">
        <v>1</v>
      </c>
      <c r="X915">
        <v>0</v>
      </c>
      <c r="Y915">
        <v>76</v>
      </c>
      <c r="Z915">
        <v>35</v>
      </c>
      <c r="AA915">
        <v>46</v>
      </c>
      <c r="AB915">
        <v>26</v>
      </c>
      <c r="AC915">
        <v>140</v>
      </c>
      <c r="AD915">
        <v>11</v>
      </c>
      <c r="AE915">
        <v>51</v>
      </c>
      <c r="AF915">
        <v>136890</v>
      </c>
      <c r="AG915">
        <v>382796</v>
      </c>
      <c r="AH915">
        <v>50000</v>
      </c>
      <c r="AI915">
        <v>-3</v>
      </c>
      <c r="AJ915">
        <v>105</v>
      </c>
      <c r="AK915" t="s">
        <v>31</v>
      </c>
      <c r="AL915">
        <v>0</v>
      </c>
      <c r="AM915">
        <v>0</v>
      </c>
      <c r="AN915">
        <v>0</v>
      </c>
      <c r="AO915">
        <v>0</v>
      </c>
      <c r="AP915">
        <v>0</v>
      </c>
      <c r="AQ915">
        <v>0</v>
      </c>
      <c r="AR915">
        <v>0</v>
      </c>
      <c r="AS915">
        <v>0</v>
      </c>
      <c r="AT915">
        <v>0</v>
      </c>
      <c r="AU915">
        <v>0</v>
      </c>
      <c r="AV915">
        <v>0</v>
      </c>
      <c r="AW915">
        <v>0</v>
      </c>
      <c r="AX915">
        <v>378</v>
      </c>
      <c r="AY915">
        <v>29</v>
      </c>
      <c r="AZ915">
        <v>139</v>
      </c>
      <c r="BA915">
        <v>4140</v>
      </c>
    </row>
    <row r="916" spans="1:53" x14ac:dyDescent="0.4">
      <c r="A916">
        <v>960</v>
      </c>
      <c r="B916" s="1">
        <v>43096</v>
      </c>
      <c r="C916">
        <v>1</v>
      </c>
      <c r="D916" s="1">
        <v>43096.291666666664</v>
      </c>
      <c r="E916" s="1">
        <v>43096.411111111112</v>
      </c>
      <c r="F916">
        <v>0</v>
      </c>
      <c r="G916">
        <v>0</v>
      </c>
      <c r="H916">
        <v>0</v>
      </c>
      <c r="I916">
        <v>0</v>
      </c>
      <c r="J916">
        <v>0</v>
      </c>
      <c r="K916">
        <v>0</v>
      </c>
      <c r="L916">
        <v>0</v>
      </c>
      <c r="M916">
        <v>0</v>
      </c>
      <c r="N916">
        <v>0</v>
      </c>
      <c r="O916">
        <v>0</v>
      </c>
      <c r="P916">
        <v>0</v>
      </c>
      <c r="Q916">
        <v>0</v>
      </c>
      <c r="R916">
        <v>0</v>
      </c>
      <c r="S916">
        <v>0</v>
      </c>
      <c r="T916">
        <v>0</v>
      </c>
      <c r="U916">
        <v>0</v>
      </c>
      <c r="V916">
        <v>0</v>
      </c>
      <c r="W916">
        <v>0</v>
      </c>
      <c r="X916">
        <v>0</v>
      </c>
      <c r="Y916">
        <v>26</v>
      </c>
      <c r="Z916">
        <v>34</v>
      </c>
      <c r="AA916">
        <v>44</v>
      </c>
      <c r="AB916">
        <v>23</v>
      </c>
      <c r="AC916">
        <v>135</v>
      </c>
      <c r="AD916">
        <v>9</v>
      </c>
      <c r="AE916">
        <v>55</v>
      </c>
      <c r="AF916">
        <v>0</v>
      </c>
      <c r="AG916">
        <v>50000</v>
      </c>
      <c r="AH916">
        <v>0</v>
      </c>
      <c r="AI916">
        <v>50000</v>
      </c>
      <c r="AJ916">
        <v>0</v>
      </c>
      <c r="AK916" t="s">
        <v>6</v>
      </c>
      <c r="AL916">
        <v>0</v>
      </c>
      <c r="AM916">
        <v>0</v>
      </c>
      <c r="AN916">
        <v>0</v>
      </c>
      <c r="AO916">
        <v>0</v>
      </c>
      <c r="AP916">
        <v>0</v>
      </c>
      <c r="AQ916">
        <v>0</v>
      </c>
      <c r="AR916">
        <v>0</v>
      </c>
      <c r="AS916">
        <v>0</v>
      </c>
      <c r="AT916">
        <v>0</v>
      </c>
      <c r="AU916">
        <v>0</v>
      </c>
      <c r="AV916">
        <v>0</v>
      </c>
      <c r="AW916">
        <v>0</v>
      </c>
      <c r="AX916">
        <v>0</v>
      </c>
      <c r="AY916">
        <v>0</v>
      </c>
      <c r="AZ916">
        <v>0</v>
      </c>
      <c r="BA916">
        <v>0</v>
      </c>
    </row>
    <row r="917" spans="1:53" x14ac:dyDescent="0.4">
      <c r="A917">
        <v>961</v>
      </c>
      <c r="B917" s="1">
        <v>43096</v>
      </c>
      <c r="C917">
        <v>2</v>
      </c>
      <c r="D917" s="1">
        <v>43096.411111111112</v>
      </c>
      <c r="E917" s="1">
        <v>43096.745138888888</v>
      </c>
      <c r="F917">
        <v>28500</v>
      </c>
      <c r="G917">
        <v>1060</v>
      </c>
      <c r="H917">
        <v>0</v>
      </c>
      <c r="I917">
        <v>0</v>
      </c>
      <c r="J917">
        <v>0</v>
      </c>
      <c r="K917">
        <v>0</v>
      </c>
      <c r="L917">
        <v>0</v>
      </c>
      <c r="M917">
        <v>2364</v>
      </c>
      <c r="N917">
        <v>0</v>
      </c>
      <c r="O917">
        <v>0</v>
      </c>
      <c r="P917">
        <v>16200</v>
      </c>
      <c r="Q917">
        <v>0</v>
      </c>
      <c r="R917">
        <v>48124</v>
      </c>
      <c r="S917">
        <v>0</v>
      </c>
      <c r="T917">
        <v>0</v>
      </c>
      <c r="U917">
        <v>0</v>
      </c>
      <c r="V917">
        <v>1</v>
      </c>
      <c r="W917">
        <v>0</v>
      </c>
      <c r="X917">
        <v>0</v>
      </c>
      <c r="Y917">
        <v>63</v>
      </c>
      <c r="Z917">
        <v>39</v>
      </c>
      <c r="AA917">
        <v>29</v>
      </c>
      <c r="AB917">
        <v>16</v>
      </c>
      <c r="AC917">
        <v>182</v>
      </c>
      <c r="AD917">
        <v>10</v>
      </c>
      <c r="AE917">
        <v>56</v>
      </c>
      <c r="AF917">
        <v>0</v>
      </c>
      <c r="AG917">
        <v>98126</v>
      </c>
      <c r="AH917">
        <v>50000</v>
      </c>
      <c r="AI917">
        <v>2</v>
      </c>
      <c r="AJ917">
        <v>97</v>
      </c>
      <c r="AK917" t="s">
        <v>13</v>
      </c>
      <c r="AL917">
        <v>0</v>
      </c>
      <c r="AM917">
        <v>0</v>
      </c>
      <c r="AN917">
        <v>0</v>
      </c>
      <c r="AO917">
        <v>0</v>
      </c>
      <c r="AP917">
        <v>0</v>
      </c>
      <c r="AQ917">
        <v>0</v>
      </c>
      <c r="AR917">
        <v>0</v>
      </c>
      <c r="AS917">
        <v>0</v>
      </c>
      <c r="AT917">
        <v>0</v>
      </c>
      <c r="AU917">
        <v>0</v>
      </c>
      <c r="AV917">
        <v>0</v>
      </c>
      <c r="AW917">
        <v>0</v>
      </c>
      <c r="AX917">
        <v>-540</v>
      </c>
      <c r="AY917">
        <v>34</v>
      </c>
      <c r="AZ917">
        <v>87</v>
      </c>
      <c r="BA917">
        <v>4864</v>
      </c>
    </row>
    <row r="918" spans="1:53" x14ac:dyDescent="0.4">
      <c r="A918">
        <v>962</v>
      </c>
      <c r="B918" s="1">
        <v>43096</v>
      </c>
      <c r="C918">
        <v>3</v>
      </c>
      <c r="D918" s="1">
        <v>43096.745138888888</v>
      </c>
      <c r="E918" s="1">
        <v>43097</v>
      </c>
      <c r="F918">
        <v>212750</v>
      </c>
      <c r="G918">
        <v>8180</v>
      </c>
      <c r="H918">
        <v>0</v>
      </c>
      <c r="I918">
        <v>0</v>
      </c>
      <c r="J918">
        <v>600</v>
      </c>
      <c r="K918">
        <v>0</v>
      </c>
      <c r="L918">
        <v>0</v>
      </c>
      <c r="M918">
        <v>17626</v>
      </c>
      <c r="N918">
        <v>0</v>
      </c>
      <c r="O918">
        <v>0</v>
      </c>
      <c r="P918">
        <v>16956</v>
      </c>
      <c r="Q918">
        <v>0</v>
      </c>
      <c r="R918">
        <v>254912</v>
      </c>
      <c r="S918">
        <v>0</v>
      </c>
      <c r="T918">
        <v>0</v>
      </c>
      <c r="U918">
        <v>0</v>
      </c>
      <c r="V918">
        <v>13</v>
      </c>
      <c r="W918">
        <v>5</v>
      </c>
      <c r="X918">
        <v>0</v>
      </c>
      <c r="Y918">
        <v>125</v>
      </c>
      <c r="Z918">
        <v>44</v>
      </c>
      <c r="AA918">
        <v>116</v>
      </c>
      <c r="AB918">
        <v>58</v>
      </c>
      <c r="AC918">
        <v>159</v>
      </c>
      <c r="AD918">
        <v>51</v>
      </c>
      <c r="AE918">
        <v>151</v>
      </c>
      <c r="AF918">
        <v>34542</v>
      </c>
      <c r="AG918">
        <v>353038</v>
      </c>
      <c r="AH918">
        <v>50000</v>
      </c>
      <c r="AI918">
        <v>2</v>
      </c>
      <c r="AJ918">
        <v>108</v>
      </c>
      <c r="AK918" t="s">
        <v>30</v>
      </c>
      <c r="AL918">
        <v>0</v>
      </c>
      <c r="AM918">
        <v>0</v>
      </c>
      <c r="AN918">
        <v>0</v>
      </c>
      <c r="AO918">
        <v>0</v>
      </c>
      <c r="AP918">
        <v>0</v>
      </c>
      <c r="AQ918">
        <v>0</v>
      </c>
      <c r="AR918">
        <v>0</v>
      </c>
      <c r="AS918">
        <v>0</v>
      </c>
      <c r="AT918">
        <v>0</v>
      </c>
      <c r="AU918">
        <v>0</v>
      </c>
      <c r="AV918">
        <v>0</v>
      </c>
      <c r="AW918">
        <v>0</v>
      </c>
      <c r="AX918">
        <v>25879</v>
      </c>
      <c r="AY918">
        <v>39</v>
      </c>
      <c r="AZ918">
        <v>170</v>
      </c>
      <c r="BA918">
        <v>4436</v>
      </c>
    </row>
    <row r="919" spans="1:53" x14ac:dyDescent="0.4">
      <c r="A919">
        <v>963</v>
      </c>
      <c r="B919" s="1">
        <v>43097</v>
      </c>
      <c r="C919">
        <v>1</v>
      </c>
      <c r="D919" s="1">
        <v>43097.291666666664</v>
      </c>
      <c r="E919" s="1">
        <v>43097.404166666667</v>
      </c>
      <c r="F919">
        <v>0</v>
      </c>
      <c r="G919">
        <v>0</v>
      </c>
      <c r="H919">
        <v>0</v>
      </c>
      <c r="I919">
        <v>0</v>
      </c>
      <c r="J919">
        <v>0</v>
      </c>
      <c r="K919">
        <v>0</v>
      </c>
      <c r="L919">
        <v>0</v>
      </c>
      <c r="M919">
        <v>0</v>
      </c>
      <c r="N919">
        <v>0</v>
      </c>
      <c r="O919">
        <v>0</v>
      </c>
      <c r="P919">
        <v>0</v>
      </c>
      <c r="Q919">
        <v>0</v>
      </c>
      <c r="R919">
        <v>0</v>
      </c>
      <c r="S919">
        <v>0</v>
      </c>
      <c r="T919">
        <v>0</v>
      </c>
      <c r="U919">
        <v>0</v>
      </c>
      <c r="V919">
        <v>0</v>
      </c>
      <c r="W919">
        <v>0</v>
      </c>
      <c r="X919">
        <v>0</v>
      </c>
      <c r="Y919">
        <v>25</v>
      </c>
      <c r="Z919">
        <v>19</v>
      </c>
      <c r="AA919">
        <v>108</v>
      </c>
      <c r="AB919">
        <v>56</v>
      </c>
      <c r="AC919">
        <v>155</v>
      </c>
      <c r="AD919">
        <v>45</v>
      </c>
      <c r="AE919">
        <v>125</v>
      </c>
      <c r="AF919">
        <v>0</v>
      </c>
      <c r="AG919">
        <v>50000</v>
      </c>
      <c r="AH919">
        <v>0</v>
      </c>
      <c r="AI919">
        <v>50000</v>
      </c>
      <c r="AJ919">
        <v>0</v>
      </c>
      <c r="AK919" t="s">
        <v>6</v>
      </c>
      <c r="AL919">
        <v>0</v>
      </c>
      <c r="AM919">
        <v>0</v>
      </c>
      <c r="AN919">
        <v>0</v>
      </c>
      <c r="AO919">
        <v>0</v>
      </c>
      <c r="AP919">
        <v>0</v>
      </c>
      <c r="AQ919">
        <v>0</v>
      </c>
      <c r="AR919">
        <v>0</v>
      </c>
      <c r="AS919">
        <v>0</v>
      </c>
      <c r="AT919">
        <v>0</v>
      </c>
      <c r="AU919">
        <v>0</v>
      </c>
      <c r="AV919">
        <v>0</v>
      </c>
      <c r="AW919">
        <v>0</v>
      </c>
      <c r="AX919">
        <v>0</v>
      </c>
      <c r="AY919">
        <v>0</v>
      </c>
      <c r="AZ919">
        <v>0</v>
      </c>
      <c r="BA919">
        <v>0</v>
      </c>
    </row>
    <row r="920" spans="1:53" x14ac:dyDescent="0.4">
      <c r="A920">
        <v>964</v>
      </c>
      <c r="B920" s="1">
        <v>43097</v>
      </c>
      <c r="C920">
        <v>2</v>
      </c>
      <c r="D920" s="1">
        <v>43097.404166666667</v>
      </c>
      <c r="E920" s="1">
        <v>43097.730555555558</v>
      </c>
      <c r="F920">
        <v>45500</v>
      </c>
      <c r="G920">
        <v>172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3777</v>
      </c>
      <c r="N920">
        <v>0</v>
      </c>
      <c r="O920">
        <v>0</v>
      </c>
      <c r="P920">
        <v>17820</v>
      </c>
      <c r="Q920">
        <v>0</v>
      </c>
      <c r="R920">
        <v>68817</v>
      </c>
      <c r="S920">
        <v>0</v>
      </c>
      <c r="T920">
        <v>0</v>
      </c>
      <c r="U920">
        <v>0</v>
      </c>
      <c r="V920">
        <v>0</v>
      </c>
      <c r="W920">
        <v>5</v>
      </c>
      <c r="X920">
        <v>0</v>
      </c>
      <c r="Y920">
        <v>53</v>
      </c>
      <c r="Z920">
        <v>35</v>
      </c>
      <c r="AA920">
        <v>120</v>
      </c>
      <c r="AB920">
        <v>68</v>
      </c>
      <c r="AC920">
        <v>233</v>
      </c>
      <c r="AD920">
        <v>48</v>
      </c>
      <c r="AE920">
        <v>137</v>
      </c>
      <c r="AF920">
        <v>5210</v>
      </c>
      <c r="AG920">
        <v>118817</v>
      </c>
      <c r="AH920">
        <v>50000</v>
      </c>
      <c r="AI920">
        <v>0</v>
      </c>
      <c r="AJ920">
        <v>96</v>
      </c>
      <c r="AK920" t="s">
        <v>4</v>
      </c>
      <c r="AL920">
        <v>0</v>
      </c>
      <c r="AM920">
        <v>0</v>
      </c>
      <c r="AN920">
        <v>0</v>
      </c>
      <c r="AO920">
        <v>0</v>
      </c>
      <c r="AP920">
        <v>0</v>
      </c>
      <c r="AQ920">
        <v>0</v>
      </c>
      <c r="AR920">
        <v>0</v>
      </c>
      <c r="AS920">
        <v>0</v>
      </c>
      <c r="AT920">
        <v>0</v>
      </c>
      <c r="AU920">
        <v>0</v>
      </c>
      <c r="AV920">
        <v>0</v>
      </c>
      <c r="AW920">
        <v>0</v>
      </c>
      <c r="AX920">
        <v>-540</v>
      </c>
      <c r="AY920">
        <v>52</v>
      </c>
      <c r="AZ920">
        <v>117</v>
      </c>
      <c r="BA920">
        <v>7625</v>
      </c>
    </row>
    <row r="921" spans="1:53" x14ac:dyDescent="0.4">
      <c r="A921">
        <v>965</v>
      </c>
      <c r="B921" s="1">
        <v>43098</v>
      </c>
      <c r="C921">
        <v>1</v>
      </c>
      <c r="D921" s="1">
        <v>43098.291666666664</v>
      </c>
      <c r="E921" s="1">
        <v>43098.40902777778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0</v>
      </c>
      <c r="O921">
        <v>0</v>
      </c>
      <c r="P921">
        <v>0</v>
      </c>
      <c r="Q921">
        <v>0</v>
      </c>
      <c r="R921">
        <v>0</v>
      </c>
      <c r="S921">
        <v>0</v>
      </c>
      <c r="T921">
        <v>0</v>
      </c>
      <c r="U921">
        <v>0</v>
      </c>
      <c r="V921">
        <v>0</v>
      </c>
      <c r="W921">
        <v>0</v>
      </c>
      <c r="X921">
        <v>0</v>
      </c>
      <c r="Y921">
        <v>25</v>
      </c>
      <c r="Z921">
        <v>22</v>
      </c>
      <c r="AA921">
        <v>84</v>
      </c>
      <c r="AB921">
        <v>66</v>
      </c>
      <c r="AC921">
        <v>200</v>
      </c>
      <c r="AD921">
        <v>42</v>
      </c>
      <c r="AE921">
        <v>90</v>
      </c>
      <c r="AF921">
        <v>0</v>
      </c>
      <c r="AG921">
        <v>50000</v>
      </c>
      <c r="AH921">
        <v>0</v>
      </c>
      <c r="AI921">
        <v>50000</v>
      </c>
      <c r="AJ921">
        <v>0</v>
      </c>
      <c r="AK921" t="s">
        <v>6</v>
      </c>
      <c r="AL921">
        <v>0</v>
      </c>
      <c r="AM921">
        <v>0</v>
      </c>
      <c r="AN921">
        <v>0</v>
      </c>
      <c r="AO921">
        <v>0</v>
      </c>
      <c r="AP921">
        <v>0</v>
      </c>
      <c r="AQ921">
        <v>0</v>
      </c>
      <c r="AR921">
        <v>0</v>
      </c>
      <c r="AS921">
        <v>0</v>
      </c>
      <c r="AT921">
        <v>0</v>
      </c>
      <c r="AU921">
        <v>0</v>
      </c>
      <c r="AV921">
        <v>0</v>
      </c>
      <c r="AW921">
        <v>0</v>
      </c>
      <c r="AX921">
        <v>0</v>
      </c>
      <c r="AY921">
        <v>0</v>
      </c>
      <c r="AZ921">
        <v>0</v>
      </c>
      <c r="BA921">
        <v>0</v>
      </c>
    </row>
    <row r="922" spans="1:53" x14ac:dyDescent="0.4">
      <c r="A922">
        <v>966</v>
      </c>
      <c r="B922" s="1">
        <v>43098</v>
      </c>
      <c r="C922">
        <v>2</v>
      </c>
      <c r="D922" s="1">
        <v>43098.40902777778</v>
      </c>
      <c r="E922" s="1">
        <v>43098.749305555553</v>
      </c>
      <c r="F922">
        <v>49500</v>
      </c>
      <c r="G922">
        <v>331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4224</v>
      </c>
      <c r="N922">
        <v>0</v>
      </c>
      <c r="O922">
        <v>0</v>
      </c>
      <c r="P922">
        <v>19440</v>
      </c>
      <c r="Q922">
        <v>0</v>
      </c>
      <c r="R922">
        <v>76474</v>
      </c>
      <c r="S922">
        <v>0</v>
      </c>
      <c r="T922">
        <v>0</v>
      </c>
      <c r="U922">
        <v>0</v>
      </c>
      <c r="V922">
        <v>3</v>
      </c>
      <c r="W922">
        <v>2</v>
      </c>
      <c r="X922">
        <v>0</v>
      </c>
      <c r="Y922">
        <v>42</v>
      </c>
      <c r="Z922">
        <v>44</v>
      </c>
      <c r="AA922">
        <v>121</v>
      </c>
      <c r="AB922">
        <v>79</v>
      </c>
      <c r="AC922">
        <v>243</v>
      </c>
      <c r="AD922">
        <v>42</v>
      </c>
      <c r="AE922">
        <v>89</v>
      </c>
      <c r="AF922">
        <v>3695</v>
      </c>
      <c r="AG922">
        <v>126474</v>
      </c>
      <c r="AH922">
        <v>50000</v>
      </c>
      <c r="AI922">
        <v>0</v>
      </c>
      <c r="AJ922">
        <v>93</v>
      </c>
      <c r="AK922" t="s">
        <v>20</v>
      </c>
      <c r="AL922">
        <v>0</v>
      </c>
      <c r="AM922">
        <v>0</v>
      </c>
      <c r="AN922">
        <v>0</v>
      </c>
      <c r="AO922">
        <v>0</v>
      </c>
      <c r="AP922">
        <v>0</v>
      </c>
      <c r="AQ922">
        <v>0</v>
      </c>
      <c r="AR922">
        <v>0</v>
      </c>
      <c r="AS922">
        <v>0</v>
      </c>
      <c r="AT922">
        <v>0</v>
      </c>
      <c r="AU922">
        <v>0</v>
      </c>
      <c r="AV922">
        <v>0</v>
      </c>
      <c r="AW922">
        <v>0</v>
      </c>
      <c r="AX922">
        <v>907</v>
      </c>
      <c r="AY922">
        <v>48</v>
      </c>
      <c r="AZ922">
        <v>131</v>
      </c>
      <c r="BA922">
        <v>7551</v>
      </c>
    </row>
    <row r="923" spans="1:53" x14ac:dyDescent="0.4">
      <c r="A923">
        <v>967</v>
      </c>
      <c r="B923" s="1">
        <v>43099</v>
      </c>
      <c r="C923">
        <v>1</v>
      </c>
      <c r="D923" s="1">
        <v>43099.291666666664</v>
      </c>
      <c r="E923" s="1">
        <v>43099.404166666667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0</v>
      </c>
      <c r="O923">
        <v>0</v>
      </c>
      <c r="P923">
        <v>0</v>
      </c>
      <c r="Q923">
        <v>0</v>
      </c>
      <c r="R923">
        <v>0</v>
      </c>
      <c r="S923">
        <v>0</v>
      </c>
      <c r="T923">
        <v>0</v>
      </c>
      <c r="U923">
        <v>0</v>
      </c>
      <c r="V923">
        <v>0</v>
      </c>
      <c r="W923">
        <v>0</v>
      </c>
      <c r="X923">
        <v>0</v>
      </c>
      <c r="Y923">
        <v>26</v>
      </c>
      <c r="Z923">
        <v>11</v>
      </c>
      <c r="AA923">
        <v>135</v>
      </c>
      <c r="AB923">
        <v>64</v>
      </c>
      <c r="AC923">
        <v>157</v>
      </c>
      <c r="AD923">
        <v>26</v>
      </c>
      <c r="AE923">
        <v>100</v>
      </c>
      <c r="AF923">
        <v>0</v>
      </c>
      <c r="AG923">
        <v>50000</v>
      </c>
      <c r="AH923">
        <v>50000</v>
      </c>
      <c r="AI923">
        <v>0</v>
      </c>
      <c r="AJ923">
        <v>0</v>
      </c>
      <c r="AK923" t="s">
        <v>6</v>
      </c>
      <c r="AL923">
        <v>0</v>
      </c>
      <c r="AM923">
        <v>0</v>
      </c>
      <c r="AN923">
        <v>0</v>
      </c>
      <c r="AO923">
        <v>0</v>
      </c>
      <c r="AP923">
        <v>0</v>
      </c>
      <c r="AQ923">
        <v>0</v>
      </c>
      <c r="AR923">
        <v>0</v>
      </c>
      <c r="AS923">
        <v>0</v>
      </c>
      <c r="AT923">
        <v>0</v>
      </c>
      <c r="AU923">
        <v>0</v>
      </c>
      <c r="AV923">
        <v>0</v>
      </c>
      <c r="AW923">
        <v>0</v>
      </c>
      <c r="AX923">
        <v>0</v>
      </c>
      <c r="AY923">
        <v>0</v>
      </c>
      <c r="AZ923">
        <v>0</v>
      </c>
      <c r="BA923">
        <v>0</v>
      </c>
    </row>
    <row r="924" spans="1:53" x14ac:dyDescent="0.4">
      <c r="A924">
        <v>968</v>
      </c>
      <c r="B924" s="1">
        <v>43099</v>
      </c>
      <c r="C924">
        <v>2</v>
      </c>
      <c r="D924" s="1">
        <v>43099.404166666667</v>
      </c>
      <c r="E924" s="1">
        <v>43099.75</v>
      </c>
      <c r="F924">
        <v>46750</v>
      </c>
      <c r="G924">
        <v>379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4042</v>
      </c>
      <c r="N924">
        <v>0</v>
      </c>
      <c r="O924">
        <v>0</v>
      </c>
      <c r="P924">
        <v>17280</v>
      </c>
      <c r="Q924">
        <v>0</v>
      </c>
      <c r="R924">
        <v>71862</v>
      </c>
      <c r="S924">
        <v>0</v>
      </c>
      <c r="T924">
        <v>0</v>
      </c>
      <c r="U924">
        <v>0</v>
      </c>
      <c r="V924">
        <v>2</v>
      </c>
      <c r="W924">
        <v>1</v>
      </c>
      <c r="X924">
        <v>0</v>
      </c>
      <c r="Y924">
        <v>61</v>
      </c>
      <c r="Z924">
        <v>26</v>
      </c>
      <c r="AA924">
        <v>168</v>
      </c>
      <c r="AB924">
        <v>71</v>
      </c>
      <c r="AC924">
        <v>236</v>
      </c>
      <c r="AD924">
        <v>26</v>
      </c>
      <c r="AE924">
        <v>102</v>
      </c>
      <c r="AF924">
        <v>0</v>
      </c>
      <c r="AG924">
        <v>121942</v>
      </c>
      <c r="AH924">
        <v>50000</v>
      </c>
      <c r="AI924">
        <v>80</v>
      </c>
      <c r="AJ924">
        <v>92</v>
      </c>
      <c r="AK924" t="s">
        <v>22</v>
      </c>
      <c r="AL924">
        <v>0</v>
      </c>
      <c r="AM924">
        <v>0</v>
      </c>
      <c r="AN924">
        <v>0</v>
      </c>
      <c r="AO924">
        <v>0</v>
      </c>
      <c r="AP924">
        <v>0</v>
      </c>
      <c r="AQ924">
        <v>0</v>
      </c>
      <c r="AR924">
        <v>0</v>
      </c>
      <c r="AS924">
        <v>0</v>
      </c>
      <c r="AT924">
        <v>0</v>
      </c>
      <c r="AU924">
        <v>0</v>
      </c>
      <c r="AV924">
        <v>0</v>
      </c>
      <c r="AW924">
        <v>0</v>
      </c>
      <c r="AX924">
        <v>0</v>
      </c>
      <c r="AY924">
        <v>53</v>
      </c>
      <c r="AZ924">
        <v>121</v>
      </c>
      <c r="BA924">
        <v>8274</v>
      </c>
    </row>
    <row r="925" spans="1:53" x14ac:dyDescent="0.4">
      <c r="A925">
        <v>969</v>
      </c>
      <c r="B925" s="1">
        <v>43100</v>
      </c>
      <c r="C925">
        <v>1</v>
      </c>
      <c r="D925" s="1">
        <v>43100.291666666664</v>
      </c>
      <c r="E925" s="1">
        <v>43100.397916666669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0</v>
      </c>
      <c r="O925">
        <v>0</v>
      </c>
      <c r="P925">
        <v>0</v>
      </c>
      <c r="Q925">
        <v>0</v>
      </c>
      <c r="R925">
        <v>0</v>
      </c>
      <c r="S925">
        <v>0</v>
      </c>
      <c r="T925">
        <v>0</v>
      </c>
      <c r="U925">
        <v>0</v>
      </c>
      <c r="V925">
        <v>0</v>
      </c>
      <c r="W925">
        <v>0</v>
      </c>
      <c r="X925">
        <v>0</v>
      </c>
      <c r="Y925">
        <v>25</v>
      </c>
      <c r="Z925">
        <v>7</v>
      </c>
      <c r="AA925">
        <v>166</v>
      </c>
      <c r="AB925">
        <v>68</v>
      </c>
      <c r="AC925">
        <v>131</v>
      </c>
      <c r="AD925">
        <v>16</v>
      </c>
      <c r="AE925">
        <v>110</v>
      </c>
      <c r="AF925">
        <v>0</v>
      </c>
      <c r="AG925">
        <v>50000</v>
      </c>
      <c r="AH925">
        <v>50000</v>
      </c>
      <c r="AI925">
        <v>0</v>
      </c>
      <c r="AJ925">
        <v>0</v>
      </c>
      <c r="AK925" t="s">
        <v>6</v>
      </c>
      <c r="AL925">
        <v>0</v>
      </c>
      <c r="AM925">
        <v>0</v>
      </c>
      <c r="AN925">
        <v>0</v>
      </c>
      <c r="AO925">
        <v>0</v>
      </c>
      <c r="AP925">
        <v>0</v>
      </c>
      <c r="AQ925">
        <v>0</v>
      </c>
      <c r="AR925">
        <v>0</v>
      </c>
      <c r="AS925">
        <v>0</v>
      </c>
      <c r="AT925">
        <v>0</v>
      </c>
      <c r="AU925">
        <v>0</v>
      </c>
      <c r="AV925">
        <v>0</v>
      </c>
      <c r="AW925">
        <v>0</v>
      </c>
      <c r="AX925">
        <v>0</v>
      </c>
      <c r="AY925">
        <v>0</v>
      </c>
      <c r="AZ925">
        <v>0</v>
      </c>
      <c r="BA925">
        <v>0</v>
      </c>
    </row>
    <row r="926" spans="1:53" x14ac:dyDescent="0.4">
      <c r="A926">
        <v>970</v>
      </c>
      <c r="B926" s="1">
        <v>43100</v>
      </c>
      <c r="C926">
        <v>2</v>
      </c>
      <c r="D926" s="1">
        <v>43100.397916666669</v>
      </c>
      <c r="E926" s="1">
        <v>43100.738888888889</v>
      </c>
      <c r="F926">
        <v>42500</v>
      </c>
      <c r="G926">
        <v>8190</v>
      </c>
      <c r="H926">
        <v>0</v>
      </c>
      <c r="I926">
        <v>0</v>
      </c>
      <c r="J926">
        <v>0</v>
      </c>
      <c r="K926">
        <v>0</v>
      </c>
      <c r="L926">
        <v>0</v>
      </c>
      <c r="M926">
        <v>4054</v>
      </c>
      <c r="N926">
        <v>0</v>
      </c>
      <c r="O926">
        <v>0</v>
      </c>
      <c r="P926">
        <v>7020</v>
      </c>
      <c r="Q926">
        <v>0</v>
      </c>
      <c r="R926">
        <v>61764</v>
      </c>
      <c r="S926">
        <v>0</v>
      </c>
      <c r="T926">
        <v>0</v>
      </c>
      <c r="U926">
        <v>0</v>
      </c>
      <c r="V926">
        <v>2</v>
      </c>
      <c r="W926">
        <v>0</v>
      </c>
      <c r="X926">
        <v>0</v>
      </c>
      <c r="Y926">
        <v>62</v>
      </c>
      <c r="Z926">
        <v>15</v>
      </c>
      <c r="AA926">
        <v>169</v>
      </c>
      <c r="AB926">
        <v>72</v>
      </c>
      <c r="AC926">
        <v>161</v>
      </c>
      <c r="AD926">
        <v>14</v>
      </c>
      <c r="AE926">
        <v>104</v>
      </c>
      <c r="AF926">
        <v>0</v>
      </c>
      <c r="AG926">
        <v>111784</v>
      </c>
      <c r="AH926">
        <v>50000</v>
      </c>
      <c r="AI926">
        <v>20</v>
      </c>
      <c r="AJ926">
        <v>82</v>
      </c>
      <c r="AK926" t="s">
        <v>17</v>
      </c>
      <c r="AL926">
        <v>0</v>
      </c>
      <c r="AM926">
        <v>0</v>
      </c>
      <c r="AN926">
        <v>0</v>
      </c>
      <c r="AO926">
        <v>0</v>
      </c>
      <c r="AP926">
        <v>0</v>
      </c>
      <c r="AQ926">
        <v>0</v>
      </c>
      <c r="AR926">
        <v>0</v>
      </c>
      <c r="AS926">
        <v>0</v>
      </c>
      <c r="AT926">
        <v>0</v>
      </c>
      <c r="AU926">
        <v>0</v>
      </c>
      <c r="AV926">
        <v>0</v>
      </c>
      <c r="AW926">
        <v>0</v>
      </c>
      <c r="AX926">
        <v>0</v>
      </c>
      <c r="AY926">
        <v>36</v>
      </c>
      <c r="AZ926">
        <v>94</v>
      </c>
      <c r="BA926">
        <v>5988</v>
      </c>
    </row>
    <row r="927" spans="1:53" x14ac:dyDescent="0.4">
      <c r="A927">
        <v>971</v>
      </c>
      <c r="B927" s="1">
        <v>43100</v>
      </c>
      <c r="C927">
        <v>3</v>
      </c>
      <c r="D927" s="1">
        <v>43100.738888888889</v>
      </c>
      <c r="E927" s="1">
        <v>43100.969444444447</v>
      </c>
      <c r="F927">
        <v>27800</v>
      </c>
      <c r="G927">
        <v>680</v>
      </c>
      <c r="H927">
        <v>0</v>
      </c>
      <c r="I927">
        <v>0</v>
      </c>
      <c r="J927">
        <v>0</v>
      </c>
      <c r="K927">
        <v>0</v>
      </c>
      <c r="L927">
        <v>0</v>
      </c>
      <c r="M927">
        <v>2278</v>
      </c>
      <c r="N927">
        <v>0</v>
      </c>
      <c r="O927">
        <v>0</v>
      </c>
      <c r="P927">
        <v>11124</v>
      </c>
      <c r="Q927">
        <v>0</v>
      </c>
      <c r="R927">
        <v>41882</v>
      </c>
      <c r="S927">
        <v>0</v>
      </c>
      <c r="T927">
        <v>0</v>
      </c>
      <c r="U927">
        <v>0</v>
      </c>
      <c r="V927">
        <v>2</v>
      </c>
      <c r="W927">
        <v>3</v>
      </c>
      <c r="X927">
        <v>0</v>
      </c>
      <c r="Y927">
        <v>86</v>
      </c>
      <c r="Z927">
        <v>15</v>
      </c>
      <c r="AA927">
        <v>183</v>
      </c>
      <c r="AB927">
        <v>73</v>
      </c>
      <c r="AC927">
        <v>174</v>
      </c>
      <c r="AD927">
        <v>11</v>
      </c>
      <c r="AE927">
        <v>105</v>
      </c>
      <c r="AF927">
        <v>1296</v>
      </c>
      <c r="AG927">
        <v>153646</v>
      </c>
      <c r="AH927">
        <v>50000</v>
      </c>
      <c r="AI927">
        <v>0</v>
      </c>
      <c r="AJ927">
        <v>100</v>
      </c>
      <c r="AK927" t="s">
        <v>0</v>
      </c>
      <c r="AL927">
        <v>0</v>
      </c>
      <c r="AM927">
        <v>0</v>
      </c>
      <c r="AN927">
        <v>0</v>
      </c>
      <c r="AO927">
        <v>0</v>
      </c>
      <c r="AP927">
        <v>0</v>
      </c>
      <c r="AQ927">
        <v>0</v>
      </c>
      <c r="AR927">
        <v>0</v>
      </c>
      <c r="AS927">
        <v>0</v>
      </c>
      <c r="AT927">
        <v>0</v>
      </c>
      <c r="AU927">
        <v>0</v>
      </c>
      <c r="AV927">
        <v>0</v>
      </c>
      <c r="AW927">
        <v>0</v>
      </c>
      <c r="AX927">
        <v>11093</v>
      </c>
      <c r="AY927">
        <v>16</v>
      </c>
      <c r="AZ927">
        <v>40</v>
      </c>
      <c r="BA927">
        <v>1749</v>
      </c>
    </row>
    <row r="928" spans="1:53" x14ac:dyDescent="0.4">
      <c r="A928">
        <v>972</v>
      </c>
      <c r="B928" s="1">
        <v>43100</v>
      </c>
      <c r="C928">
        <v>4</v>
      </c>
      <c r="D928" s="1">
        <v>43100.969444444447</v>
      </c>
      <c r="E928" s="1">
        <v>43101.136805555558</v>
      </c>
      <c r="F928">
        <v>35600</v>
      </c>
      <c r="G928">
        <v>1350</v>
      </c>
      <c r="H928">
        <v>0</v>
      </c>
      <c r="I928">
        <v>0</v>
      </c>
      <c r="J928">
        <v>0</v>
      </c>
      <c r="K928">
        <v>1200</v>
      </c>
      <c r="L928">
        <v>0</v>
      </c>
      <c r="M928">
        <v>3052</v>
      </c>
      <c r="N928">
        <v>0</v>
      </c>
      <c r="O928">
        <v>0</v>
      </c>
      <c r="P928">
        <v>93096</v>
      </c>
      <c r="Q928">
        <v>0</v>
      </c>
      <c r="R928">
        <v>134298</v>
      </c>
      <c r="S928">
        <v>0</v>
      </c>
      <c r="T928">
        <v>0</v>
      </c>
      <c r="U928">
        <v>0</v>
      </c>
      <c r="V928">
        <v>11</v>
      </c>
      <c r="W928">
        <v>5</v>
      </c>
      <c r="X928">
        <v>0</v>
      </c>
      <c r="Y928">
        <v>120</v>
      </c>
      <c r="Z928">
        <v>13</v>
      </c>
      <c r="AA928">
        <v>186</v>
      </c>
      <c r="AB928">
        <v>71</v>
      </c>
      <c r="AC928">
        <v>143</v>
      </c>
      <c r="AD928">
        <v>12</v>
      </c>
      <c r="AE928">
        <v>104</v>
      </c>
      <c r="AF928">
        <v>2700</v>
      </c>
      <c r="AG928">
        <v>287944</v>
      </c>
      <c r="AH928">
        <v>50000</v>
      </c>
      <c r="AI928">
        <v>0</v>
      </c>
      <c r="AJ928">
        <v>108</v>
      </c>
      <c r="AK928" t="s">
        <v>30</v>
      </c>
      <c r="AL928">
        <v>0</v>
      </c>
      <c r="AM928">
        <v>0</v>
      </c>
      <c r="AN928">
        <v>0</v>
      </c>
      <c r="AO928">
        <v>0</v>
      </c>
      <c r="AP928">
        <v>0</v>
      </c>
      <c r="AQ928">
        <v>0</v>
      </c>
      <c r="AR928">
        <v>0</v>
      </c>
      <c r="AS928">
        <v>0</v>
      </c>
      <c r="AT928">
        <v>0</v>
      </c>
      <c r="AU928">
        <v>0</v>
      </c>
      <c r="AV928">
        <v>0</v>
      </c>
      <c r="AW928">
        <v>0</v>
      </c>
      <c r="AX928">
        <v>17139</v>
      </c>
      <c r="AY928">
        <v>17</v>
      </c>
      <c r="AZ928">
        <v>59</v>
      </c>
      <c r="BA928">
        <v>2914</v>
      </c>
    </row>
    <row r="929" spans="1:53" x14ac:dyDescent="0.4">
      <c r="A929">
        <v>973</v>
      </c>
      <c r="B929" s="1">
        <v>43101</v>
      </c>
      <c r="C929">
        <v>1</v>
      </c>
      <c r="D929" s="1">
        <v>43101.291666666664</v>
      </c>
      <c r="E929" s="1">
        <v>43101.384722222225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  <c r="M929">
        <v>0</v>
      </c>
      <c r="N929">
        <v>0</v>
      </c>
      <c r="O929">
        <v>0</v>
      </c>
      <c r="P929">
        <v>0</v>
      </c>
      <c r="Q929">
        <v>0</v>
      </c>
      <c r="R929">
        <v>0</v>
      </c>
      <c r="S929">
        <v>0</v>
      </c>
      <c r="T929">
        <v>0</v>
      </c>
      <c r="U929">
        <v>0</v>
      </c>
      <c r="V929">
        <v>0</v>
      </c>
      <c r="W929">
        <v>0</v>
      </c>
      <c r="X929">
        <v>0</v>
      </c>
      <c r="Y929">
        <v>22</v>
      </c>
      <c r="Z929">
        <v>11</v>
      </c>
      <c r="AA929">
        <v>177</v>
      </c>
      <c r="AB929">
        <v>73</v>
      </c>
      <c r="AC929">
        <v>99</v>
      </c>
      <c r="AD929">
        <v>11</v>
      </c>
      <c r="AE929">
        <v>105</v>
      </c>
      <c r="AF929">
        <v>0</v>
      </c>
      <c r="AG929">
        <v>50000</v>
      </c>
      <c r="AH929">
        <v>0</v>
      </c>
      <c r="AI929">
        <v>50000</v>
      </c>
      <c r="AJ929">
        <v>0</v>
      </c>
      <c r="AK929" t="s">
        <v>6</v>
      </c>
      <c r="AL929">
        <v>0</v>
      </c>
      <c r="AM929">
        <v>0</v>
      </c>
      <c r="AN929">
        <v>0</v>
      </c>
      <c r="AO929">
        <v>0</v>
      </c>
      <c r="AP929">
        <v>0</v>
      </c>
      <c r="AQ929">
        <v>0</v>
      </c>
      <c r="AR929">
        <v>0</v>
      </c>
      <c r="AS929">
        <v>0</v>
      </c>
      <c r="AT929">
        <v>0</v>
      </c>
      <c r="AU929">
        <v>0</v>
      </c>
      <c r="AV929">
        <v>0</v>
      </c>
      <c r="AW929">
        <v>0</v>
      </c>
      <c r="AX929">
        <v>0</v>
      </c>
      <c r="AY929">
        <v>0</v>
      </c>
      <c r="AZ929">
        <v>0</v>
      </c>
      <c r="BA929">
        <v>0</v>
      </c>
    </row>
    <row r="930" spans="1:53" x14ac:dyDescent="0.4">
      <c r="A930">
        <v>974</v>
      </c>
      <c r="B930" s="1">
        <v>43101</v>
      </c>
      <c r="C930">
        <v>2</v>
      </c>
      <c r="D930" s="1">
        <v>43101.384722222225</v>
      </c>
      <c r="E930" s="1">
        <v>43101.736805555556</v>
      </c>
      <c r="F930">
        <v>24250</v>
      </c>
      <c r="G930">
        <v>1360</v>
      </c>
      <c r="H930">
        <v>0</v>
      </c>
      <c r="I930">
        <v>0</v>
      </c>
      <c r="J930">
        <v>0</v>
      </c>
      <c r="K930">
        <v>0</v>
      </c>
      <c r="L930">
        <v>0</v>
      </c>
      <c r="M930">
        <v>2048</v>
      </c>
      <c r="N930">
        <v>0</v>
      </c>
      <c r="O930">
        <v>0</v>
      </c>
      <c r="P930">
        <v>15660</v>
      </c>
      <c r="Q930">
        <v>0</v>
      </c>
      <c r="R930">
        <v>43318</v>
      </c>
      <c r="S930">
        <v>0</v>
      </c>
      <c r="T930">
        <v>0</v>
      </c>
      <c r="U930">
        <v>0</v>
      </c>
      <c r="V930">
        <v>4</v>
      </c>
      <c r="W930">
        <v>1</v>
      </c>
      <c r="X930">
        <v>0</v>
      </c>
      <c r="Y930">
        <v>6</v>
      </c>
      <c r="Z930">
        <v>17</v>
      </c>
      <c r="AA930">
        <v>177</v>
      </c>
      <c r="AB930">
        <v>70</v>
      </c>
      <c r="AC930">
        <v>120</v>
      </c>
      <c r="AD930">
        <v>15</v>
      </c>
      <c r="AE930">
        <v>112</v>
      </c>
      <c r="AF930">
        <v>11231</v>
      </c>
      <c r="AG930">
        <v>93318</v>
      </c>
      <c r="AH930">
        <v>50000</v>
      </c>
      <c r="AI930">
        <v>0</v>
      </c>
      <c r="AJ930">
        <v>96</v>
      </c>
      <c r="AK930" t="s">
        <v>4</v>
      </c>
      <c r="AL930">
        <v>0</v>
      </c>
      <c r="AM930">
        <v>0</v>
      </c>
      <c r="AN930">
        <v>0</v>
      </c>
      <c r="AO930">
        <v>0</v>
      </c>
      <c r="AP930">
        <v>0</v>
      </c>
      <c r="AQ930">
        <v>0</v>
      </c>
      <c r="AR930">
        <v>0</v>
      </c>
      <c r="AS930">
        <v>0</v>
      </c>
      <c r="AT930">
        <v>0</v>
      </c>
      <c r="AU930">
        <v>0</v>
      </c>
      <c r="AV930">
        <v>0</v>
      </c>
      <c r="AW930">
        <v>0</v>
      </c>
      <c r="AX930">
        <v>3650</v>
      </c>
      <c r="AY930">
        <v>36</v>
      </c>
      <c r="AZ930">
        <v>81</v>
      </c>
      <c r="BA930">
        <v>4799</v>
      </c>
    </row>
    <row r="931" spans="1:53" x14ac:dyDescent="0.4">
      <c r="A931">
        <v>975</v>
      </c>
      <c r="B931" s="1">
        <v>43101</v>
      </c>
      <c r="C931">
        <v>3</v>
      </c>
      <c r="D931" s="1">
        <v>43101.736805555556</v>
      </c>
      <c r="E931" s="1">
        <v>43101.953472222223</v>
      </c>
      <c r="F931">
        <v>39400</v>
      </c>
      <c r="G931">
        <v>4720</v>
      </c>
      <c r="H931">
        <v>0</v>
      </c>
      <c r="I931">
        <v>0</v>
      </c>
      <c r="J931">
        <v>0</v>
      </c>
      <c r="K931">
        <v>0</v>
      </c>
      <c r="L931">
        <v>0</v>
      </c>
      <c r="M931">
        <v>3529</v>
      </c>
      <c r="N931">
        <v>0</v>
      </c>
      <c r="O931">
        <v>0</v>
      </c>
      <c r="P931">
        <v>-15660</v>
      </c>
      <c r="Q931">
        <v>0</v>
      </c>
      <c r="R931">
        <v>31989</v>
      </c>
      <c r="S931">
        <v>0</v>
      </c>
      <c r="T931">
        <v>0</v>
      </c>
      <c r="U931">
        <v>0</v>
      </c>
      <c r="V931">
        <v>5</v>
      </c>
      <c r="W931">
        <v>2</v>
      </c>
      <c r="X931">
        <v>0</v>
      </c>
      <c r="Y931">
        <v>18</v>
      </c>
      <c r="Z931">
        <v>18</v>
      </c>
      <c r="AA931">
        <v>170</v>
      </c>
      <c r="AB931">
        <v>67</v>
      </c>
      <c r="AC931">
        <v>138</v>
      </c>
      <c r="AD931">
        <v>14</v>
      </c>
      <c r="AE931">
        <v>92</v>
      </c>
      <c r="AF931">
        <v>16415</v>
      </c>
      <c r="AG931">
        <v>125307</v>
      </c>
      <c r="AH931">
        <v>50000</v>
      </c>
      <c r="AI931">
        <v>0</v>
      </c>
      <c r="AJ931">
        <v>102</v>
      </c>
      <c r="AK931" t="s">
        <v>8</v>
      </c>
      <c r="AL931">
        <v>0</v>
      </c>
      <c r="AM931">
        <v>0</v>
      </c>
      <c r="AN931">
        <v>0</v>
      </c>
      <c r="AO931">
        <v>0</v>
      </c>
      <c r="AP931">
        <v>0</v>
      </c>
      <c r="AQ931">
        <v>0</v>
      </c>
      <c r="AR931">
        <v>0</v>
      </c>
      <c r="AS931">
        <v>0</v>
      </c>
      <c r="AT931">
        <v>0</v>
      </c>
      <c r="AU931">
        <v>0</v>
      </c>
      <c r="AV931">
        <v>0</v>
      </c>
      <c r="AW931">
        <v>0</v>
      </c>
      <c r="AX931">
        <v>74476</v>
      </c>
      <c r="AY931">
        <v>23</v>
      </c>
      <c r="AZ931">
        <v>62</v>
      </c>
      <c r="BA931">
        <v>3574</v>
      </c>
    </row>
    <row r="932" spans="1:53" x14ac:dyDescent="0.4">
      <c r="A932">
        <v>976</v>
      </c>
      <c r="B932" s="1">
        <v>43101</v>
      </c>
      <c r="C932">
        <v>4</v>
      </c>
      <c r="D932" s="1">
        <v>43101.953472222223</v>
      </c>
      <c r="E932" s="1">
        <v>43102.073611111111</v>
      </c>
      <c r="F932">
        <v>86200</v>
      </c>
      <c r="G932">
        <v>3510</v>
      </c>
      <c r="H932">
        <v>0</v>
      </c>
      <c r="I932">
        <v>0</v>
      </c>
      <c r="J932">
        <v>0</v>
      </c>
      <c r="K932">
        <v>8000</v>
      </c>
      <c r="L932">
        <v>0</v>
      </c>
      <c r="M932">
        <v>7816</v>
      </c>
      <c r="N932">
        <v>0</v>
      </c>
      <c r="O932">
        <v>0</v>
      </c>
      <c r="P932">
        <v>37584</v>
      </c>
      <c r="Q932">
        <v>0</v>
      </c>
      <c r="R932">
        <v>143110</v>
      </c>
      <c r="S932">
        <v>0</v>
      </c>
      <c r="T932">
        <v>0</v>
      </c>
      <c r="U932">
        <v>0</v>
      </c>
      <c r="V932">
        <v>19</v>
      </c>
      <c r="W932">
        <v>1</v>
      </c>
      <c r="X932">
        <v>0</v>
      </c>
      <c r="Y932">
        <v>27</v>
      </c>
      <c r="Z932">
        <v>17</v>
      </c>
      <c r="AA932">
        <v>166</v>
      </c>
      <c r="AB932">
        <v>67</v>
      </c>
      <c r="AC932">
        <v>142</v>
      </c>
      <c r="AD932">
        <v>12</v>
      </c>
      <c r="AE932">
        <v>72</v>
      </c>
      <c r="AF932">
        <v>16415</v>
      </c>
      <c r="AG932">
        <v>268417</v>
      </c>
      <c r="AH932">
        <v>50000</v>
      </c>
      <c r="AI932">
        <v>0</v>
      </c>
      <c r="AJ932">
        <v>29</v>
      </c>
      <c r="AK932" t="s">
        <v>28</v>
      </c>
      <c r="AL932">
        <v>0</v>
      </c>
      <c r="AM932">
        <v>0</v>
      </c>
      <c r="AN932">
        <v>0</v>
      </c>
      <c r="AO932">
        <v>0</v>
      </c>
      <c r="AP932">
        <v>0</v>
      </c>
      <c r="AQ932">
        <v>0</v>
      </c>
      <c r="AR932">
        <v>0</v>
      </c>
      <c r="AS932">
        <v>0</v>
      </c>
      <c r="AT932">
        <v>0</v>
      </c>
      <c r="AU932">
        <v>0</v>
      </c>
      <c r="AV932">
        <v>0</v>
      </c>
      <c r="AW932">
        <v>0</v>
      </c>
      <c r="AX932">
        <v>7193</v>
      </c>
      <c r="AY932">
        <v>6</v>
      </c>
      <c r="AZ932">
        <v>28</v>
      </c>
      <c r="BA932">
        <v>1394</v>
      </c>
    </row>
    <row r="933" spans="1:53" x14ac:dyDescent="0.4">
      <c r="A933">
        <v>977</v>
      </c>
      <c r="B933" s="1">
        <v>43102</v>
      </c>
      <c r="C933">
        <v>1</v>
      </c>
      <c r="D933" s="1">
        <v>43102.291666666664</v>
      </c>
      <c r="E933" s="1">
        <v>43102.405555555553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0</v>
      </c>
      <c r="O933">
        <v>0</v>
      </c>
      <c r="P933">
        <v>0</v>
      </c>
      <c r="Q933">
        <v>0</v>
      </c>
      <c r="R933">
        <v>0</v>
      </c>
      <c r="S933">
        <v>0</v>
      </c>
      <c r="T933">
        <v>0</v>
      </c>
      <c r="U933">
        <v>0</v>
      </c>
      <c r="V933">
        <v>0</v>
      </c>
      <c r="W933">
        <v>0</v>
      </c>
      <c r="X933">
        <v>0</v>
      </c>
      <c r="Y933">
        <v>23</v>
      </c>
      <c r="Z933">
        <v>10</v>
      </c>
      <c r="AA933">
        <v>171</v>
      </c>
      <c r="AB933">
        <v>67</v>
      </c>
      <c r="AC933">
        <v>137</v>
      </c>
      <c r="AD933">
        <v>12</v>
      </c>
      <c r="AE933">
        <v>120</v>
      </c>
      <c r="AF933">
        <v>0</v>
      </c>
      <c r="AG933">
        <v>50000</v>
      </c>
      <c r="AH933">
        <v>0</v>
      </c>
      <c r="AI933">
        <v>50000</v>
      </c>
      <c r="AJ933">
        <v>0</v>
      </c>
      <c r="AK933" t="s">
        <v>6</v>
      </c>
      <c r="AL933">
        <v>0</v>
      </c>
      <c r="AM933">
        <v>0</v>
      </c>
      <c r="AN933">
        <v>0</v>
      </c>
      <c r="AO933">
        <v>0</v>
      </c>
      <c r="AP933">
        <v>0</v>
      </c>
      <c r="AQ933">
        <v>0</v>
      </c>
      <c r="AR933">
        <v>0</v>
      </c>
      <c r="AS933">
        <v>0</v>
      </c>
      <c r="AT933">
        <v>0</v>
      </c>
      <c r="AU933">
        <v>0</v>
      </c>
      <c r="AV933">
        <v>0</v>
      </c>
      <c r="AW933">
        <v>0</v>
      </c>
      <c r="AX933">
        <v>0</v>
      </c>
      <c r="AY933">
        <v>0</v>
      </c>
      <c r="AZ933">
        <v>0</v>
      </c>
      <c r="BA933">
        <v>0</v>
      </c>
    </row>
    <row r="934" spans="1:53" x14ac:dyDescent="0.4">
      <c r="A934">
        <v>978</v>
      </c>
      <c r="B934" s="1">
        <v>43102</v>
      </c>
      <c r="C934">
        <v>2</v>
      </c>
      <c r="D934" s="1">
        <v>43102.405555555553</v>
      </c>
      <c r="E934" s="1">
        <v>43102.752083333333</v>
      </c>
      <c r="F934">
        <v>41500</v>
      </c>
      <c r="G934">
        <v>577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3780</v>
      </c>
      <c r="N934">
        <v>0</v>
      </c>
      <c r="O934">
        <v>0</v>
      </c>
      <c r="P934">
        <v>13500</v>
      </c>
      <c r="Q934">
        <v>0</v>
      </c>
      <c r="R934">
        <v>64550</v>
      </c>
      <c r="S934">
        <v>0</v>
      </c>
      <c r="T934">
        <v>0</v>
      </c>
      <c r="U934">
        <v>0</v>
      </c>
      <c r="V934">
        <v>2</v>
      </c>
      <c r="W934">
        <v>3</v>
      </c>
      <c r="X934">
        <v>0</v>
      </c>
      <c r="Y934">
        <v>39</v>
      </c>
      <c r="Z934">
        <v>32</v>
      </c>
      <c r="AA934">
        <v>190</v>
      </c>
      <c r="AB934">
        <v>73</v>
      </c>
      <c r="AC934">
        <v>173</v>
      </c>
      <c r="AD934">
        <v>11</v>
      </c>
      <c r="AE934">
        <v>115</v>
      </c>
      <c r="AF934">
        <v>0</v>
      </c>
      <c r="AG934">
        <v>114550</v>
      </c>
      <c r="AH934">
        <v>50000</v>
      </c>
      <c r="AI934">
        <v>0</v>
      </c>
      <c r="AJ934">
        <v>84</v>
      </c>
      <c r="AK934" t="s">
        <v>16</v>
      </c>
      <c r="AL934">
        <v>0</v>
      </c>
      <c r="AM934">
        <v>0</v>
      </c>
      <c r="AN934">
        <v>0</v>
      </c>
      <c r="AO934">
        <v>0</v>
      </c>
      <c r="AP934">
        <v>0</v>
      </c>
      <c r="AQ934">
        <v>0</v>
      </c>
      <c r="AR934">
        <v>0</v>
      </c>
      <c r="AS934">
        <v>0</v>
      </c>
      <c r="AT934">
        <v>0</v>
      </c>
      <c r="AU934">
        <v>0</v>
      </c>
      <c r="AV934">
        <v>0</v>
      </c>
      <c r="AW934">
        <v>0</v>
      </c>
      <c r="AX934">
        <v>4492</v>
      </c>
      <c r="AY934">
        <v>47</v>
      </c>
      <c r="AZ934">
        <v>108</v>
      </c>
      <c r="BA934">
        <v>7185</v>
      </c>
    </row>
    <row r="935" spans="1:53" x14ac:dyDescent="0.4">
      <c r="A935">
        <v>979</v>
      </c>
      <c r="B935" s="1">
        <v>43102</v>
      </c>
      <c r="C935">
        <v>3</v>
      </c>
      <c r="D935" s="1">
        <v>43102.752083333333</v>
      </c>
      <c r="E935" s="1">
        <v>43103.090277777781</v>
      </c>
      <c r="F935">
        <v>120150</v>
      </c>
      <c r="G935">
        <v>416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9944</v>
      </c>
      <c r="N935">
        <v>0</v>
      </c>
      <c r="O935">
        <v>0</v>
      </c>
      <c r="P935">
        <v>69984</v>
      </c>
      <c r="Q935">
        <v>0</v>
      </c>
      <c r="R935">
        <v>204238</v>
      </c>
      <c r="S935">
        <v>0</v>
      </c>
      <c r="T935">
        <v>0</v>
      </c>
      <c r="U935">
        <v>0</v>
      </c>
      <c r="V935">
        <v>17</v>
      </c>
      <c r="W935">
        <v>7</v>
      </c>
      <c r="X935">
        <v>0</v>
      </c>
      <c r="Y935">
        <v>50</v>
      </c>
      <c r="Z935">
        <v>35</v>
      </c>
      <c r="AA935">
        <v>201</v>
      </c>
      <c r="AB935">
        <v>75</v>
      </c>
      <c r="AC935">
        <v>176</v>
      </c>
      <c r="AD935">
        <v>9</v>
      </c>
      <c r="AE935">
        <v>113</v>
      </c>
      <c r="AF935">
        <v>20520</v>
      </c>
      <c r="AG935">
        <v>318788</v>
      </c>
      <c r="AH935">
        <v>50000</v>
      </c>
      <c r="AI935">
        <v>0</v>
      </c>
      <c r="AJ935">
        <v>108</v>
      </c>
      <c r="AK935" t="s">
        <v>30</v>
      </c>
      <c r="AL935">
        <v>0</v>
      </c>
      <c r="AM935">
        <v>0</v>
      </c>
      <c r="AN935">
        <v>0</v>
      </c>
      <c r="AO935">
        <v>0</v>
      </c>
      <c r="AP935">
        <v>0</v>
      </c>
      <c r="AQ935">
        <v>0</v>
      </c>
      <c r="AR935">
        <v>0</v>
      </c>
      <c r="AS935">
        <v>0</v>
      </c>
      <c r="AT935">
        <v>0</v>
      </c>
      <c r="AU935">
        <v>0</v>
      </c>
      <c r="AV935">
        <v>0</v>
      </c>
      <c r="AW935">
        <v>0</v>
      </c>
      <c r="AX935">
        <v>58114</v>
      </c>
      <c r="AY935">
        <v>30</v>
      </c>
      <c r="AZ935">
        <v>115</v>
      </c>
      <c r="BA935">
        <v>5050</v>
      </c>
    </row>
    <row r="936" spans="1:53" x14ac:dyDescent="0.4">
      <c r="A936">
        <v>980</v>
      </c>
      <c r="B936" s="1">
        <v>43103</v>
      </c>
      <c r="C936">
        <v>1</v>
      </c>
      <c r="D936" s="1">
        <v>43103.291666666664</v>
      </c>
      <c r="E936" s="1">
        <v>43103.415277777778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0</v>
      </c>
      <c r="O936">
        <v>0</v>
      </c>
      <c r="P936">
        <v>0</v>
      </c>
      <c r="Q936">
        <v>0</v>
      </c>
      <c r="R936">
        <v>0</v>
      </c>
      <c r="S936">
        <v>0</v>
      </c>
      <c r="T936">
        <v>0</v>
      </c>
      <c r="U936">
        <v>0</v>
      </c>
      <c r="V936">
        <v>0</v>
      </c>
      <c r="W936">
        <v>0</v>
      </c>
      <c r="X936">
        <v>0</v>
      </c>
      <c r="Y936">
        <v>26</v>
      </c>
      <c r="Z936">
        <v>8</v>
      </c>
      <c r="AA936">
        <v>151</v>
      </c>
      <c r="AB936">
        <v>72</v>
      </c>
      <c r="AC936">
        <v>117</v>
      </c>
      <c r="AD936">
        <v>5</v>
      </c>
      <c r="AE936">
        <v>105</v>
      </c>
      <c r="AF936">
        <v>0</v>
      </c>
      <c r="AG936">
        <v>50000</v>
      </c>
      <c r="AH936">
        <v>0</v>
      </c>
      <c r="AI936">
        <v>50000</v>
      </c>
      <c r="AJ936">
        <v>0</v>
      </c>
      <c r="AK936" t="s">
        <v>6</v>
      </c>
      <c r="AL936">
        <v>0</v>
      </c>
      <c r="AM936">
        <v>0</v>
      </c>
      <c r="AN936">
        <v>0</v>
      </c>
      <c r="AO936">
        <v>0</v>
      </c>
      <c r="AP936">
        <v>0</v>
      </c>
      <c r="AQ936">
        <v>0</v>
      </c>
      <c r="AR936">
        <v>0</v>
      </c>
      <c r="AS936">
        <v>0</v>
      </c>
      <c r="AT936">
        <v>0</v>
      </c>
      <c r="AU936">
        <v>0</v>
      </c>
      <c r="AV936">
        <v>0</v>
      </c>
      <c r="AW936">
        <v>0</v>
      </c>
      <c r="AX936">
        <v>0</v>
      </c>
      <c r="AY936">
        <v>0</v>
      </c>
      <c r="AZ936">
        <v>0</v>
      </c>
      <c r="BA936">
        <v>0</v>
      </c>
    </row>
    <row r="937" spans="1:53" x14ac:dyDescent="0.4">
      <c r="A937">
        <v>981</v>
      </c>
      <c r="B937" s="1">
        <v>43103</v>
      </c>
      <c r="C937">
        <v>2</v>
      </c>
      <c r="D937" s="1">
        <v>43103.415277777778</v>
      </c>
      <c r="E937" s="1">
        <v>43103.742361111108</v>
      </c>
      <c r="F937">
        <v>49000</v>
      </c>
      <c r="G937">
        <v>5670</v>
      </c>
      <c r="H937">
        <v>0</v>
      </c>
      <c r="I937">
        <v>0</v>
      </c>
      <c r="J937">
        <v>0</v>
      </c>
      <c r="K937">
        <v>0</v>
      </c>
      <c r="L937">
        <v>0</v>
      </c>
      <c r="M937">
        <v>4374</v>
      </c>
      <c r="N937">
        <v>0</v>
      </c>
      <c r="O937">
        <v>0</v>
      </c>
      <c r="P937">
        <v>21600</v>
      </c>
      <c r="Q937">
        <v>0</v>
      </c>
      <c r="R937">
        <v>80644</v>
      </c>
      <c r="S937">
        <v>0</v>
      </c>
      <c r="T937">
        <v>0</v>
      </c>
      <c r="U937">
        <v>0</v>
      </c>
      <c r="V937">
        <v>3</v>
      </c>
      <c r="W937">
        <v>0</v>
      </c>
      <c r="X937">
        <v>0</v>
      </c>
      <c r="Y937">
        <v>56</v>
      </c>
      <c r="Z937">
        <v>20</v>
      </c>
      <c r="AA937">
        <v>186</v>
      </c>
      <c r="AB937">
        <v>89</v>
      </c>
      <c r="AC937">
        <v>159</v>
      </c>
      <c r="AD937">
        <v>5</v>
      </c>
      <c r="AE937">
        <v>110</v>
      </c>
      <c r="AF937">
        <v>9869</v>
      </c>
      <c r="AG937">
        <v>130644</v>
      </c>
      <c r="AH937">
        <v>50000</v>
      </c>
      <c r="AI937">
        <v>0</v>
      </c>
      <c r="AJ937">
        <v>96</v>
      </c>
      <c r="AK937" t="s">
        <v>4</v>
      </c>
      <c r="AL937">
        <v>0</v>
      </c>
      <c r="AM937">
        <v>0</v>
      </c>
      <c r="AN937">
        <v>0</v>
      </c>
      <c r="AO937">
        <v>0</v>
      </c>
      <c r="AP937">
        <v>0</v>
      </c>
      <c r="AQ937">
        <v>0</v>
      </c>
      <c r="AR937">
        <v>0</v>
      </c>
      <c r="AS937">
        <v>0</v>
      </c>
      <c r="AT937">
        <v>0</v>
      </c>
      <c r="AU937">
        <v>0</v>
      </c>
      <c r="AV937">
        <v>0</v>
      </c>
      <c r="AW937">
        <v>0</v>
      </c>
      <c r="AX937">
        <v>2786</v>
      </c>
      <c r="AY937">
        <v>47</v>
      </c>
      <c r="AZ937">
        <v>119</v>
      </c>
      <c r="BA937">
        <v>7369</v>
      </c>
    </row>
    <row r="938" spans="1:53" x14ac:dyDescent="0.4">
      <c r="A938">
        <v>982</v>
      </c>
      <c r="B938" s="1">
        <v>43104</v>
      </c>
      <c r="C938">
        <v>1</v>
      </c>
      <c r="D938" s="1">
        <v>43104.291666666664</v>
      </c>
      <c r="E938" s="1">
        <v>43104.409722222219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0</v>
      </c>
      <c r="O938">
        <v>0</v>
      </c>
      <c r="P938">
        <v>0</v>
      </c>
      <c r="Q938">
        <v>0</v>
      </c>
      <c r="R938">
        <v>0</v>
      </c>
      <c r="S938">
        <v>0</v>
      </c>
      <c r="T938">
        <v>0</v>
      </c>
      <c r="U938">
        <v>0</v>
      </c>
      <c r="V938">
        <v>0</v>
      </c>
      <c r="W938">
        <v>0</v>
      </c>
      <c r="X938">
        <v>0</v>
      </c>
      <c r="Y938">
        <v>23</v>
      </c>
      <c r="Z938">
        <v>12</v>
      </c>
      <c r="AA938">
        <v>150</v>
      </c>
      <c r="AB938">
        <v>88</v>
      </c>
      <c r="AC938">
        <v>147</v>
      </c>
      <c r="AD938">
        <v>2</v>
      </c>
      <c r="AE938">
        <v>120</v>
      </c>
      <c r="AF938">
        <v>0</v>
      </c>
      <c r="AG938">
        <v>50000</v>
      </c>
      <c r="AH938">
        <v>0</v>
      </c>
      <c r="AI938">
        <v>50000</v>
      </c>
      <c r="AJ938">
        <v>0</v>
      </c>
      <c r="AK938" t="s">
        <v>6</v>
      </c>
      <c r="AL938">
        <v>0</v>
      </c>
      <c r="AM938">
        <v>0</v>
      </c>
      <c r="AN938">
        <v>0</v>
      </c>
      <c r="AO938">
        <v>0</v>
      </c>
      <c r="AP938">
        <v>0</v>
      </c>
      <c r="AQ938">
        <v>0</v>
      </c>
      <c r="AR938">
        <v>0</v>
      </c>
      <c r="AS938">
        <v>0</v>
      </c>
      <c r="AT938">
        <v>0</v>
      </c>
      <c r="AU938">
        <v>0</v>
      </c>
      <c r="AV938">
        <v>0</v>
      </c>
      <c r="AW938">
        <v>0</v>
      </c>
      <c r="AX938">
        <v>0</v>
      </c>
      <c r="AY938">
        <v>0</v>
      </c>
      <c r="AZ938">
        <v>0</v>
      </c>
      <c r="BA938">
        <v>0</v>
      </c>
    </row>
    <row r="939" spans="1:53" x14ac:dyDescent="0.4">
      <c r="A939">
        <v>983</v>
      </c>
      <c r="B939" s="1">
        <v>43104</v>
      </c>
      <c r="C939">
        <v>2</v>
      </c>
      <c r="D939" s="1">
        <v>43104.409722222219</v>
      </c>
      <c r="E939" s="1">
        <v>43104.732638888891</v>
      </c>
      <c r="F939">
        <v>38000</v>
      </c>
      <c r="G939">
        <v>328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3302</v>
      </c>
      <c r="N939">
        <v>0</v>
      </c>
      <c r="O939">
        <v>0</v>
      </c>
      <c r="P939">
        <v>27000</v>
      </c>
      <c r="Q939">
        <v>0</v>
      </c>
      <c r="R939">
        <v>71582</v>
      </c>
      <c r="S939">
        <v>0</v>
      </c>
      <c r="T939">
        <v>0</v>
      </c>
      <c r="U939">
        <v>0</v>
      </c>
      <c r="V939">
        <v>3</v>
      </c>
      <c r="W939">
        <v>1</v>
      </c>
      <c r="X939">
        <v>0</v>
      </c>
      <c r="Y939">
        <v>50</v>
      </c>
      <c r="Z939">
        <v>26</v>
      </c>
      <c r="AA939">
        <v>141</v>
      </c>
      <c r="AB939">
        <v>79</v>
      </c>
      <c r="AC939">
        <v>218</v>
      </c>
      <c r="AD939">
        <v>0</v>
      </c>
      <c r="AE939">
        <v>108</v>
      </c>
      <c r="AF939">
        <v>3244</v>
      </c>
      <c r="AG939">
        <v>121582</v>
      </c>
      <c r="AH939">
        <v>50000</v>
      </c>
      <c r="AI939">
        <v>0</v>
      </c>
      <c r="AJ939">
        <v>93</v>
      </c>
      <c r="AK939" t="s">
        <v>20</v>
      </c>
      <c r="AL939">
        <v>0</v>
      </c>
      <c r="AM939">
        <v>0</v>
      </c>
      <c r="AN939">
        <v>0</v>
      </c>
      <c r="AO939">
        <v>0</v>
      </c>
      <c r="AP939">
        <v>0</v>
      </c>
      <c r="AQ939">
        <v>0</v>
      </c>
      <c r="AR939">
        <v>0</v>
      </c>
      <c r="AS939">
        <v>0</v>
      </c>
      <c r="AT939">
        <v>0</v>
      </c>
      <c r="AU939">
        <v>0</v>
      </c>
      <c r="AV939">
        <v>0</v>
      </c>
      <c r="AW939">
        <v>0</v>
      </c>
      <c r="AX939">
        <v>2959</v>
      </c>
      <c r="AY939">
        <v>50</v>
      </c>
      <c r="AZ939">
        <v>121</v>
      </c>
      <c r="BA939">
        <v>7193</v>
      </c>
    </row>
    <row r="940" spans="1:53" x14ac:dyDescent="0.4">
      <c r="A940">
        <v>984</v>
      </c>
      <c r="B940" s="1">
        <v>43104</v>
      </c>
      <c r="C940">
        <v>3</v>
      </c>
      <c r="D940" s="1">
        <v>43104.732638888891</v>
      </c>
      <c r="E940" s="1">
        <v>43105.086111111108</v>
      </c>
      <c r="F940">
        <v>160160</v>
      </c>
      <c r="G940">
        <v>7750</v>
      </c>
      <c r="H940">
        <v>0</v>
      </c>
      <c r="I940">
        <v>0</v>
      </c>
      <c r="J940">
        <v>0</v>
      </c>
      <c r="K940">
        <v>6400</v>
      </c>
      <c r="L940">
        <v>0</v>
      </c>
      <c r="M940">
        <v>13944</v>
      </c>
      <c r="N940">
        <v>0</v>
      </c>
      <c r="O940">
        <v>0</v>
      </c>
      <c r="P940">
        <v>44712</v>
      </c>
      <c r="Q940">
        <v>0</v>
      </c>
      <c r="R940">
        <v>232966</v>
      </c>
      <c r="S940">
        <v>0</v>
      </c>
      <c r="T940">
        <v>0</v>
      </c>
      <c r="U940">
        <v>0</v>
      </c>
      <c r="V940">
        <v>21</v>
      </c>
      <c r="W940">
        <v>2</v>
      </c>
      <c r="X940">
        <v>0</v>
      </c>
      <c r="Y940">
        <v>100</v>
      </c>
      <c r="Z940">
        <v>19</v>
      </c>
      <c r="AA940">
        <v>154</v>
      </c>
      <c r="AB940">
        <v>81</v>
      </c>
      <c r="AC940">
        <v>225</v>
      </c>
      <c r="AD940">
        <v>1</v>
      </c>
      <c r="AE940">
        <v>94</v>
      </c>
      <c r="AF940">
        <v>3244</v>
      </c>
      <c r="AG940">
        <v>354543</v>
      </c>
      <c r="AH940">
        <v>50000</v>
      </c>
      <c r="AI940">
        <v>-5</v>
      </c>
      <c r="AJ940">
        <v>100</v>
      </c>
      <c r="AK940" t="s">
        <v>0</v>
      </c>
      <c r="AL940">
        <v>0</v>
      </c>
      <c r="AM940">
        <v>0</v>
      </c>
      <c r="AN940">
        <v>0</v>
      </c>
      <c r="AO940">
        <v>0</v>
      </c>
      <c r="AP940">
        <v>0</v>
      </c>
      <c r="AQ940">
        <v>0</v>
      </c>
      <c r="AR940">
        <v>0</v>
      </c>
      <c r="AS940">
        <v>0</v>
      </c>
      <c r="AT940">
        <v>0</v>
      </c>
      <c r="AU940">
        <v>0</v>
      </c>
      <c r="AV940">
        <v>0</v>
      </c>
      <c r="AW940">
        <v>0</v>
      </c>
      <c r="AX940">
        <v>43329</v>
      </c>
      <c r="AY940">
        <v>43</v>
      </c>
      <c r="AZ940">
        <v>142</v>
      </c>
      <c r="BA940">
        <v>7214</v>
      </c>
    </row>
    <row r="941" spans="1:53" x14ac:dyDescent="0.4">
      <c r="A941">
        <v>985</v>
      </c>
      <c r="B941" s="1">
        <v>43105</v>
      </c>
      <c r="C941">
        <v>1</v>
      </c>
      <c r="D941" s="1">
        <v>43105.291666666664</v>
      </c>
      <c r="E941" s="1">
        <v>43105.411805555559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0</v>
      </c>
      <c r="O941">
        <v>0</v>
      </c>
      <c r="P941">
        <v>0</v>
      </c>
      <c r="Q941">
        <v>0</v>
      </c>
      <c r="R941">
        <v>0</v>
      </c>
      <c r="S941">
        <v>0</v>
      </c>
      <c r="T941">
        <v>0</v>
      </c>
      <c r="U941">
        <v>0</v>
      </c>
      <c r="V941">
        <v>0</v>
      </c>
      <c r="W941">
        <v>0</v>
      </c>
      <c r="X941">
        <v>0</v>
      </c>
      <c r="Y941">
        <v>25</v>
      </c>
      <c r="Z941">
        <v>10</v>
      </c>
      <c r="AA941">
        <v>147</v>
      </c>
      <c r="AB941">
        <v>79</v>
      </c>
      <c r="AC941">
        <v>120</v>
      </c>
      <c r="AD941">
        <v>1</v>
      </c>
      <c r="AE941">
        <v>145</v>
      </c>
      <c r="AF941">
        <v>0</v>
      </c>
      <c r="AG941">
        <v>50000</v>
      </c>
      <c r="AH941">
        <v>0</v>
      </c>
      <c r="AI941">
        <v>50000</v>
      </c>
      <c r="AJ941">
        <v>0</v>
      </c>
      <c r="AK941" t="s">
        <v>6</v>
      </c>
      <c r="AL941">
        <v>0</v>
      </c>
      <c r="AM941">
        <v>0</v>
      </c>
      <c r="AN941">
        <v>0</v>
      </c>
      <c r="AO941">
        <v>0</v>
      </c>
      <c r="AP941">
        <v>0</v>
      </c>
      <c r="AQ941">
        <v>0</v>
      </c>
      <c r="AR941">
        <v>0</v>
      </c>
      <c r="AS941">
        <v>0</v>
      </c>
      <c r="AT941">
        <v>0</v>
      </c>
      <c r="AU941">
        <v>0</v>
      </c>
      <c r="AV941">
        <v>0</v>
      </c>
      <c r="AW941">
        <v>0</v>
      </c>
      <c r="AX941">
        <v>0</v>
      </c>
      <c r="AY941">
        <v>0</v>
      </c>
      <c r="AZ941">
        <v>0</v>
      </c>
      <c r="BA941">
        <v>0</v>
      </c>
    </row>
    <row r="942" spans="1:53" x14ac:dyDescent="0.4">
      <c r="A942">
        <v>986</v>
      </c>
      <c r="B942" s="1">
        <v>43105</v>
      </c>
      <c r="C942">
        <v>2</v>
      </c>
      <c r="D942" s="1">
        <v>43105.411805555559</v>
      </c>
      <c r="E942" s="1">
        <v>43105.734027777777</v>
      </c>
      <c r="F942">
        <v>38500</v>
      </c>
      <c r="G942">
        <v>5490</v>
      </c>
      <c r="H942">
        <v>0</v>
      </c>
      <c r="I942">
        <v>0</v>
      </c>
      <c r="J942">
        <v>0</v>
      </c>
      <c r="K942">
        <v>0</v>
      </c>
      <c r="L942">
        <v>0</v>
      </c>
      <c r="M942">
        <v>3518</v>
      </c>
      <c r="N942">
        <v>0</v>
      </c>
      <c r="O942">
        <v>0</v>
      </c>
      <c r="P942">
        <v>18900</v>
      </c>
      <c r="Q942">
        <v>0</v>
      </c>
      <c r="R942">
        <v>66408</v>
      </c>
      <c r="S942">
        <v>0</v>
      </c>
      <c r="T942">
        <v>0</v>
      </c>
      <c r="U942">
        <v>0</v>
      </c>
      <c r="V942">
        <v>3</v>
      </c>
      <c r="W942">
        <v>1</v>
      </c>
      <c r="X942">
        <v>0</v>
      </c>
      <c r="Y942">
        <v>39</v>
      </c>
      <c r="Z942">
        <v>27</v>
      </c>
      <c r="AA942">
        <v>177</v>
      </c>
      <c r="AB942">
        <v>84</v>
      </c>
      <c r="AC942">
        <v>160</v>
      </c>
      <c r="AD942">
        <v>4</v>
      </c>
      <c r="AE942">
        <v>145</v>
      </c>
      <c r="AF942">
        <v>5245</v>
      </c>
      <c r="AG942">
        <v>116410</v>
      </c>
      <c r="AH942">
        <v>50000</v>
      </c>
      <c r="AI942">
        <v>2</v>
      </c>
      <c r="AJ942">
        <v>84</v>
      </c>
      <c r="AK942" t="s">
        <v>16</v>
      </c>
      <c r="AL942">
        <v>0</v>
      </c>
      <c r="AM942">
        <v>0</v>
      </c>
      <c r="AN942">
        <v>0</v>
      </c>
      <c r="AO942">
        <v>0</v>
      </c>
      <c r="AP942">
        <v>0</v>
      </c>
      <c r="AQ942">
        <v>0</v>
      </c>
      <c r="AR942">
        <v>0</v>
      </c>
      <c r="AS942">
        <v>0</v>
      </c>
      <c r="AT942">
        <v>0</v>
      </c>
      <c r="AU942">
        <v>0</v>
      </c>
      <c r="AV942">
        <v>0</v>
      </c>
      <c r="AW942">
        <v>0</v>
      </c>
      <c r="AX942">
        <v>-1113</v>
      </c>
      <c r="AY942">
        <v>48</v>
      </c>
      <c r="AZ942">
        <v>103</v>
      </c>
      <c r="BA942">
        <v>7238</v>
      </c>
    </row>
    <row r="943" spans="1:53" x14ac:dyDescent="0.4">
      <c r="A943">
        <v>987</v>
      </c>
      <c r="B943" s="1">
        <v>43105</v>
      </c>
      <c r="C943">
        <v>3</v>
      </c>
      <c r="D943" s="1">
        <v>43105.734027777777</v>
      </c>
      <c r="E943" s="1">
        <v>43105.954861111109</v>
      </c>
      <c r="F943">
        <v>39120</v>
      </c>
      <c r="G943">
        <v>252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3331</v>
      </c>
      <c r="N943">
        <v>0</v>
      </c>
      <c r="O943">
        <v>0</v>
      </c>
      <c r="P943">
        <v>-4644</v>
      </c>
      <c r="Q943">
        <v>0</v>
      </c>
      <c r="R943">
        <v>40327</v>
      </c>
      <c r="S943">
        <v>0</v>
      </c>
      <c r="T943">
        <v>0</v>
      </c>
      <c r="U943">
        <v>0</v>
      </c>
      <c r="V943">
        <v>8</v>
      </c>
      <c r="W943">
        <v>0</v>
      </c>
      <c r="X943">
        <v>0</v>
      </c>
      <c r="Y943">
        <v>39</v>
      </c>
      <c r="Z943">
        <v>21</v>
      </c>
      <c r="AA943">
        <v>160</v>
      </c>
      <c r="AB943">
        <v>84</v>
      </c>
      <c r="AC943">
        <v>165</v>
      </c>
      <c r="AD943">
        <v>1</v>
      </c>
      <c r="AE943">
        <v>137</v>
      </c>
      <c r="AF943">
        <v>5245</v>
      </c>
      <c r="AG943">
        <v>156737</v>
      </c>
      <c r="AH943">
        <v>50000</v>
      </c>
      <c r="AI943">
        <v>2</v>
      </c>
      <c r="AJ943">
        <v>84</v>
      </c>
      <c r="AK943" t="s">
        <v>16</v>
      </c>
      <c r="AL943">
        <v>0</v>
      </c>
      <c r="AM943">
        <v>0</v>
      </c>
      <c r="AN943">
        <v>0</v>
      </c>
      <c r="AO943">
        <v>0</v>
      </c>
      <c r="AP943">
        <v>0</v>
      </c>
      <c r="AQ943">
        <v>0</v>
      </c>
      <c r="AR943">
        <v>0</v>
      </c>
      <c r="AS943">
        <v>0</v>
      </c>
      <c r="AT943">
        <v>0</v>
      </c>
      <c r="AU943">
        <v>0</v>
      </c>
      <c r="AV943">
        <v>0</v>
      </c>
      <c r="AW943">
        <v>0</v>
      </c>
      <c r="AX943">
        <v>45096</v>
      </c>
      <c r="AY943">
        <v>17</v>
      </c>
      <c r="AZ943">
        <v>60</v>
      </c>
      <c r="BA943">
        <v>3042</v>
      </c>
    </row>
    <row r="944" spans="1:53" x14ac:dyDescent="0.4">
      <c r="A944">
        <v>988</v>
      </c>
      <c r="B944" s="1">
        <v>43106</v>
      </c>
      <c r="C944">
        <v>1</v>
      </c>
      <c r="D944" s="1">
        <v>43106.291666666664</v>
      </c>
      <c r="E944" s="1">
        <v>43106.405555555553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0</v>
      </c>
      <c r="O944">
        <v>0</v>
      </c>
      <c r="P944">
        <v>0</v>
      </c>
      <c r="Q944">
        <v>0</v>
      </c>
      <c r="R944">
        <v>0</v>
      </c>
      <c r="S944">
        <v>0</v>
      </c>
      <c r="T944">
        <v>0</v>
      </c>
      <c r="U944">
        <v>0</v>
      </c>
      <c r="V944">
        <v>0</v>
      </c>
      <c r="W944">
        <v>0</v>
      </c>
      <c r="X944">
        <v>0</v>
      </c>
      <c r="Y944">
        <v>27</v>
      </c>
      <c r="Z944">
        <v>7</v>
      </c>
      <c r="AA944">
        <v>139</v>
      </c>
      <c r="AB944">
        <v>80</v>
      </c>
      <c r="AC944">
        <v>148</v>
      </c>
      <c r="AD944">
        <v>2</v>
      </c>
      <c r="AE944">
        <v>110</v>
      </c>
      <c r="AF944">
        <v>0</v>
      </c>
      <c r="AG944">
        <v>50000</v>
      </c>
      <c r="AH944">
        <v>50000</v>
      </c>
      <c r="AI944">
        <v>0</v>
      </c>
      <c r="AJ944">
        <v>0</v>
      </c>
      <c r="AK944" t="s">
        <v>6</v>
      </c>
      <c r="AL944">
        <v>0</v>
      </c>
      <c r="AM944">
        <v>0</v>
      </c>
      <c r="AN944">
        <v>0</v>
      </c>
      <c r="AO944">
        <v>0</v>
      </c>
      <c r="AP944">
        <v>0</v>
      </c>
      <c r="AQ944">
        <v>0</v>
      </c>
      <c r="AR944">
        <v>0</v>
      </c>
      <c r="AS944">
        <v>0</v>
      </c>
      <c r="AT944">
        <v>0</v>
      </c>
      <c r="AU944">
        <v>0</v>
      </c>
      <c r="AV944">
        <v>0</v>
      </c>
      <c r="AW944">
        <v>0</v>
      </c>
      <c r="AX944">
        <v>0</v>
      </c>
      <c r="AY944">
        <v>0</v>
      </c>
      <c r="AZ944">
        <v>0</v>
      </c>
      <c r="BA944">
        <v>0</v>
      </c>
    </row>
    <row r="945" spans="1:53" x14ac:dyDescent="0.4">
      <c r="A945">
        <v>989</v>
      </c>
      <c r="B945" s="1">
        <v>43106</v>
      </c>
      <c r="C945">
        <v>2</v>
      </c>
      <c r="D945" s="1">
        <v>43106.405555555553</v>
      </c>
      <c r="E945" s="1">
        <v>43106.738888888889</v>
      </c>
      <c r="F945">
        <v>44000</v>
      </c>
      <c r="G945">
        <v>501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3919</v>
      </c>
      <c r="N945">
        <v>0</v>
      </c>
      <c r="O945">
        <v>0</v>
      </c>
      <c r="P945">
        <v>11880</v>
      </c>
      <c r="Q945">
        <v>0</v>
      </c>
      <c r="R945">
        <v>64809</v>
      </c>
      <c r="S945">
        <v>0</v>
      </c>
      <c r="T945">
        <v>0</v>
      </c>
      <c r="U945">
        <v>0</v>
      </c>
      <c r="V945">
        <v>3</v>
      </c>
      <c r="W945">
        <v>6</v>
      </c>
      <c r="X945">
        <v>0</v>
      </c>
      <c r="Y945">
        <v>28</v>
      </c>
      <c r="Z945">
        <v>14</v>
      </c>
      <c r="AA945">
        <v>134</v>
      </c>
      <c r="AB945">
        <v>87</v>
      </c>
      <c r="AC945">
        <v>194</v>
      </c>
      <c r="AD945">
        <v>3</v>
      </c>
      <c r="AE945">
        <v>104</v>
      </c>
      <c r="AF945">
        <v>0</v>
      </c>
      <c r="AG945">
        <v>114809</v>
      </c>
      <c r="AH945">
        <v>50000</v>
      </c>
      <c r="AI945">
        <v>0</v>
      </c>
      <c r="AJ945">
        <v>84</v>
      </c>
      <c r="AK945" t="s">
        <v>16</v>
      </c>
      <c r="AL945">
        <v>0</v>
      </c>
      <c r="AM945">
        <v>0</v>
      </c>
      <c r="AN945">
        <v>0</v>
      </c>
      <c r="AO945">
        <v>0</v>
      </c>
      <c r="AP945">
        <v>0</v>
      </c>
      <c r="AQ945">
        <v>0</v>
      </c>
      <c r="AR945">
        <v>0</v>
      </c>
      <c r="AS945">
        <v>0</v>
      </c>
      <c r="AT945">
        <v>0</v>
      </c>
      <c r="AU945">
        <v>0</v>
      </c>
      <c r="AV945">
        <v>0</v>
      </c>
      <c r="AW945">
        <v>0</v>
      </c>
      <c r="AX945">
        <v>540</v>
      </c>
      <c r="AY945">
        <v>50</v>
      </c>
      <c r="AZ945">
        <v>106</v>
      </c>
      <c r="BA945">
        <v>7433</v>
      </c>
    </row>
    <row r="946" spans="1:53" x14ac:dyDescent="0.4">
      <c r="A946">
        <v>990</v>
      </c>
      <c r="B946" s="1">
        <v>43107</v>
      </c>
      <c r="C946">
        <v>1</v>
      </c>
      <c r="D946" s="1">
        <v>43107.291666666664</v>
      </c>
      <c r="E946" s="1">
        <v>43107.379166666666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  <c r="M946">
        <v>0</v>
      </c>
      <c r="N946">
        <v>0</v>
      </c>
      <c r="O946">
        <v>0</v>
      </c>
      <c r="P946">
        <v>0</v>
      </c>
      <c r="Q946">
        <v>0</v>
      </c>
      <c r="R946">
        <v>0</v>
      </c>
      <c r="S946">
        <v>0</v>
      </c>
      <c r="T946">
        <v>0</v>
      </c>
      <c r="U946">
        <v>0</v>
      </c>
      <c r="V946">
        <v>0</v>
      </c>
      <c r="W946">
        <v>0</v>
      </c>
      <c r="X946">
        <v>0</v>
      </c>
      <c r="Y946">
        <v>35</v>
      </c>
      <c r="Z946">
        <v>2</v>
      </c>
      <c r="AA946">
        <v>89</v>
      </c>
      <c r="AB946">
        <v>70</v>
      </c>
      <c r="AC946">
        <v>129</v>
      </c>
      <c r="AD946">
        <v>39</v>
      </c>
      <c r="AE946">
        <v>115</v>
      </c>
      <c r="AF946">
        <v>0</v>
      </c>
      <c r="AG946">
        <v>50000</v>
      </c>
      <c r="AH946">
        <v>50000</v>
      </c>
      <c r="AI946">
        <v>0</v>
      </c>
      <c r="AJ946">
        <v>0</v>
      </c>
      <c r="AK946" t="s">
        <v>6</v>
      </c>
      <c r="AL946">
        <v>0</v>
      </c>
      <c r="AM946">
        <v>0</v>
      </c>
      <c r="AN946">
        <v>0</v>
      </c>
      <c r="AO946">
        <v>0</v>
      </c>
      <c r="AP946">
        <v>0</v>
      </c>
      <c r="AQ946">
        <v>0</v>
      </c>
      <c r="AR946">
        <v>0</v>
      </c>
      <c r="AS946">
        <v>0</v>
      </c>
      <c r="AT946">
        <v>0</v>
      </c>
      <c r="AU946">
        <v>0</v>
      </c>
      <c r="AV946">
        <v>0</v>
      </c>
      <c r="AW946">
        <v>0</v>
      </c>
      <c r="AX946">
        <v>0</v>
      </c>
      <c r="AY946">
        <v>0</v>
      </c>
      <c r="AZ946">
        <v>0</v>
      </c>
      <c r="BA946">
        <v>0</v>
      </c>
    </row>
    <row r="947" spans="1:53" x14ac:dyDescent="0.4">
      <c r="A947">
        <v>991</v>
      </c>
      <c r="B947" s="1">
        <v>43107</v>
      </c>
      <c r="C947">
        <v>2</v>
      </c>
      <c r="D947" s="1">
        <v>43107.379166666666</v>
      </c>
      <c r="E947" s="1">
        <v>43107.75277777778</v>
      </c>
      <c r="F947">
        <v>42750</v>
      </c>
      <c r="G947">
        <v>5710</v>
      </c>
      <c r="H947">
        <v>0</v>
      </c>
      <c r="I947">
        <v>0</v>
      </c>
      <c r="J947">
        <v>0</v>
      </c>
      <c r="K947">
        <v>0</v>
      </c>
      <c r="L947">
        <v>0</v>
      </c>
      <c r="M947">
        <v>3875</v>
      </c>
      <c r="N947">
        <v>0</v>
      </c>
      <c r="O947">
        <v>0</v>
      </c>
      <c r="P947">
        <v>11340</v>
      </c>
      <c r="Q947">
        <v>0</v>
      </c>
      <c r="R947">
        <v>63675</v>
      </c>
      <c r="S947">
        <v>0</v>
      </c>
      <c r="T947">
        <v>0</v>
      </c>
      <c r="U947">
        <v>0</v>
      </c>
      <c r="V947">
        <v>3</v>
      </c>
      <c r="W947">
        <v>0</v>
      </c>
      <c r="X947">
        <v>0</v>
      </c>
      <c r="Y947">
        <v>54</v>
      </c>
      <c r="Z947">
        <v>8</v>
      </c>
      <c r="AA947">
        <v>96</v>
      </c>
      <c r="AB947">
        <v>76</v>
      </c>
      <c r="AC947">
        <v>175</v>
      </c>
      <c r="AD947">
        <v>37</v>
      </c>
      <c r="AE947">
        <v>124</v>
      </c>
      <c r="AF947">
        <v>10108</v>
      </c>
      <c r="AG947">
        <v>113567</v>
      </c>
      <c r="AH947">
        <v>50000</v>
      </c>
      <c r="AI947">
        <v>-108</v>
      </c>
      <c r="AJ947">
        <v>92</v>
      </c>
      <c r="AK947" t="s">
        <v>22</v>
      </c>
      <c r="AL947">
        <v>0</v>
      </c>
      <c r="AM947">
        <v>0</v>
      </c>
      <c r="AN947">
        <v>0</v>
      </c>
      <c r="AO947">
        <v>0</v>
      </c>
      <c r="AP947">
        <v>0</v>
      </c>
      <c r="AQ947">
        <v>0</v>
      </c>
      <c r="AR947">
        <v>0</v>
      </c>
      <c r="AS947">
        <v>0</v>
      </c>
      <c r="AT947">
        <v>0</v>
      </c>
      <c r="AU947">
        <v>0</v>
      </c>
      <c r="AV947">
        <v>0</v>
      </c>
      <c r="AW947">
        <v>0</v>
      </c>
      <c r="AX947">
        <v>2732</v>
      </c>
      <c r="AY947">
        <v>43</v>
      </c>
      <c r="AZ947">
        <v>103</v>
      </c>
      <c r="BA947">
        <v>6787</v>
      </c>
    </row>
    <row r="948" spans="1:53" x14ac:dyDescent="0.4">
      <c r="A948">
        <v>992</v>
      </c>
      <c r="B948" s="1">
        <v>43107</v>
      </c>
      <c r="C948">
        <v>3</v>
      </c>
      <c r="D948" s="1">
        <v>43107.75277777778</v>
      </c>
      <c r="E948" s="1">
        <v>43107.972222222219</v>
      </c>
      <c r="F948">
        <v>84560</v>
      </c>
      <c r="G948">
        <v>469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7140</v>
      </c>
      <c r="N948">
        <v>0</v>
      </c>
      <c r="O948">
        <v>0</v>
      </c>
      <c r="P948">
        <v>95882</v>
      </c>
      <c r="Q948">
        <v>0</v>
      </c>
      <c r="R948">
        <v>192272</v>
      </c>
      <c r="S948">
        <v>0</v>
      </c>
      <c r="T948">
        <v>0</v>
      </c>
      <c r="U948">
        <v>0</v>
      </c>
      <c r="V948">
        <v>18</v>
      </c>
      <c r="W948">
        <v>5</v>
      </c>
      <c r="X948">
        <v>0</v>
      </c>
      <c r="Y948">
        <v>71</v>
      </c>
      <c r="Z948">
        <v>9</v>
      </c>
      <c r="AA948">
        <v>93</v>
      </c>
      <c r="AB948">
        <v>79</v>
      </c>
      <c r="AC948">
        <v>171</v>
      </c>
      <c r="AD948">
        <v>33</v>
      </c>
      <c r="AE948">
        <v>106</v>
      </c>
      <c r="AF948">
        <v>10216</v>
      </c>
      <c r="AG948">
        <v>305947</v>
      </c>
      <c r="AH948">
        <v>50000</v>
      </c>
      <c r="AI948">
        <v>0</v>
      </c>
      <c r="AJ948">
        <v>100</v>
      </c>
      <c r="AK948" t="s">
        <v>0</v>
      </c>
      <c r="AL948">
        <v>0</v>
      </c>
      <c r="AM948">
        <v>0</v>
      </c>
      <c r="AN948">
        <v>0</v>
      </c>
      <c r="AO948">
        <v>0</v>
      </c>
      <c r="AP948">
        <v>0</v>
      </c>
      <c r="AQ948">
        <v>0</v>
      </c>
      <c r="AR948">
        <v>0</v>
      </c>
      <c r="AS948">
        <v>0</v>
      </c>
      <c r="AT948">
        <v>0</v>
      </c>
      <c r="AU948">
        <v>0</v>
      </c>
      <c r="AV948">
        <v>0</v>
      </c>
      <c r="AW948">
        <v>0</v>
      </c>
      <c r="AX948">
        <v>-30984</v>
      </c>
      <c r="AY948">
        <v>23</v>
      </c>
      <c r="AZ948">
        <v>126</v>
      </c>
      <c r="BA948">
        <v>2895</v>
      </c>
    </row>
    <row r="949" spans="1:53" x14ac:dyDescent="0.4">
      <c r="A949">
        <v>993</v>
      </c>
      <c r="B949" s="1">
        <v>43107</v>
      </c>
      <c r="C949">
        <v>4</v>
      </c>
      <c r="D949" s="1">
        <v>43107.972222222219</v>
      </c>
      <c r="E949" s="1">
        <v>43108.118750000001</v>
      </c>
      <c r="F949">
        <v>69700</v>
      </c>
      <c r="G949">
        <v>1200</v>
      </c>
      <c r="H949">
        <v>0</v>
      </c>
      <c r="I949">
        <v>0</v>
      </c>
      <c r="J949">
        <v>0</v>
      </c>
      <c r="K949">
        <v>9900</v>
      </c>
      <c r="L949">
        <v>0</v>
      </c>
      <c r="M949">
        <v>6464</v>
      </c>
      <c r="N949">
        <v>0</v>
      </c>
      <c r="O949">
        <v>0</v>
      </c>
      <c r="P949">
        <v>104760</v>
      </c>
      <c r="Q949">
        <v>0</v>
      </c>
      <c r="R949">
        <v>192024</v>
      </c>
      <c r="S949">
        <v>0</v>
      </c>
      <c r="T949">
        <v>0</v>
      </c>
      <c r="U949">
        <v>0</v>
      </c>
      <c r="V949">
        <v>30</v>
      </c>
      <c r="W949">
        <v>9</v>
      </c>
      <c r="X949">
        <v>0</v>
      </c>
      <c r="Y949">
        <v>125</v>
      </c>
      <c r="Z949">
        <v>7</v>
      </c>
      <c r="AA949">
        <v>88</v>
      </c>
      <c r="AB949">
        <v>73</v>
      </c>
      <c r="AC949">
        <v>158</v>
      </c>
      <c r="AD949">
        <v>25</v>
      </c>
      <c r="AE949">
        <v>100</v>
      </c>
      <c r="AF949">
        <v>10216</v>
      </c>
      <c r="AG949">
        <v>497971</v>
      </c>
      <c r="AH949">
        <v>50000</v>
      </c>
      <c r="AI949">
        <v>0</v>
      </c>
      <c r="AJ949">
        <v>108</v>
      </c>
      <c r="AK949" t="s">
        <v>30</v>
      </c>
      <c r="AL949">
        <v>0</v>
      </c>
      <c r="AM949">
        <v>0</v>
      </c>
      <c r="AN949">
        <v>0</v>
      </c>
      <c r="AO949">
        <v>0</v>
      </c>
      <c r="AP949">
        <v>0</v>
      </c>
      <c r="AQ949">
        <v>0</v>
      </c>
      <c r="AR949">
        <v>0</v>
      </c>
      <c r="AS949">
        <v>0</v>
      </c>
      <c r="AT949">
        <v>0</v>
      </c>
      <c r="AU949">
        <v>0</v>
      </c>
      <c r="AV949">
        <v>0</v>
      </c>
      <c r="AW949">
        <v>0</v>
      </c>
      <c r="AX949">
        <v>58320</v>
      </c>
      <c r="AY949">
        <v>13</v>
      </c>
      <c r="AZ949">
        <v>106</v>
      </c>
      <c r="BA949">
        <v>3513</v>
      </c>
    </row>
    <row r="950" spans="1:53" x14ac:dyDescent="0.4">
      <c r="A950">
        <v>994</v>
      </c>
      <c r="B950" s="1">
        <v>43108</v>
      </c>
      <c r="C950">
        <v>1</v>
      </c>
      <c r="D950" s="1">
        <v>43108.291666666664</v>
      </c>
      <c r="E950" s="1">
        <v>43108.405555555553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  <c r="M950">
        <v>0</v>
      </c>
      <c r="N950">
        <v>0</v>
      </c>
      <c r="O950">
        <v>0</v>
      </c>
      <c r="P950">
        <v>0</v>
      </c>
      <c r="Q950">
        <v>0</v>
      </c>
      <c r="R950">
        <v>0</v>
      </c>
      <c r="S950">
        <v>0</v>
      </c>
      <c r="T950">
        <v>0</v>
      </c>
      <c r="U950">
        <v>0</v>
      </c>
      <c r="V950">
        <v>0</v>
      </c>
      <c r="W950">
        <v>0</v>
      </c>
      <c r="X950">
        <v>0</v>
      </c>
      <c r="Y950">
        <v>33</v>
      </c>
      <c r="Z950">
        <v>7</v>
      </c>
      <c r="AA950">
        <v>86</v>
      </c>
      <c r="AB950">
        <v>73</v>
      </c>
      <c r="AC950">
        <v>103</v>
      </c>
      <c r="AD950">
        <v>24</v>
      </c>
      <c r="AE950">
        <v>100</v>
      </c>
      <c r="AF950">
        <v>0</v>
      </c>
      <c r="AG950">
        <v>50000</v>
      </c>
      <c r="AH950">
        <v>0</v>
      </c>
      <c r="AI950">
        <v>50000</v>
      </c>
      <c r="AJ950">
        <v>0</v>
      </c>
      <c r="AK950" t="s">
        <v>6</v>
      </c>
      <c r="AL950">
        <v>0</v>
      </c>
      <c r="AM950">
        <v>0</v>
      </c>
      <c r="AN950">
        <v>0</v>
      </c>
      <c r="AO950">
        <v>0</v>
      </c>
      <c r="AP950">
        <v>0</v>
      </c>
      <c r="AQ950">
        <v>0</v>
      </c>
      <c r="AR950">
        <v>0</v>
      </c>
      <c r="AS950">
        <v>0</v>
      </c>
      <c r="AT950">
        <v>0</v>
      </c>
      <c r="AU950">
        <v>0</v>
      </c>
      <c r="AV950">
        <v>0</v>
      </c>
      <c r="AW950">
        <v>0</v>
      </c>
      <c r="AX950">
        <v>0</v>
      </c>
      <c r="AY950">
        <v>0</v>
      </c>
      <c r="AZ950">
        <v>0</v>
      </c>
      <c r="BA950">
        <v>0</v>
      </c>
    </row>
    <row r="951" spans="1:53" x14ac:dyDescent="0.4">
      <c r="A951">
        <v>995</v>
      </c>
      <c r="B951" s="1">
        <v>43108</v>
      </c>
      <c r="C951">
        <v>2</v>
      </c>
      <c r="D951" s="1">
        <v>43108.405555555553</v>
      </c>
      <c r="E951" s="1">
        <v>43108.730555555558</v>
      </c>
      <c r="F951">
        <v>38500</v>
      </c>
      <c r="G951">
        <v>563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3529</v>
      </c>
      <c r="N951">
        <v>0</v>
      </c>
      <c r="O951">
        <v>0</v>
      </c>
      <c r="P951">
        <v>9720</v>
      </c>
      <c r="Q951">
        <v>0</v>
      </c>
      <c r="R951">
        <v>57379</v>
      </c>
      <c r="S951">
        <v>0</v>
      </c>
      <c r="T951">
        <v>0</v>
      </c>
      <c r="U951">
        <v>0</v>
      </c>
      <c r="V951">
        <v>1</v>
      </c>
      <c r="W951">
        <v>3</v>
      </c>
      <c r="X951">
        <v>0</v>
      </c>
      <c r="Y951">
        <v>58</v>
      </c>
      <c r="Z951">
        <v>20</v>
      </c>
      <c r="AA951">
        <v>85</v>
      </c>
      <c r="AB951">
        <v>83</v>
      </c>
      <c r="AC951">
        <v>151</v>
      </c>
      <c r="AD951">
        <v>24</v>
      </c>
      <c r="AE951">
        <v>99</v>
      </c>
      <c r="AF951">
        <v>0</v>
      </c>
      <c r="AG951">
        <v>107379</v>
      </c>
      <c r="AH951">
        <v>50000</v>
      </c>
      <c r="AI951">
        <v>0</v>
      </c>
      <c r="AJ951">
        <v>96</v>
      </c>
      <c r="AK951" t="s">
        <v>4</v>
      </c>
      <c r="AL951">
        <v>0</v>
      </c>
      <c r="AM951">
        <v>0</v>
      </c>
      <c r="AN951">
        <v>0</v>
      </c>
      <c r="AO951">
        <v>0</v>
      </c>
      <c r="AP951">
        <v>0</v>
      </c>
      <c r="AQ951">
        <v>0</v>
      </c>
      <c r="AR951">
        <v>0</v>
      </c>
      <c r="AS951">
        <v>0</v>
      </c>
      <c r="AT951">
        <v>0</v>
      </c>
      <c r="AU951">
        <v>0</v>
      </c>
      <c r="AV951">
        <v>0</v>
      </c>
      <c r="AW951">
        <v>0</v>
      </c>
      <c r="AX951">
        <v>0</v>
      </c>
      <c r="AY951">
        <v>43</v>
      </c>
      <c r="AZ951">
        <v>91</v>
      </c>
      <c r="BA951">
        <v>6770</v>
      </c>
    </row>
    <row r="952" spans="1:53" x14ac:dyDescent="0.4">
      <c r="A952">
        <v>996</v>
      </c>
      <c r="B952" s="1">
        <v>43109</v>
      </c>
      <c r="C952">
        <v>1</v>
      </c>
      <c r="D952" s="1">
        <v>43109.291666666664</v>
      </c>
      <c r="E952" s="1">
        <v>43109.5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0</v>
      </c>
      <c r="O952">
        <v>0</v>
      </c>
      <c r="P952">
        <v>18360</v>
      </c>
      <c r="Q952">
        <v>0</v>
      </c>
      <c r="R952">
        <v>18360</v>
      </c>
      <c r="S952">
        <v>0</v>
      </c>
      <c r="T952">
        <v>0</v>
      </c>
      <c r="U952">
        <v>0</v>
      </c>
      <c r="V952">
        <v>1</v>
      </c>
      <c r="W952">
        <v>3</v>
      </c>
      <c r="X952">
        <v>0</v>
      </c>
      <c r="Y952">
        <v>23</v>
      </c>
      <c r="Z952">
        <v>15</v>
      </c>
      <c r="AA952">
        <v>71</v>
      </c>
      <c r="AB952">
        <v>75</v>
      </c>
      <c r="AC952">
        <v>153</v>
      </c>
      <c r="AD952">
        <v>70</v>
      </c>
      <c r="AE952">
        <v>130</v>
      </c>
      <c r="AF952">
        <v>0</v>
      </c>
      <c r="AG952">
        <v>68360</v>
      </c>
      <c r="AH952">
        <v>50000</v>
      </c>
      <c r="AI952">
        <v>0</v>
      </c>
      <c r="AJ952">
        <v>96</v>
      </c>
      <c r="AK952" t="s">
        <v>4</v>
      </c>
      <c r="AL952">
        <v>0</v>
      </c>
      <c r="AM952">
        <v>0</v>
      </c>
      <c r="AN952">
        <v>0</v>
      </c>
      <c r="AO952">
        <v>0</v>
      </c>
      <c r="AP952">
        <v>0</v>
      </c>
      <c r="AQ952">
        <v>0</v>
      </c>
      <c r="AR952">
        <v>0</v>
      </c>
      <c r="AS952">
        <v>0</v>
      </c>
      <c r="AT952">
        <v>0</v>
      </c>
      <c r="AU952">
        <v>0</v>
      </c>
      <c r="AV952">
        <v>0</v>
      </c>
      <c r="AW952">
        <v>0</v>
      </c>
      <c r="AX952">
        <v>-2473</v>
      </c>
      <c r="AY952">
        <v>13</v>
      </c>
      <c r="AZ952">
        <v>31</v>
      </c>
      <c r="BA952">
        <v>468</v>
      </c>
    </row>
    <row r="953" spans="1:53" x14ac:dyDescent="0.4">
      <c r="A953">
        <v>997</v>
      </c>
      <c r="B953" s="1">
        <v>43109</v>
      </c>
      <c r="C953">
        <v>2</v>
      </c>
      <c r="D953" s="1">
        <v>43109.5</v>
      </c>
      <c r="E953" s="1">
        <v>43109.738194444442</v>
      </c>
      <c r="F953">
        <v>31000</v>
      </c>
      <c r="G953">
        <v>229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2663</v>
      </c>
      <c r="N953">
        <v>0</v>
      </c>
      <c r="O953">
        <v>0</v>
      </c>
      <c r="P953">
        <v>-4320</v>
      </c>
      <c r="Q953">
        <v>0</v>
      </c>
      <c r="R953">
        <v>31633</v>
      </c>
      <c r="S953">
        <v>0</v>
      </c>
      <c r="T953">
        <v>0</v>
      </c>
      <c r="U953">
        <v>0</v>
      </c>
      <c r="V953">
        <v>2</v>
      </c>
      <c r="W953">
        <v>4</v>
      </c>
      <c r="X953">
        <v>0</v>
      </c>
      <c r="Y953">
        <v>32</v>
      </c>
      <c r="Z953">
        <v>22</v>
      </c>
      <c r="AA953">
        <v>86</v>
      </c>
      <c r="AB953">
        <v>75</v>
      </c>
      <c r="AC953">
        <v>149</v>
      </c>
      <c r="AD953">
        <v>70</v>
      </c>
      <c r="AE953">
        <v>125</v>
      </c>
      <c r="AF953">
        <v>2678</v>
      </c>
      <c r="AG953">
        <v>99993</v>
      </c>
      <c r="AH953">
        <v>50000</v>
      </c>
      <c r="AI953">
        <v>0</v>
      </c>
      <c r="AJ953">
        <v>97</v>
      </c>
      <c r="AK953" t="s">
        <v>13</v>
      </c>
      <c r="AL953">
        <v>0</v>
      </c>
      <c r="AM953">
        <v>0</v>
      </c>
      <c r="AN953">
        <v>0</v>
      </c>
      <c r="AO953">
        <v>0</v>
      </c>
      <c r="AP953">
        <v>0</v>
      </c>
      <c r="AQ953">
        <v>0</v>
      </c>
      <c r="AR953">
        <v>0</v>
      </c>
      <c r="AS953">
        <v>0</v>
      </c>
      <c r="AT953">
        <v>0</v>
      </c>
      <c r="AU953">
        <v>0</v>
      </c>
      <c r="AV953">
        <v>0</v>
      </c>
      <c r="AW953">
        <v>0</v>
      </c>
      <c r="AX953">
        <v>540</v>
      </c>
      <c r="AY953">
        <v>24</v>
      </c>
      <c r="AZ953">
        <v>54</v>
      </c>
      <c r="BA953">
        <v>5425</v>
      </c>
    </row>
    <row r="954" spans="1:53" x14ac:dyDescent="0.4">
      <c r="A954">
        <v>998</v>
      </c>
      <c r="B954" s="1">
        <v>43109</v>
      </c>
      <c r="C954">
        <v>3</v>
      </c>
      <c r="D954" s="1">
        <v>43109.738194444442</v>
      </c>
      <c r="E954" s="1">
        <v>43109.957638888889</v>
      </c>
      <c r="F954">
        <v>25760</v>
      </c>
      <c r="G954">
        <v>188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2211</v>
      </c>
      <c r="N954">
        <v>0</v>
      </c>
      <c r="O954">
        <v>0</v>
      </c>
      <c r="P954">
        <v>-14040</v>
      </c>
      <c r="Q954">
        <v>0</v>
      </c>
      <c r="R954">
        <v>15811</v>
      </c>
      <c r="S954">
        <v>0</v>
      </c>
      <c r="T954">
        <v>0</v>
      </c>
      <c r="U954">
        <v>0</v>
      </c>
      <c r="V954">
        <v>3</v>
      </c>
      <c r="W954">
        <v>5</v>
      </c>
      <c r="X954">
        <v>0</v>
      </c>
      <c r="Y954">
        <v>32</v>
      </c>
      <c r="Z954">
        <v>22</v>
      </c>
      <c r="AA954">
        <v>92</v>
      </c>
      <c r="AB954">
        <v>80</v>
      </c>
      <c r="AC954">
        <v>145</v>
      </c>
      <c r="AD954">
        <v>70</v>
      </c>
      <c r="AE954">
        <v>126</v>
      </c>
      <c r="AF954">
        <v>2678</v>
      </c>
      <c r="AG954">
        <v>115804</v>
      </c>
      <c r="AH954">
        <v>50000</v>
      </c>
      <c r="AI954">
        <v>0</v>
      </c>
      <c r="AJ954">
        <v>100</v>
      </c>
      <c r="AK954" t="s">
        <v>0</v>
      </c>
      <c r="AL954">
        <v>0</v>
      </c>
      <c r="AM954">
        <v>0</v>
      </c>
      <c r="AN954">
        <v>0</v>
      </c>
      <c r="AO954">
        <v>0</v>
      </c>
      <c r="AP954">
        <v>0</v>
      </c>
      <c r="AQ954">
        <v>0</v>
      </c>
      <c r="AR954">
        <v>0</v>
      </c>
      <c r="AS954">
        <v>0</v>
      </c>
      <c r="AT954">
        <v>0</v>
      </c>
      <c r="AU954">
        <v>0</v>
      </c>
      <c r="AV954">
        <v>0</v>
      </c>
      <c r="AW954">
        <v>0</v>
      </c>
      <c r="AX954">
        <v>11534</v>
      </c>
      <c r="AY954">
        <v>9</v>
      </c>
      <c r="AZ954">
        <v>22</v>
      </c>
      <c r="BA954">
        <v>1229</v>
      </c>
    </row>
    <row r="955" spans="1:53" x14ac:dyDescent="0.4">
      <c r="A955">
        <v>999</v>
      </c>
      <c r="B955" s="1">
        <v>43109</v>
      </c>
      <c r="C955">
        <v>4</v>
      </c>
      <c r="D955" s="1">
        <v>43109.957638888889</v>
      </c>
      <c r="E955" s="1">
        <v>43110.088194444441</v>
      </c>
      <c r="F955">
        <v>14680</v>
      </c>
      <c r="G955">
        <v>1300</v>
      </c>
      <c r="H955">
        <v>0</v>
      </c>
      <c r="I955">
        <v>0</v>
      </c>
      <c r="J955">
        <v>440</v>
      </c>
      <c r="K955">
        <v>0</v>
      </c>
      <c r="L955">
        <v>0</v>
      </c>
      <c r="M955">
        <v>1243</v>
      </c>
      <c r="N955">
        <v>0</v>
      </c>
      <c r="O955">
        <v>0</v>
      </c>
      <c r="P955">
        <v>29484</v>
      </c>
      <c r="Q955">
        <v>0</v>
      </c>
      <c r="R955">
        <v>46267</v>
      </c>
      <c r="S955">
        <v>0</v>
      </c>
      <c r="T955">
        <v>0</v>
      </c>
      <c r="U955">
        <v>0</v>
      </c>
      <c r="V955">
        <v>10</v>
      </c>
      <c r="W955">
        <v>3</v>
      </c>
      <c r="X955">
        <v>0</v>
      </c>
      <c r="Y955">
        <v>14</v>
      </c>
      <c r="Z955">
        <v>23</v>
      </c>
      <c r="AA955">
        <v>79</v>
      </c>
      <c r="AB955">
        <v>74</v>
      </c>
      <c r="AC955">
        <v>128</v>
      </c>
      <c r="AD955">
        <v>71</v>
      </c>
      <c r="AE955">
        <v>128</v>
      </c>
      <c r="AF955">
        <v>8208</v>
      </c>
      <c r="AG955">
        <v>162071</v>
      </c>
      <c r="AH955">
        <v>50000</v>
      </c>
      <c r="AI955">
        <v>0</v>
      </c>
      <c r="AJ955">
        <v>100</v>
      </c>
      <c r="AK955" t="s">
        <v>0</v>
      </c>
      <c r="AL955">
        <v>0</v>
      </c>
      <c r="AM955">
        <v>0</v>
      </c>
      <c r="AN955">
        <v>0</v>
      </c>
      <c r="AO955">
        <v>0</v>
      </c>
      <c r="AP955">
        <v>0</v>
      </c>
      <c r="AQ955">
        <v>0</v>
      </c>
      <c r="AR955">
        <v>0</v>
      </c>
      <c r="AS955">
        <v>0</v>
      </c>
      <c r="AT955">
        <v>0</v>
      </c>
      <c r="AU955">
        <v>0</v>
      </c>
      <c r="AV955">
        <v>0</v>
      </c>
      <c r="AW955">
        <v>0</v>
      </c>
      <c r="AX955">
        <v>23382</v>
      </c>
      <c r="AY955">
        <v>7</v>
      </c>
      <c r="AZ955">
        <v>20</v>
      </c>
      <c r="BA955">
        <v>1045</v>
      </c>
    </row>
    <row r="956" spans="1:53" x14ac:dyDescent="0.4">
      <c r="A956">
        <v>1000</v>
      </c>
      <c r="B956" s="1">
        <v>43110</v>
      </c>
      <c r="C956">
        <v>1</v>
      </c>
      <c r="D956" s="1">
        <v>43110.291666666664</v>
      </c>
      <c r="E956" s="1">
        <v>43110.450694444444</v>
      </c>
      <c r="F956">
        <v>0</v>
      </c>
      <c r="G956">
        <v>0</v>
      </c>
      <c r="H956">
        <v>0</v>
      </c>
      <c r="I956">
        <v>0</v>
      </c>
      <c r="J956">
        <v>0</v>
      </c>
      <c r="K956">
        <v>0</v>
      </c>
      <c r="L956">
        <v>0</v>
      </c>
      <c r="M956">
        <v>0</v>
      </c>
      <c r="N956">
        <v>0</v>
      </c>
      <c r="O956">
        <v>0</v>
      </c>
      <c r="P956">
        <v>0</v>
      </c>
      <c r="Q956">
        <v>0</v>
      </c>
      <c r="R956">
        <v>0</v>
      </c>
      <c r="S956">
        <v>0</v>
      </c>
      <c r="T956">
        <v>0</v>
      </c>
      <c r="U956">
        <v>0</v>
      </c>
      <c r="V956">
        <v>0</v>
      </c>
      <c r="W956">
        <v>0</v>
      </c>
      <c r="X956">
        <v>0</v>
      </c>
      <c r="Y956">
        <v>26</v>
      </c>
      <c r="Z956">
        <v>23</v>
      </c>
      <c r="AA956">
        <v>73</v>
      </c>
      <c r="AB956">
        <v>69</v>
      </c>
      <c r="AC956">
        <v>128</v>
      </c>
      <c r="AD956">
        <v>68</v>
      </c>
      <c r="AE956">
        <v>130</v>
      </c>
      <c r="AF956">
        <v>0</v>
      </c>
      <c r="AG956">
        <v>50000</v>
      </c>
      <c r="AH956">
        <v>0</v>
      </c>
      <c r="AI956">
        <v>50000</v>
      </c>
      <c r="AJ956">
        <v>0</v>
      </c>
      <c r="AK956" t="s">
        <v>6</v>
      </c>
      <c r="AL956">
        <v>0</v>
      </c>
      <c r="AM956">
        <v>0</v>
      </c>
      <c r="AN956">
        <v>0</v>
      </c>
      <c r="AO956">
        <v>0</v>
      </c>
      <c r="AP956">
        <v>0</v>
      </c>
      <c r="AQ956">
        <v>0</v>
      </c>
      <c r="AR956">
        <v>0</v>
      </c>
      <c r="AS956">
        <v>0</v>
      </c>
      <c r="AT956">
        <v>0</v>
      </c>
      <c r="AU956">
        <v>0</v>
      </c>
      <c r="AV956">
        <v>0</v>
      </c>
      <c r="AW956">
        <v>0</v>
      </c>
      <c r="AX956">
        <v>0</v>
      </c>
      <c r="AY956">
        <v>0</v>
      </c>
      <c r="AZ956">
        <v>0</v>
      </c>
      <c r="BA956">
        <v>0</v>
      </c>
    </row>
    <row r="957" spans="1:53" x14ac:dyDescent="0.4">
      <c r="A957">
        <v>1001</v>
      </c>
      <c r="B957" s="1">
        <v>43110</v>
      </c>
      <c r="C957">
        <v>2</v>
      </c>
      <c r="D957" s="1">
        <v>43110.450694444444</v>
      </c>
      <c r="E957" s="1">
        <v>43111.081944444442</v>
      </c>
      <c r="F957">
        <v>68750</v>
      </c>
      <c r="G957">
        <v>1636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6810</v>
      </c>
      <c r="N957">
        <v>0</v>
      </c>
      <c r="O957">
        <v>0</v>
      </c>
      <c r="P957">
        <v>4752</v>
      </c>
      <c r="Q957">
        <v>0</v>
      </c>
      <c r="R957">
        <v>96672</v>
      </c>
      <c r="S957">
        <v>0</v>
      </c>
      <c r="T957">
        <v>0</v>
      </c>
      <c r="U957">
        <v>0</v>
      </c>
      <c r="V957">
        <v>4</v>
      </c>
      <c r="W957">
        <v>5</v>
      </c>
      <c r="X957">
        <v>0</v>
      </c>
      <c r="Y957">
        <v>24</v>
      </c>
      <c r="Z957">
        <v>30</v>
      </c>
      <c r="AA957">
        <v>54</v>
      </c>
      <c r="AB957">
        <v>70</v>
      </c>
      <c r="AC957">
        <v>116</v>
      </c>
      <c r="AD957">
        <v>65</v>
      </c>
      <c r="AE957">
        <v>131</v>
      </c>
      <c r="AF957">
        <v>32156</v>
      </c>
      <c r="AG957">
        <v>146672</v>
      </c>
      <c r="AH957">
        <v>50000</v>
      </c>
      <c r="AI957">
        <v>0</v>
      </c>
      <c r="AJ957">
        <v>100</v>
      </c>
      <c r="AK957" t="s">
        <v>0</v>
      </c>
      <c r="AL957">
        <v>0</v>
      </c>
      <c r="AM957">
        <v>0</v>
      </c>
      <c r="AN957">
        <v>0</v>
      </c>
      <c r="AO957">
        <v>0</v>
      </c>
      <c r="AP957">
        <v>0</v>
      </c>
      <c r="AQ957">
        <v>0</v>
      </c>
      <c r="AR957">
        <v>0</v>
      </c>
      <c r="AS957">
        <v>0</v>
      </c>
      <c r="AT957">
        <v>0</v>
      </c>
      <c r="AU957">
        <v>0</v>
      </c>
      <c r="AV957">
        <v>0</v>
      </c>
      <c r="AW957">
        <v>0</v>
      </c>
      <c r="AX957">
        <v>540</v>
      </c>
      <c r="AY957">
        <v>41</v>
      </c>
      <c r="AZ957">
        <v>83</v>
      </c>
      <c r="BA957">
        <v>6583</v>
      </c>
    </row>
    <row r="958" spans="1:53" x14ac:dyDescent="0.4">
      <c r="A958">
        <v>1002</v>
      </c>
      <c r="B958" s="1">
        <v>43111</v>
      </c>
      <c r="C958">
        <v>1</v>
      </c>
      <c r="D958" s="1">
        <v>43111.291666666664</v>
      </c>
      <c r="E958" s="1">
        <v>43111.45416666667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0</v>
      </c>
      <c r="O958">
        <v>0</v>
      </c>
      <c r="P958">
        <v>0</v>
      </c>
      <c r="Q958">
        <v>0</v>
      </c>
      <c r="R958">
        <v>0</v>
      </c>
      <c r="S958">
        <v>0</v>
      </c>
      <c r="T958">
        <v>0</v>
      </c>
      <c r="U958">
        <v>0</v>
      </c>
      <c r="V958">
        <v>0</v>
      </c>
      <c r="W958">
        <v>0</v>
      </c>
      <c r="X958">
        <v>0</v>
      </c>
      <c r="Y958">
        <v>25</v>
      </c>
      <c r="Z958">
        <v>30</v>
      </c>
      <c r="AA958">
        <v>50</v>
      </c>
      <c r="AB958">
        <v>67</v>
      </c>
      <c r="AC958">
        <v>118</v>
      </c>
      <c r="AD958">
        <v>68</v>
      </c>
      <c r="AE958">
        <v>130</v>
      </c>
      <c r="AF958">
        <v>0</v>
      </c>
      <c r="AG958">
        <v>50000</v>
      </c>
      <c r="AH958">
        <v>0</v>
      </c>
      <c r="AI958">
        <v>50000</v>
      </c>
      <c r="AJ958">
        <v>0</v>
      </c>
      <c r="AK958" t="s">
        <v>6</v>
      </c>
      <c r="AL958">
        <v>0</v>
      </c>
      <c r="AM958">
        <v>0</v>
      </c>
      <c r="AN958">
        <v>0</v>
      </c>
      <c r="AO958">
        <v>0</v>
      </c>
      <c r="AP958">
        <v>0</v>
      </c>
      <c r="AQ958">
        <v>0</v>
      </c>
      <c r="AR958">
        <v>0</v>
      </c>
      <c r="AS958">
        <v>0</v>
      </c>
      <c r="AT958">
        <v>0</v>
      </c>
      <c r="AU958">
        <v>0</v>
      </c>
      <c r="AV958">
        <v>0</v>
      </c>
      <c r="AW958">
        <v>0</v>
      </c>
      <c r="AX958">
        <v>0</v>
      </c>
      <c r="AY958">
        <v>0</v>
      </c>
      <c r="AZ958">
        <v>0</v>
      </c>
      <c r="BA958">
        <v>0</v>
      </c>
    </row>
    <row r="959" spans="1:53" x14ac:dyDescent="0.4">
      <c r="A959">
        <v>1003</v>
      </c>
      <c r="B959" s="1">
        <v>43111</v>
      </c>
      <c r="C959">
        <v>2</v>
      </c>
      <c r="D959" s="1">
        <v>43111.45416666667</v>
      </c>
      <c r="E959" s="1">
        <v>43111.728472222225</v>
      </c>
      <c r="F959">
        <v>14000</v>
      </c>
      <c r="G959">
        <v>218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1294</v>
      </c>
      <c r="N959">
        <v>0</v>
      </c>
      <c r="O959">
        <v>0</v>
      </c>
      <c r="P959">
        <v>7020</v>
      </c>
      <c r="Q959">
        <v>0</v>
      </c>
      <c r="R959">
        <v>24494</v>
      </c>
      <c r="S959">
        <v>0</v>
      </c>
      <c r="T959">
        <v>0</v>
      </c>
      <c r="U959">
        <v>0</v>
      </c>
      <c r="V959">
        <v>0</v>
      </c>
      <c r="W959">
        <v>4</v>
      </c>
      <c r="X959">
        <v>0</v>
      </c>
      <c r="Y959">
        <v>27</v>
      </c>
      <c r="Z959">
        <v>38</v>
      </c>
      <c r="AA959">
        <v>36</v>
      </c>
      <c r="AB959">
        <v>62</v>
      </c>
      <c r="AC959">
        <v>133</v>
      </c>
      <c r="AD959">
        <v>67</v>
      </c>
      <c r="AE959">
        <v>129</v>
      </c>
      <c r="AF959">
        <v>0</v>
      </c>
      <c r="AG959">
        <v>74494</v>
      </c>
      <c r="AH959">
        <v>0</v>
      </c>
      <c r="AI959">
        <v>50000</v>
      </c>
      <c r="AJ959">
        <v>96</v>
      </c>
      <c r="AK959" t="s">
        <v>4</v>
      </c>
      <c r="AL959">
        <v>0</v>
      </c>
      <c r="AM959">
        <v>0</v>
      </c>
      <c r="AN959">
        <v>0</v>
      </c>
      <c r="AO959">
        <v>0</v>
      </c>
      <c r="AP959">
        <v>0</v>
      </c>
      <c r="AQ959">
        <v>0</v>
      </c>
      <c r="AR959">
        <v>0</v>
      </c>
      <c r="AS959">
        <v>0</v>
      </c>
      <c r="AT959">
        <v>0</v>
      </c>
      <c r="AU959">
        <v>0</v>
      </c>
      <c r="AV959">
        <v>0</v>
      </c>
      <c r="AW959">
        <v>0</v>
      </c>
      <c r="AX959">
        <v>0</v>
      </c>
      <c r="AY959">
        <v>27</v>
      </c>
      <c r="AZ959">
        <v>39</v>
      </c>
      <c r="BA959">
        <v>3784</v>
      </c>
    </row>
    <row r="960" spans="1:53" x14ac:dyDescent="0.4">
      <c r="A960">
        <v>1004</v>
      </c>
      <c r="B960" s="1">
        <v>43111</v>
      </c>
      <c r="C960">
        <v>3</v>
      </c>
      <c r="D960" s="1">
        <v>43111.728472222225</v>
      </c>
      <c r="E960" s="1">
        <v>43111.959027777775</v>
      </c>
      <c r="F960">
        <v>24920</v>
      </c>
      <c r="G960">
        <v>25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2014</v>
      </c>
      <c r="N960">
        <v>0</v>
      </c>
      <c r="O960">
        <v>0</v>
      </c>
      <c r="P960">
        <v>3348</v>
      </c>
      <c r="Q960">
        <v>0</v>
      </c>
      <c r="R960">
        <v>30532</v>
      </c>
      <c r="S960">
        <v>0</v>
      </c>
      <c r="T960">
        <v>0</v>
      </c>
      <c r="U960">
        <v>0</v>
      </c>
      <c r="V960">
        <v>1</v>
      </c>
      <c r="W960">
        <v>5</v>
      </c>
      <c r="X960">
        <v>0</v>
      </c>
      <c r="Y960">
        <v>38</v>
      </c>
      <c r="Z960">
        <v>37</v>
      </c>
      <c r="AA960">
        <v>44</v>
      </c>
      <c r="AB960">
        <v>64</v>
      </c>
      <c r="AC960">
        <v>139</v>
      </c>
      <c r="AD960">
        <v>67</v>
      </c>
      <c r="AE960">
        <v>129</v>
      </c>
      <c r="AF960">
        <v>4072</v>
      </c>
      <c r="AG960">
        <v>105026</v>
      </c>
      <c r="AH960">
        <v>50000</v>
      </c>
      <c r="AI960">
        <v>0</v>
      </c>
      <c r="AJ960">
        <v>106</v>
      </c>
      <c r="AK960" t="s">
        <v>29</v>
      </c>
      <c r="AL960">
        <v>0</v>
      </c>
      <c r="AM960">
        <v>0</v>
      </c>
      <c r="AN960">
        <v>0</v>
      </c>
      <c r="AO960">
        <v>0</v>
      </c>
      <c r="AP960">
        <v>0</v>
      </c>
      <c r="AQ960">
        <v>0</v>
      </c>
      <c r="AR960">
        <v>0</v>
      </c>
      <c r="AS960">
        <v>0</v>
      </c>
      <c r="AT960">
        <v>0</v>
      </c>
      <c r="AU960">
        <v>0</v>
      </c>
      <c r="AV960">
        <v>0</v>
      </c>
      <c r="AW960">
        <v>0</v>
      </c>
      <c r="AX960">
        <v>5594</v>
      </c>
      <c r="AY960">
        <v>14</v>
      </c>
      <c r="AZ960">
        <v>28</v>
      </c>
      <c r="BA960">
        <v>1967</v>
      </c>
    </row>
    <row r="961" spans="1:53" x14ac:dyDescent="0.4">
      <c r="A961">
        <v>1005</v>
      </c>
      <c r="B961" s="1">
        <v>43111</v>
      </c>
      <c r="C961">
        <v>4</v>
      </c>
      <c r="D961" s="1">
        <v>43111.959027777775</v>
      </c>
      <c r="E961" s="1">
        <v>43112.079861111109</v>
      </c>
      <c r="F961">
        <v>15600</v>
      </c>
      <c r="G961">
        <v>68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1302</v>
      </c>
      <c r="N961">
        <v>0</v>
      </c>
      <c r="O961">
        <v>0</v>
      </c>
      <c r="P961">
        <v>-10368</v>
      </c>
      <c r="Q961">
        <v>0</v>
      </c>
      <c r="R961">
        <v>7214</v>
      </c>
      <c r="S961">
        <v>0</v>
      </c>
      <c r="T961">
        <v>0</v>
      </c>
      <c r="U961">
        <v>0</v>
      </c>
      <c r="V961">
        <v>2</v>
      </c>
      <c r="W961">
        <v>5</v>
      </c>
      <c r="X961">
        <v>0</v>
      </c>
      <c r="Y961">
        <v>36</v>
      </c>
      <c r="Z961">
        <v>36</v>
      </c>
      <c r="AA961">
        <v>42</v>
      </c>
      <c r="AB961">
        <v>63</v>
      </c>
      <c r="AC961">
        <v>136</v>
      </c>
      <c r="AD961">
        <v>66</v>
      </c>
      <c r="AE961">
        <v>128</v>
      </c>
      <c r="AF961">
        <v>4072</v>
      </c>
      <c r="AG961">
        <v>112240</v>
      </c>
      <c r="AH961">
        <v>50000</v>
      </c>
      <c r="AI961">
        <v>0</v>
      </c>
      <c r="AJ961">
        <v>100</v>
      </c>
      <c r="AK961" t="s">
        <v>0</v>
      </c>
      <c r="AL961">
        <v>0</v>
      </c>
      <c r="AM961">
        <v>0</v>
      </c>
      <c r="AN961">
        <v>0</v>
      </c>
      <c r="AO961">
        <v>0</v>
      </c>
      <c r="AP961">
        <v>0</v>
      </c>
      <c r="AQ961">
        <v>0</v>
      </c>
      <c r="AR961">
        <v>0</v>
      </c>
      <c r="AS961">
        <v>0</v>
      </c>
      <c r="AT961">
        <v>0</v>
      </c>
      <c r="AU961">
        <v>0</v>
      </c>
      <c r="AV961">
        <v>0</v>
      </c>
      <c r="AW961">
        <v>0</v>
      </c>
      <c r="AX961">
        <v>9050</v>
      </c>
      <c r="AY961">
        <v>1</v>
      </c>
      <c r="AZ961">
        <v>4</v>
      </c>
      <c r="BA961">
        <v>410</v>
      </c>
    </row>
    <row r="962" spans="1:53" x14ac:dyDescent="0.4">
      <c r="A962">
        <v>1006</v>
      </c>
      <c r="B962" s="1">
        <v>43112</v>
      </c>
      <c r="C962">
        <v>1</v>
      </c>
      <c r="D962" s="1">
        <v>43112.291666666664</v>
      </c>
      <c r="E962" s="1">
        <v>43112.447916666664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0</v>
      </c>
      <c r="O962">
        <v>0</v>
      </c>
      <c r="P962">
        <v>0</v>
      </c>
      <c r="Q962">
        <v>0</v>
      </c>
      <c r="R962">
        <v>0</v>
      </c>
      <c r="S962">
        <v>0</v>
      </c>
      <c r="T962">
        <v>0</v>
      </c>
      <c r="U962">
        <v>0</v>
      </c>
      <c r="V962">
        <v>0</v>
      </c>
      <c r="W962">
        <v>0</v>
      </c>
      <c r="X962">
        <v>0</v>
      </c>
      <c r="Y962">
        <v>36</v>
      </c>
      <c r="Z962">
        <v>10</v>
      </c>
      <c r="AA962">
        <v>42</v>
      </c>
      <c r="AB962">
        <v>60</v>
      </c>
      <c r="AC962">
        <v>135</v>
      </c>
      <c r="AD962">
        <v>65</v>
      </c>
      <c r="AE962">
        <v>125</v>
      </c>
      <c r="AF962">
        <v>0</v>
      </c>
      <c r="AG962">
        <v>50000</v>
      </c>
      <c r="AH962">
        <v>0</v>
      </c>
      <c r="AI962">
        <v>50000</v>
      </c>
      <c r="AJ962">
        <v>0</v>
      </c>
      <c r="AK962" t="s">
        <v>6</v>
      </c>
      <c r="AL962">
        <v>0</v>
      </c>
      <c r="AM962">
        <v>0</v>
      </c>
      <c r="AN962">
        <v>0</v>
      </c>
      <c r="AO962">
        <v>0</v>
      </c>
      <c r="AP962">
        <v>0</v>
      </c>
      <c r="AQ962">
        <v>0</v>
      </c>
      <c r="AR962">
        <v>0</v>
      </c>
      <c r="AS962">
        <v>0</v>
      </c>
      <c r="AT962">
        <v>0</v>
      </c>
      <c r="AU962">
        <v>0</v>
      </c>
      <c r="AV962">
        <v>0</v>
      </c>
      <c r="AW962">
        <v>0</v>
      </c>
      <c r="AX962">
        <v>0</v>
      </c>
      <c r="AY962">
        <v>0</v>
      </c>
      <c r="AZ962">
        <v>0</v>
      </c>
      <c r="BA962">
        <v>0</v>
      </c>
    </row>
    <row r="963" spans="1:53" x14ac:dyDescent="0.4">
      <c r="A963">
        <v>1007</v>
      </c>
      <c r="B963" s="1">
        <v>43112</v>
      </c>
      <c r="C963">
        <v>2</v>
      </c>
      <c r="D963" s="1">
        <v>43112.447916666664</v>
      </c>
      <c r="E963" s="1">
        <v>43112.744444444441</v>
      </c>
      <c r="F963">
        <v>9500</v>
      </c>
      <c r="G963">
        <v>148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878</v>
      </c>
      <c r="N963">
        <v>0</v>
      </c>
      <c r="O963">
        <v>0</v>
      </c>
      <c r="P963">
        <v>11880</v>
      </c>
      <c r="Q963">
        <v>0</v>
      </c>
      <c r="R963">
        <v>23738</v>
      </c>
      <c r="S963">
        <v>0</v>
      </c>
      <c r="T963">
        <v>0</v>
      </c>
      <c r="U963">
        <v>0</v>
      </c>
      <c r="V963">
        <v>0</v>
      </c>
      <c r="W963">
        <v>1</v>
      </c>
      <c r="X963">
        <v>0</v>
      </c>
      <c r="Y963">
        <v>52</v>
      </c>
      <c r="Z963">
        <v>17</v>
      </c>
      <c r="AA963">
        <v>27</v>
      </c>
      <c r="AB963">
        <v>58</v>
      </c>
      <c r="AC963">
        <v>165</v>
      </c>
      <c r="AD963">
        <v>65</v>
      </c>
      <c r="AE963">
        <v>123</v>
      </c>
      <c r="AF963">
        <v>540</v>
      </c>
      <c r="AG963">
        <v>73738</v>
      </c>
      <c r="AH963">
        <v>50000</v>
      </c>
      <c r="AI963">
        <v>0</v>
      </c>
      <c r="AJ963">
        <v>97</v>
      </c>
      <c r="AK963" t="s">
        <v>13</v>
      </c>
      <c r="AL963">
        <v>0</v>
      </c>
      <c r="AM963">
        <v>0</v>
      </c>
      <c r="AN963">
        <v>0</v>
      </c>
      <c r="AO963">
        <v>0</v>
      </c>
      <c r="AP963">
        <v>0</v>
      </c>
      <c r="AQ963">
        <v>0</v>
      </c>
      <c r="AR963">
        <v>0</v>
      </c>
      <c r="AS963">
        <v>0</v>
      </c>
      <c r="AT963">
        <v>0</v>
      </c>
      <c r="AU963">
        <v>0</v>
      </c>
      <c r="AV963">
        <v>0</v>
      </c>
      <c r="AW963">
        <v>0</v>
      </c>
      <c r="AX963">
        <v>0</v>
      </c>
      <c r="AY963">
        <v>25</v>
      </c>
      <c r="AZ963">
        <v>41</v>
      </c>
      <c r="BA963">
        <v>3122</v>
      </c>
    </row>
    <row r="964" spans="1:53" x14ac:dyDescent="0.4">
      <c r="A964">
        <v>1008</v>
      </c>
      <c r="B964" s="1">
        <v>43113</v>
      </c>
      <c r="C964">
        <v>1</v>
      </c>
      <c r="D964" s="1">
        <v>43113.291666666664</v>
      </c>
      <c r="E964" s="1">
        <v>43113.407638888886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0</v>
      </c>
      <c r="O964">
        <v>0</v>
      </c>
      <c r="P964">
        <v>0</v>
      </c>
      <c r="Q964">
        <v>0</v>
      </c>
      <c r="R964">
        <v>0</v>
      </c>
      <c r="S964">
        <v>0</v>
      </c>
      <c r="T964">
        <v>0</v>
      </c>
      <c r="U964">
        <v>0</v>
      </c>
      <c r="V964">
        <v>0</v>
      </c>
      <c r="W964">
        <v>0</v>
      </c>
      <c r="X964">
        <v>0</v>
      </c>
      <c r="Y964">
        <v>28</v>
      </c>
      <c r="Z964">
        <v>10</v>
      </c>
      <c r="AA964">
        <v>124</v>
      </c>
      <c r="AB964">
        <v>56</v>
      </c>
      <c r="AC964">
        <v>133</v>
      </c>
      <c r="AD964">
        <v>68</v>
      </c>
      <c r="AE964">
        <v>130</v>
      </c>
      <c r="AF964">
        <v>0</v>
      </c>
      <c r="AG964">
        <v>50000</v>
      </c>
      <c r="AH964">
        <v>50000</v>
      </c>
      <c r="AI964">
        <v>0</v>
      </c>
      <c r="AJ964">
        <v>0</v>
      </c>
      <c r="AK964" t="s">
        <v>6</v>
      </c>
      <c r="AL964">
        <v>0</v>
      </c>
      <c r="AM964">
        <v>0</v>
      </c>
      <c r="AN964">
        <v>0</v>
      </c>
      <c r="AO964">
        <v>0</v>
      </c>
      <c r="AP964">
        <v>0</v>
      </c>
      <c r="AQ964">
        <v>0</v>
      </c>
      <c r="AR964">
        <v>0</v>
      </c>
      <c r="AS964">
        <v>0</v>
      </c>
      <c r="AT964">
        <v>0</v>
      </c>
      <c r="AU964">
        <v>0</v>
      </c>
      <c r="AV964">
        <v>0</v>
      </c>
      <c r="AW964">
        <v>0</v>
      </c>
      <c r="AX964">
        <v>0</v>
      </c>
      <c r="AY964">
        <v>0</v>
      </c>
      <c r="AZ964">
        <v>0</v>
      </c>
      <c r="BA964">
        <v>0</v>
      </c>
    </row>
    <row r="965" spans="1:53" x14ac:dyDescent="0.4">
      <c r="A965">
        <v>1009</v>
      </c>
      <c r="B965" s="1">
        <v>43113</v>
      </c>
      <c r="C965">
        <v>2</v>
      </c>
      <c r="D965" s="1">
        <v>43113.407638888886</v>
      </c>
      <c r="E965" s="1">
        <v>43113.740972222222</v>
      </c>
      <c r="F965">
        <v>42500</v>
      </c>
      <c r="G965">
        <v>543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3834</v>
      </c>
      <c r="N965">
        <v>0</v>
      </c>
      <c r="O965">
        <v>0</v>
      </c>
      <c r="P965">
        <v>16740</v>
      </c>
      <c r="Q965">
        <v>0</v>
      </c>
      <c r="R965">
        <v>68504</v>
      </c>
      <c r="S965">
        <v>0</v>
      </c>
      <c r="T965">
        <v>0</v>
      </c>
      <c r="U965">
        <v>0</v>
      </c>
      <c r="V965">
        <v>2</v>
      </c>
      <c r="W965">
        <v>0</v>
      </c>
      <c r="X965">
        <v>0</v>
      </c>
      <c r="Y965">
        <v>58</v>
      </c>
      <c r="Z965">
        <v>22</v>
      </c>
      <c r="AA965">
        <v>182</v>
      </c>
      <c r="AB965">
        <v>60</v>
      </c>
      <c r="AC965">
        <v>184</v>
      </c>
      <c r="AD965">
        <v>67</v>
      </c>
      <c r="AE965">
        <v>132</v>
      </c>
      <c r="AF965">
        <v>5997</v>
      </c>
      <c r="AG965">
        <v>118504</v>
      </c>
      <c r="AH965">
        <v>50000</v>
      </c>
      <c r="AI965">
        <v>0</v>
      </c>
      <c r="AJ965">
        <v>92</v>
      </c>
      <c r="AK965" t="s">
        <v>22</v>
      </c>
      <c r="AL965">
        <v>0</v>
      </c>
      <c r="AM965">
        <v>0</v>
      </c>
      <c r="AN965">
        <v>0</v>
      </c>
      <c r="AO965">
        <v>0</v>
      </c>
      <c r="AP965">
        <v>0</v>
      </c>
      <c r="AQ965">
        <v>0</v>
      </c>
      <c r="AR965">
        <v>0</v>
      </c>
      <c r="AS965">
        <v>0</v>
      </c>
      <c r="AT965">
        <v>0</v>
      </c>
      <c r="AU965">
        <v>0</v>
      </c>
      <c r="AV965">
        <v>0</v>
      </c>
      <c r="AW965">
        <v>0</v>
      </c>
      <c r="AX965">
        <v>734</v>
      </c>
      <c r="AY965">
        <v>50</v>
      </c>
      <c r="AZ965">
        <v>106</v>
      </c>
      <c r="BA965">
        <v>7439</v>
      </c>
    </row>
    <row r="966" spans="1:53" x14ac:dyDescent="0.4">
      <c r="A966">
        <v>1010</v>
      </c>
      <c r="B966" s="1">
        <v>43114</v>
      </c>
      <c r="C966">
        <v>1</v>
      </c>
      <c r="D966" s="1">
        <v>43114.291666666664</v>
      </c>
      <c r="E966" s="1">
        <v>43114.40347222222</v>
      </c>
      <c r="F966">
        <v>0</v>
      </c>
      <c r="G966">
        <v>0</v>
      </c>
      <c r="H966">
        <v>0</v>
      </c>
      <c r="I966">
        <v>0</v>
      </c>
      <c r="J966">
        <v>0</v>
      </c>
      <c r="K966">
        <v>0</v>
      </c>
      <c r="L966">
        <v>0</v>
      </c>
      <c r="M966">
        <v>0</v>
      </c>
      <c r="N966">
        <v>0</v>
      </c>
      <c r="O966">
        <v>0</v>
      </c>
      <c r="P966">
        <v>0</v>
      </c>
      <c r="Q966">
        <v>0</v>
      </c>
      <c r="R966">
        <v>0</v>
      </c>
      <c r="S966">
        <v>0</v>
      </c>
      <c r="T966">
        <v>0</v>
      </c>
      <c r="U966">
        <v>0</v>
      </c>
      <c r="V966">
        <v>0</v>
      </c>
      <c r="W966">
        <v>0</v>
      </c>
      <c r="X966">
        <v>0</v>
      </c>
      <c r="Y966">
        <v>25</v>
      </c>
      <c r="Z966">
        <v>7</v>
      </c>
      <c r="AA966">
        <v>166</v>
      </c>
      <c r="AB966">
        <v>58</v>
      </c>
      <c r="AC966">
        <v>157</v>
      </c>
      <c r="AD966">
        <v>60</v>
      </c>
      <c r="AE966">
        <v>130</v>
      </c>
      <c r="AF966">
        <v>0</v>
      </c>
      <c r="AG966">
        <v>50000</v>
      </c>
      <c r="AH966">
        <v>50000</v>
      </c>
      <c r="AI966">
        <v>0</v>
      </c>
      <c r="AJ966">
        <v>0</v>
      </c>
      <c r="AK966" t="s">
        <v>6</v>
      </c>
      <c r="AL966">
        <v>0</v>
      </c>
      <c r="AM966">
        <v>0</v>
      </c>
      <c r="AN966">
        <v>0</v>
      </c>
      <c r="AO966">
        <v>0</v>
      </c>
      <c r="AP966">
        <v>0</v>
      </c>
      <c r="AQ966">
        <v>0</v>
      </c>
      <c r="AR966">
        <v>0</v>
      </c>
      <c r="AS966">
        <v>0</v>
      </c>
      <c r="AT966">
        <v>0</v>
      </c>
      <c r="AU966">
        <v>0</v>
      </c>
      <c r="AV966">
        <v>0</v>
      </c>
      <c r="AW966">
        <v>0</v>
      </c>
      <c r="AX966">
        <v>0</v>
      </c>
      <c r="AY966">
        <v>0</v>
      </c>
      <c r="AZ966">
        <v>0</v>
      </c>
      <c r="BA966">
        <v>0</v>
      </c>
    </row>
    <row r="967" spans="1:53" x14ac:dyDescent="0.4">
      <c r="A967">
        <v>1011</v>
      </c>
      <c r="B967" s="1">
        <v>43114</v>
      </c>
      <c r="C967">
        <v>2</v>
      </c>
      <c r="D967" s="1">
        <v>43114.40347222222</v>
      </c>
      <c r="E967" s="1">
        <v>43114.741666666669</v>
      </c>
      <c r="F967">
        <v>40750</v>
      </c>
      <c r="G967">
        <v>4910</v>
      </c>
      <c r="H967">
        <v>0</v>
      </c>
      <c r="I967">
        <v>0</v>
      </c>
      <c r="J967">
        <v>0</v>
      </c>
      <c r="K967">
        <v>0</v>
      </c>
      <c r="L967">
        <v>0</v>
      </c>
      <c r="M967">
        <v>3651</v>
      </c>
      <c r="N967">
        <v>0</v>
      </c>
      <c r="O967">
        <v>0</v>
      </c>
      <c r="P967">
        <v>21060</v>
      </c>
      <c r="Q967">
        <v>0</v>
      </c>
      <c r="R967">
        <v>70371</v>
      </c>
      <c r="S967">
        <v>0</v>
      </c>
      <c r="T967">
        <v>0</v>
      </c>
      <c r="U967">
        <v>0</v>
      </c>
      <c r="V967">
        <v>2</v>
      </c>
      <c r="W967">
        <v>3</v>
      </c>
      <c r="X967">
        <v>0</v>
      </c>
      <c r="Y967">
        <v>52</v>
      </c>
      <c r="Z967">
        <v>18</v>
      </c>
      <c r="AA967">
        <v>176</v>
      </c>
      <c r="AB967">
        <v>59</v>
      </c>
      <c r="AC967">
        <v>81</v>
      </c>
      <c r="AD967">
        <v>61</v>
      </c>
      <c r="AE967">
        <v>130</v>
      </c>
      <c r="AF967">
        <v>2686</v>
      </c>
      <c r="AG967">
        <v>120481</v>
      </c>
      <c r="AH967">
        <v>50000</v>
      </c>
      <c r="AI967">
        <v>110</v>
      </c>
      <c r="AJ967">
        <v>92</v>
      </c>
      <c r="AK967" t="s">
        <v>22</v>
      </c>
      <c r="AL967">
        <v>0</v>
      </c>
      <c r="AM967">
        <v>0</v>
      </c>
      <c r="AN967">
        <v>0</v>
      </c>
      <c r="AO967">
        <v>0</v>
      </c>
      <c r="AP967">
        <v>0</v>
      </c>
      <c r="AQ967">
        <v>0</v>
      </c>
      <c r="AR967">
        <v>0</v>
      </c>
      <c r="AS967">
        <v>0</v>
      </c>
      <c r="AT967">
        <v>0</v>
      </c>
      <c r="AU967">
        <v>0</v>
      </c>
      <c r="AV967">
        <v>0</v>
      </c>
      <c r="AW967">
        <v>0</v>
      </c>
      <c r="AX967">
        <v>454</v>
      </c>
      <c r="AY967">
        <v>56</v>
      </c>
      <c r="AZ967">
        <v>118</v>
      </c>
      <c r="BA967">
        <v>7866</v>
      </c>
    </row>
    <row r="968" spans="1:53" x14ac:dyDescent="0.4">
      <c r="A968">
        <v>1012</v>
      </c>
      <c r="B968" s="1">
        <v>43114</v>
      </c>
      <c r="C968">
        <v>3</v>
      </c>
      <c r="D968" s="1">
        <v>43114.741666666669</v>
      </c>
      <c r="E968" s="1">
        <v>43114.974305555559</v>
      </c>
      <c r="F968">
        <v>50560</v>
      </c>
      <c r="G968">
        <v>92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4119</v>
      </c>
      <c r="N968">
        <v>0</v>
      </c>
      <c r="O968">
        <v>0</v>
      </c>
      <c r="P968">
        <v>8316</v>
      </c>
      <c r="Q968">
        <v>0</v>
      </c>
      <c r="R968">
        <v>63915</v>
      </c>
      <c r="S968">
        <v>0</v>
      </c>
      <c r="T968">
        <v>0</v>
      </c>
      <c r="U968">
        <v>0</v>
      </c>
      <c r="V968">
        <v>6</v>
      </c>
      <c r="W968">
        <v>3</v>
      </c>
      <c r="X968">
        <v>0</v>
      </c>
      <c r="Y968">
        <v>73</v>
      </c>
      <c r="Z968">
        <v>19</v>
      </c>
      <c r="AA968">
        <v>163</v>
      </c>
      <c r="AB968">
        <v>55</v>
      </c>
      <c r="AC968">
        <v>72</v>
      </c>
      <c r="AD968">
        <v>61</v>
      </c>
      <c r="AE968">
        <v>137</v>
      </c>
      <c r="AF968">
        <v>6574</v>
      </c>
      <c r="AG968">
        <v>184286</v>
      </c>
      <c r="AH968">
        <v>50000</v>
      </c>
      <c r="AI968">
        <v>0</v>
      </c>
      <c r="AJ968">
        <v>70</v>
      </c>
      <c r="AK968" t="s">
        <v>25</v>
      </c>
      <c r="AL968">
        <v>0</v>
      </c>
      <c r="AM968">
        <v>0</v>
      </c>
      <c r="AN968">
        <v>0</v>
      </c>
      <c r="AO968">
        <v>0</v>
      </c>
      <c r="AP968">
        <v>0</v>
      </c>
      <c r="AQ968">
        <v>0</v>
      </c>
      <c r="AR968">
        <v>0</v>
      </c>
      <c r="AS968">
        <v>0</v>
      </c>
      <c r="AT968">
        <v>0</v>
      </c>
      <c r="AU968">
        <v>0</v>
      </c>
      <c r="AV968">
        <v>0</v>
      </c>
      <c r="AW968">
        <v>0</v>
      </c>
      <c r="AX968">
        <v>-1592</v>
      </c>
      <c r="AY968">
        <v>16</v>
      </c>
      <c r="AZ968">
        <v>51</v>
      </c>
      <c r="BA968">
        <v>3201</v>
      </c>
    </row>
    <row r="969" spans="1:53" x14ac:dyDescent="0.4">
      <c r="A969">
        <v>1013</v>
      </c>
      <c r="B969" s="1">
        <v>43114</v>
      </c>
      <c r="C969">
        <v>4</v>
      </c>
      <c r="D969" s="1">
        <v>43114.974305555559</v>
      </c>
      <c r="E969" s="1">
        <v>43115.072916666664</v>
      </c>
      <c r="F969">
        <v>30000</v>
      </c>
      <c r="G969">
        <v>188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2549</v>
      </c>
      <c r="N969">
        <v>0</v>
      </c>
      <c r="O969">
        <v>0</v>
      </c>
      <c r="P969">
        <v>-16092</v>
      </c>
      <c r="Q969">
        <v>0</v>
      </c>
      <c r="R969">
        <v>18337</v>
      </c>
      <c r="S969">
        <v>0</v>
      </c>
      <c r="T969">
        <v>0</v>
      </c>
      <c r="U969">
        <v>0</v>
      </c>
      <c r="V969">
        <v>7</v>
      </c>
      <c r="W969">
        <v>3</v>
      </c>
      <c r="X969">
        <v>0</v>
      </c>
      <c r="Y969">
        <v>80</v>
      </c>
      <c r="Z969">
        <v>20</v>
      </c>
      <c r="AA969">
        <v>170</v>
      </c>
      <c r="AB969">
        <v>56</v>
      </c>
      <c r="AC969">
        <v>81</v>
      </c>
      <c r="AD969">
        <v>61</v>
      </c>
      <c r="AE969">
        <v>134</v>
      </c>
      <c r="AF969">
        <v>6574</v>
      </c>
      <c r="AG969">
        <v>202623</v>
      </c>
      <c r="AH969">
        <v>50000</v>
      </c>
      <c r="AI969">
        <v>0</v>
      </c>
      <c r="AJ969">
        <v>108</v>
      </c>
      <c r="AK969" t="s">
        <v>30</v>
      </c>
      <c r="AL969">
        <v>0</v>
      </c>
      <c r="AM969">
        <v>0</v>
      </c>
      <c r="AN969">
        <v>0</v>
      </c>
      <c r="AO969">
        <v>0</v>
      </c>
      <c r="AP969">
        <v>0</v>
      </c>
      <c r="AQ969">
        <v>0</v>
      </c>
      <c r="AR969">
        <v>0</v>
      </c>
      <c r="AS969">
        <v>0</v>
      </c>
      <c r="AT969">
        <v>0</v>
      </c>
      <c r="AU969">
        <v>0</v>
      </c>
      <c r="AV969">
        <v>0</v>
      </c>
      <c r="AW969">
        <v>0</v>
      </c>
      <c r="AX969">
        <v>-2894</v>
      </c>
      <c r="AY969">
        <v>3</v>
      </c>
      <c r="AZ969">
        <v>4</v>
      </c>
      <c r="BA969">
        <v>683</v>
      </c>
    </row>
    <row r="970" spans="1:53" x14ac:dyDescent="0.4">
      <c r="A970">
        <v>1014</v>
      </c>
      <c r="B970" s="1">
        <v>43115</v>
      </c>
      <c r="C970">
        <v>1</v>
      </c>
      <c r="D970" s="1">
        <v>43115.291666666664</v>
      </c>
      <c r="E970" s="1">
        <v>43115.447916666664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0</v>
      </c>
      <c r="O970">
        <v>0</v>
      </c>
      <c r="P970">
        <v>0</v>
      </c>
      <c r="Q970">
        <v>0</v>
      </c>
      <c r="R970">
        <v>0</v>
      </c>
      <c r="S970">
        <v>0</v>
      </c>
      <c r="T970">
        <v>0</v>
      </c>
      <c r="U970">
        <v>0</v>
      </c>
      <c r="V970">
        <v>0</v>
      </c>
      <c r="W970">
        <v>0</v>
      </c>
      <c r="X970">
        <v>0</v>
      </c>
      <c r="Y970">
        <v>22</v>
      </c>
      <c r="Z970">
        <v>15</v>
      </c>
      <c r="AA970">
        <v>167</v>
      </c>
      <c r="AB970">
        <v>53</v>
      </c>
      <c r="AC970">
        <v>72</v>
      </c>
      <c r="AD970">
        <v>60</v>
      </c>
      <c r="AE970">
        <v>130</v>
      </c>
      <c r="AF970">
        <v>0</v>
      </c>
      <c r="AG970">
        <v>50000</v>
      </c>
      <c r="AH970">
        <v>0</v>
      </c>
      <c r="AI970">
        <v>50000</v>
      </c>
      <c r="AJ970">
        <v>0</v>
      </c>
      <c r="AK970" t="s">
        <v>6</v>
      </c>
      <c r="AL970">
        <v>0</v>
      </c>
      <c r="AM970">
        <v>0</v>
      </c>
      <c r="AN970">
        <v>0</v>
      </c>
      <c r="AO970">
        <v>0</v>
      </c>
      <c r="AP970">
        <v>0</v>
      </c>
      <c r="AQ970">
        <v>0</v>
      </c>
      <c r="AR970">
        <v>0</v>
      </c>
      <c r="AS970">
        <v>0</v>
      </c>
      <c r="AT970">
        <v>0</v>
      </c>
      <c r="AU970">
        <v>0</v>
      </c>
      <c r="AV970">
        <v>0</v>
      </c>
      <c r="AW970">
        <v>0</v>
      </c>
      <c r="AX970">
        <v>0</v>
      </c>
      <c r="AY970">
        <v>0</v>
      </c>
      <c r="AZ970">
        <v>0</v>
      </c>
      <c r="BA970">
        <v>0</v>
      </c>
    </row>
    <row r="971" spans="1:53" x14ac:dyDescent="0.4">
      <c r="A971">
        <v>1015</v>
      </c>
      <c r="B971" s="1">
        <v>43115</v>
      </c>
      <c r="C971">
        <v>2</v>
      </c>
      <c r="D971" s="1">
        <v>43115.447916666664</v>
      </c>
      <c r="E971" s="1">
        <v>43115.743055555555</v>
      </c>
      <c r="F971">
        <v>22500</v>
      </c>
      <c r="G971">
        <v>323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2058</v>
      </c>
      <c r="N971">
        <v>0</v>
      </c>
      <c r="O971">
        <v>0</v>
      </c>
      <c r="P971">
        <v>9180</v>
      </c>
      <c r="Q971">
        <v>0</v>
      </c>
      <c r="R971">
        <v>36968</v>
      </c>
      <c r="S971">
        <v>0</v>
      </c>
      <c r="T971">
        <v>0</v>
      </c>
      <c r="U971">
        <v>0</v>
      </c>
      <c r="V971">
        <v>2</v>
      </c>
      <c r="W971">
        <v>1</v>
      </c>
      <c r="X971">
        <v>0</v>
      </c>
      <c r="Y971">
        <v>19</v>
      </c>
      <c r="Z971">
        <v>29</v>
      </c>
      <c r="AA971">
        <v>200</v>
      </c>
      <c r="AB971">
        <v>51</v>
      </c>
      <c r="AC971">
        <v>125</v>
      </c>
      <c r="AD971">
        <v>60</v>
      </c>
      <c r="AE971">
        <v>136</v>
      </c>
      <c r="AF971">
        <v>4232</v>
      </c>
      <c r="AG971">
        <v>86968</v>
      </c>
      <c r="AH971">
        <v>50000</v>
      </c>
      <c r="AI971">
        <v>0</v>
      </c>
      <c r="AJ971">
        <v>96</v>
      </c>
      <c r="AK971" t="s">
        <v>4</v>
      </c>
      <c r="AL971">
        <v>0</v>
      </c>
      <c r="AM971">
        <v>0</v>
      </c>
      <c r="AN971">
        <v>0</v>
      </c>
      <c r="AO971">
        <v>0</v>
      </c>
      <c r="AP971">
        <v>0</v>
      </c>
      <c r="AQ971">
        <v>0</v>
      </c>
      <c r="AR971">
        <v>0</v>
      </c>
      <c r="AS971">
        <v>0</v>
      </c>
      <c r="AT971">
        <v>0</v>
      </c>
      <c r="AU971">
        <v>0</v>
      </c>
      <c r="AV971">
        <v>0</v>
      </c>
      <c r="AW971">
        <v>0</v>
      </c>
      <c r="AX971">
        <v>-1080</v>
      </c>
      <c r="AY971">
        <v>34</v>
      </c>
      <c r="AZ971">
        <v>61</v>
      </c>
      <c r="BA971">
        <v>4998</v>
      </c>
    </row>
    <row r="972" spans="1:53" x14ac:dyDescent="0.4">
      <c r="A972">
        <v>1016</v>
      </c>
      <c r="B972" s="1">
        <v>43115</v>
      </c>
      <c r="C972">
        <v>3</v>
      </c>
      <c r="D972" s="1">
        <v>43115.743055555555</v>
      </c>
      <c r="E972" s="1">
        <v>43115.949305555558</v>
      </c>
      <c r="F972">
        <v>63030</v>
      </c>
      <c r="G972">
        <v>1005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5846</v>
      </c>
      <c r="N972">
        <v>0</v>
      </c>
      <c r="O972">
        <v>0</v>
      </c>
      <c r="P972">
        <v>-9180</v>
      </c>
      <c r="Q972">
        <v>0</v>
      </c>
      <c r="R972">
        <v>69746</v>
      </c>
      <c r="S972">
        <v>0</v>
      </c>
      <c r="T972">
        <v>0</v>
      </c>
      <c r="U972">
        <v>0</v>
      </c>
      <c r="V972">
        <v>6</v>
      </c>
      <c r="W972">
        <v>0</v>
      </c>
      <c r="X972">
        <v>0</v>
      </c>
      <c r="Y972">
        <v>11</v>
      </c>
      <c r="Z972">
        <v>28</v>
      </c>
      <c r="AA972">
        <v>207</v>
      </c>
      <c r="AB972">
        <v>52</v>
      </c>
      <c r="AC972">
        <v>133</v>
      </c>
      <c r="AD972">
        <v>60</v>
      </c>
      <c r="AE972">
        <v>130</v>
      </c>
      <c r="AF972">
        <v>46654</v>
      </c>
      <c r="AG972">
        <v>156714</v>
      </c>
      <c r="AH972">
        <v>50000</v>
      </c>
      <c r="AI972">
        <v>0</v>
      </c>
      <c r="AJ972">
        <v>99</v>
      </c>
      <c r="AK972" t="s">
        <v>9</v>
      </c>
      <c r="AL972">
        <v>0</v>
      </c>
      <c r="AM972">
        <v>0</v>
      </c>
      <c r="AN972">
        <v>0</v>
      </c>
      <c r="AO972">
        <v>0</v>
      </c>
      <c r="AP972">
        <v>0</v>
      </c>
      <c r="AQ972">
        <v>0</v>
      </c>
      <c r="AR972">
        <v>0</v>
      </c>
      <c r="AS972">
        <v>0</v>
      </c>
      <c r="AT972">
        <v>0</v>
      </c>
      <c r="AU972">
        <v>0</v>
      </c>
      <c r="AV972">
        <v>0</v>
      </c>
      <c r="AW972">
        <v>0</v>
      </c>
      <c r="AX972">
        <v>7452</v>
      </c>
      <c r="AY972">
        <v>16</v>
      </c>
      <c r="AZ972">
        <v>56</v>
      </c>
      <c r="BA972">
        <v>2291</v>
      </c>
    </row>
    <row r="973" spans="1:53" x14ac:dyDescent="0.4">
      <c r="A973">
        <v>1017</v>
      </c>
      <c r="B973" s="1">
        <v>43116</v>
      </c>
      <c r="C973">
        <v>1</v>
      </c>
      <c r="D973" s="1">
        <v>43116.291666666664</v>
      </c>
      <c r="E973" s="1">
        <v>43116.446527777778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  <c r="M973">
        <v>0</v>
      </c>
      <c r="N973">
        <v>0</v>
      </c>
      <c r="O973">
        <v>0</v>
      </c>
      <c r="P973">
        <v>0</v>
      </c>
      <c r="Q973">
        <v>0</v>
      </c>
      <c r="R973">
        <v>0</v>
      </c>
      <c r="S973">
        <v>0</v>
      </c>
      <c r="T973">
        <v>0</v>
      </c>
      <c r="U973">
        <v>0</v>
      </c>
      <c r="V973">
        <v>0</v>
      </c>
      <c r="W973">
        <v>0</v>
      </c>
      <c r="X973">
        <v>0</v>
      </c>
      <c r="Y973">
        <v>24</v>
      </c>
      <c r="Z973">
        <v>13</v>
      </c>
      <c r="AA973">
        <v>152</v>
      </c>
      <c r="AB973">
        <v>54</v>
      </c>
      <c r="AC973">
        <v>120</v>
      </c>
      <c r="AD973">
        <v>57</v>
      </c>
      <c r="AE973">
        <v>115</v>
      </c>
      <c r="AF973">
        <v>0</v>
      </c>
      <c r="AG973">
        <v>50000</v>
      </c>
      <c r="AH973">
        <v>0</v>
      </c>
      <c r="AI973">
        <v>50000</v>
      </c>
      <c r="AJ973">
        <v>0</v>
      </c>
      <c r="AK973" t="s">
        <v>6</v>
      </c>
      <c r="AL973">
        <v>0</v>
      </c>
      <c r="AM973">
        <v>0</v>
      </c>
      <c r="AN973">
        <v>0</v>
      </c>
      <c r="AO973">
        <v>0</v>
      </c>
      <c r="AP973">
        <v>0</v>
      </c>
      <c r="AQ973">
        <v>0</v>
      </c>
      <c r="AR973">
        <v>0</v>
      </c>
      <c r="AS973">
        <v>0</v>
      </c>
      <c r="AT973">
        <v>0</v>
      </c>
      <c r="AU973">
        <v>0</v>
      </c>
      <c r="AV973">
        <v>0</v>
      </c>
      <c r="AW973">
        <v>0</v>
      </c>
      <c r="AX973">
        <v>0</v>
      </c>
      <c r="AY973">
        <v>0</v>
      </c>
      <c r="AZ973">
        <v>0</v>
      </c>
      <c r="BA973">
        <v>0</v>
      </c>
    </row>
    <row r="974" spans="1:53" x14ac:dyDescent="0.4">
      <c r="A974">
        <v>1018</v>
      </c>
      <c r="B974" s="1">
        <v>43116</v>
      </c>
      <c r="C974">
        <v>2</v>
      </c>
      <c r="D974" s="1">
        <v>43116.446527777778</v>
      </c>
      <c r="E974" s="1">
        <v>43116.960416666669</v>
      </c>
      <c r="F974">
        <v>54240</v>
      </c>
      <c r="G974">
        <v>3390</v>
      </c>
      <c r="H974">
        <v>0</v>
      </c>
      <c r="I974">
        <v>0</v>
      </c>
      <c r="J974">
        <v>0</v>
      </c>
      <c r="K974">
        <v>0</v>
      </c>
      <c r="L974">
        <v>0</v>
      </c>
      <c r="M974">
        <v>4609</v>
      </c>
      <c r="N974">
        <v>0</v>
      </c>
      <c r="O974">
        <v>0</v>
      </c>
      <c r="P974">
        <v>19872</v>
      </c>
      <c r="Q974">
        <v>0</v>
      </c>
      <c r="R974">
        <v>82111</v>
      </c>
      <c r="S974">
        <v>0</v>
      </c>
      <c r="T974">
        <v>0</v>
      </c>
      <c r="U974">
        <v>0</v>
      </c>
      <c r="V974">
        <v>3</v>
      </c>
      <c r="W974">
        <v>8</v>
      </c>
      <c r="X974">
        <v>0</v>
      </c>
      <c r="Y974">
        <v>31</v>
      </c>
      <c r="Z974">
        <v>19</v>
      </c>
      <c r="AA974">
        <v>166</v>
      </c>
      <c r="AB974">
        <v>57</v>
      </c>
      <c r="AC974">
        <v>176</v>
      </c>
      <c r="AD974">
        <v>58</v>
      </c>
      <c r="AE974">
        <v>111</v>
      </c>
      <c r="AF974">
        <v>0</v>
      </c>
      <c r="AG974">
        <v>132111</v>
      </c>
      <c r="AH974">
        <v>50000</v>
      </c>
      <c r="AI974">
        <v>0</v>
      </c>
      <c r="AJ974">
        <v>29</v>
      </c>
      <c r="AK974" t="s">
        <v>28</v>
      </c>
      <c r="AL974">
        <v>0</v>
      </c>
      <c r="AM974">
        <v>0</v>
      </c>
      <c r="AN974">
        <v>0</v>
      </c>
      <c r="AO974">
        <v>0</v>
      </c>
      <c r="AP974">
        <v>0</v>
      </c>
      <c r="AQ974">
        <v>0</v>
      </c>
      <c r="AR974">
        <v>0</v>
      </c>
      <c r="AS974">
        <v>0</v>
      </c>
      <c r="AT974">
        <v>0</v>
      </c>
      <c r="AU974">
        <v>0</v>
      </c>
      <c r="AV974">
        <v>0</v>
      </c>
      <c r="AW974">
        <v>0</v>
      </c>
      <c r="AX974">
        <v>2702</v>
      </c>
      <c r="AY974">
        <v>52</v>
      </c>
      <c r="AZ974">
        <v>96</v>
      </c>
      <c r="BA974">
        <v>7635</v>
      </c>
    </row>
    <row r="975" spans="1:53" x14ac:dyDescent="0.4">
      <c r="A975">
        <v>1019</v>
      </c>
      <c r="B975" s="1">
        <v>43117</v>
      </c>
      <c r="C975">
        <v>1</v>
      </c>
      <c r="D975" s="1">
        <v>43117.291666666664</v>
      </c>
      <c r="E975" s="1">
        <v>43117.447222222225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0</v>
      </c>
      <c r="O975">
        <v>0</v>
      </c>
      <c r="P975">
        <v>0</v>
      </c>
      <c r="Q975">
        <v>0</v>
      </c>
      <c r="R975">
        <v>0</v>
      </c>
      <c r="S975">
        <v>0</v>
      </c>
      <c r="T975">
        <v>0</v>
      </c>
      <c r="U975">
        <v>0</v>
      </c>
      <c r="V975">
        <v>0</v>
      </c>
      <c r="W975">
        <v>0</v>
      </c>
      <c r="X975">
        <v>0</v>
      </c>
      <c r="Y975">
        <v>29</v>
      </c>
      <c r="Z975">
        <v>9</v>
      </c>
      <c r="AA975">
        <v>117</v>
      </c>
      <c r="AB975">
        <v>53</v>
      </c>
      <c r="AC975">
        <v>177</v>
      </c>
      <c r="AD975">
        <v>56</v>
      </c>
      <c r="AE975">
        <v>100</v>
      </c>
      <c r="AF975">
        <v>0</v>
      </c>
      <c r="AG975">
        <v>50000</v>
      </c>
      <c r="AH975">
        <v>0</v>
      </c>
      <c r="AI975">
        <v>50000</v>
      </c>
      <c r="AJ975">
        <v>0</v>
      </c>
      <c r="AK975" t="s">
        <v>6</v>
      </c>
      <c r="AL975">
        <v>0</v>
      </c>
      <c r="AM975">
        <v>0</v>
      </c>
      <c r="AN975">
        <v>0</v>
      </c>
      <c r="AO975">
        <v>0</v>
      </c>
      <c r="AP975">
        <v>0</v>
      </c>
      <c r="AQ975">
        <v>0</v>
      </c>
      <c r="AR975">
        <v>0</v>
      </c>
      <c r="AS975">
        <v>0</v>
      </c>
      <c r="AT975">
        <v>0</v>
      </c>
      <c r="AU975">
        <v>0</v>
      </c>
      <c r="AV975">
        <v>0</v>
      </c>
      <c r="AW975">
        <v>0</v>
      </c>
      <c r="AX975">
        <v>0</v>
      </c>
      <c r="AY975">
        <v>0</v>
      </c>
      <c r="AZ975">
        <v>0</v>
      </c>
      <c r="BA975">
        <v>0</v>
      </c>
    </row>
    <row r="976" spans="1:53" x14ac:dyDescent="0.4">
      <c r="A976">
        <v>1020</v>
      </c>
      <c r="B976" s="1">
        <v>43117</v>
      </c>
      <c r="C976">
        <v>2</v>
      </c>
      <c r="D976" s="1">
        <v>43117.447222222225</v>
      </c>
      <c r="E976" s="1">
        <v>43117.759027777778</v>
      </c>
      <c r="F976">
        <v>2000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1600</v>
      </c>
      <c r="N976">
        <v>0</v>
      </c>
      <c r="O976">
        <v>0</v>
      </c>
      <c r="P976">
        <v>8640</v>
      </c>
      <c r="Q976">
        <v>0</v>
      </c>
      <c r="R976">
        <v>30240</v>
      </c>
      <c r="S976">
        <v>0</v>
      </c>
      <c r="T976">
        <v>0</v>
      </c>
      <c r="U976">
        <v>0</v>
      </c>
      <c r="V976">
        <v>1</v>
      </c>
      <c r="W976">
        <v>2</v>
      </c>
      <c r="X976">
        <v>0</v>
      </c>
      <c r="Y976">
        <v>35</v>
      </c>
      <c r="Z976">
        <v>14</v>
      </c>
      <c r="AA976">
        <v>126</v>
      </c>
      <c r="AB976">
        <v>58</v>
      </c>
      <c r="AC976">
        <v>233</v>
      </c>
      <c r="AD976">
        <v>60</v>
      </c>
      <c r="AE976">
        <v>110</v>
      </c>
      <c r="AF976">
        <v>0</v>
      </c>
      <c r="AG976">
        <v>80240</v>
      </c>
      <c r="AH976">
        <v>50000</v>
      </c>
      <c r="AI976">
        <v>0</v>
      </c>
      <c r="AJ976">
        <v>96</v>
      </c>
      <c r="AK976" t="s">
        <v>4</v>
      </c>
      <c r="AL976">
        <v>0</v>
      </c>
      <c r="AM976">
        <v>0</v>
      </c>
      <c r="AN976">
        <v>0</v>
      </c>
      <c r="AO976">
        <v>0</v>
      </c>
      <c r="AP976">
        <v>0</v>
      </c>
      <c r="AQ976">
        <v>0</v>
      </c>
      <c r="AR976">
        <v>0</v>
      </c>
      <c r="AS976">
        <v>0</v>
      </c>
      <c r="AT976">
        <v>0</v>
      </c>
      <c r="AU976">
        <v>0</v>
      </c>
      <c r="AV976">
        <v>0</v>
      </c>
      <c r="AW976">
        <v>0</v>
      </c>
      <c r="AX976">
        <v>4568</v>
      </c>
      <c r="AY976">
        <v>33</v>
      </c>
      <c r="AZ976">
        <v>58</v>
      </c>
      <c r="BA976">
        <v>4567</v>
      </c>
    </row>
    <row r="977" spans="1:53" x14ac:dyDescent="0.4">
      <c r="A977">
        <v>1021</v>
      </c>
      <c r="B977" s="1">
        <v>43117</v>
      </c>
      <c r="C977">
        <v>3</v>
      </c>
      <c r="D977" s="1">
        <v>43117.759027777778</v>
      </c>
      <c r="E977" s="1">
        <v>43117.95208333333</v>
      </c>
      <c r="F977">
        <v>33420</v>
      </c>
      <c r="G977">
        <v>576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3133</v>
      </c>
      <c r="N977">
        <v>0</v>
      </c>
      <c r="O977">
        <v>0</v>
      </c>
      <c r="P977">
        <v>6912</v>
      </c>
      <c r="Q977">
        <v>0</v>
      </c>
      <c r="R977">
        <v>49225</v>
      </c>
      <c r="S977">
        <v>0</v>
      </c>
      <c r="T977">
        <v>0</v>
      </c>
      <c r="U977">
        <v>0</v>
      </c>
      <c r="V977">
        <v>4</v>
      </c>
      <c r="W977">
        <v>5</v>
      </c>
      <c r="X977">
        <v>0</v>
      </c>
      <c r="Y977">
        <v>40</v>
      </c>
      <c r="Z977">
        <v>12</v>
      </c>
      <c r="AA977">
        <v>129</v>
      </c>
      <c r="AB977">
        <v>59</v>
      </c>
      <c r="AC977">
        <v>222</v>
      </c>
      <c r="AD977">
        <v>58</v>
      </c>
      <c r="AE977">
        <v>105</v>
      </c>
      <c r="AF977">
        <v>0</v>
      </c>
      <c r="AG977">
        <v>129465</v>
      </c>
      <c r="AH977">
        <v>50000</v>
      </c>
      <c r="AI977">
        <v>0</v>
      </c>
      <c r="AJ977">
        <v>106</v>
      </c>
      <c r="AK977" t="s">
        <v>29</v>
      </c>
      <c r="AL977">
        <v>0</v>
      </c>
      <c r="AM977">
        <v>0</v>
      </c>
      <c r="AN977">
        <v>0</v>
      </c>
      <c r="AO977">
        <v>0</v>
      </c>
      <c r="AP977">
        <v>0</v>
      </c>
      <c r="AQ977">
        <v>0</v>
      </c>
      <c r="AR977">
        <v>0</v>
      </c>
      <c r="AS977">
        <v>0</v>
      </c>
      <c r="AT977">
        <v>0</v>
      </c>
      <c r="AU977">
        <v>0</v>
      </c>
      <c r="AV977">
        <v>0</v>
      </c>
      <c r="AW977">
        <v>0</v>
      </c>
      <c r="AX977">
        <v>38999</v>
      </c>
      <c r="AY977">
        <v>16</v>
      </c>
      <c r="AZ977">
        <v>58</v>
      </c>
      <c r="BA977">
        <v>2066</v>
      </c>
    </row>
    <row r="978" spans="1:53" x14ac:dyDescent="0.4">
      <c r="A978">
        <v>1022</v>
      </c>
      <c r="B978" s="1">
        <v>43118</v>
      </c>
      <c r="C978">
        <v>1</v>
      </c>
      <c r="D978" s="1">
        <v>43118.291666666664</v>
      </c>
      <c r="E978" s="1">
        <v>43118.448611111111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0</v>
      </c>
      <c r="O978">
        <v>0</v>
      </c>
      <c r="P978">
        <v>0</v>
      </c>
      <c r="Q978">
        <v>0</v>
      </c>
      <c r="R978">
        <v>0</v>
      </c>
      <c r="S978">
        <v>0</v>
      </c>
      <c r="T978">
        <v>0</v>
      </c>
      <c r="U978">
        <v>0</v>
      </c>
      <c r="V978">
        <v>0</v>
      </c>
      <c r="W978">
        <v>0</v>
      </c>
      <c r="X978">
        <v>0</v>
      </c>
      <c r="Y978">
        <v>28</v>
      </c>
      <c r="Z978">
        <v>9</v>
      </c>
      <c r="AA978">
        <v>133</v>
      </c>
      <c r="AB978">
        <v>60</v>
      </c>
      <c r="AC978">
        <v>78</v>
      </c>
      <c r="AD978">
        <v>62</v>
      </c>
      <c r="AE978">
        <v>110</v>
      </c>
      <c r="AF978">
        <v>0</v>
      </c>
      <c r="AG978">
        <v>50000</v>
      </c>
      <c r="AH978">
        <v>0</v>
      </c>
      <c r="AI978">
        <v>50000</v>
      </c>
      <c r="AJ978">
        <v>0</v>
      </c>
      <c r="AK978" t="s">
        <v>6</v>
      </c>
      <c r="AL978">
        <v>0</v>
      </c>
      <c r="AM978">
        <v>0</v>
      </c>
      <c r="AN978">
        <v>0</v>
      </c>
      <c r="AO978">
        <v>0</v>
      </c>
      <c r="AP978">
        <v>0</v>
      </c>
      <c r="AQ978">
        <v>0</v>
      </c>
      <c r="AR978">
        <v>0</v>
      </c>
      <c r="AS978">
        <v>0</v>
      </c>
      <c r="AT978">
        <v>0</v>
      </c>
      <c r="AU978">
        <v>0</v>
      </c>
      <c r="AV978">
        <v>0</v>
      </c>
      <c r="AW978">
        <v>0</v>
      </c>
      <c r="AX978">
        <v>0</v>
      </c>
      <c r="AY978">
        <v>0</v>
      </c>
      <c r="AZ978">
        <v>0</v>
      </c>
      <c r="BA978">
        <v>0</v>
      </c>
    </row>
    <row r="979" spans="1:53" x14ac:dyDescent="0.4">
      <c r="A979">
        <v>1023</v>
      </c>
      <c r="B979" s="1">
        <v>43118</v>
      </c>
      <c r="C979">
        <v>2</v>
      </c>
      <c r="D979" s="1">
        <v>43118.448611111111</v>
      </c>
      <c r="E979" s="1">
        <v>43118.725694444445</v>
      </c>
      <c r="F979">
        <v>8500</v>
      </c>
      <c r="G979">
        <v>3370</v>
      </c>
      <c r="H979">
        <v>0</v>
      </c>
      <c r="I979">
        <v>0</v>
      </c>
      <c r="J979">
        <v>0</v>
      </c>
      <c r="K979">
        <v>0</v>
      </c>
      <c r="L979">
        <v>0</v>
      </c>
      <c r="M979">
        <v>950</v>
      </c>
      <c r="N979">
        <v>0</v>
      </c>
      <c r="O979">
        <v>0</v>
      </c>
      <c r="P979">
        <v>19440</v>
      </c>
      <c r="Q979">
        <v>0</v>
      </c>
      <c r="R979">
        <v>32260</v>
      </c>
      <c r="S979">
        <v>0</v>
      </c>
      <c r="T979">
        <v>0</v>
      </c>
      <c r="U979">
        <v>0</v>
      </c>
      <c r="V979">
        <v>2</v>
      </c>
      <c r="W979">
        <v>1</v>
      </c>
      <c r="X979">
        <v>0</v>
      </c>
      <c r="Y979">
        <v>35</v>
      </c>
      <c r="Z979">
        <v>8</v>
      </c>
      <c r="AA979">
        <v>137</v>
      </c>
      <c r="AB979">
        <v>60</v>
      </c>
      <c r="AC979">
        <v>114</v>
      </c>
      <c r="AD979">
        <v>62</v>
      </c>
      <c r="AE979">
        <v>110</v>
      </c>
      <c r="AF979">
        <v>0</v>
      </c>
      <c r="AG979">
        <v>82260</v>
      </c>
      <c r="AH979">
        <v>50000</v>
      </c>
      <c r="AI979">
        <v>0</v>
      </c>
      <c r="AJ979">
        <v>96</v>
      </c>
      <c r="AK979" t="s">
        <v>4</v>
      </c>
      <c r="AL979">
        <v>0</v>
      </c>
      <c r="AM979">
        <v>0</v>
      </c>
      <c r="AN979">
        <v>0</v>
      </c>
      <c r="AO979">
        <v>0</v>
      </c>
      <c r="AP979">
        <v>0</v>
      </c>
      <c r="AQ979">
        <v>0</v>
      </c>
      <c r="AR979">
        <v>0</v>
      </c>
      <c r="AS979">
        <v>0</v>
      </c>
      <c r="AT979">
        <v>0</v>
      </c>
      <c r="AU979">
        <v>0</v>
      </c>
      <c r="AV979">
        <v>0</v>
      </c>
      <c r="AW979">
        <v>0</v>
      </c>
      <c r="AX979">
        <v>3121</v>
      </c>
      <c r="AY979">
        <v>28</v>
      </c>
      <c r="AZ979">
        <v>53</v>
      </c>
      <c r="BA979">
        <v>3199</v>
      </c>
    </row>
    <row r="980" spans="1:53" x14ac:dyDescent="0.4">
      <c r="A980">
        <v>1024</v>
      </c>
      <c r="B980" s="1">
        <v>43118</v>
      </c>
      <c r="C980">
        <v>3</v>
      </c>
      <c r="D980" s="1">
        <v>43118.725694444445</v>
      </c>
      <c r="E980" s="1">
        <v>43118.968055555553</v>
      </c>
      <c r="F980">
        <v>81380</v>
      </c>
      <c r="G980">
        <v>2570</v>
      </c>
      <c r="H980">
        <v>0</v>
      </c>
      <c r="I980">
        <v>0</v>
      </c>
      <c r="J980">
        <v>0</v>
      </c>
      <c r="K980">
        <v>0</v>
      </c>
      <c r="L980">
        <v>0</v>
      </c>
      <c r="M980">
        <v>6716</v>
      </c>
      <c r="N980">
        <v>0</v>
      </c>
      <c r="O980">
        <v>0</v>
      </c>
      <c r="P980">
        <v>-2808</v>
      </c>
      <c r="Q980">
        <v>0</v>
      </c>
      <c r="R980">
        <v>87858</v>
      </c>
      <c r="S980">
        <v>0</v>
      </c>
      <c r="T980">
        <v>0</v>
      </c>
      <c r="U980">
        <v>0</v>
      </c>
      <c r="V980">
        <v>5</v>
      </c>
      <c r="W980">
        <v>1</v>
      </c>
      <c r="X980">
        <v>0</v>
      </c>
      <c r="Y980">
        <v>58</v>
      </c>
      <c r="Z980">
        <v>13</v>
      </c>
      <c r="AA980">
        <v>125</v>
      </c>
      <c r="AB980">
        <v>59</v>
      </c>
      <c r="AC980">
        <v>117</v>
      </c>
      <c r="AD980">
        <v>60</v>
      </c>
      <c r="AE980">
        <v>114</v>
      </c>
      <c r="AF980">
        <v>33584</v>
      </c>
      <c r="AG980">
        <v>170118</v>
      </c>
      <c r="AH980">
        <v>50000</v>
      </c>
      <c r="AI980">
        <v>0</v>
      </c>
      <c r="AJ980">
        <v>99</v>
      </c>
      <c r="AK980" t="s">
        <v>9</v>
      </c>
      <c r="AL980">
        <v>0</v>
      </c>
      <c r="AM980">
        <v>0</v>
      </c>
      <c r="AN980">
        <v>0</v>
      </c>
      <c r="AO980">
        <v>0</v>
      </c>
      <c r="AP980">
        <v>0</v>
      </c>
      <c r="AQ980">
        <v>0</v>
      </c>
      <c r="AR980">
        <v>0</v>
      </c>
      <c r="AS980">
        <v>0</v>
      </c>
      <c r="AT980">
        <v>0</v>
      </c>
      <c r="AU980">
        <v>0</v>
      </c>
      <c r="AV980">
        <v>0</v>
      </c>
      <c r="AW980">
        <v>0</v>
      </c>
      <c r="AX980">
        <v>-15552</v>
      </c>
      <c r="AY980">
        <v>18</v>
      </c>
      <c r="AZ980">
        <v>67</v>
      </c>
      <c r="BA980">
        <v>2998</v>
      </c>
    </row>
    <row r="981" spans="1:53" x14ac:dyDescent="0.4">
      <c r="A981">
        <v>1025</v>
      </c>
      <c r="B981" s="1">
        <v>43119</v>
      </c>
      <c r="C981">
        <v>1</v>
      </c>
      <c r="D981" s="1">
        <v>43119.291666666664</v>
      </c>
      <c r="E981" s="1">
        <v>43119.450694444444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0</v>
      </c>
      <c r="O981">
        <v>0</v>
      </c>
      <c r="P981">
        <v>0</v>
      </c>
      <c r="Q981">
        <v>0</v>
      </c>
      <c r="R981">
        <v>0</v>
      </c>
      <c r="S981">
        <v>0</v>
      </c>
      <c r="T981">
        <v>0</v>
      </c>
      <c r="U981">
        <v>0</v>
      </c>
      <c r="V981">
        <v>0</v>
      </c>
      <c r="W981">
        <v>0</v>
      </c>
      <c r="X981">
        <v>0</v>
      </c>
      <c r="Y981">
        <v>27</v>
      </c>
      <c r="Z981">
        <v>12</v>
      </c>
      <c r="AA981">
        <v>125</v>
      </c>
      <c r="AB981">
        <v>59</v>
      </c>
      <c r="AC981">
        <v>115</v>
      </c>
      <c r="AD981">
        <v>59</v>
      </c>
      <c r="AE981">
        <v>105</v>
      </c>
      <c r="AF981">
        <v>0</v>
      </c>
      <c r="AG981">
        <v>50000</v>
      </c>
      <c r="AH981">
        <v>0</v>
      </c>
      <c r="AI981">
        <v>50000</v>
      </c>
      <c r="AJ981">
        <v>0</v>
      </c>
      <c r="AK981" t="s">
        <v>6</v>
      </c>
      <c r="AL981">
        <v>0</v>
      </c>
      <c r="AM981">
        <v>0</v>
      </c>
      <c r="AN981">
        <v>0</v>
      </c>
      <c r="AO981">
        <v>0</v>
      </c>
      <c r="AP981">
        <v>0</v>
      </c>
      <c r="AQ981">
        <v>0</v>
      </c>
      <c r="AR981">
        <v>0</v>
      </c>
      <c r="AS981">
        <v>0</v>
      </c>
      <c r="AT981">
        <v>0</v>
      </c>
      <c r="AU981">
        <v>0</v>
      </c>
      <c r="AV981">
        <v>0</v>
      </c>
      <c r="AW981">
        <v>0</v>
      </c>
      <c r="AX981">
        <v>0</v>
      </c>
      <c r="AY981">
        <v>0</v>
      </c>
      <c r="AZ981">
        <v>0</v>
      </c>
      <c r="BA981">
        <v>0</v>
      </c>
    </row>
    <row r="982" spans="1:53" x14ac:dyDescent="0.4">
      <c r="A982">
        <v>1026</v>
      </c>
      <c r="B982" s="1">
        <v>43120</v>
      </c>
      <c r="C982">
        <v>1</v>
      </c>
      <c r="D982" s="1">
        <v>43120.291666666664</v>
      </c>
      <c r="E982" s="1">
        <v>43120.404166666667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0</v>
      </c>
      <c r="O982">
        <v>0</v>
      </c>
      <c r="P982">
        <v>0</v>
      </c>
      <c r="Q982">
        <v>0</v>
      </c>
      <c r="R982">
        <v>0</v>
      </c>
      <c r="S982">
        <v>0</v>
      </c>
      <c r="T982">
        <v>0</v>
      </c>
      <c r="U982">
        <v>0</v>
      </c>
      <c r="V982">
        <v>0</v>
      </c>
      <c r="W982">
        <v>0</v>
      </c>
      <c r="X982">
        <v>0</v>
      </c>
      <c r="Y982">
        <v>25</v>
      </c>
      <c r="Z982">
        <v>13</v>
      </c>
      <c r="AA982">
        <v>143</v>
      </c>
      <c r="AB982">
        <v>48</v>
      </c>
      <c r="AC982">
        <v>144</v>
      </c>
      <c r="AD982">
        <v>56</v>
      </c>
      <c r="AE982">
        <v>80</v>
      </c>
      <c r="AF982">
        <v>0</v>
      </c>
      <c r="AG982">
        <v>50000</v>
      </c>
      <c r="AH982">
        <v>50000</v>
      </c>
      <c r="AI982">
        <v>0</v>
      </c>
      <c r="AJ982">
        <v>0</v>
      </c>
      <c r="AK982" t="s">
        <v>6</v>
      </c>
      <c r="AL982">
        <v>0</v>
      </c>
      <c r="AM982">
        <v>0</v>
      </c>
      <c r="AN982">
        <v>0</v>
      </c>
      <c r="AO982">
        <v>0</v>
      </c>
      <c r="AP982">
        <v>0</v>
      </c>
      <c r="AQ982">
        <v>0</v>
      </c>
      <c r="AR982">
        <v>0</v>
      </c>
      <c r="AS982">
        <v>0</v>
      </c>
      <c r="AT982">
        <v>0</v>
      </c>
      <c r="AU982">
        <v>0</v>
      </c>
      <c r="AV982">
        <v>0</v>
      </c>
      <c r="AW982">
        <v>0</v>
      </c>
      <c r="AX982">
        <v>0</v>
      </c>
      <c r="AY982">
        <v>0</v>
      </c>
      <c r="AZ982">
        <v>0</v>
      </c>
      <c r="BA982">
        <v>0</v>
      </c>
    </row>
    <row r="983" spans="1:53" x14ac:dyDescent="0.4">
      <c r="A983">
        <v>1027</v>
      </c>
      <c r="B983" s="1">
        <v>43120</v>
      </c>
      <c r="C983">
        <v>2</v>
      </c>
      <c r="D983" s="1">
        <v>43120.404166666667</v>
      </c>
      <c r="E983" s="1">
        <v>43120.743750000001</v>
      </c>
      <c r="F983">
        <v>39500</v>
      </c>
      <c r="G983">
        <v>719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3733</v>
      </c>
      <c r="N983">
        <v>0</v>
      </c>
      <c r="O983">
        <v>0</v>
      </c>
      <c r="P983">
        <v>22140</v>
      </c>
      <c r="Q983">
        <v>0</v>
      </c>
      <c r="R983">
        <v>72563</v>
      </c>
      <c r="S983">
        <v>0</v>
      </c>
      <c r="T983">
        <v>0</v>
      </c>
      <c r="U983">
        <v>0</v>
      </c>
      <c r="V983">
        <v>1</v>
      </c>
      <c r="W983">
        <v>2</v>
      </c>
      <c r="X983">
        <v>0</v>
      </c>
      <c r="Y983">
        <v>58</v>
      </c>
      <c r="Z983">
        <v>39</v>
      </c>
      <c r="AA983">
        <v>177</v>
      </c>
      <c r="AB983">
        <v>50</v>
      </c>
      <c r="AC983">
        <v>227</v>
      </c>
      <c r="AD983">
        <v>60</v>
      </c>
      <c r="AE983">
        <v>84</v>
      </c>
      <c r="AF983">
        <v>2229</v>
      </c>
      <c r="AG983">
        <v>122583</v>
      </c>
      <c r="AH983">
        <v>50000</v>
      </c>
      <c r="AI983">
        <v>20</v>
      </c>
      <c r="AJ983">
        <v>84</v>
      </c>
      <c r="AK983" t="s">
        <v>16</v>
      </c>
      <c r="AL983">
        <v>0</v>
      </c>
      <c r="AM983">
        <v>0</v>
      </c>
      <c r="AN983">
        <v>0</v>
      </c>
      <c r="AO983">
        <v>0</v>
      </c>
      <c r="AP983">
        <v>0</v>
      </c>
      <c r="AQ983">
        <v>0</v>
      </c>
      <c r="AR983">
        <v>0</v>
      </c>
      <c r="AS983">
        <v>0</v>
      </c>
      <c r="AT983">
        <v>0</v>
      </c>
      <c r="AU983">
        <v>0</v>
      </c>
      <c r="AV983">
        <v>0</v>
      </c>
      <c r="AW983">
        <v>0</v>
      </c>
      <c r="AX983">
        <v>-2700</v>
      </c>
      <c r="AY983">
        <v>53</v>
      </c>
      <c r="AZ983">
        <v>113</v>
      </c>
      <c r="BA983">
        <v>7581</v>
      </c>
    </row>
    <row r="984" spans="1:53" x14ac:dyDescent="0.4">
      <c r="A984">
        <v>1028</v>
      </c>
      <c r="B984" s="1">
        <v>43121</v>
      </c>
      <c r="C984">
        <v>1</v>
      </c>
      <c r="D984" s="1">
        <v>43121.291666666664</v>
      </c>
      <c r="E984" s="1">
        <v>43121.412499999999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0</v>
      </c>
      <c r="O984">
        <v>0</v>
      </c>
      <c r="P984">
        <v>0</v>
      </c>
      <c r="Q984">
        <v>0</v>
      </c>
      <c r="R984">
        <v>0</v>
      </c>
      <c r="S984">
        <v>0</v>
      </c>
      <c r="T984">
        <v>0</v>
      </c>
      <c r="U984">
        <v>0</v>
      </c>
      <c r="V984">
        <v>0</v>
      </c>
      <c r="W984">
        <v>0</v>
      </c>
      <c r="X984">
        <v>0</v>
      </c>
      <c r="Y984">
        <v>30</v>
      </c>
      <c r="Z984">
        <v>10</v>
      </c>
      <c r="AA984">
        <v>117</v>
      </c>
      <c r="AB984">
        <v>37</v>
      </c>
      <c r="AC984">
        <v>110</v>
      </c>
      <c r="AD984">
        <v>58</v>
      </c>
      <c r="AE984">
        <v>60</v>
      </c>
      <c r="AF984">
        <v>0</v>
      </c>
      <c r="AG984">
        <v>50000</v>
      </c>
      <c r="AH984">
        <v>50000</v>
      </c>
      <c r="AI984">
        <v>0</v>
      </c>
      <c r="AJ984">
        <v>0</v>
      </c>
      <c r="AK984" t="s">
        <v>6</v>
      </c>
      <c r="AL984">
        <v>0</v>
      </c>
      <c r="AM984">
        <v>0</v>
      </c>
      <c r="AN984">
        <v>0</v>
      </c>
      <c r="AO984">
        <v>0</v>
      </c>
      <c r="AP984">
        <v>0</v>
      </c>
      <c r="AQ984">
        <v>0</v>
      </c>
      <c r="AR984">
        <v>0</v>
      </c>
      <c r="AS984">
        <v>0</v>
      </c>
      <c r="AT984">
        <v>0</v>
      </c>
      <c r="AU984">
        <v>0</v>
      </c>
      <c r="AV984">
        <v>0</v>
      </c>
      <c r="AW984">
        <v>0</v>
      </c>
      <c r="AX984">
        <v>0</v>
      </c>
      <c r="AY984">
        <v>0</v>
      </c>
      <c r="AZ984">
        <v>0</v>
      </c>
      <c r="BA984">
        <v>0</v>
      </c>
    </row>
    <row r="985" spans="1:53" x14ac:dyDescent="0.4">
      <c r="A985">
        <v>1029</v>
      </c>
      <c r="B985" s="1">
        <v>43121</v>
      </c>
      <c r="C985">
        <v>2</v>
      </c>
      <c r="D985" s="1">
        <v>43121.412499999999</v>
      </c>
      <c r="E985" s="1">
        <v>43121.756944444445</v>
      </c>
      <c r="F985">
        <v>46250</v>
      </c>
      <c r="G985">
        <v>435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4047</v>
      </c>
      <c r="N985">
        <v>0</v>
      </c>
      <c r="O985">
        <v>0</v>
      </c>
      <c r="P985">
        <v>28080</v>
      </c>
      <c r="Q985">
        <v>0</v>
      </c>
      <c r="R985">
        <v>82727</v>
      </c>
      <c r="S985">
        <v>0</v>
      </c>
      <c r="T985">
        <v>0</v>
      </c>
      <c r="U985">
        <v>0</v>
      </c>
      <c r="V985">
        <v>2</v>
      </c>
      <c r="W985">
        <v>3</v>
      </c>
      <c r="X985">
        <v>0</v>
      </c>
      <c r="Y985">
        <v>73</v>
      </c>
      <c r="Z985">
        <v>12</v>
      </c>
      <c r="AA985">
        <v>132</v>
      </c>
      <c r="AB985">
        <v>50</v>
      </c>
      <c r="AC985">
        <v>161</v>
      </c>
      <c r="AD985">
        <v>55</v>
      </c>
      <c r="AE985">
        <v>62</v>
      </c>
      <c r="AF985">
        <v>0</v>
      </c>
      <c r="AG985">
        <v>131647</v>
      </c>
      <c r="AH985">
        <v>50000</v>
      </c>
      <c r="AI985">
        <v>-1080</v>
      </c>
      <c r="AJ985">
        <v>92</v>
      </c>
      <c r="AK985" t="s">
        <v>22</v>
      </c>
      <c r="AL985">
        <v>0</v>
      </c>
      <c r="AM985">
        <v>0</v>
      </c>
      <c r="AN985">
        <v>0</v>
      </c>
      <c r="AO985">
        <v>0</v>
      </c>
      <c r="AP985">
        <v>0</v>
      </c>
      <c r="AQ985">
        <v>0</v>
      </c>
      <c r="AR985">
        <v>0</v>
      </c>
      <c r="AS985">
        <v>0</v>
      </c>
      <c r="AT985">
        <v>0</v>
      </c>
      <c r="AU985">
        <v>0</v>
      </c>
      <c r="AV985">
        <v>0</v>
      </c>
      <c r="AW985">
        <v>0</v>
      </c>
      <c r="AX985">
        <v>378</v>
      </c>
      <c r="AY985">
        <v>54</v>
      </c>
      <c r="AZ985">
        <v>130</v>
      </c>
      <c r="BA985">
        <v>8712</v>
      </c>
    </row>
    <row r="986" spans="1:53" x14ac:dyDescent="0.4">
      <c r="A986">
        <v>1030</v>
      </c>
      <c r="B986" s="1">
        <v>43121</v>
      </c>
      <c r="C986">
        <v>3</v>
      </c>
      <c r="D986" s="1">
        <v>43121.756944444445</v>
      </c>
      <c r="E986" s="1">
        <v>43121.960416666669</v>
      </c>
      <c r="F986">
        <v>41280</v>
      </c>
      <c r="G986">
        <v>163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3433</v>
      </c>
      <c r="N986">
        <v>0</v>
      </c>
      <c r="O986">
        <v>0</v>
      </c>
      <c r="P986">
        <v>-28080</v>
      </c>
      <c r="Q986">
        <v>0</v>
      </c>
      <c r="R986">
        <v>18263</v>
      </c>
      <c r="S986">
        <v>0</v>
      </c>
      <c r="T986">
        <v>0</v>
      </c>
      <c r="U986">
        <v>0</v>
      </c>
      <c r="V986">
        <v>4</v>
      </c>
      <c r="W986">
        <v>3</v>
      </c>
      <c r="X986">
        <v>0</v>
      </c>
      <c r="Y986">
        <v>75</v>
      </c>
      <c r="Z986">
        <v>8</v>
      </c>
      <c r="AA986">
        <v>125</v>
      </c>
      <c r="AB986">
        <v>50</v>
      </c>
      <c r="AC986">
        <v>166</v>
      </c>
      <c r="AD986">
        <v>54</v>
      </c>
      <c r="AE986">
        <v>60</v>
      </c>
      <c r="AF986">
        <v>0</v>
      </c>
      <c r="AG986">
        <v>150990</v>
      </c>
      <c r="AH986">
        <v>50000</v>
      </c>
      <c r="AI986">
        <v>0</v>
      </c>
      <c r="AJ986">
        <v>99</v>
      </c>
      <c r="AK986" t="s">
        <v>9</v>
      </c>
      <c r="AL986">
        <v>0</v>
      </c>
      <c r="AM986">
        <v>0</v>
      </c>
      <c r="AN986">
        <v>0</v>
      </c>
      <c r="AO986">
        <v>0</v>
      </c>
      <c r="AP986">
        <v>0</v>
      </c>
      <c r="AQ986">
        <v>0</v>
      </c>
      <c r="AR986">
        <v>0</v>
      </c>
      <c r="AS986">
        <v>0</v>
      </c>
      <c r="AT986">
        <v>0</v>
      </c>
      <c r="AU986">
        <v>0</v>
      </c>
      <c r="AV986">
        <v>0</v>
      </c>
      <c r="AW986">
        <v>0</v>
      </c>
      <c r="AX986">
        <v>23825</v>
      </c>
      <c r="AY986">
        <v>15</v>
      </c>
      <c r="AZ986">
        <v>31</v>
      </c>
      <c r="BA986">
        <v>2849</v>
      </c>
    </row>
    <row r="987" spans="1:53" x14ac:dyDescent="0.4">
      <c r="A987">
        <v>1031</v>
      </c>
      <c r="B987" s="1">
        <v>43122</v>
      </c>
      <c r="C987">
        <v>1</v>
      </c>
      <c r="D987" s="1">
        <v>43122.291666666664</v>
      </c>
      <c r="E987" s="1">
        <v>43122.451388888891</v>
      </c>
      <c r="F987">
        <v>0</v>
      </c>
      <c r="G987">
        <v>0</v>
      </c>
      <c r="H987">
        <v>0</v>
      </c>
      <c r="I987">
        <v>0</v>
      </c>
      <c r="J987">
        <v>0</v>
      </c>
      <c r="K987">
        <v>0</v>
      </c>
      <c r="L987">
        <v>0</v>
      </c>
      <c r="M987">
        <v>0</v>
      </c>
      <c r="N987">
        <v>0</v>
      </c>
      <c r="O987">
        <v>0</v>
      </c>
      <c r="P987">
        <v>0</v>
      </c>
      <c r="Q987">
        <v>0</v>
      </c>
      <c r="R987">
        <v>0</v>
      </c>
      <c r="S987">
        <v>0</v>
      </c>
      <c r="T987">
        <v>0</v>
      </c>
      <c r="U987">
        <v>0</v>
      </c>
      <c r="V987">
        <v>0</v>
      </c>
      <c r="W987">
        <v>0</v>
      </c>
      <c r="X987">
        <v>0</v>
      </c>
      <c r="Y987">
        <v>30</v>
      </c>
      <c r="Z987">
        <v>8</v>
      </c>
      <c r="AA987">
        <v>119</v>
      </c>
      <c r="AB987">
        <v>40</v>
      </c>
      <c r="AC987">
        <v>169</v>
      </c>
      <c r="AD987">
        <v>51</v>
      </c>
      <c r="AE987">
        <v>55</v>
      </c>
      <c r="AF987">
        <v>0</v>
      </c>
      <c r="AG987">
        <v>49900</v>
      </c>
      <c r="AH987">
        <v>0</v>
      </c>
      <c r="AI987">
        <v>49900</v>
      </c>
      <c r="AJ987">
        <v>0</v>
      </c>
      <c r="AK987" t="s">
        <v>6</v>
      </c>
      <c r="AL987">
        <v>0</v>
      </c>
      <c r="AM987">
        <v>0</v>
      </c>
      <c r="AN987">
        <v>0</v>
      </c>
      <c r="AO987">
        <v>0</v>
      </c>
      <c r="AP987">
        <v>0</v>
      </c>
      <c r="AQ987">
        <v>0</v>
      </c>
      <c r="AR987">
        <v>0</v>
      </c>
      <c r="AS987">
        <v>0</v>
      </c>
      <c r="AT987">
        <v>0</v>
      </c>
      <c r="AU987">
        <v>0</v>
      </c>
      <c r="AV987">
        <v>0</v>
      </c>
      <c r="AW987">
        <v>0</v>
      </c>
      <c r="AX987">
        <v>0</v>
      </c>
      <c r="AY987">
        <v>0</v>
      </c>
      <c r="AZ987">
        <v>0</v>
      </c>
      <c r="BA987">
        <v>0</v>
      </c>
    </row>
    <row r="988" spans="1:53" x14ac:dyDescent="0.4">
      <c r="A988">
        <v>1032</v>
      </c>
      <c r="B988" s="1">
        <v>43122</v>
      </c>
      <c r="C988">
        <v>2</v>
      </c>
      <c r="D988" s="1">
        <v>43122.451388888891</v>
      </c>
      <c r="E988" s="1">
        <v>43122.76458333333</v>
      </c>
      <c r="F988">
        <v>19000</v>
      </c>
      <c r="G988">
        <v>68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1574</v>
      </c>
      <c r="N988">
        <v>0</v>
      </c>
      <c r="O988">
        <v>0</v>
      </c>
      <c r="P988">
        <v>10260</v>
      </c>
      <c r="Q988">
        <v>0</v>
      </c>
      <c r="R988">
        <v>31514</v>
      </c>
      <c r="S988">
        <v>0</v>
      </c>
      <c r="T988">
        <v>0</v>
      </c>
      <c r="U988">
        <v>0</v>
      </c>
      <c r="V988">
        <v>1</v>
      </c>
      <c r="W988">
        <v>1</v>
      </c>
      <c r="X988">
        <v>0</v>
      </c>
      <c r="Y988">
        <v>40</v>
      </c>
      <c r="Z988">
        <v>14</v>
      </c>
      <c r="AA988">
        <v>149</v>
      </c>
      <c r="AB988">
        <v>43</v>
      </c>
      <c r="AC988">
        <v>203</v>
      </c>
      <c r="AD988">
        <v>55</v>
      </c>
      <c r="AE988">
        <v>60</v>
      </c>
      <c r="AF988">
        <v>0</v>
      </c>
      <c r="AG988">
        <v>81415</v>
      </c>
      <c r="AH988">
        <v>50000</v>
      </c>
      <c r="AI988">
        <v>-99</v>
      </c>
      <c r="AJ988">
        <v>99</v>
      </c>
      <c r="AK988" t="s">
        <v>9</v>
      </c>
      <c r="AL988">
        <v>0</v>
      </c>
      <c r="AM988">
        <v>0</v>
      </c>
      <c r="AN988">
        <v>0</v>
      </c>
      <c r="AO988">
        <v>0</v>
      </c>
      <c r="AP988">
        <v>0</v>
      </c>
      <c r="AQ988">
        <v>0</v>
      </c>
      <c r="AR988">
        <v>0</v>
      </c>
      <c r="AS988">
        <v>0</v>
      </c>
      <c r="AT988">
        <v>0</v>
      </c>
      <c r="AU988">
        <v>0</v>
      </c>
      <c r="AV988">
        <v>0</v>
      </c>
      <c r="AW988">
        <v>0</v>
      </c>
      <c r="AX988">
        <v>0</v>
      </c>
      <c r="AY988">
        <v>37</v>
      </c>
      <c r="AZ988">
        <v>57</v>
      </c>
      <c r="BA988">
        <v>5166</v>
      </c>
    </row>
    <row r="989" spans="1:53" x14ac:dyDescent="0.4">
      <c r="A989">
        <v>1033</v>
      </c>
      <c r="B989" s="1">
        <v>43123</v>
      </c>
      <c r="C989">
        <v>1</v>
      </c>
      <c r="D989" s="1">
        <v>43123.291666666664</v>
      </c>
      <c r="E989" s="1">
        <v>43123.450694444444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0</v>
      </c>
      <c r="O989">
        <v>0</v>
      </c>
      <c r="P989">
        <v>0</v>
      </c>
      <c r="Q989">
        <v>0</v>
      </c>
      <c r="R989">
        <v>0</v>
      </c>
      <c r="S989">
        <v>0</v>
      </c>
      <c r="T989">
        <v>0</v>
      </c>
      <c r="U989">
        <v>0</v>
      </c>
      <c r="V989">
        <v>0</v>
      </c>
      <c r="W989">
        <v>0</v>
      </c>
      <c r="X989">
        <v>0</v>
      </c>
      <c r="Y989">
        <v>25</v>
      </c>
      <c r="Z989">
        <v>12</v>
      </c>
      <c r="AA989">
        <v>146</v>
      </c>
      <c r="AB989">
        <v>42</v>
      </c>
      <c r="AC989">
        <v>197</v>
      </c>
      <c r="AD989">
        <v>54</v>
      </c>
      <c r="AE989">
        <v>60</v>
      </c>
      <c r="AF989">
        <v>0</v>
      </c>
      <c r="AG989">
        <v>50000</v>
      </c>
      <c r="AH989">
        <v>0</v>
      </c>
      <c r="AI989">
        <v>50000</v>
      </c>
      <c r="AJ989">
        <v>0</v>
      </c>
      <c r="AK989" t="s">
        <v>6</v>
      </c>
      <c r="AL989">
        <v>0</v>
      </c>
      <c r="AM989">
        <v>0</v>
      </c>
      <c r="AN989">
        <v>0</v>
      </c>
      <c r="AO989">
        <v>0</v>
      </c>
      <c r="AP989">
        <v>0</v>
      </c>
      <c r="AQ989">
        <v>0</v>
      </c>
      <c r="AR989">
        <v>0</v>
      </c>
      <c r="AS989">
        <v>0</v>
      </c>
      <c r="AT989">
        <v>0</v>
      </c>
      <c r="AU989">
        <v>0</v>
      </c>
      <c r="AV989">
        <v>0</v>
      </c>
      <c r="AW989">
        <v>0</v>
      </c>
      <c r="AX989">
        <v>0</v>
      </c>
      <c r="AY989">
        <v>0</v>
      </c>
      <c r="AZ989">
        <v>0</v>
      </c>
      <c r="BA989">
        <v>0</v>
      </c>
    </row>
    <row r="990" spans="1:53" x14ac:dyDescent="0.4">
      <c r="A990">
        <v>1034</v>
      </c>
      <c r="B990" s="1">
        <v>43123</v>
      </c>
      <c r="C990">
        <v>2</v>
      </c>
      <c r="D990" s="1">
        <v>43123.450694444444</v>
      </c>
      <c r="E990" s="1">
        <v>43123.958333333336</v>
      </c>
      <c r="F990">
        <v>57650</v>
      </c>
      <c r="G990">
        <v>224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4791</v>
      </c>
      <c r="N990">
        <v>0</v>
      </c>
      <c r="O990">
        <v>0</v>
      </c>
      <c r="P990">
        <v>0</v>
      </c>
      <c r="Q990">
        <v>0</v>
      </c>
      <c r="R990">
        <v>64681</v>
      </c>
      <c r="S990">
        <v>0</v>
      </c>
      <c r="T990">
        <v>0</v>
      </c>
      <c r="U990">
        <v>0</v>
      </c>
      <c r="V990">
        <v>7</v>
      </c>
      <c r="W990">
        <v>0</v>
      </c>
      <c r="X990">
        <v>0</v>
      </c>
      <c r="Y990">
        <v>9</v>
      </c>
      <c r="Z990">
        <v>22</v>
      </c>
      <c r="AA990">
        <v>116</v>
      </c>
      <c r="AB990">
        <v>39</v>
      </c>
      <c r="AC990">
        <v>215</v>
      </c>
      <c r="AD990">
        <v>56</v>
      </c>
      <c r="AE990">
        <v>61</v>
      </c>
      <c r="AF990">
        <v>8640</v>
      </c>
      <c r="AG990">
        <v>114681</v>
      </c>
      <c r="AH990">
        <v>50000</v>
      </c>
      <c r="AI990">
        <v>0</v>
      </c>
      <c r="AJ990">
        <v>29</v>
      </c>
      <c r="AK990" t="s">
        <v>28</v>
      </c>
      <c r="AL990">
        <v>0</v>
      </c>
      <c r="AM990">
        <v>0</v>
      </c>
      <c r="AN990">
        <v>0</v>
      </c>
      <c r="AO990">
        <v>0</v>
      </c>
      <c r="AP990">
        <v>0</v>
      </c>
      <c r="AQ990">
        <v>0</v>
      </c>
      <c r="AR990">
        <v>0</v>
      </c>
      <c r="AS990">
        <v>0</v>
      </c>
      <c r="AT990">
        <v>0</v>
      </c>
      <c r="AU990">
        <v>0</v>
      </c>
      <c r="AV990">
        <v>0</v>
      </c>
      <c r="AW990">
        <v>0</v>
      </c>
      <c r="AX990">
        <v>14590</v>
      </c>
      <c r="AY990">
        <v>47</v>
      </c>
      <c r="AZ990">
        <v>91</v>
      </c>
      <c r="BA990">
        <v>6488</v>
      </c>
    </row>
    <row r="991" spans="1:53" x14ac:dyDescent="0.4">
      <c r="A991">
        <v>1035</v>
      </c>
      <c r="B991" s="1">
        <v>43124</v>
      </c>
      <c r="C991">
        <v>1</v>
      </c>
      <c r="D991" s="1">
        <v>43124.291666666664</v>
      </c>
      <c r="E991" s="1">
        <v>43124.447222222225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0</v>
      </c>
      <c r="O991">
        <v>0</v>
      </c>
      <c r="P991">
        <v>0</v>
      </c>
      <c r="Q991">
        <v>0</v>
      </c>
      <c r="R991">
        <v>0</v>
      </c>
      <c r="S991">
        <v>0</v>
      </c>
      <c r="T991">
        <v>0</v>
      </c>
      <c r="U991">
        <v>0</v>
      </c>
      <c r="V991">
        <v>2</v>
      </c>
      <c r="W991">
        <v>1</v>
      </c>
      <c r="X991">
        <v>0</v>
      </c>
      <c r="Y991">
        <v>5</v>
      </c>
      <c r="Z991">
        <v>13</v>
      </c>
      <c r="AA991">
        <v>106</v>
      </c>
      <c r="AB991">
        <v>38</v>
      </c>
      <c r="AC991">
        <v>65</v>
      </c>
      <c r="AD991">
        <v>57</v>
      </c>
      <c r="AE991">
        <v>65</v>
      </c>
      <c r="AF991">
        <v>0</v>
      </c>
      <c r="AG991">
        <v>50000</v>
      </c>
      <c r="AH991">
        <v>0</v>
      </c>
      <c r="AI991">
        <v>50000</v>
      </c>
      <c r="AJ991">
        <v>0</v>
      </c>
      <c r="AK991" t="s">
        <v>6</v>
      </c>
      <c r="AL991">
        <v>0</v>
      </c>
      <c r="AM991">
        <v>0</v>
      </c>
      <c r="AN991">
        <v>0</v>
      </c>
      <c r="AO991">
        <v>0</v>
      </c>
      <c r="AP991">
        <v>0</v>
      </c>
      <c r="AQ991">
        <v>0</v>
      </c>
      <c r="AR991">
        <v>0</v>
      </c>
      <c r="AS991">
        <v>0</v>
      </c>
      <c r="AT991">
        <v>0</v>
      </c>
      <c r="AU991">
        <v>0</v>
      </c>
      <c r="AV991">
        <v>0</v>
      </c>
      <c r="AW991">
        <v>0</v>
      </c>
      <c r="AX991">
        <v>0</v>
      </c>
      <c r="AY991">
        <v>0</v>
      </c>
      <c r="AZ991">
        <v>0</v>
      </c>
      <c r="BA991">
        <v>0</v>
      </c>
    </row>
    <row r="992" spans="1:53" x14ac:dyDescent="0.4">
      <c r="A992">
        <v>1036</v>
      </c>
      <c r="B992" s="1">
        <v>43124</v>
      </c>
      <c r="C992">
        <v>2</v>
      </c>
      <c r="D992" s="1">
        <v>43124.447222222225</v>
      </c>
      <c r="E992" s="1">
        <v>43124.757638888892</v>
      </c>
      <c r="F992">
        <v>16500</v>
      </c>
      <c r="G992">
        <v>393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1634</v>
      </c>
      <c r="N992">
        <v>0</v>
      </c>
      <c r="O992">
        <v>0</v>
      </c>
      <c r="P992">
        <v>5400</v>
      </c>
      <c r="Q992">
        <v>0</v>
      </c>
      <c r="R992">
        <v>27464</v>
      </c>
      <c r="S992">
        <v>0</v>
      </c>
      <c r="T992">
        <v>0</v>
      </c>
      <c r="U992">
        <v>0</v>
      </c>
      <c r="V992">
        <v>2</v>
      </c>
      <c r="W992">
        <v>4</v>
      </c>
      <c r="X992">
        <v>0</v>
      </c>
      <c r="Y992">
        <v>12</v>
      </c>
      <c r="Z992">
        <v>23</v>
      </c>
      <c r="AA992">
        <v>110</v>
      </c>
      <c r="AB992">
        <v>34</v>
      </c>
      <c r="AC992">
        <v>91</v>
      </c>
      <c r="AD992">
        <v>58</v>
      </c>
      <c r="AE992">
        <v>64</v>
      </c>
      <c r="AF992">
        <v>0</v>
      </c>
      <c r="AG992">
        <v>77464</v>
      </c>
      <c r="AH992">
        <v>50000</v>
      </c>
      <c r="AI992">
        <v>0</v>
      </c>
      <c r="AJ992">
        <v>99</v>
      </c>
      <c r="AK992" t="s">
        <v>9</v>
      </c>
      <c r="AL992">
        <v>0</v>
      </c>
      <c r="AM992">
        <v>0</v>
      </c>
      <c r="AN992">
        <v>0</v>
      </c>
      <c r="AO992">
        <v>0</v>
      </c>
      <c r="AP992">
        <v>0</v>
      </c>
      <c r="AQ992">
        <v>0</v>
      </c>
      <c r="AR992">
        <v>0</v>
      </c>
      <c r="AS992">
        <v>0</v>
      </c>
      <c r="AT992">
        <v>0</v>
      </c>
      <c r="AU992">
        <v>0</v>
      </c>
      <c r="AV992">
        <v>0</v>
      </c>
      <c r="AW992">
        <v>0</v>
      </c>
      <c r="AX992">
        <v>0</v>
      </c>
      <c r="AY992">
        <v>24</v>
      </c>
      <c r="AZ992">
        <v>42</v>
      </c>
      <c r="BA992">
        <v>3645</v>
      </c>
    </row>
    <row r="993" spans="1:53" x14ac:dyDescent="0.4">
      <c r="A993">
        <v>1037</v>
      </c>
      <c r="B993" s="1">
        <v>43124</v>
      </c>
      <c r="C993">
        <v>3</v>
      </c>
      <c r="D993" s="1">
        <v>43124.757638888892</v>
      </c>
      <c r="E993" s="1">
        <v>43124.952777777777</v>
      </c>
      <c r="F993">
        <v>34970</v>
      </c>
      <c r="G993">
        <v>78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2860</v>
      </c>
      <c r="N993">
        <v>0</v>
      </c>
      <c r="O993">
        <v>0</v>
      </c>
      <c r="P993">
        <v>-5400</v>
      </c>
      <c r="Q993">
        <v>0</v>
      </c>
      <c r="R993">
        <v>33210</v>
      </c>
      <c r="S993">
        <v>0</v>
      </c>
      <c r="T993">
        <v>0</v>
      </c>
      <c r="U993">
        <v>0</v>
      </c>
      <c r="V993">
        <v>4</v>
      </c>
      <c r="W993">
        <v>5</v>
      </c>
      <c r="X993">
        <v>0</v>
      </c>
      <c r="Y993">
        <v>19</v>
      </c>
      <c r="Z993">
        <v>26</v>
      </c>
      <c r="AA993">
        <v>106</v>
      </c>
      <c r="AB993">
        <v>34</v>
      </c>
      <c r="AC993">
        <v>103</v>
      </c>
      <c r="AD993">
        <v>57</v>
      </c>
      <c r="AE993">
        <v>59</v>
      </c>
      <c r="AF993">
        <v>0</v>
      </c>
      <c r="AG993">
        <v>110674</v>
      </c>
      <c r="AH993">
        <v>50000</v>
      </c>
      <c r="AI993">
        <v>0</v>
      </c>
      <c r="AJ993">
        <v>93</v>
      </c>
      <c r="AK993" t="s">
        <v>20</v>
      </c>
      <c r="AL993">
        <v>0</v>
      </c>
      <c r="AM993">
        <v>0</v>
      </c>
      <c r="AN993">
        <v>0</v>
      </c>
      <c r="AO993">
        <v>0</v>
      </c>
      <c r="AP993">
        <v>0</v>
      </c>
      <c r="AQ993">
        <v>0</v>
      </c>
      <c r="AR993">
        <v>0</v>
      </c>
      <c r="AS993">
        <v>0</v>
      </c>
      <c r="AT993">
        <v>0</v>
      </c>
      <c r="AU993">
        <v>0</v>
      </c>
      <c r="AV993">
        <v>0</v>
      </c>
      <c r="AW993">
        <v>0</v>
      </c>
      <c r="AX993">
        <v>4860</v>
      </c>
      <c r="AY993">
        <v>8</v>
      </c>
      <c r="AZ993">
        <v>28</v>
      </c>
      <c r="BA993">
        <v>1048</v>
      </c>
    </row>
    <row r="994" spans="1:53" x14ac:dyDescent="0.4">
      <c r="A994">
        <v>1038</v>
      </c>
      <c r="B994" s="1">
        <v>43124</v>
      </c>
      <c r="C994">
        <v>4</v>
      </c>
      <c r="D994" s="1">
        <v>43124.952777777777</v>
      </c>
      <c r="E994" s="1">
        <v>43125.085416666669</v>
      </c>
      <c r="F994">
        <v>1002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802</v>
      </c>
      <c r="N994">
        <v>0</v>
      </c>
      <c r="O994">
        <v>0</v>
      </c>
      <c r="P994">
        <v>21816</v>
      </c>
      <c r="Q994">
        <v>0</v>
      </c>
      <c r="R994">
        <v>32638</v>
      </c>
      <c r="S994">
        <v>0</v>
      </c>
      <c r="T994">
        <v>0</v>
      </c>
      <c r="U994">
        <v>0</v>
      </c>
      <c r="V994">
        <v>5</v>
      </c>
      <c r="W994">
        <v>7</v>
      </c>
      <c r="X994">
        <v>0</v>
      </c>
      <c r="Y994">
        <v>32</v>
      </c>
      <c r="Z994">
        <v>26</v>
      </c>
      <c r="AA994">
        <v>103</v>
      </c>
      <c r="AB994">
        <v>36</v>
      </c>
      <c r="AC994">
        <v>87</v>
      </c>
      <c r="AD994">
        <v>58</v>
      </c>
      <c r="AE994">
        <v>52</v>
      </c>
      <c r="AF994">
        <v>0</v>
      </c>
      <c r="AG994">
        <v>143312</v>
      </c>
      <c r="AH994">
        <v>50000</v>
      </c>
      <c r="AI994">
        <v>0</v>
      </c>
      <c r="AJ994">
        <v>108</v>
      </c>
      <c r="AK994" t="s">
        <v>30</v>
      </c>
      <c r="AL994">
        <v>0</v>
      </c>
      <c r="AM994">
        <v>0</v>
      </c>
      <c r="AN994">
        <v>0</v>
      </c>
      <c r="AO994">
        <v>0</v>
      </c>
      <c r="AP994">
        <v>0</v>
      </c>
      <c r="AQ994">
        <v>0</v>
      </c>
      <c r="AR994">
        <v>0</v>
      </c>
      <c r="AS994">
        <v>0</v>
      </c>
      <c r="AT994">
        <v>0</v>
      </c>
      <c r="AU994">
        <v>0</v>
      </c>
      <c r="AV994">
        <v>0</v>
      </c>
      <c r="AW994">
        <v>0</v>
      </c>
      <c r="AX994">
        <v>-3888</v>
      </c>
      <c r="AY994">
        <v>5</v>
      </c>
      <c r="AZ994">
        <v>16</v>
      </c>
      <c r="BA994">
        <v>437</v>
      </c>
    </row>
    <row r="995" spans="1:53" x14ac:dyDescent="0.4">
      <c r="A995">
        <v>1039</v>
      </c>
      <c r="B995" s="1">
        <v>43125</v>
      </c>
      <c r="C995">
        <v>1</v>
      </c>
      <c r="D995" s="1">
        <v>43125.291666666664</v>
      </c>
      <c r="E995" s="1">
        <v>43125.45208333333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  <c r="M995">
        <v>0</v>
      </c>
      <c r="N995">
        <v>0</v>
      </c>
      <c r="O995">
        <v>0</v>
      </c>
      <c r="P995">
        <v>0</v>
      </c>
      <c r="Q995">
        <v>0</v>
      </c>
      <c r="R995">
        <v>0</v>
      </c>
      <c r="S995">
        <v>0</v>
      </c>
      <c r="T995">
        <v>0</v>
      </c>
      <c r="U995">
        <v>0</v>
      </c>
      <c r="V995">
        <v>0</v>
      </c>
      <c r="W995">
        <v>0</v>
      </c>
      <c r="X995">
        <v>0</v>
      </c>
      <c r="Y995">
        <v>31</v>
      </c>
      <c r="Z995">
        <v>13</v>
      </c>
      <c r="AA995">
        <v>99</v>
      </c>
      <c r="AB995">
        <v>30</v>
      </c>
      <c r="AC995">
        <v>78</v>
      </c>
      <c r="AD995">
        <v>56</v>
      </c>
      <c r="AE995">
        <v>40</v>
      </c>
      <c r="AF995">
        <v>0</v>
      </c>
      <c r="AG995">
        <v>50000</v>
      </c>
      <c r="AH995">
        <v>0</v>
      </c>
      <c r="AI995">
        <v>50000</v>
      </c>
      <c r="AJ995">
        <v>0</v>
      </c>
      <c r="AK995" t="s">
        <v>6</v>
      </c>
      <c r="AL995">
        <v>0</v>
      </c>
      <c r="AM995">
        <v>0</v>
      </c>
      <c r="AN995">
        <v>0</v>
      </c>
      <c r="AO995">
        <v>0</v>
      </c>
      <c r="AP995">
        <v>0</v>
      </c>
      <c r="AQ995">
        <v>0</v>
      </c>
      <c r="AR995">
        <v>0</v>
      </c>
      <c r="AS995">
        <v>0</v>
      </c>
      <c r="AT995">
        <v>0</v>
      </c>
      <c r="AU995">
        <v>0</v>
      </c>
      <c r="AV995">
        <v>0</v>
      </c>
      <c r="AW995">
        <v>0</v>
      </c>
      <c r="AX995">
        <v>0</v>
      </c>
      <c r="AY995">
        <v>0</v>
      </c>
      <c r="AZ995">
        <v>0</v>
      </c>
      <c r="BA995">
        <v>0</v>
      </c>
    </row>
    <row r="996" spans="1:53" x14ac:dyDescent="0.4">
      <c r="A996">
        <v>1040</v>
      </c>
      <c r="B996" s="1">
        <v>43125</v>
      </c>
      <c r="C996">
        <v>2</v>
      </c>
      <c r="D996" s="1">
        <v>43125.45208333333</v>
      </c>
      <c r="E996" s="1">
        <v>43125.763888888891</v>
      </c>
      <c r="F996">
        <v>1800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1440</v>
      </c>
      <c r="N996">
        <v>0</v>
      </c>
      <c r="O996">
        <v>0</v>
      </c>
      <c r="P996">
        <v>6480</v>
      </c>
      <c r="Q996">
        <v>0</v>
      </c>
      <c r="R996">
        <v>25920</v>
      </c>
      <c r="S996">
        <v>0</v>
      </c>
      <c r="T996">
        <v>0</v>
      </c>
      <c r="U996">
        <v>0</v>
      </c>
      <c r="V996">
        <v>0</v>
      </c>
      <c r="W996">
        <v>0</v>
      </c>
      <c r="X996">
        <v>0</v>
      </c>
      <c r="Y996">
        <v>53</v>
      </c>
      <c r="Z996">
        <v>19</v>
      </c>
      <c r="AA996">
        <v>100</v>
      </c>
      <c r="AB996">
        <v>30</v>
      </c>
      <c r="AC996">
        <v>106</v>
      </c>
      <c r="AD996">
        <v>56</v>
      </c>
      <c r="AE996">
        <v>40</v>
      </c>
      <c r="AF996">
        <v>540</v>
      </c>
      <c r="AG996">
        <v>75920</v>
      </c>
      <c r="AH996">
        <v>50000</v>
      </c>
      <c r="AI996">
        <v>0</v>
      </c>
      <c r="AJ996">
        <v>96</v>
      </c>
      <c r="AK996" t="s">
        <v>4</v>
      </c>
      <c r="AL996">
        <v>0</v>
      </c>
      <c r="AM996">
        <v>0</v>
      </c>
      <c r="AN996">
        <v>0</v>
      </c>
      <c r="AO996">
        <v>0</v>
      </c>
      <c r="AP996">
        <v>0</v>
      </c>
      <c r="AQ996">
        <v>0</v>
      </c>
      <c r="AR996">
        <v>0</v>
      </c>
      <c r="AS996">
        <v>0</v>
      </c>
      <c r="AT996">
        <v>0</v>
      </c>
      <c r="AU996">
        <v>0</v>
      </c>
      <c r="AV996">
        <v>0</v>
      </c>
      <c r="AW996">
        <v>0</v>
      </c>
      <c r="AX996">
        <v>0</v>
      </c>
      <c r="AY996">
        <v>27</v>
      </c>
      <c r="AZ996">
        <v>48</v>
      </c>
      <c r="BA996">
        <v>4161</v>
      </c>
    </row>
    <row r="997" spans="1:53" x14ac:dyDescent="0.4">
      <c r="A997">
        <v>1041</v>
      </c>
      <c r="B997" s="1">
        <v>43125</v>
      </c>
      <c r="C997">
        <v>3</v>
      </c>
      <c r="D997" s="1">
        <v>43125.763888888891</v>
      </c>
      <c r="E997" s="1">
        <v>43125.951388888891</v>
      </c>
      <c r="F997">
        <v>12960</v>
      </c>
      <c r="G997">
        <v>0</v>
      </c>
      <c r="H997">
        <v>0</v>
      </c>
      <c r="I997">
        <v>0</v>
      </c>
      <c r="J997">
        <v>0</v>
      </c>
      <c r="K997">
        <v>0</v>
      </c>
      <c r="L997">
        <v>0</v>
      </c>
      <c r="M997">
        <v>1037</v>
      </c>
      <c r="N997">
        <v>0</v>
      </c>
      <c r="O997">
        <v>0</v>
      </c>
      <c r="P997">
        <v>-4104</v>
      </c>
      <c r="Q997">
        <v>0</v>
      </c>
      <c r="R997">
        <v>9893</v>
      </c>
      <c r="S997">
        <v>0</v>
      </c>
      <c r="T997">
        <v>0</v>
      </c>
      <c r="U997">
        <v>0</v>
      </c>
      <c r="V997">
        <v>1</v>
      </c>
      <c r="W997">
        <v>2</v>
      </c>
      <c r="X997">
        <v>0</v>
      </c>
      <c r="Y997">
        <v>45</v>
      </c>
      <c r="Z997">
        <v>15</v>
      </c>
      <c r="AA997">
        <v>99</v>
      </c>
      <c r="AB997">
        <v>30</v>
      </c>
      <c r="AC997">
        <v>106</v>
      </c>
      <c r="AD997">
        <v>56</v>
      </c>
      <c r="AE997">
        <v>33</v>
      </c>
      <c r="AF997">
        <v>540</v>
      </c>
      <c r="AG997">
        <v>85813</v>
      </c>
      <c r="AH997">
        <v>50000</v>
      </c>
      <c r="AI997">
        <v>0</v>
      </c>
      <c r="AJ997">
        <v>108</v>
      </c>
      <c r="AK997" t="s">
        <v>30</v>
      </c>
      <c r="AL997">
        <v>0</v>
      </c>
      <c r="AM997">
        <v>0</v>
      </c>
      <c r="AN997">
        <v>0</v>
      </c>
      <c r="AO997">
        <v>0</v>
      </c>
      <c r="AP997">
        <v>0</v>
      </c>
      <c r="AQ997">
        <v>0</v>
      </c>
      <c r="AR997">
        <v>0</v>
      </c>
      <c r="AS997">
        <v>0</v>
      </c>
      <c r="AT997">
        <v>0</v>
      </c>
      <c r="AU997">
        <v>0</v>
      </c>
      <c r="AV997">
        <v>0</v>
      </c>
      <c r="AW997">
        <v>0</v>
      </c>
      <c r="AX997">
        <v>25510</v>
      </c>
      <c r="AY997">
        <v>8</v>
      </c>
      <c r="AZ997">
        <v>26</v>
      </c>
      <c r="BA997">
        <v>1208</v>
      </c>
    </row>
    <row r="998" spans="1:53" x14ac:dyDescent="0.4">
      <c r="A998">
        <v>1042</v>
      </c>
      <c r="B998" s="1">
        <v>43126</v>
      </c>
      <c r="C998">
        <v>1</v>
      </c>
      <c r="D998" s="1">
        <v>43126.291666666664</v>
      </c>
      <c r="E998" s="1">
        <v>43126.451388888891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0</v>
      </c>
      <c r="O998">
        <v>0</v>
      </c>
      <c r="P998">
        <v>0</v>
      </c>
      <c r="Q998">
        <v>0</v>
      </c>
      <c r="R998">
        <v>0</v>
      </c>
      <c r="S998">
        <v>0</v>
      </c>
      <c r="T998">
        <v>0</v>
      </c>
      <c r="U998">
        <v>0</v>
      </c>
      <c r="V998">
        <v>0</v>
      </c>
      <c r="W998">
        <v>0</v>
      </c>
      <c r="X998">
        <v>0</v>
      </c>
      <c r="Y998">
        <v>35</v>
      </c>
      <c r="Z998">
        <v>7</v>
      </c>
      <c r="AA998">
        <v>89</v>
      </c>
      <c r="AB998">
        <v>27</v>
      </c>
      <c r="AC998">
        <v>94</v>
      </c>
      <c r="AD998">
        <v>55</v>
      </c>
      <c r="AE998">
        <v>25</v>
      </c>
      <c r="AF998">
        <v>0</v>
      </c>
      <c r="AG998">
        <v>49990</v>
      </c>
      <c r="AH998">
        <v>0</v>
      </c>
      <c r="AI998">
        <v>49990</v>
      </c>
      <c r="AJ998">
        <v>0</v>
      </c>
      <c r="AK998" t="s">
        <v>6</v>
      </c>
      <c r="AL998">
        <v>0</v>
      </c>
      <c r="AM998">
        <v>0</v>
      </c>
      <c r="AN998">
        <v>0</v>
      </c>
      <c r="AO998">
        <v>0</v>
      </c>
      <c r="AP998">
        <v>0</v>
      </c>
      <c r="AQ998">
        <v>0</v>
      </c>
      <c r="AR998">
        <v>0</v>
      </c>
      <c r="AS998">
        <v>0</v>
      </c>
      <c r="AT998">
        <v>0</v>
      </c>
      <c r="AU998">
        <v>0</v>
      </c>
      <c r="AV998">
        <v>0</v>
      </c>
      <c r="AW998">
        <v>0</v>
      </c>
      <c r="AX998">
        <v>0</v>
      </c>
      <c r="AY998">
        <v>0</v>
      </c>
      <c r="AZ998">
        <v>0</v>
      </c>
      <c r="BA998">
        <v>0</v>
      </c>
    </row>
    <row r="999" spans="1:53" x14ac:dyDescent="0.4">
      <c r="A999">
        <v>1043</v>
      </c>
      <c r="B999" s="1">
        <v>43126</v>
      </c>
      <c r="C999">
        <v>2</v>
      </c>
      <c r="D999" s="1">
        <v>43126.451388888891</v>
      </c>
      <c r="E999" s="1">
        <v>43126.73333333333</v>
      </c>
      <c r="F999">
        <v>20500</v>
      </c>
      <c r="G999">
        <v>1900</v>
      </c>
      <c r="H999">
        <v>0</v>
      </c>
      <c r="I999">
        <v>0</v>
      </c>
      <c r="J999">
        <v>0</v>
      </c>
      <c r="K999">
        <v>0</v>
      </c>
      <c r="L999">
        <v>0</v>
      </c>
      <c r="M999">
        <v>1792</v>
      </c>
      <c r="N999">
        <v>0</v>
      </c>
      <c r="O999">
        <v>0</v>
      </c>
      <c r="P999">
        <v>14580</v>
      </c>
      <c r="Q999">
        <v>0</v>
      </c>
      <c r="R999">
        <v>38772</v>
      </c>
      <c r="S999">
        <v>0</v>
      </c>
      <c r="T999">
        <v>0</v>
      </c>
      <c r="U999">
        <v>0</v>
      </c>
      <c r="V999">
        <v>0</v>
      </c>
      <c r="W999">
        <v>1</v>
      </c>
      <c r="X999">
        <v>0</v>
      </c>
      <c r="Y999">
        <v>60</v>
      </c>
      <c r="Z999">
        <v>17</v>
      </c>
      <c r="AA999">
        <v>103</v>
      </c>
      <c r="AB999">
        <v>21</v>
      </c>
      <c r="AC999">
        <v>108</v>
      </c>
      <c r="AD999">
        <v>54</v>
      </c>
      <c r="AE999">
        <v>23</v>
      </c>
      <c r="AF999">
        <v>2539</v>
      </c>
      <c r="AG999">
        <v>88762</v>
      </c>
      <c r="AH999">
        <v>50000</v>
      </c>
      <c r="AI999">
        <v>-10</v>
      </c>
      <c r="AJ999">
        <v>96</v>
      </c>
      <c r="AK999" t="s">
        <v>4</v>
      </c>
      <c r="AL999">
        <v>0</v>
      </c>
      <c r="AM999">
        <v>0</v>
      </c>
      <c r="AN999">
        <v>0</v>
      </c>
      <c r="AO999">
        <v>0</v>
      </c>
      <c r="AP999">
        <v>0</v>
      </c>
      <c r="AQ999">
        <v>0</v>
      </c>
      <c r="AR999">
        <v>0</v>
      </c>
      <c r="AS999">
        <v>0</v>
      </c>
      <c r="AT999">
        <v>0</v>
      </c>
      <c r="AU999">
        <v>0</v>
      </c>
      <c r="AV999">
        <v>0</v>
      </c>
      <c r="AW999">
        <v>0</v>
      </c>
      <c r="AX999">
        <v>-1620</v>
      </c>
      <c r="AY999">
        <v>32</v>
      </c>
      <c r="AZ999">
        <v>66</v>
      </c>
      <c r="BA999">
        <v>4564</v>
      </c>
    </row>
    <row r="1000" spans="1:53" x14ac:dyDescent="0.4">
      <c r="A1000">
        <v>1044</v>
      </c>
      <c r="B1000" s="1">
        <v>43126</v>
      </c>
      <c r="C1000">
        <v>3</v>
      </c>
      <c r="D1000" s="1">
        <v>43126.73333333333</v>
      </c>
      <c r="E1000" s="1">
        <v>43126.95416666667</v>
      </c>
      <c r="F1000">
        <v>31660</v>
      </c>
      <c r="G1000">
        <v>200</v>
      </c>
      <c r="H1000">
        <v>0</v>
      </c>
      <c r="I1000">
        <v>0</v>
      </c>
      <c r="J1000">
        <v>0</v>
      </c>
      <c r="K1000">
        <v>0</v>
      </c>
      <c r="L1000">
        <v>0</v>
      </c>
      <c r="M1000">
        <v>2549</v>
      </c>
      <c r="N1000">
        <v>0</v>
      </c>
      <c r="O1000">
        <v>0</v>
      </c>
      <c r="P1000">
        <v>-14580</v>
      </c>
      <c r="Q1000">
        <v>0</v>
      </c>
      <c r="R1000">
        <v>19829</v>
      </c>
      <c r="S1000">
        <v>0</v>
      </c>
      <c r="T1000">
        <v>0</v>
      </c>
      <c r="U1000">
        <v>0</v>
      </c>
      <c r="V1000">
        <v>0</v>
      </c>
      <c r="W1000">
        <v>5</v>
      </c>
      <c r="X1000">
        <v>0</v>
      </c>
      <c r="Y1000">
        <v>57</v>
      </c>
      <c r="Z1000">
        <v>16</v>
      </c>
      <c r="AA1000">
        <v>136</v>
      </c>
      <c r="AB1000">
        <v>20</v>
      </c>
      <c r="AC1000">
        <v>106</v>
      </c>
      <c r="AD1000">
        <v>55</v>
      </c>
      <c r="AE1000">
        <v>117</v>
      </c>
      <c r="AF1000">
        <v>2539</v>
      </c>
      <c r="AG1000">
        <v>108591</v>
      </c>
      <c r="AH1000">
        <v>50000</v>
      </c>
      <c r="AI1000">
        <v>-10</v>
      </c>
      <c r="AJ1000">
        <v>108</v>
      </c>
      <c r="AK1000" t="s">
        <v>30</v>
      </c>
      <c r="AL1000">
        <v>0</v>
      </c>
      <c r="AM1000">
        <v>0</v>
      </c>
      <c r="AN1000">
        <v>0</v>
      </c>
      <c r="AO1000">
        <v>0</v>
      </c>
      <c r="AP1000">
        <v>0</v>
      </c>
      <c r="AQ1000">
        <v>0</v>
      </c>
      <c r="AR1000">
        <v>0</v>
      </c>
      <c r="AS1000">
        <v>0</v>
      </c>
      <c r="AT1000">
        <v>0</v>
      </c>
      <c r="AU1000">
        <v>0</v>
      </c>
      <c r="AV1000">
        <v>0</v>
      </c>
      <c r="AW1000">
        <v>0</v>
      </c>
      <c r="AX1000">
        <v>126640</v>
      </c>
      <c r="AY1000">
        <v>26</v>
      </c>
      <c r="AZ1000">
        <v>93</v>
      </c>
      <c r="BA1000">
        <v>3475</v>
      </c>
    </row>
    <row r="1001" spans="1:53" x14ac:dyDescent="0.4">
      <c r="A1001">
        <v>1045</v>
      </c>
      <c r="B1001" s="1">
        <v>43127</v>
      </c>
      <c r="C1001">
        <v>1</v>
      </c>
      <c r="D1001" s="1">
        <v>43127.291666666664</v>
      </c>
      <c r="E1001" s="1">
        <v>43127.40625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0</v>
      </c>
      <c r="O1001">
        <v>0</v>
      </c>
      <c r="P1001">
        <v>0</v>
      </c>
      <c r="Q1001">
        <v>0</v>
      </c>
      <c r="R1001">
        <v>0</v>
      </c>
      <c r="S1001">
        <v>0</v>
      </c>
      <c r="T1001">
        <v>0</v>
      </c>
      <c r="U1001">
        <v>0</v>
      </c>
      <c r="V1001">
        <v>0</v>
      </c>
      <c r="W1001">
        <v>0</v>
      </c>
      <c r="X1001">
        <v>0</v>
      </c>
      <c r="Y1001">
        <v>26</v>
      </c>
      <c r="Z1001">
        <v>16</v>
      </c>
      <c r="AA1001">
        <v>136</v>
      </c>
      <c r="AB1001">
        <v>17</v>
      </c>
      <c r="AC1001">
        <v>113</v>
      </c>
      <c r="AD1001">
        <v>58</v>
      </c>
      <c r="AE1001">
        <v>130</v>
      </c>
      <c r="AF1001">
        <v>0</v>
      </c>
      <c r="AG1001">
        <v>50000</v>
      </c>
      <c r="AH1001">
        <v>50000</v>
      </c>
      <c r="AI1001">
        <v>0</v>
      </c>
      <c r="AJ1001">
        <v>0</v>
      </c>
      <c r="AK1001" t="s">
        <v>6</v>
      </c>
      <c r="AL1001">
        <v>0</v>
      </c>
      <c r="AM1001">
        <v>0</v>
      </c>
      <c r="AN1001">
        <v>0</v>
      </c>
      <c r="AO1001">
        <v>0</v>
      </c>
      <c r="AP1001">
        <v>0</v>
      </c>
      <c r="AQ1001">
        <v>0</v>
      </c>
      <c r="AR1001">
        <v>0</v>
      </c>
      <c r="AS1001">
        <v>0</v>
      </c>
      <c r="AT1001">
        <v>0</v>
      </c>
      <c r="AU1001">
        <v>0</v>
      </c>
      <c r="AV1001">
        <v>0</v>
      </c>
      <c r="AW1001">
        <v>0</v>
      </c>
      <c r="AX1001">
        <v>0</v>
      </c>
      <c r="AY1001">
        <v>0</v>
      </c>
      <c r="AZ1001">
        <v>0</v>
      </c>
      <c r="BA1001">
        <v>0</v>
      </c>
    </row>
    <row r="1002" spans="1:53" x14ac:dyDescent="0.4">
      <c r="A1002">
        <v>1046</v>
      </c>
      <c r="B1002" s="1">
        <v>43127</v>
      </c>
      <c r="C1002">
        <v>2</v>
      </c>
      <c r="D1002" s="1">
        <v>43127.40625</v>
      </c>
      <c r="E1002" s="1">
        <v>43127.743055555555</v>
      </c>
      <c r="F1002">
        <v>42500</v>
      </c>
      <c r="G1002">
        <v>8010</v>
      </c>
      <c r="H1002">
        <v>0</v>
      </c>
      <c r="I1002">
        <v>0</v>
      </c>
      <c r="J1002">
        <v>0</v>
      </c>
      <c r="K1002">
        <v>0</v>
      </c>
      <c r="L1002">
        <v>0</v>
      </c>
      <c r="M1002">
        <v>4038</v>
      </c>
      <c r="N1002">
        <v>0</v>
      </c>
      <c r="O1002">
        <v>0</v>
      </c>
      <c r="P1002">
        <v>21060</v>
      </c>
      <c r="Q1002">
        <v>0</v>
      </c>
      <c r="R1002">
        <v>75608</v>
      </c>
      <c r="S1002">
        <v>0</v>
      </c>
      <c r="T1002">
        <v>0</v>
      </c>
      <c r="U1002">
        <v>0</v>
      </c>
      <c r="V1002">
        <v>2</v>
      </c>
      <c r="W1002">
        <v>1</v>
      </c>
      <c r="X1002">
        <v>0</v>
      </c>
      <c r="Y1002">
        <v>64</v>
      </c>
      <c r="Z1002">
        <v>31</v>
      </c>
      <c r="AA1002">
        <v>183</v>
      </c>
      <c r="AB1002">
        <v>18</v>
      </c>
      <c r="AC1002">
        <v>151</v>
      </c>
      <c r="AD1002">
        <v>55</v>
      </c>
      <c r="AE1002">
        <v>123</v>
      </c>
      <c r="AF1002">
        <v>0</v>
      </c>
      <c r="AG1002">
        <v>125608</v>
      </c>
      <c r="AH1002">
        <v>50000</v>
      </c>
      <c r="AI1002">
        <v>0</v>
      </c>
      <c r="AJ1002">
        <v>84</v>
      </c>
      <c r="AK1002" t="s">
        <v>16</v>
      </c>
      <c r="AL1002">
        <v>0</v>
      </c>
      <c r="AM1002">
        <v>0</v>
      </c>
      <c r="AN1002">
        <v>0</v>
      </c>
      <c r="AO1002">
        <v>0</v>
      </c>
      <c r="AP1002">
        <v>0</v>
      </c>
      <c r="AQ1002">
        <v>0</v>
      </c>
      <c r="AR1002">
        <v>0</v>
      </c>
      <c r="AS1002">
        <v>0</v>
      </c>
      <c r="AT1002">
        <v>0</v>
      </c>
      <c r="AU1002">
        <v>0</v>
      </c>
      <c r="AV1002">
        <v>0</v>
      </c>
      <c r="AW1002">
        <v>0</v>
      </c>
      <c r="AX1002">
        <v>2074</v>
      </c>
      <c r="AY1002">
        <v>48</v>
      </c>
      <c r="AZ1002">
        <v>111</v>
      </c>
      <c r="BA1002">
        <v>7520</v>
      </c>
    </row>
    <row r="1003" spans="1:53" x14ac:dyDescent="0.4">
      <c r="A1003">
        <v>1047</v>
      </c>
      <c r="B1003" s="1">
        <v>43128</v>
      </c>
      <c r="C1003">
        <v>1</v>
      </c>
      <c r="D1003" s="1">
        <v>43128.291666666664</v>
      </c>
      <c r="E1003" s="1">
        <v>43128.404861111114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0</v>
      </c>
      <c r="O1003">
        <v>0</v>
      </c>
      <c r="P1003">
        <v>0</v>
      </c>
      <c r="Q1003">
        <v>0</v>
      </c>
      <c r="R1003">
        <v>0</v>
      </c>
      <c r="S1003">
        <v>0</v>
      </c>
      <c r="T1003">
        <v>0</v>
      </c>
      <c r="U1003">
        <v>0</v>
      </c>
      <c r="V1003">
        <v>0</v>
      </c>
      <c r="W1003">
        <v>0</v>
      </c>
      <c r="X1003">
        <v>0</v>
      </c>
      <c r="Y1003">
        <v>28</v>
      </c>
      <c r="Z1003">
        <v>9</v>
      </c>
      <c r="AA1003">
        <v>154</v>
      </c>
      <c r="AB1003">
        <v>9</v>
      </c>
      <c r="AC1003">
        <v>126</v>
      </c>
      <c r="AD1003">
        <v>59</v>
      </c>
      <c r="AE1003">
        <v>95</v>
      </c>
      <c r="AF1003">
        <v>0</v>
      </c>
      <c r="AG1003">
        <v>50000</v>
      </c>
      <c r="AH1003">
        <v>50000</v>
      </c>
      <c r="AI1003">
        <v>0</v>
      </c>
      <c r="AJ1003">
        <v>0</v>
      </c>
      <c r="AK1003" t="s">
        <v>6</v>
      </c>
      <c r="AL1003">
        <v>0</v>
      </c>
      <c r="AM1003">
        <v>0</v>
      </c>
      <c r="AN1003">
        <v>0</v>
      </c>
      <c r="AO1003">
        <v>0</v>
      </c>
      <c r="AP1003">
        <v>0</v>
      </c>
      <c r="AQ1003">
        <v>0</v>
      </c>
      <c r="AR1003">
        <v>0</v>
      </c>
      <c r="AS1003">
        <v>0</v>
      </c>
      <c r="AT1003">
        <v>0</v>
      </c>
      <c r="AU1003">
        <v>0</v>
      </c>
      <c r="AV1003">
        <v>0</v>
      </c>
      <c r="AW1003">
        <v>0</v>
      </c>
      <c r="AX1003">
        <v>0</v>
      </c>
      <c r="AY1003">
        <v>0</v>
      </c>
      <c r="AZ1003">
        <v>0</v>
      </c>
      <c r="BA1003">
        <v>0</v>
      </c>
    </row>
    <row r="1004" spans="1:53" x14ac:dyDescent="0.4">
      <c r="A1004">
        <v>1048</v>
      </c>
      <c r="B1004" s="1">
        <v>43128</v>
      </c>
      <c r="C1004">
        <v>2</v>
      </c>
      <c r="D1004" s="1">
        <v>43128.404861111114</v>
      </c>
      <c r="E1004" s="1">
        <v>43128.732638888891</v>
      </c>
      <c r="F1004">
        <v>38500</v>
      </c>
      <c r="G1004">
        <v>6360</v>
      </c>
      <c r="H1004">
        <v>0</v>
      </c>
      <c r="I1004">
        <v>0</v>
      </c>
      <c r="J1004">
        <v>0</v>
      </c>
      <c r="K1004">
        <v>0</v>
      </c>
      <c r="L1004">
        <v>0</v>
      </c>
      <c r="M1004">
        <v>3587</v>
      </c>
      <c r="N1004">
        <v>0</v>
      </c>
      <c r="O1004">
        <v>0</v>
      </c>
      <c r="P1004">
        <v>18900</v>
      </c>
      <c r="Q1004">
        <v>0</v>
      </c>
      <c r="R1004">
        <v>67347</v>
      </c>
      <c r="S1004">
        <v>0</v>
      </c>
      <c r="T1004">
        <v>0</v>
      </c>
      <c r="U1004">
        <v>0</v>
      </c>
      <c r="V1004">
        <v>5</v>
      </c>
      <c r="W1004">
        <v>1</v>
      </c>
      <c r="X1004">
        <v>0</v>
      </c>
      <c r="Y1004">
        <v>22</v>
      </c>
      <c r="Z1004">
        <v>28</v>
      </c>
      <c r="AA1004">
        <v>194</v>
      </c>
      <c r="AB1004">
        <v>13</v>
      </c>
      <c r="AC1004">
        <v>165</v>
      </c>
      <c r="AD1004">
        <v>64</v>
      </c>
      <c r="AE1004">
        <v>97</v>
      </c>
      <c r="AF1004">
        <v>4232</v>
      </c>
      <c r="AG1004">
        <v>117349</v>
      </c>
      <c r="AH1004">
        <v>50000</v>
      </c>
      <c r="AI1004">
        <v>2</v>
      </c>
      <c r="AJ1004">
        <v>92</v>
      </c>
      <c r="AK1004" t="s">
        <v>22</v>
      </c>
      <c r="AL1004">
        <v>0</v>
      </c>
      <c r="AM1004">
        <v>0</v>
      </c>
      <c r="AN1004">
        <v>0</v>
      </c>
      <c r="AO1004">
        <v>0</v>
      </c>
      <c r="AP1004">
        <v>0</v>
      </c>
      <c r="AQ1004">
        <v>0</v>
      </c>
      <c r="AR1004">
        <v>0</v>
      </c>
      <c r="AS1004">
        <v>0</v>
      </c>
      <c r="AT1004">
        <v>0</v>
      </c>
      <c r="AU1004">
        <v>0</v>
      </c>
      <c r="AV1004">
        <v>0</v>
      </c>
      <c r="AW1004">
        <v>0</v>
      </c>
      <c r="AX1004">
        <v>2581</v>
      </c>
      <c r="AY1004">
        <v>47</v>
      </c>
      <c r="AZ1004">
        <v>101</v>
      </c>
      <c r="BA1004">
        <v>7434</v>
      </c>
    </row>
    <row r="1005" spans="1:53" x14ac:dyDescent="0.4">
      <c r="A1005">
        <v>1049</v>
      </c>
      <c r="B1005" s="1">
        <v>43129</v>
      </c>
      <c r="C1005">
        <v>1</v>
      </c>
      <c r="D1005" s="1">
        <v>43129.291666666664</v>
      </c>
      <c r="E1005" s="1">
        <v>43129.454861111109</v>
      </c>
      <c r="F1005">
        <v>0</v>
      </c>
      <c r="G1005">
        <v>0</v>
      </c>
      <c r="H1005">
        <v>0</v>
      </c>
      <c r="I1005">
        <v>0</v>
      </c>
      <c r="J1005">
        <v>0</v>
      </c>
      <c r="K1005">
        <v>0</v>
      </c>
      <c r="L1005">
        <v>0</v>
      </c>
      <c r="M1005">
        <v>0</v>
      </c>
      <c r="N1005">
        <v>0</v>
      </c>
      <c r="O1005">
        <v>0</v>
      </c>
      <c r="P1005">
        <v>0</v>
      </c>
      <c r="Q1005">
        <v>0</v>
      </c>
      <c r="R1005">
        <v>0</v>
      </c>
      <c r="S1005">
        <v>0</v>
      </c>
      <c r="T1005">
        <v>0</v>
      </c>
      <c r="U1005">
        <v>0</v>
      </c>
      <c r="V1005">
        <v>0</v>
      </c>
      <c r="W1005">
        <v>0</v>
      </c>
      <c r="X1005">
        <v>0</v>
      </c>
      <c r="Y1005">
        <v>29</v>
      </c>
      <c r="Z1005">
        <v>9</v>
      </c>
      <c r="AA1005">
        <v>144</v>
      </c>
      <c r="AB1005">
        <v>10</v>
      </c>
      <c r="AC1005">
        <v>117</v>
      </c>
      <c r="AD1005">
        <v>59</v>
      </c>
      <c r="AE1005">
        <v>95</v>
      </c>
      <c r="AF1005">
        <v>0</v>
      </c>
      <c r="AG1005">
        <v>49960</v>
      </c>
      <c r="AH1005">
        <v>0</v>
      </c>
      <c r="AI1005">
        <v>49960</v>
      </c>
      <c r="AJ1005">
        <v>0</v>
      </c>
      <c r="AK1005" t="s">
        <v>6</v>
      </c>
      <c r="AL1005">
        <v>0</v>
      </c>
      <c r="AM1005">
        <v>0</v>
      </c>
      <c r="AN1005">
        <v>0</v>
      </c>
      <c r="AO1005">
        <v>0</v>
      </c>
      <c r="AP1005">
        <v>0</v>
      </c>
      <c r="AQ1005">
        <v>0</v>
      </c>
      <c r="AR1005">
        <v>0</v>
      </c>
      <c r="AS1005">
        <v>0</v>
      </c>
      <c r="AT1005">
        <v>0</v>
      </c>
      <c r="AU1005">
        <v>0</v>
      </c>
      <c r="AV1005">
        <v>0</v>
      </c>
      <c r="AW1005">
        <v>0</v>
      </c>
      <c r="AX1005">
        <v>0</v>
      </c>
      <c r="AY1005">
        <v>0</v>
      </c>
      <c r="AZ1005">
        <v>0</v>
      </c>
      <c r="BA1005">
        <v>0</v>
      </c>
    </row>
    <row r="1006" spans="1:53" x14ac:dyDescent="0.4">
      <c r="A1006">
        <v>1050</v>
      </c>
      <c r="B1006" s="1">
        <v>43129</v>
      </c>
      <c r="C1006">
        <v>2</v>
      </c>
      <c r="D1006" s="1">
        <v>43129.454861111109</v>
      </c>
      <c r="E1006" s="1">
        <v>43129.756249999999</v>
      </c>
      <c r="F1006">
        <v>20500</v>
      </c>
      <c r="G1006">
        <v>389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1951</v>
      </c>
      <c r="N1006">
        <v>0</v>
      </c>
      <c r="O1006">
        <v>0</v>
      </c>
      <c r="P1006">
        <v>12960</v>
      </c>
      <c r="Q1006">
        <v>0</v>
      </c>
      <c r="R1006">
        <v>39301</v>
      </c>
      <c r="S1006">
        <v>0</v>
      </c>
      <c r="T1006">
        <v>0</v>
      </c>
      <c r="U1006">
        <v>0</v>
      </c>
      <c r="V1006">
        <v>0</v>
      </c>
      <c r="W1006">
        <v>4</v>
      </c>
      <c r="X1006">
        <v>0</v>
      </c>
      <c r="Y1006">
        <v>44</v>
      </c>
      <c r="Z1006">
        <v>13</v>
      </c>
      <c r="AA1006">
        <v>160</v>
      </c>
      <c r="AB1006">
        <v>8</v>
      </c>
      <c r="AC1006">
        <v>196</v>
      </c>
      <c r="AD1006">
        <v>60</v>
      </c>
      <c r="AE1006">
        <v>103</v>
      </c>
      <c r="AF1006">
        <v>0</v>
      </c>
      <c r="AG1006">
        <v>89263</v>
      </c>
      <c r="AH1006">
        <v>50000</v>
      </c>
      <c r="AI1006">
        <v>-38</v>
      </c>
      <c r="AJ1006">
        <v>96</v>
      </c>
      <c r="AK1006" t="s">
        <v>4</v>
      </c>
      <c r="AL1006">
        <v>0</v>
      </c>
      <c r="AM1006">
        <v>0</v>
      </c>
      <c r="AN1006">
        <v>0</v>
      </c>
      <c r="AO1006">
        <v>0</v>
      </c>
      <c r="AP1006">
        <v>0</v>
      </c>
      <c r="AQ1006">
        <v>0</v>
      </c>
      <c r="AR1006">
        <v>0</v>
      </c>
      <c r="AS1006">
        <v>0</v>
      </c>
      <c r="AT1006">
        <v>0</v>
      </c>
      <c r="AU1006">
        <v>0</v>
      </c>
      <c r="AV1006">
        <v>0</v>
      </c>
      <c r="AW1006">
        <v>0</v>
      </c>
      <c r="AX1006">
        <v>734</v>
      </c>
      <c r="AY1006">
        <v>35</v>
      </c>
      <c r="AZ1006">
        <v>63</v>
      </c>
      <c r="BA1006">
        <v>5205</v>
      </c>
    </row>
    <row r="1007" spans="1:53" x14ac:dyDescent="0.4">
      <c r="A1007">
        <v>1051</v>
      </c>
      <c r="B1007" s="1">
        <v>43129</v>
      </c>
      <c r="C1007">
        <v>3</v>
      </c>
      <c r="D1007" s="1">
        <v>43129.756249999999</v>
      </c>
      <c r="E1007" s="1">
        <v>43129.955555555556</v>
      </c>
      <c r="F1007">
        <v>23000</v>
      </c>
      <c r="G1007">
        <v>174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1979</v>
      </c>
      <c r="N1007">
        <v>0</v>
      </c>
      <c r="O1007">
        <v>0</v>
      </c>
      <c r="P1007">
        <v>-4320</v>
      </c>
      <c r="Q1007">
        <v>0</v>
      </c>
      <c r="R1007">
        <v>22399</v>
      </c>
      <c r="S1007">
        <v>0</v>
      </c>
      <c r="T1007">
        <v>0</v>
      </c>
      <c r="U1007">
        <v>0</v>
      </c>
      <c r="V1007">
        <v>3</v>
      </c>
      <c r="W1007">
        <v>2</v>
      </c>
      <c r="X1007">
        <v>0</v>
      </c>
      <c r="Y1007">
        <v>45</v>
      </c>
      <c r="Z1007">
        <v>13</v>
      </c>
      <c r="AA1007">
        <v>166</v>
      </c>
      <c r="AB1007">
        <v>13</v>
      </c>
      <c r="AC1007">
        <v>197</v>
      </c>
      <c r="AD1007">
        <v>60</v>
      </c>
      <c r="AE1007">
        <v>102</v>
      </c>
      <c r="AF1007">
        <v>540</v>
      </c>
      <c r="AG1007">
        <v>111662</v>
      </c>
      <c r="AH1007">
        <v>50000</v>
      </c>
      <c r="AI1007">
        <v>-38</v>
      </c>
      <c r="AJ1007">
        <v>29</v>
      </c>
      <c r="AK1007" t="s">
        <v>28</v>
      </c>
      <c r="AL1007">
        <v>0</v>
      </c>
      <c r="AM1007">
        <v>0</v>
      </c>
      <c r="AN1007">
        <v>0</v>
      </c>
      <c r="AO1007">
        <v>0</v>
      </c>
      <c r="AP1007">
        <v>0</v>
      </c>
      <c r="AQ1007">
        <v>0</v>
      </c>
      <c r="AR1007">
        <v>0</v>
      </c>
      <c r="AS1007">
        <v>0</v>
      </c>
      <c r="AT1007">
        <v>0</v>
      </c>
      <c r="AU1007">
        <v>0</v>
      </c>
      <c r="AV1007">
        <v>0</v>
      </c>
      <c r="AW1007">
        <v>0</v>
      </c>
      <c r="AX1007">
        <v>6480</v>
      </c>
      <c r="AY1007">
        <v>14</v>
      </c>
      <c r="AZ1007">
        <v>29</v>
      </c>
      <c r="BA1007">
        <v>1919</v>
      </c>
    </row>
    <row r="1008" spans="1:53" x14ac:dyDescent="0.4">
      <c r="A1008">
        <v>1052</v>
      </c>
      <c r="B1008" s="1">
        <v>43130</v>
      </c>
      <c r="C1008">
        <v>1</v>
      </c>
      <c r="D1008" s="1">
        <v>43130.291666666664</v>
      </c>
      <c r="E1008" s="1">
        <v>43130.448611111111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0</v>
      </c>
      <c r="O1008">
        <v>0</v>
      </c>
      <c r="P1008">
        <v>0</v>
      </c>
      <c r="Q1008">
        <v>0</v>
      </c>
      <c r="R1008">
        <v>0</v>
      </c>
      <c r="S1008">
        <v>0</v>
      </c>
      <c r="T1008">
        <v>0</v>
      </c>
      <c r="U1008">
        <v>0</v>
      </c>
      <c r="V1008">
        <v>0</v>
      </c>
      <c r="W1008">
        <v>0</v>
      </c>
      <c r="X1008">
        <v>0</v>
      </c>
      <c r="Y1008">
        <v>28</v>
      </c>
      <c r="Z1008">
        <v>10</v>
      </c>
      <c r="AA1008">
        <v>146</v>
      </c>
      <c r="AB1008">
        <v>18</v>
      </c>
      <c r="AC1008">
        <v>109</v>
      </c>
      <c r="AD1008">
        <v>61</v>
      </c>
      <c r="AE1008">
        <v>105</v>
      </c>
      <c r="AF1008">
        <v>0</v>
      </c>
      <c r="AG1008">
        <v>50000</v>
      </c>
      <c r="AH1008">
        <v>0</v>
      </c>
      <c r="AI1008">
        <v>50000</v>
      </c>
      <c r="AJ1008">
        <v>0</v>
      </c>
      <c r="AK1008" t="s">
        <v>6</v>
      </c>
      <c r="AL1008">
        <v>0</v>
      </c>
      <c r="AM1008">
        <v>0</v>
      </c>
      <c r="AN1008">
        <v>0</v>
      </c>
      <c r="AO1008">
        <v>0</v>
      </c>
      <c r="AP1008">
        <v>0</v>
      </c>
      <c r="AQ1008">
        <v>0</v>
      </c>
      <c r="AR1008">
        <v>0</v>
      </c>
      <c r="AS1008">
        <v>0</v>
      </c>
      <c r="AT1008">
        <v>0</v>
      </c>
      <c r="AU1008">
        <v>0</v>
      </c>
      <c r="AV1008">
        <v>0</v>
      </c>
      <c r="AW1008">
        <v>0</v>
      </c>
      <c r="AX1008">
        <v>0</v>
      </c>
      <c r="AY1008">
        <v>0</v>
      </c>
      <c r="AZ1008">
        <v>0</v>
      </c>
      <c r="BA1008">
        <v>0</v>
      </c>
    </row>
    <row r="1009" spans="1:53" x14ac:dyDescent="0.4">
      <c r="A1009">
        <v>1053</v>
      </c>
      <c r="B1009" s="1">
        <v>43131</v>
      </c>
      <c r="C1009">
        <v>1</v>
      </c>
      <c r="D1009" s="1">
        <v>43131.291666666664</v>
      </c>
      <c r="E1009" s="1">
        <v>43131.448611111111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0</v>
      </c>
      <c r="O1009">
        <v>0</v>
      </c>
      <c r="P1009">
        <v>0</v>
      </c>
      <c r="Q1009">
        <v>0</v>
      </c>
      <c r="R1009">
        <v>0</v>
      </c>
      <c r="S1009">
        <v>0</v>
      </c>
      <c r="T1009">
        <v>0</v>
      </c>
      <c r="U1009">
        <v>0</v>
      </c>
      <c r="V1009">
        <v>0</v>
      </c>
      <c r="W1009">
        <v>0</v>
      </c>
      <c r="X1009">
        <v>0</v>
      </c>
      <c r="Y1009">
        <v>26</v>
      </c>
      <c r="Z1009">
        <v>12</v>
      </c>
      <c r="AA1009">
        <v>156</v>
      </c>
      <c r="AB1009">
        <v>17</v>
      </c>
      <c r="AC1009">
        <v>117</v>
      </c>
      <c r="AD1009">
        <v>59</v>
      </c>
      <c r="AE1009">
        <v>85</v>
      </c>
      <c r="AF1009">
        <v>0</v>
      </c>
      <c r="AG1009">
        <v>50000</v>
      </c>
      <c r="AH1009">
        <v>0</v>
      </c>
      <c r="AI1009">
        <v>50000</v>
      </c>
      <c r="AJ1009">
        <v>0</v>
      </c>
      <c r="AK1009" t="s">
        <v>6</v>
      </c>
      <c r="AL1009">
        <v>0</v>
      </c>
      <c r="AM1009">
        <v>0</v>
      </c>
      <c r="AN1009">
        <v>0</v>
      </c>
      <c r="AO1009">
        <v>0</v>
      </c>
      <c r="AP1009">
        <v>0</v>
      </c>
      <c r="AQ1009">
        <v>0</v>
      </c>
      <c r="AR1009">
        <v>0</v>
      </c>
      <c r="AS1009">
        <v>0</v>
      </c>
      <c r="AT1009">
        <v>0</v>
      </c>
      <c r="AU1009">
        <v>0</v>
      </c>
      <c r="AV1009">
        <v>0</v>
      </c>
      <c r="AW1009">
        <v>0</v>
      </c>
      <c r="AX1009">
        <v>0</v>
      </c>
      <c r="AY1009">
        <v>0</v>
      </c>
      <c r="AZ1009">
        <v>0</v>
      </c>
      <c r="BA1009">
        <v>0</v>
      </c>
    </row>
    <row r="1010" spans="1:53" x14ac:dyDescent="0.4">
      <c r="A1010">
        <v>1054</v>
      </c>
      <c r="B1010" s="1">
        <v>43131</v>
      </c>
      <c r="C1010">
        <v>2</v>
      </c>
      <c r="D1010" s="1">
        <v>43131.448611111111</v>
      </c>
      <c r="E1010" s="1">
        <v>43131.740972222222</v>
      </c>
      <c r="F1010">
        <v>19500</v>
      </c>
      <c r="G1010">
        <v>100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1640</v>
      </c>
      <c r="N1010">
        <v>0</v>
      </c>
      <c r="O1010">
        <v>0</v>
      </c>
      <c r="P1010">
        <v>10260</v>
      </c>
      <c r="Q1010">
        <v>0</v>
      </c>
      <c r="R1010">
        <v>32400</v>
      </c>
      <c r="S1010">
        <v>0</v>
      </c>
      <c r="T1010">
        <v>0</v>
      </c>
      <c r="U1010">
        <v>0</v>
      </c>
      <c r="V1010">
        <v>1</v>
      </c>
      <c r="W1010">
        <v>4</v>
      </c>
      <c r="X1010">
        <v>0</v>
      </c>
      <c r="Y1010">
        <v>27</v>
      </c>
      <c r="Z1010">
        <v>17</v>
      </c>
      <c r="AA1010">
        <v>140</v>
      </c>
      <c r="AB1010">
        <v>19</v>
      </c>
      <c r="AC1010">
        <v>156</v>
      </c>
      <c r="AD1010">
        <v>61</v>
      </c>
      <c r="AE1010">
        <v>85</v>
      </c>
      <c r="AF1010">
        <v>0</v>
      </c>
      <c r="AG1010">
        <v>82400</v>
      </c>
      <c r="AH1010">
        <v>50000</v>
      </c>
      <c r="AI1010">
        <v>0</v>
      </c>
      <c r="AJ1010">
        <v>97</v>
      </c>
      <c r="AK1010" t="s">
        <v>13</v>
      </c>
      <c r="AL1010">
        <v>0</v>
      </c>
      <c r="AM1010">
        <v>0</v>
      </c>
      <c r="AN1010">
        <v>0</v>
      </c>
      <c r="AO1010">
        <v>0</v>
      </c>
      <c r="AP1010">
        <v>0</v>
      </c>
      <c r="AQ1010">
        <v>0</v>
      </c>
      <c r="AR1010">
        <v>0</v>
      </c>
      <c r="AS1010">
        <v>0</v>
      </c>
      <c r="AT1010">
        <v>0</v>
      </c>
      <c r="AU1010">
        <v>0</v>
      </c>
      <c r="AV1010">
        <v>0</v>
      </c>
      <c r="AW1010">
        <v>0</v>
      </c>
      <c r="AX1010">
        <v>1576</v>
      </c>
      <c r="AY1010">
        <v>29</v>
      </c>
      <c r="AZ1010">
        <v>58</v>
      </c>
      <c r="BA1010">
        <v>4237</v>
      </c>
    </row>
    <row r="1011" spans="1:53" x14ac:dyDescent="0.4">
      <c r="A1011">
        <v>1055</v>
      </c>
      <c r="B1011" s="1">
        <v>43131</v>
      </c>
      <c r="C1011">
        <v>3</v>
      </c>
      <c r="D1011" s="1">
        <v>43131.740972222222</v>
      </c>
      <c r="E1011" s="1">
        <v>43132.011111111111</v>
      </c>
      <c r="F1011">
        <v>70250</v>
      </c>
      <c r="G1011">
        <v>646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6136</v>
      </c>
      <c r="N1011">
        <v>0</v>
      </c>
      <c r="O1011">
        <v>0</v>
      </c>
      <c r="P1011">
        <v>-5076</v>
      </c>
      <c r="Q1011">
        <v>0</v>
      </c>
      <c r="R1011">
        <v>77770</v>
      </c>
      <c r="S1011">
        <v>0</v>
      </c>
      <c r="T1011">
        <v>0</v>
      </c>
      <c r="U1011">
        <v>0</v>
      </c>
      <c r="V1011">
        <v>4</v>
      </c>
      <c r="W1011">
        <v>4</v>
      </c>
      <c r="X1011">
        <v>0</v>
      </c>
      <c r="Y1011">
        <v>68</v>
      </c>
      <c r="Z1011">
        <v>19</v>
      </c>
      <c r="AA1011">
        <v>163</v>
      </c>
      <c r="AB1011">
        <v>24</v>
      </c>
      <c r="AC1011">
        <v>154</v>
      </c>
      <c r="AD1011">
        <v>60</v>
      </c>
      <c r="AE1011">
        <v>90</v>
      </c>
      <c r="AF1011">
        <v>3240</v>
      </c>
      <c r="AG1011">
        <v>160170</v>
      </c>
      <c r="AH1011">
        <v>50000</v>
      </c>
      <c r="AI1011">
        <v>0</v>
      </c>
      <c r="AJ1011">
        <v>29</v>
      </c>
      <c r="AK1011" t="s">
        <v>28</v>
      </c>
      <c r="AL1011">
        <v>0</v>
      </c>
      <c r="AM1011">
        <v>0</v>
      </c>
      <c r="AN1011">
        <v>0</v>
      </c>
      <c r="AO1011">
        <v>0</v>
      </c>
      <c r="AP1011">
        <v>0</v>
      </c>
      <c r="AQ1011">
        <v>0</v>
      </c>
      <c r="AR1011">
        <v>0</v>
      </c>
      <c r="AS1011">
        <v>0</v>
      </c>
      <c r="AT1011">
        <v>0</v>
      </c>
      <c r="AU1011">
        <v>0</v>
      </c>
      <c r="AV1011">
        <v>0</v>
      </c>
      <c r="AW1011">
        <v>0</v>
      </c>
      <c r="AX1011">
        <v>71441</v>
      </c>
      <c r="AY1011">
        <v>22</v>
      </c>
      <c r="AZ1011">
        <v>84</v>
      </c>
      <c r="BA1011">
        <v>3090</v>
      </c>
    </row>
    <row r="1012" spans="1:53" x14ac:dyDescent="0.4">
      <c r="A1012">
        <v>1056</v>
      </c>
      <c r="B1012" s="1">
        <v>43132</v>
      </c>
      <c r="C1012">
        <v>1</v>
      </c>
      <c r="D1012" s="1">
        <v>43132.291666666664</v>
      </c>
      <c r="E1012" s="1">
        <v>43132.451388888891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  <c r="M1012">
        <v>0</v>
      </c>
      <c r="N1012">
        <v>0</v>
      </c>
      <c r="O1012">
        <v>0</v>
      </c>
      <c r="P1012">
        <v>0</v>
      </c>
      <c r="Q1012">
        <v>0</v>
      </c>
      <c r="R1012">
        <v>0</v>
      </c>
      <c r="S1012">
        <v>0</v>
      </c>
      <c r="T1012">
        <v>0</v>
      </c>
      <c r="U1012">
        <v>0</v>
      </c>
      <c r="V1012">
        <v>0</v>
      </c>
      <c r="W1012">
        <v>0</v>
      </c>
      <c r="X1012">
        <v>0</v>
      </c>
      <c r="Y1012">
        <v>26</v>
      </c>
      <c r="Z1012">
        <v>19</v>
      </c>
      <c r="AA1012">
        <v>114</v>
      </c>
      <c r="AB1012">
        <v>23</v>
      </c>
      <c r="AC1012">
        <v>156</v>
      </c>
      <c r="AD1012">
        <v>60</v>
      </c>
      <c r="AE1012">
        <v>90</v>
      </c>
      <c r="AF1012">
        <v>0</v>
      </c>
      <c r="AG1012">
        <v>50000</v>
      </c>
      <c r="AH1012">
        <v>0</v>
      </c>
      <c r="AI1012">
        <v>50000</v>
      </c>
      <c r="AJ1012">
        <v>0</v>
      </c>
      <c r="AK1012" t="s">
        <v>6</v>
      </c>
      <c r="AL1012">
        <v>0</v>
      </c>
      <c r="AM1012">
        <v>0</v>
      </c>
      <c r="AN1012">
        <v>0</v>
      </c>
      <c r="AO1012">
        <v>0</v>
      </c>
      <c r="AP1012">
        <v>0</v>
      </c>
      <c r="AQ1012">
        <v>0</v>
      </c>
      <c r="AR1012">
        <v>0</v>
      </c>
      <c r="AS1012">
        <v>0</v>
      </c>
      <c r="AT1012">
        <v>0</v>
      </c>
      <c r="AU1012">
        <v>0</v>
      </c>
      <c r="AV1012">
        <v>0</v>
      </c>
      <c r="AW1012">
        <v>0</v>
      </c>
      <c r="AX1012">
        <v>0</v>
      </c>
      <c r="AY1012">
        <v>0</v>
      </c>
      <c r="AZ1012">
        <v>0</v>
      </c>
      <c r="BA1012">
        <v>0</v>
      </c>
    </row>
    <row r="1013" spans="1:53" x14ac:dyDescent="0.4">
      <c r="A1013">
        <v>1057</v>
      </c>
      <c r="B1013" s="1">
        <v>43132</v>
      </c>
      <c r="C1013">
        <v>2</v>
      </c>
      <c r="D1013" s="1">
        <v>43132.451388888891</v>
      </c>
      <c r="E1013" s="1">
        <v>43132.759722222225</v>
      </c>
      <c r="F1013">
        <v>20500</v>
      </c>
      <c r="G1013">
        <v>369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1934</v>
      </c>
      <c r="N1013">
        <v>0</v>
      </c>
      <c r="O1013">
        <v>0</v>
      </c>
      <c r="P1013">
        <v>9180</v>
      </c>
      <c r="Q1013">
        <v>0</v>
      </c>
      <c r="R1013">
        <v>35304</v>
      </c>
      <c r="S1013">
        <v>0</v>
      </c>
      <c r="T1013">
        <v>0</v>
      </c>
      <c r="U1013">
        <v>0</v>
      </c>
      <c r="V1013">
        <v>1</v>
      </c>
      <c r="W1013">
        <v>2</v>
      </c>
      <c r="X1013">
        <v>0</v>
      </c>
      <c r="Y1013">
        <v>29</v>
      </c>
      <c r="Z1013">
        <v>29</v>
      </c>
      <c r="AA1013">
        <v>177</v>
      </c>
      <c r="AB1013">
        <v>26</v>
      </c>
      <c r="AC1013">
        <v>185</v>
      </c>
      <c r="AD1013">
        <v>65</v>
      </c>
      <c r="AE1013">
        <v>89</v>
      </c>
      <c r="AF1013">
        <v>540</v>
      </c>
      <c r="AG1013">
        <v>85304</v>
      </c>
      <c r="AH1013">
        <v>50000</v>
      </c>
      <c r="AI1013">
        <v>0</v>
      </c>
      <c r="AJ1013">
        <v>96</v>
      </c>
      <c r="AK1013" t="s">
        <v>4</v>
      </c>
      <c r="AL1013">
        <v>0</v>
      </c>
      <c r="AM1013">
        <v>0</v>
      </c>
      <c r="AN1013">
        <v>0</v>
      </c>
      <c r="AO1013">
        <v>0</v>
      </c>
      <c r="AP1013">
        <v>0</v>
      </c>
      <c r="AQ1013">
        <v>0</v>
      </c>
      <c r="AR1013">
        <v>0</v>
      </c>
      <c r="AS1013">
        <v>0</v>
      </c>
      <c r="AT1013">
        <v>0</v>
      </c>
      <c r="AU1013">
        <v>0</v>
      </c>
      <c r="AV1013">
        <v>0</v>
      </c>
      <c r="AW1013">
        <v>0</v>
      </c>
      <c r="AX1013">
        <v>1674</v>
      </c>
      <c r="AY1013">
        <v>31</v>
      </c>
      <c r="AZ1013">
        <v>57</v>
      </c>
      <c r="BA1013">
        <v>4517</v>
      </c>
    </row>
    <row r="1014" spans="1:53" x14ac:dyDescent="0.4">
      <c r="A1014">
        <v>1058</v>
      </c>
      <c r="B1014" s="1">
        <v>43132</v>
      </c>
      <c r="C1014">
        <v>3</v>
      </c>
      <c r="D1014" s="1">
        <v>43132.759722222225</v>
      </c>
      <c r="E1014" s="1">
        <v>43132.959027777775</v>
      </c>
      <c r="F1014">
        <v>24900</v>
      </c>
      <c r="G1014">
        <v>3410</v>
      </c>
      <c r="H1014">
        <v>0</v>
      </c>
      <c r="I1014">
        <v>0</v>
      </c>
      <c r="J1014">
        <v>0</v>
      </c>
      <c r="K1014">
        <v>0</v>
      </c>
      <c r="L1014">
        <v>0</v>
      </c>
      <c r="M1014">
        <v>2265</v>
      </c>
      <c r="N1014">
        <v>0</v>
      </c>
      <c r="O1014">
        <v>0</v>
      </c>
      <c r="P1014">
        <v>-6588</v>
      </c>
      <c r="Q1014">
        <v>0</v>
      </c>
      <c r="R1014">
        <v>23987</v>
      </c>
      <c r="S1014">
        <v>0</v>
      </c>
      <c r="T1014">
        <v>0</v>
      </c>
      <c r="U1014">
        <v>0</v>
      </c>
      <c r="V1014">
        <v>2</v>
      </c>
      <c r="W1014">
        <v>2</v>
      </c>
      <c r="X1014">
        <v>0</v>
      </c>
      <c r="Y1014">
        <v>44</v>
      </c>
      <c r="Z1014">
        <v>27</v>
      </c>
      <c r="AA1014">
        <v>175</v>
      </c>
      <c r="AB1014">
        <v>28</v>
      </c>
      <c r="AC1014">
        <v>195</v>
      </c>
      <c r="AD1014">
        <v>64</v>
      </c>
      <c r="AE1014">
        <v>81</v>
      </c>
      <c r="AF1014">
        <v>540</v>
      </c>
      <c r="AG1014">
        <v>109291</v>
      </c>
      <c r="AH1014">
        <v>50000</v>
      </c>
      <c r="AI1014">
        <v>0</v>
      </c>
      <c r="AJ1014">
        <v>100</v>
      </c>
      <c r="AK1014" t="s">
        <v>0</v>
      </c>
      <c r="AL1014">
        <v>0</v>
      </c>
      <c r="AM1014">
        <v>0</v>
      </c>
      <c r="AN1014">
        <v>0</v>
      </c>
      <c r="AO1014">
        <v>0</v>
      </c>
      <c r="AP1014">
        <v>0</v>
      </c>
      <c r="AQ1014">
        <v>0</v>
      </c>
      <c r="AR1014">
        <v>0</v>
      </c>
      <c r="AS1014">
        <v>0</v>
      </c>
      <c r="AT1014">
        <v>0</v>
      </c>
      <c r="AU1014">
        <v>0</v>
      </c>
      <c r="AV1014">
        <v>0</v>
      </c>
      <c r="AW1014">
        <v>0</v>
      </c>
      <c r="AX1014">
        <v>17604</v>
      </c>
      <c r="AY1014">
        <v>12</v>
      </c>
      <c r="AZ1014">
        <v>38</v>
      </c>
      <c r="BA1014">
        <v>1895</v>
      </c>
    </row>
    <row r="1015" spans="1:53" x14ac:dyDescent="0.4">
      <c r="A1015">
        <v>1059</v>
      </c>
      <c r="B1015" s="1">
        <v>43132</v>
      </c>
      <c r="C1015">
        <v>4</v>
      </c>
      <c r="D1015" s="1">
        <v>43132.959027777775</v>
      </c>
      <c r="E1015" s="1">
        <v>43133.068749999999</v>
      </c>
      <c r="F1015">
        <v>3500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  <c r="M1015">
        <v>2800</v>
      </c>
      <c r="N1015">
        <v>0</v>
      </c>
      <c r="O1015">
        <v>0</v>
      </c>
      <c r="P1015">
        <v>11556</v>
      </c>
      <c r="Q1015">
        <v>0</v>
      </c>
      <c r="R1015">
        <v>49356</v>
      </c>
      <c r="S1015">
        <v>0</v>
      </c>
      <c r="T1015">
        <v>0</v>
      </c>
      <c r="U1015">
        <v>0</v>
      </c>
      <c r="V1015">
        <v>6</v>
      </c>
      <c r="W1015">
        <v>3</v>
      </c>
      <c r="X1015">
        <v>0</v>
      </c>
      <c r="Y1015">
        <v>38</v>
      </c>
      <c r="Z1015">
        <v>24</v>
      </c>
      <c r="AA1015">
        <v>180</v>
      </c>
      <c r="AB1015">
        <v>28</v>
      </c>
      <c r="AC1015">
        <v>192</v>
      </c>
      <c r="AD1015">
        <v>60</v>
      </c>
      <c r="AE1015">
        <v>82</v>
      </c>
      <c r="AF1015">
        <v>11945</v>
      </c>
      <c r="AG1015">
        <v>158647</v>
      </c>
      <c r="AH1015">
        <v>50000</v>
      </c>
      <c r="AI1015">
        <v>0</v>
      </c>
      <c r="AJ1015">
        <v>100</v>
      </c>
      <c r="AK1015" t="s">
        <v>0</v>
      </c>
      <c r="AL1015">
        <v>0</v>
      </c>
      <c r="AM1015">
        <v>0</v>
      </c>
      <c r="AN1015">
        <v>0</v>
      </c>
      <c r="AO1015">
        <v>0</v>
      </c>
      <c r="AP1015">
        <v>0</v>
      </c>
      <c r="AQ1015">
        <v>0</v>
      </c>
      <c r="AR1015">
        <v>0</v>
      </c>
      <c r="AS1015">
        <v>0</v>
      </c>
      <c r="AT1015">
        <v>0</v>
      </c>
      <c r="AU1015">
        <v>0</v>
      </c>
      <c r="AV1015">
        <v>0</v>
      </c>
      <c r="AW1015">
        <v>0</v>
      </c>
      <c r="AX1015">
        <v>1048</v>
      </c>
      <c r="AY1015">
        <v>6</v>
      </c>
      <c r="AZ1015">
        <v>14</v>
      </c>
      <c r="BA1015">
        <v>815</v>
      </c>
    </row>
    <row r="1016" spans="1:53" x14ac:dyDescent="0.4">
      <c r="A1016">
        <v>1060</v>
      </c>
      <c r="B1016" s="1">
        <v>43133</v>
      </c>
      <c r="C1016">
        <v>1</v>
      </c>
      <c r="D1016" s="1">
        <v>43133.291666666664</v>
      </c>
      <c r="E1016" s="1">
        <v>43133.449305555558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  <c r="M1016">
        <v>0</v>
      </c>
      <c r="N1016">
        <v>0</v>
      </c>
      <c r="O1016">
        <v>0</v>
      </c>
      <c r="P1016">
        <v>0</v>
      </c>
      <c r="Q1016">
        <v>0</v>
      </c>
      <c r="R1016">
        <v>0</v>
      </c>
      <c r="S1016">
        <v>0</v>
      </c>
      <c r="T1016">
        <v>0</v>
      </c>
      <c r="U1016">
        <v>0</v>
      </c>
      <c r="V1016">
        <v>0</v>
      </c>
      <c r="W1016">
        <v>0</v>
      </c>
      <c r="X1016">
        <v>0</v>
      </c>
      <c r="Y1016">
        <v>24</v>
      </c>
      <c r="Z1016">
        <v>10</v>
      </c>
      <c r="AA1016">
        <v>174</v>
      </c>
      <c r="AB1016">
        <v>26</v>
      </c>
      <c r="AC1016">
        <v>191</v>
      </c>
      <c r="AD1016">
        <v>61</v>
      </c>
      <c r="AE1016">
        <v>85</v>
      </c>
      <c r="AF1016">
        <v>0</v>
      </c>
      <c r="AG1016">
        <v>50000</v>
      </c>
      <c r="AH1016">
        <v>0</v>
      </c>
      <c r="AI1016">
        <v>50000</v>
      </c>
      <c r="AJ1016">
        <v>0</v>
      </c>
      <c r="AK1016" t="s">
        <v>6</v>
      </c>
      <c r="AL1016">
        <v>0</v>
      </c>
      <c r="AM1016">
        <v>0</v>
      </c>
      <c r="AN1016">
        <v>0</v>
      </c>
      <c r="AO1016">
        <v>0</v>
      </c>
      <c r="AP1016">
        <v>0</v>
      </c>
      <c r="AQ1016">
        <v>0</v>
      </c>
      <c r="AR1016">
        <v>0</v>
      </c>
      <c r="AS1016">
        <v>0</v>
      </c>
      <c r="AT1016">
        <v>0</v>
      </c>
      <c r="AU1016">
        <v>0</v>
      </c>
      <c r="AV1016">
        <v>0</v>
      </c>
      <c r="AW1016">
        <v>0</v>
      </c>
      <c r="AX1016">
        <v>0</v>
      </c>
      <c r="AY1016">
        <v>0</v>
      </c>
      <c r="AZ1016">
        <v>0</v>
      </c>
      <c r="BA1016">
        <v>0</v>
      </c>
    </row>
    <row r="1017" spans="1:53" x14ac:dyDescent="0.4">
      <c r="A1017">
        <v>1061</v>
      </c>
      <c r="B1017" s="1">
        <v>43133</v>
      </c>
      <c r="C1017">
        <v>2</v>
      </c>
      <c r="D1017" s="1">
        <v>43133.449305555558</v>
      </c>
      <c r="E1017" s="1">
        <v>43133.741666666669</v>
      </c>
      <c r="F1017">
        <v>22000</v>
      </c>
      <c r="G1017">
        <v>45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1796</v>
      </c>
      <c r="N1017">
        <v>0</v>
      </c>
      <c r="O1017">
        <v>0</v>
      </c>
      <c r="P1017">
        <v>14040</v>
      </c>
      <c r="Q1017">
        <v>0</v>
      </c>
      <c r="R1017">
        <v>38286</v>
      </c>
      <c r="S1017">
        <v>0</v>
      </c>
      <c r="T1017">
        <v>0</v>
      </c>
      <c r="U1017">
        <v>0</v>
      </c>
      <c r="V1017">
        <v>1</v>
      </c>
      <c r="W1017">
        <v>1</v>
      </c>
      <c r="X1017">
        <v>0</v>
      </c>
      <c r="Y1017">
        <v>37</v>
      </c>
      <c r="Z1017">
        <v>24</v>
      </c>
      <c r="AA1017">
        <v>195</v>
      </c>
      <c r="AB1017">
        <v>33</v>
      </c>
      <c r="AC1017">
        <v>271</v>
      </c>
      <c r="AD1017">
        <v>68</v>
      </c>
      <c r="AE1017">
        <v>86</v>
      </c>
      <c r="AF1017">
        <v>0</v>
      </c>
      <c r="AG1017">
        <v>88286</v>
      </c>
      <c r="AH1017">
        <v>50000</v>
      </c>
      <c r="AI1017">
        <v>0</v>
      </c>
      <c r="AJ1017">
        <v>97</v>
      </c>
      <c r="AK1017" t="s">
        <v>13</v>
      </c>
      <c r="AL1017">
        <v>0</v>
      </c>
      <c r="AM1017">
        <v>0</v>
      </c>
      <c r="AN1017">
        <v>0</v>
      </c>
      <c r="AO1017">
        <v>0</v>
      </c>
      <c r="AP1017">
        <v>0</v>
      </c>
      <c r="AQ1017">
        <v>0</v>
      </c>
      <c r="AR1017">
        <v>0</v>
      </c>
      <c r="AS1017">
        <v>0</v>
      </c>
      <c r="AT1017">
        <v>0</v>
      </c>
      <c r="AU1017">
        <v>0</v>
      </c>
      <c r="AV1017">
        <v>0</v>
      </c>
      <c r="AW1017">
        <v>0</v>
      </c>
      <c r="AX1017">
        <v>1738</v>
      </c>
      <c r="AY1017">
        <v>36</v>
      </c>
      <c r="AZ1017">
        <v>70</v>
      </c>
      <c r="BA1017">
        <v>5114</v>
      </c>
    </row>
    <row r="1018" spans="1:53" x14ac:dyDescent="0.4">
      <c r="A1018">
        <v>1062</v>
      </c>
      <c r="B1018" s="1">
        <v>43134</v>
      </c>
      <c r="C1018">
        <v>1</v>
      </c>
      <c r="D1018" s="1">
        <v>43134.291666666664</v>
      </c>
      <c r="E1018" s="1">
        <v>43134.404861111114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0</v>
      </c>
      <c r="O1018">
        <v>0</v>
      </c>
      <c r="P1018">
        <v>0</v>
      </c>
      <c r="Q1018">
        <v>0</v>
      </c>
      <c r="R1018">
        <v>0</v>
      </c>
      <c r="S1018">
        <v>0</v>
      </c>
      <c r="T1018">
        <v>0</v>
      </c>
      <c r="U1018">
        <v>0</v>
      </c>
      <c r="V1018">
        <v>0</v>
      </c>
      <c r="W1018">
        <v>0</v>
      </c>
      <c r="X1018">
        <v>0</v>
      </c>
      <c r="Y1018">
        <v>27</v>
      </c>
      <c r="Z1018">
        <v>11</v>
      </c>
      <c r="AA1018">
        <v>143</v>
      </c>
      <c r="AB1018">
        <v>28</v>
      </c>
      <c r="AC1018">
        <v>143</v>
      </c>
      <c r="AD1018">
        <v>61</v>
      </c>
      <c r="AE1018">
        <v>65</v>
      </c>
      <c r="AF1018">
        <v>0</v>
      </c>
      <c r="AG1018">
        <v>50000</v>
      </c>
      <c r="AH1018">
        <v>50000</v>
      </c>
      <c r="AI1018">
        <v>0</v>
      </c>
      <c r="AJ1018">
        <v>0</v>
      </c>
      <c r="AK1018" t="s">
        <v>6</v>
      </c>
      <c r="AL1018">
        <v>0</v>
      </c>
      <c r="AM1018">
        <v>0</v>
      </c>
      <c r="AN1018">
        <v>0</v>
      </c>
      <c r="AO1018">
        <v>0</v>
      </c>
      <c r="AP1018">
        <v>0</v>
      </c>
      <c r="AQ1018">
        <v>0</v>
      </c>
      <c r="AR1018">
        <v>0</v>
      </c>
      <c r="AS1018">
        <v>0</v>
      </c>
      <c r="AT1018">
        <v>0</v>
      </c>
      <c r="AU1018">
        <v>0</v>
      </c>
      <c r="AV1018">
        <v>0</v>
      </c>
      <c r="AW1018">
        <v>0</v>
      </c>
      <c r="AX1018">
        <v>0</v>
      </c>
      <c r="AY1018">
        <v>0</v>
      </c>
      <c r="AZ1018">
        <v>0</v>
      </c>
      <c r="BA1018">
        <v>0</v>
      </c>
    </row>
    <row r="1019" spans="1:53" x14ac:dyDescent="0.4">
      <c r="A1019">
        <v>1063</v>
      </c>
      <c r="B1019" s="1">
        <v>43134</v>
      </c>
      <c r="C1019">
        <v>2</v>
      </c>
      <c r="D1019" s="1">
        <v>43134.404861111114</v>
      </c>
      <c r="E1019" s="1">
        <v>43134.740277777775</v>
      </c>
      <c r="F1019">
        <v>38750</v>
      </c>
      <c r="G1019">
        <v>361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3389</v>
      </c>
      <c r="N1019">
        <v>0</v>
      </c>
      <c r="O1019">
        <v>0</v>
      </c>
      <c r="P1019">
        <v>18900</v>
      </c>
      <c r="Q1019">
        <v>0</v>
      </c>
      <c r="R1019">
        <v>64649</v>
      </c>
      <c r="S1019">
        <v>0</v>
      </c>
      <c r="T1019">
        <v>0</v>
      </c>
      <c r="U1019">
        <v>0</v>
      </c>
      <c r="V1019">
        <v>1</v>
      </c>
      <c r="W1019">
        <v>1</v>
      </c>
      <c r="X1019">
        <v>0</v>
      </c>
      <c r="Y1019">
        <v>61</v>
      </c>
      <c r="Z1019">
        <v>32</v>
      </c>
      <c r="AA1019">
        <v>159</v>
      </c>
      <c r="AB1019">
        <v>40</v>
      </c>
      <c r="AC1019">
        <v>218</v>
      </c>
      <c r="AD1019">
        <v>59</v>
      </c>
      <c r="AE1019">
        <v>60</v>
      </c>
      <c r="AF1019">
        <v>2214</v>
      </c>
      <c r="AG1019">
        <v>114649</v>
      </c>
      <c r="AH1019">
        <v>50000</v>
      </c>
      <c r="AI1019">
        <v>0</v>
      </c>
      <c r="AJ1019">
        <v>84</v>
      </c>
      <c r="AK1019" t="s">
        <v>16</v>
      </c>
      <c r="AL1019">
        <v>0</v>
      </c>
      <c r="AM1019">
        <v>0</v>
      </c>
      <c r="AN1019">
        <v>0</v>
      </c>
      <c r="AO1019">
        <v>0</v>
      </c>
      <c r="AP1019">
        <v>0</v>
      </c>
      <c r="AQ1019">
        <v>0</v>
      </c>
      <c r="AR1019">
        <v>0</v>
      </c>
      <c r="AS1019">
        <v>0</v>
      </c>
      <c r="AT1019">
        <v>0</v>
      </c>
      <c r="AU1019">
        <v>0</v>
      </c>
      <c r="AV1019">
        <v>0</v>
      </c>
      <c r="AW1019">
        <v>0</v>
      </c>
      <c r="AX1019">
        <v>248</v>
      </c>
      <c r="AY1019">
        <v>45</v>
      </c>
      <c r="AZ1019">
        <v>106</v>
      </c>
      <c r="BA1019">
        <v>7298</v>
      </c>
    </row>
    <row r="1020" spans="1:53" x14ac:dyDescent="0.4">
      <c r="A1020">
        <v>1064</v>
      </c>
      <c r="B1020" s="1">
        <v>43135</v>
      </c>
      <c r="C1020">
        <v>1</v>
      </c>
      <c r="D1020" s="1">
        <v>43135.291666666664</v>
      </c>
      <c r="E1020" s="1">
        <v>43135.409722222219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0</v>
      </c>
      <c r="O1020">
        <v>0</v>
      </c>
      <c r="P1020">
        <v>0</v>
      </c>
      <c r="Q1020">
        <v>0</v>
      </c>
      <c r="R1020">
        <v>0</v>
      </c>
      <c r="S1020">
        <v>0</v>
      </c>
      <c r="T1020">
        <v>0</v>
      </c>
      <c r="U1020">
        <v>0</v>
      </c>
      <c r="V1020">
        <v>0</v>
      </c>
      <c r="W1020">
        <v>0</v>
      </c>
      <c r="X1020">
        <v>0</v>
      </c>
      <c r="Y1020">
        <v>26</v>
      </c>
      <c r="Z1020">
        <v>8</v>
      </c>
      <c r="AA1020">
        <v>162</v>
      </c>
      <c r="AB1020">
        <v>41</v>
      </c>
      <c r="AC1020">
        <v>144</v>
      </c>
      <c r="AD1020">
        <v>56</v>
      </c>
      <c r="AE1020">
        <v>30</v>
      </c>
      <c r="AF1020">
        <v>0</v>
      </c>
      <c r="AG1020">
        <v>50000</v>
      </c>
      <c r="AH1020">
        <v>50000</v>
      </c>
      <c r="AI1020">
        <v>0</v>
      </c>
      <c r="AJ1020">
        <v>0</v>
      </c>
      <c r="AK1020" t="s">
        <v>6</v>
      </c>
      <c r="AL1020">
        <v>0</v>
      </c>
      <c r="AM1020">
        <v>0</v>
      </c>
      <c r="AN1020">
        <v>0</v>
      </c>
      <c r="AO1020">
        <v>0</v>
      </c>
      <c r="AP1020">
        <v>0</v>
      </c>
      <c r="AQ1020">
        <v>0</v>
      </c>
      <c r="AR1020">
        <v>0</v>
      </c>
      <c r="AS1020">
        <v>0</v>
      </c>
      <c r="AT1020">
        <v>0</v>
      </c>
      <c r="AU1020">
        <v>0</v>
      </c>
      <c r="AV1020">
        <v>0</v>
      </c>
      <c r="AW1020">
        <v>0</v>
      </c>
      <c r="AX1020">
        <v>0</v>
      </c>
      <c r="AY1020">
        <v>0</v>
      </c>
      <c r="AZ1020">
        <v>0</v>
      </c>
      <c r="BA1020">
        <v>0</v>
      </c>
    </row>
    <row r="1021" spans="1:53" x14ac:dyDescent="0.4">
      <c r="A1021">
        <v>1065</v>
      </c>
      <c r="B1021" s="1">
        <v>43135</v>
      </c>
      <c r="C1021">
        <v>2</v>
      </c>
      <c r="D1021" s="1">
        <v>43135.409722222219</v>
      </c>
      <c r="E1021" s="1">
        <v>43135.740972222222</v>
      </c>
      <c r="F1021">
        <v>41250</v>
      </c>
      <c r="G1021">
        <v>5690</v>
      </c>
      <c r="H1021">
        <v>0</v>
      </c>
      <c r="I1021">
        <v>0</v>
      </c>
      <c r="J1021">
        <v>0</v>
      </c>
      <c r="K1021">
        <v>0</v>
      </c>
      <c r="L1021">
        <v>0</v>
      </c>
      <c r="M1021">
        <v>3753</v>
      </c>
      <c r="N1021">
        <v>0</v>
      </c>
      <c r="O1021">
        <v>0</v>
      </c>
      <c r="P1021">
        <v>25920</v>
      </c>
      <c r="Q1021">
        <v>0</v>
      </c>
      <c r="R1021">
        <v>76613</v>
      </c>
      <c r="S1021">
        <v>0</v>
      </c>
      <c r="T1021">
        <v>0</v>
      </c>
      <c r="U1021">
        <v>0</v>
      </c>
      <c r="V1021">
        <v>3</v>
      </c>
      <c r="W1021">
        <v>6</v>
      </c>
      <c r="X1021">
        <v>0</v>
      </c>
      <c r="Y1021">
        <v>38</v>
      </c>
      <c r="Z1021">
        <v>11</v>
      </c>
      <c r="AA1021">
        <v>183</v>
      </c>
      <c r="AB1021">
        <v>49</v>
      </c>
      <c r="AC1021">
        <v>205</v>
      </c>
      <c r="AD1021">
        <v>56</v>
      </c>
      <c r="AE1021">
        <v>33</v>
      </c>
      <c r="AF1021">
        <v>0</v>
      </c>
      <c r="AG1021">
        <v>126613</v>
      </c>
      <c r="AH1021">
        <v>50000</v>
      </c>
      <c r="AI1021">
        <v>0</v>
      </c>
      <c r="AJ1021">
        <v>84</v>
      </c>
      <c r="AK1021" t="s">
        <v>16</v>
      </c>
      <c r="AL1021">
        <v>0</v>
      </c>
      <c r="AM1021">
        <v>0</v>
      </c>
      <c r="AN1021">
        <v>0</v>
      </c>
      <c r="AO1021">
        <v>0</v>
      </c>
      <c r="AP1021">
        <v>0</v>
      </c>
      <c r="AQ1021">
        <v>0</v>
      </c>
      <c r="AR1021">
        <v>0</v>
      </c>
      <c r="AS1021">
        <v>0</v>
      </c>
      <c r="AT1021">
        <v>0</v>
      </c>
      <c r="AU1021">
        <v>0</v>
      </c>
      <c r="AV1021">
        <v>0</v>
      </c>
      <c r="AW1021">
        <v>0</v>
      </c>
      <c r="AX1021">
        <v>378</v>
      </c>
      <c r="AY1021">
        <v>50</v>
      </c>
      <c r="AZ1021">
        <v>116</v>
      </c>
      <c r="BA1021">
        <v>7863</v>
      </c>
    </row>
    <row r="1022" spans="1:53" x14ac:dyDescent="0.4">
      <c r="A1022">
        <v>1066</v>
      </c>
      <c r="B1022" s="1">
        <v>43135</v>
      </c>
      <c r="C1022">
        <v>3</v>
      </c>
      <c r="D1022" s="1">
        <v>43135.740972222222</v>
      </c>
      <c r="E1022" s="1">
        <v>43135.958333333336</v>
      </c>
      <c r="F1022">
        <v>38700</v>
      </c>
      <c r="G1022">
        <v>4560</v>
      </c>
      <c r="H1022">
        <v>0</v>
      </c>
      <c r="I1022">
        <v>0</v>
      </c>
      <c r="J1022">
        <v>2000</v>
      </c>
      <c r="K1022">
        <v>0</v>
      </c>
      <c r="L1022">
        <v>0</v>
      </c>
      <c r="M1022">
        <v>3300</v>
      </c>
      <c r="N1022">
        <v>0</v>
      </c>
      <c r="O1022">
        <v>0</v>
      </c>
      <c r="P1022">
        <v>-14904</v>
      </c>
      <c r="Q1022">
        <v>0</v>
      </c>
      <c r="R1022">
        <v>29656</v>
      </c>
      <c r="S1022">
        <v>0</v>
      </c>
      <c r="T1022">
        <v>0</v>
      </c>
      <c r="U1022">
        <v>0</v>
      </c>
      <c r="V1022">
        <v>4</v>
      </c>
      <c r="W1022">
        <v>8</v>
      </c>
      <c r="X1022">
        <v>0</v>
      </c>
      <c r="Y1022">
        <v>49</v>
      </c>
      <c r="Z1022">
        <v>8</v>
      </c>
      <c r="AA1022">
        <v>185</v>
      </c>
      <c r="AB1022">
        <v>51</v>
      </c>
      <c r="AC1022">
        <v>192</v>
      </c>
      <c r="AD1022">
        <v>57</v>
      </c>
      <c r="AE1022">
        <v>14</v>
      </c>
      <c r="AF1022">
        <v>0</v>
      </c>
      <c r="AG1022">
        <v>156269</v>
      </c>
      <c r="AH1022">
        <v>50000</v>
      </c>
      <c r="AI1022">
        <v>0</v>
      </c>
      <c r="AJ1022">
        <v>99</v>
      </c>
      <c r="AK1022" t="s">
        <v>9</v>
      </c>
      <c r="AL1022">
        <v>0</v>
      </c>
      <c r="AM1022">
        <v>0</v>
      </c>
      <c r="AN1022">
        <v>0</v>
      </c>
      <c r="AO1022">
        <v>0</v>
      </c>
      <c r="AP1022">
        <v>0</v>
      </c>
      <c r="AQ1022">
        <v>0</v>
      </c>
      <c r="AR1022">
        <v>0</v>
      </c>
      <c r="AS1022">
        <v>0</v>
      </c>
      <c r="AT1022">
        <v>0</v>
      </c>
      <c r="AU1022">
        <v>0</v>
      </c>
      <c r="AV1022">
        <v>0</v>
      </c>
      <c r="AW1022">
        <v>0</v>
      </c>
      <c r="AX1022">
        <v>14839</v>
      </c>
      <c r="AY1022">
        <v>13</v>
      </c>
      <c r="AZ1022">
        <v>35</v>
      </c>
      <c r="BA1022">
        <v>2980</v>
      </c>
    </row>
    <row r="1023" spans="1:53" x14ac:dyDescent="0.4">
      <c r="A1023">
        <v>1067</v>
      </c>
      <c r="B1023" s="1">
        <v>43135</v>
      </c>
      <c r="C1023">
        <v>4</v>
      </c>
      <c r="D1023" s="1">
        <v>43135.958333333336</v>
      </c>
      <c r="E1023" s="1">
        <v>43136.081250000003</v>
      </c>
      <c r="F1023">
        <v>31640</v>
      </c>
      <c r="G1023">
        <v>98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2609</v>
      </c>
      <c r="N1023">
        <v>0</v>
      </c>
      <c r="O1023">
        <v>0</v>
      </c>
      <c r="P1023">
        <v>23123</v>
      </c>
      <c r="Q1023">
        <v>0</v>
      </c>
      <c r="R1023">
        <v>58352</v>
      </c>
      <c r="S1023">
        <v>0</v>
      </c>
      <c r="T1023">
        <v>0</v>
      </c>
      <c r="U1023">
        <v>0</v>
      </c>
      <c r="V1023">
        <v>10</v>
      </c>
      <c r="W1023">
        <v>7</v>
      </c>
      <c r="X1023">
        <v>0</v>
      </c>
      <c r="Y1023">
        <v>55</v>
      </c>
      <c r="Z1023">
        <v>6</v>
      </c>
      <c r="AA1023">
        <v>174</v>
      </c>
      <c r="AB1023">
        <v>45</v>
      </c>
      <c r="AC1023">
        <v>168</v>
      </c>
      <c r="AD1023">
        <v>55</v>
      </c>
      <c r="AE1023">
        <v>16</v>
      </c>
      <c r="AF1023">
        <v>0</v>
      </c>
      <c r="AG1023">
        <v>214621</v>
      </c>
      <c r="AH1023">
        <v>50000</v>
      </c>
      <c r="AI1023">
        <v>0</v>
      </c>
      <c r="AJ1023">
        <v>100</v>
      </c>
      <c r="AK1023" t="s">
        <v>0</v>
      </c>
      <c r="AL1023">
        <v>0</v>
      </c>
      <c r="AM1023">
        <v>0</v>
      </c>
      <c r="AN1023">
        <v>0</v>
      </c>
      <c r="AO1023">
        <v>0</v>
      </c>
      <c r="AP1023">
        <v>0</v>
      </c>
      <c r="AQ1023">
        <v>0</v>
      </c>
      <c r="AR1023">
        <v>0</v>
      </c>
      <c r="AS1023">
        <v>0</v>
      </c>
      <c r="AT1023">
        <v>0</v>
      </c>
      <c r="AU1023">
        <v>0</v>
      </c>
      <c r="AV1023">
        <v>0</v>
      </c>
      <c r="AW1023">
        <v>0</v>
      </c>
      <c r="AX1023">
        <v>2808</v>
      </c>
      <c r="AY1023">
        <v>5</v>
      </c>
      <c r="AZ1023">
        <v>19</v>
      </c>
      <c r="BA1023">
        <v>1063</v>
      </c>
    </row>
    <row r="1024" spans="1:53" x14ac:dyDescent="0.4">
      <c r="A1024">
        <v>1068</v>
      </c>
      <c r="B1024" s="1">
        <v>43136</v>
      </c>
      <c r="C1024">
        <v>1</v>
      </c>
      <c r="D1024" s="1">
        <v>43136.291666666664</v>
      </c>
      <c r="E1024" s="1">
        <v>43136.448611111111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0</v>
      </c>
      <c r="O1024">
        <v>0</v>
      </c>
      <c r="P1024">
        <v>0</v>
      </c>
      <c r="Q1024">
        <v>0</v>
      </c>
      <c r="R1024">
        <v>0</v>
      </c>
      <c r="S1024">
        <v>0</v>
      </c>
      <c r="T1024">
        <v>0</v>
      </c>
      <c r="U1024">
        <v>0</v>
      </c>
      <c r="V1024">
        <v>0</v>
      </c>
      <c r="W1024">
        <v>0</v>
      </c>
      <c r="X1024">
        <v>0</v>
      </c>
      <c r="Y1024">
        <v>27</v>
      </c>
      <c r="Z1024">
        <v>5</v>
      </c>
      <c r="AA1024">
        <v>168</v>
      </c>
      <c r="AB1024">
        <v>45</v>
      </c>
      <c r="AC1024">
        <v>116</v>
      </c>
      <c r="AD1024">
        <v>55</v>
      </c>
      <c r="AE1024">
        <v>15</v>
      </c>
      <c r="AF1024">
        <v>0</v>
      </c>
      <c r="AG1024">
        <v>50000</v>
      </c>
      <c r="AH1024">
        <v>0</v>
      </c>
      <c r="AI1024">
        <v>50000</v>
      </c>
      <c r="AJ1024">
        <v>0</v>
      </c>
      <c r="AK1024" t="s">
        <v>6</v>
      </c>
      <c r="AL1024">
        <v>0</v>
      </c>
      <c r="AM1024">
        <v>0</v>
      </c>
      <c r="AN1024">
        <v>0</v>
      </c>
      <c r="AO1024">
        <v>0</v>
      </c>
      <c r="AP1024">
        <v>0</v>
      </c>
      <c r="AQ1024">
        <v>0</v>
      </c>
      <c r="AR1024">
        <v>0</v>
      </c>
      <c r="AS1024">
        <v>0</v>
      </c>
      <c r="AT1024">
        <v>0</v>
      </c>
      <c r="AU1024">
        <v>0</v>
      </c>
      <c r="AV1024">
        <v>0</v>
      </c>
      <c r="AW1024">
        <v>0</v>
      </c>
      <c r="AX1024">
        <v>0</v>
      </c>
      <c r="AY1024">
        <v>0</v>
      </c>
      <c r="AZ1024">
        <v>0</v>
      </c>
      <c r="BA1024">
        <v>0</v>
      </c>
    </row>
    <row r="1025" spans="1:53" x14ac:dyDescent="0.4">
      <c r="A1025">
        <v>1069</v>
      </c>
      <c r="B1025" s="1">
        <v>43136</v>
      </c>
      <c r="C1025">
        <v>2</v>
      </c>
      <c r="D1025" s="1">
        <v>43136.448611111111</v>
      </c>
      <c r="E1025" s="1">
        <v>43136.747916666667</v>
      </c>
      <c r="F1025">
        <v>19500</v>
      </c>
      <c r="G1025">
        <v>3300</v>
      </c>
      <c r="H1025">
        <v>0</v>
      </c>
      <c r="I1025">
        <v>0</v>
      </c>
      <c r="J1025">
        <v>0</v>
      </c>
      <c r="K1025">
        <v>0</v>
      </c>
      <c r="L1025">
        <v>0</v>
      </c>
      <c r="M1025">
        <v>1824</v>
      </c>
      <c r="N1025">
        <v>0</v>
      </c>
      <c r="O1025">
        <v>0</v>
      </c>
      <c r="P1025">
        <v>14580</v>
      </c>
      <c r="Q1025">
        <v>0</v>
      </c>
      <c r="R1025">
        <v>39204</v>
      </c>
      <c r="S1025">
        <v>0</v>
      </c>
      <c r="T1025">
        <v>0</v>
      </c>
      <c r="U1025">
        <v>0</v>
      </c>
      <c r="V1025">
        <v>0</v>
      </c>
      <c r="W1025">
        <v>5</v>
      </c>
      <c r="X1025">
        <v>0</v>
      </c>
      <c r="Y1025">
        <v>33</v>
      </c>
      <c r="Z1025">
        <v>21</v>
      </c>
      <c r="AA1025">
        <v>162</v>
      </c>
      <c r="AB1025">
        <v>52</v>
      </c>
      <c r="AC1025">
        <v>158</v>
      </c>
      <c r="AD1025">
        <v>60</v>
      </c>
      <c r="AE1025">
        <v>24</v>
      </c>
      <c r="AF1025">
        <v>0</v>
      </c>
      <c r="AG1025">
        <v>89204</v>
      </c>
      <c r="AH1025">
        <v>50000</v>
      </c>
      <c r="AI1025">
        <v>0</v>
      </c>
      <c r="AJ1025">
        <v>96</v>
      </c>
      <c r="AK1025" t="s">
        <v>4</v>
      </c>
      <c r="AL1025">
        <v>0</v>
      </c>
      <c r="AM1025">
        <v>0</v>
      </c>
      <c r="AN1025">
        <v>0</v>
      </c>
      <c r="AO1025">
        <v>0</v>
      </c>
      <c r="AP1025">
        <v>0</v>
      </c>
      <c r="AQ1025">
        <v>0</v>
      </c>
      <c r="AR1025">
        <v>0</v>
      </c>
      <c r="AS1025">
        <v>0</v>
      </c>
      <c r="AT1025">
        <v>0</v>
      </c>
      <c r="AU1025">
        <v>0</v>
      </c>
      <c r="AV1025">
        <v>0</v>
      </c>
      <c r="AW1025">
        <v>0</v>
      </c>
      <c r="AX1025">
        <v>0</v>
      </c>
      <c r="AY1025">
        <v>36</v>
      </c>
      <c r="AZ1025">
        <v>61</v>
      </c>
      <c r="BA1025">
        <v>5450</v>
      </c>
    </row>
    <row r="1026" spans="1:53" x14ac:dyDescent="0.4">
      <c r="A1026">
        <v>1070</v>
      </c>
      <c r="B1026" s="1">
        <v>43136</v>
      </c>
      <c r="C1026">
        <v>3</v>
      </c>
      <c r="D1026" s="1">
        <v>43136.747916666667</v>
      </c>
      <c r="E1026" s="1">
        <v>43136.951388888891</v>
      </c>
      <c r="F1026">
        <v>20500</v>
      </c>
      <c r="G1026">
        <v>380</v>
      </c>
      <c r="H1026">
        <v>0</v>
      </c>
      <c r="I1026">
        <v>0</v>
      </c>
      <c r="J1026">
        <v>0</v>
      </c>
      <c r="K1026">
        <v>500</v>
      </c>
      <c r="L1026">
        <v>0</v>
      </c>
      <c r="M1026">
        <v>1710</v>
      </c>
      <c r="N1026">
        <v>0</v>
      </c>
      <c r="O1026">
        <v>0</v>
      </c>
      <c r="P1026">
        <v>-8100</v>
      </c>
      <c r="Q1026">
        <v>0</v>
      </c>
      <c r="R1026">
        <v>14990</v>
      </c>
      <c r="S1026">
        <v>0</v>
      </c>
      <c r="T1026">
        <v>0</v>
      </c>
      <c r="U1026">
        <v>0</v>
      </c>
      <c r="V1026">
        <v>2</v>
      </c>
      <c r="W1026">
        <v>3</v>
      </c>
      <c r="X1026">
        <v>0</v>
      </c>
      <c r="Y1026">
        <v>28</v>
      </c>
      <c r="Z1026">
        <v>20</v>
      </c>
      <c r="AA1026">
        <v>170</v>
      </c>
      <c r="AB1026">
        <v>52</v>
      </c>
      <c r="AC1026">
        <v>159</v>
      </c>
      <c r="AD1026">
        <v>57</v>
      </c>
      <c r="AE1026">
        <v>30</v>
      </c>
      <c r="AF1026">
        <v>9689</v>
      </c>
      <c r="AG1026">
        <v>104194</v>
      </c>
      <c r="AH1026">
        <v>50000</v>
      </c>
      <c r="AI1026">
        <v>0</v>
      </c>
      <c r="AJ1026">
        <v>108</v>
      </c>
      <c r="AK1026" t="s">
        <v>30</v>
      </c>
      <c r="AL1026">
        <v>0</v>
      </c>
      <c r="AM1026">
        <v>0</v>
      </c>
      <c r="AN1026">
        <v>0</v>
      </c>
      <c r="AO1026">
        <v>0</v>
      </c>
      <c r="AP1026">
        <v>0</v>
      </c>
      <c r="AQ1026">
        <v>0</v>
      </c>
      <c r="AR1026">
        <v>0</v>
      </c>
      <c r="AS1026">
        <v>0</v>
      </c>
      <c r="AT1026">
        <v>0</v>
      </c>
      <c r="AU1026">
        <v>0</v>
      </c>
      <c r="AV1026">
        <v>0</v>
      </c>
      <c r="AW1026">
        <v>0</v>
      </c>
      <c r="AX1026">
        <v>11664</v>
      </c>
      <c r="AY1026">
        <v>6</v>
      </c>
      <c r="AZ1026">
        <v>22</v>
      </c>
      <c r="BA1026">
        <v>1603</v>
      </c>
    </row>
    <row r="1027" spans="1:53" x14ac:dyDescent="0.4">
      <c r="A1027">
        <v>1071</v>
      </c>
      <c r="B1027" s="1">
        <v>43136</v>
      </c>
      <c r="C1027">
        <v>4</v>
      </c>
      <c r="D1027" s="1">
        <v>43136.951388888891</v>
      </c>
      <c r="E1027" s="1">
        <v>43137.116666666669</v>
      </c>
      <c r="F1027">
        <v>21740</v>
      </c>
      <c r="G1027">
        <v>114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1830</v>
      </c>
      <c r="N1027">
        <v>0</v>
      </c>
      <c r="O1027">
        <v>0</v>
      </c>
      <c r="P1027">
        <v>3672</v>
      </c>
      <c r="Q1027">
        <v>0</v>
      </c>
      <c r="R1027">
        <v>28382</v>
      </c>
      <c r="S1027">
        <v>0</v>
      </c>
      <c r="T1027">
        <v>0</v>
      </c>
      <c r="U1027">
        <v>0</v>
      </c>
      <c r="V1027">
        <v>3</v>
      </c>
      <c r="W1027">
        <v>6</v>
      </c>
      <c r="X1027">
        <v>0</v>
      </c>
      <c r="Y1027">
        <v>21</v>
      </c>
      <c r="Z1027">
        <v>19</v>
      </c>
      <c r="AA1027">
        <v>167</v>
      </c>
      <c r="AB1027">
        <v>53</v>
      </c>
      <c r="AC1027">
        <v>152</v>
      </c>
      <c r="AD1027">
        <v>57</v>
      </c>
      <c r="AE1027">
        <v>22</v>
      </c>
      <c r="AF1027">
        <v>20899</v>
      </c>
      <c r="AG1027">
        <v>132576</v>
      </c>
      <c r="AH1027">
        <v>50000</v>
      </c>
      <c r="AI1027">
        <v>0</v>
      </c>
      <c r="AJ1027">
        <v>99</v>
      </c>
      <c r="AK1027" t="s">
        <v>9</v>
      </c>
      <c r="AL1027">
        <v>0</v>
      </c>
      <c r="AM1027">
        <v>0</v>
      </c>
      <c r="AN1027">
        <v>0</v>
      </c>
      <c r="AO1027">
        <v>0</v>
      </c>
      <c r="AP1027">
        <v>0</v>
      </c>
      <c r="AQ1027">
        <v>0</v>
      </c>
      <c r="AR1027">
        <v>0</v>
      </c>
      <c r="AS1027">
        <v>0</v>
      </c>
      <c r="AT1027">
        <v>0</v>
      </c>
      <c r="AU1027">
        <v>0</v>
      </c>
      <c r="AV1027">
        <v>0</v>
      </c>
      <c r="AW1027">
        <v>0</v>
      </c>
      <c r="AX1027">
        <v>1620</v>
      </c>
      <c r="AY1027">
        <v>3</v>
      </c>
      <c r="AZ1027">
        <v>9</v>
      </c>
      <c r="BA1027">
        <v>434</v>
      </c>
    </row>
    <row r="1028" spans="1:53" x14ac:dyDescent="0.4">
      <c r="A1028">
        <v>1072</v>
      </c>
      <c r="B1028" s="1">
        <v>43137</v>
      </c>
      <c r="C1028">
        <v>1</v>
      </c>
      <c r="D1028" s="1">
        <v>43137.291666666664</v>
      </c>
      <c r="E1028" s="1">
        <v>43137.45208333333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0</v>
      </c>
      <c r="O1028">
        <v>0</v>
      </c>
      <c r="P1028">
        <v>0</v>
      </c>
      <c r="Q1028">
        <v>0</v>
      </c>
      <c r="R1028">
        <v>0</v>
      </c>
      <c r="S1028">
        <v>0</v>
      </c>
      <c r="T1028">
        <v>0</v>
      </c>
      <c r="U1028">
        <v>0</v>
      </c>
      <c r="V1028">
        <v>0</v>
      </c>
      <c r="W1028">
        <v>1</v>
      </c>
      <c r="X1028">
        <v>0</v>
      </c>
      <c r="Y1028">
        <v>21</v>
      </c>
      <c r="Z1028">
        <v>8</v>
      </c>
      <c r="AA1028">
        <v>161</v>
      </c>
      <c r="AB1028">
        <v>50</v>
      </c>
      <c r="AC1028">
        <v>108</v>
      </c>
      <c r="AD1028">
        <v>57</v>
      </c>
      <c r="AE1028">
        <v>35</v>
      </c>
      <c r="AF1028">
        <v>0</v>
      </c>
      <c r="AG1028">
        <v>50000</v>
      </c>
      <c r="AH1028">
        <v>0</v>
      </c>
      <c r="AI1028">
        <v>50000</v>
      </c>
      <c r="AJ1028">
        <v>0</v>
      </c>
      <c r="AK1028" t="s">
        <v>6</v>
      </c>
      <c r="AL1028">
        <v>0</v>
      </c>
      <c r="AM1028">
        <v>0</v>
      </c>
      <c r="AN1028">
        <v>0</v>
      </c>
      <c r="AO1028">
        <v>0</v>
      </c>
      <c r="AP1028">
        <v>0</v>
      </c>
      <c r="AQ1028">
        <v>0</v>
      </c>
      <c r="AR1028">
        <v>0</v>
      </c>
      <c r="AS1028">
        <v>0</v>
      </c>
      <c r="AT1028">
        <v>0</v>
      </c>
      <c r="AU1028">
        <v>0</v>
      </c>
      <c r="AV1028">
        <v>0</v>
      </c>
      <c r="AW1028">
        <v>0</v>
      </c>
      <c r="AX1028">
        <v>0</v>
      </c>
      <c r="AY1028">
        <v>0</v>
      </c>
      <c r="AZ1028">
        <v>0</v>
      </c>
      <c r="BA1028">
        <v>0</v>
      </c>
    </row>
    <row r="1029" spans="1:53" x14ac:dyDescent="0.4">
      <c r="A1029">
        <v>1073</v>
      </c>
      <c r="B1029" s="1">
        <v>43137</v>
      </c>
      <c r="C1029">
        <v>2</v>
      </c>
      <c r="D1029" s="1">
        <v>43137.45208333333</v>
      </c>
      <c r="E1029" s="1">
        <v>43137.755555555559</v>
      </c>
      <c r="F1029">
        <v>18000</v>
      </c>
      <c r="G1029">
        <v>2450</v>
      </c>
      <c r="H1029">
        <v>0</v>
      </c>
      <c r="I1029">
        <v>0</v>
      </c>
      <c r="J1029">
        <v>0</v>
      </c>
      <c r="K1029">
        <v>0</v>
      </c>
      <c r="L1029">
        <v>0</v>
      </c>
      <c r="M1029">
        <v>1635</v>
      </c>
      <c r="N1029">
        <v>0</v>
      </c>
      <c r="O1029">
        <v>0</v>
      </c>
      <c r="P1029">
        <v>11340</v>
      </c>
      <c r="Q1029">
        <v>0</v>
      </c>
      <c r="R1029">
        <v>33425</v>
      </c>
      <c r="S1029">
        <v>0</v>
      </c>
      <c r="T1029">
        <v>0</v>
      </c>
      <c r="U1029">
        <v>0</v>
      </c>
      <c r="V1029">
        <v>1</v>
      </c>
      <c r="W1029">
        <v>3</v>
      </c>
      <c r="X1029">
        <v>0</v>
      </c>
      <c r="Y1029">
        <v>29</v>
      </c>
      <c r="Z1029">
        <v>18</v>
      </c>
      <c r="AA1029">
        <v>160</v>
      </c>
      <c r="AB1029">
        <v>47</v>
      </c>
      <c r="AC1029">
        <v>141</v>
      </c>
      <c r="AD1029">
        <v>56</v>
      </c>
      <c r="AE1029">
        <v>26</v>
      </c>
      <c r="AF1029">
        <v>359</v>
      </c>
      <c r="AG1029">
        <v>83425</v>
      </c>
      <c r="AH1029">
        <v>50000</v>
      </c>
      <c r="AI1029">
        <v>0</v>
      </c>
      <c r="AJ1029">
        <v>97</v>
      </c>
      <c r="AK1029" t="s">
        <v>13</v>
      </c>
      <c r="AL1029">
        <v>0</v>
      </c>
      <c r="AM1029">
        <v>0</v>
      </c>
      <c r="AN1029">
        <v>0</v>
      </c>
      <c r="AO1029">
        <v>0</v>
      </c>
      <c r="AP1029">
        <v>0</v>
      </c>
      <c r="AQ1029">
        <v>0</v>
      </c>
      <c r="AR1029">
        <v>0</v>
      </c>
      <c r="AS1029">
        <v>0</v>
      </c>
      <c r="AT1029">
        <v>0</v>
      </c>
      <c r="AU1029">
        <v>0</v>
      </c>
      <c r="AV1029">
        <v>0</v>
      </c>
      <c r="AW1029">
        <v>0</v>
      </c>
      <c r="AX1029">
        <v>2354</v>
      </c>
      <c r="AY1029">
        <v>32</v>
      </c>
      <c r="AZ1029">
        <v>55</v>
      </c>
      <c r="BA1029">
        <v>4348</v>
      </c>
    </row>
    <row r="1030" spans="1:53" x14ac:dyDescent="0.4">
      <c r="A1030">
        <v>1074</v>
      </c>
      <c r="B1030" s="1">
        <v>43137</v>
      </c>
      <c r="C1030">
        <v>3</v>
      </c>
      <c r="D1030" s="1">
        <v>43137.755555555559</v>
      </c>
      <c r="E1030" s="1">
        <v>43137.944444444445</v>
      </c>
      <c r="F1030">
        <v>14000</v>
      </c>
      <c r="G1030">
        <v>2180</v>
      </c>
      <c r="H1030">
        <v>0</v>
      </c>
      <c r="I1030">
        <v>0</v>
      </c>
      <c r="J1030">
        <v>0</v>
      </c>
      <c r="K1030">
        <v>0</v>
      </c>
      <c r="L1030">
        <v>0</v>
      </c>
      <c r="M1030">
        <v>1294</v>
      </c>
      <c r="N1030">
        <v>0</v>
      </c>
      <c r="O1030">
        <v>0</v>
      </c>
      <c r="P1030">
        <v>-7452</v>
      </c>
      <c r="Q1030">
        <v>0</v>
      </c>
      <c r="R1030">
        <v>10022</v>
      </c>
      <c r="S1030">
        <v>0</v>
      </c>
      <c r="T1030">
        <v>0</v>
      </c>
      <c r="U1030">
        <v>0</v>
      </c>
      <c r="V1030">
        <v>1</v>
      </c>
      <c r="W1030">
        <v>3</v>
      </c>
      <c r="X1030">
        <v>0</v>
      </c>
      <c r="Y1030">
        <v>38</v>
      </c>
      <c r="Z1030">
        <v>18</v>
      </c>
      <c r="AA1030">
        <v>166</v>
      </c>
      <c r="AB1030">
        <v>47</v>
      </c>
      <c r="AC1030">
        <v>127</v>
      </c>
      <c r="AD1030">
        <v>56</v>
      </c>
      <c r="AE1030">
        <v>21</v>
      </c>
      <c r="AF1030">
        <v>926</v>
      </c>
      <c r="AG1030">
        <v>93447</v>
      </c>
      <c r="AH1030">
        <v>50000</v>
      </c>
      <c r="AI1030">
        <v>0</v>
      </c>
      <c r="AJ1030">
        <v>29</v>
      </c>
      <c r="AK1030" t="s">
        <v>28</v>
      </c>
      <c r="AL1030">
        <v>0</v>
      </c>
      <c r="AM1030">
        <v>0</v>
      </c>
      <c r="AN1030">
        <v>0</v>
      </c>
      <c r="AO1030">
        <v>0</v>
      </c>
      <c r="AP1030">
        <v>0</v>
      </c>
      <c r="AQ1030">
        <v>0</v>
      </c>
      <c r="AR1030">
        <v>0</v>
      </c>
      <c r="AS1030">
        <v>0</v>
      </c>
      <c r="AT1030">
        <v>0</v>
      </c>
      <c r="AU1030">
        <v>0</v>
      </c>
      <c r="AV1030">
        <v>0</v>
      </c>
      <c r="AW1030">
        <v>0</v>
      </c>
      <c r="AX1030">
        <v>5400</v>
      </c>
      <c r="AY1030">
        <v>4</v>
      </c>
      <c r="AZ1030">
        <v>13</v>
      </c>
      <c r="BA1030">
        <v>1273</v>
      </c>
    </row>
    <row r="1031" spans="1:53" x14ac:dyDescent="0.4">
      <c r="A1031">
        <v>1075</v>
      </c>
      <c r="B1031" s="1">
        <v>43138</v>
      </c>
      <c r="C1031">
        <v>1</v>
      </c>
      <c r="D1031" s="1">
        <v>43138.291666666664</v>
      </c>
      <c r="E1031" s="1">
        <v>43138.449305555558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0</v>
      </c>
      <c r="O1031">
        <v>0</v>
      </c>
      <c r="P1031">
        <v>0</v>
      </c>
      <c r="Q1031">
        <v>0</v>
      </c>
      <c r="R1031">
        <v>0</v>
      </c>
      <c r="S1031">
        <v>0</v>
      </c>
      <c r="T1031">
        <v>0</v>
      </c>
      <c r="U1031">
        <v>0</v>
      </c>
      <c r="V1031">
        <v>0</v>
      </c>
      <c r="W1031">
        <v>1</v>
      </c>
      <c r="X1031">
        <v>0</v>
      </c>
      <c r="Y1031">
        <v>20</v>
      </c>
      <c r="Z1031">
        <v>8</v>
      </c>
      <c r="AA1031">
        <v>171</v>
      </c>
      <c r="AB1031">
        <v>48</v>
      </c>
      <c r="AC1031">
        <v>122</v>
      </c>
      <c r="AD1031">
        <v>54</v>
      </c>
      <c r="AE1031">
        <v>10</v>
      </c>
      <c r="AF1031">
        <v>0</v>
      </c>
      <c r="AG1031">
        <v>50000</v>
      </c>
      <c r="AH1031">
        <v>0</v>
      </c>
      <c r="AI1031">
        <v>50000</v>
      </c>
      <c r="AJ1031">
        <v>0</v>
      </c>
      <c r="AK1031" t="s">
        <v>6</v>
      </c>
      <c r="AL1031">
        <v>0</v>
      </c>
      <c r="AM1031">
        <v>0</v>
      </c>
      <c r="AN1031">
        <v>0</v>
      </c>
      <c r="AO1031">
        <v>0</v>
      </c>
      <c r="AP1031">
        <v>0</v>
      </c>
      <c r="AQ1031">
        <v>0</v>
      </c>
      <c r="AR1031">
        <v>0</v>
      </c>
      <c r="AS1031">
        <v>0</v>
      </c>
      <c r="AT1031">
        <v>0</v>
      </c>
      <c r="AU1031">
        <v>0</v>
      </c>
      <c r="AV1031">
        <v>0</v>
      </c>
      <c r="AW1031">
        <v>0</v>
      </c>
      <c r="AX1031">
        <v>0</v>
      </c>
      <c r="AY1031">
        <v>0</v>
      </c>
      <c r="AZ1031">
        <v>0</v>
      </c>
      <c r="BA1031">
        <v>0</v>
      </c>
    </row>
    <row r="1032" spans="1:53" x14ac:dyDescent="0.4">
      <c r="A1032">
        <v>1076</v>
      </c>
      <c r="B1032" s="1">
        <v>43138</v>
      </c>
      <c r="C1032">
        <v>2</v>
      </c>
      <c r="D1032" s="1">
        <v>43138.449305555558</v>
      </c>
      <c r="E1032" s="1">
        <v>43138.759722222225</v>
      </c>
      <c r="F1032">
        <v>25000</v>
      </c>
      <c r="G1032">
        <v>593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2474</v>
      </c>
      <c r="N1032">
        <v>0</v>
      </c>
      <c r="O1032">
        <v>0</v>
      </c>
      <c r="P1032">
        <v>14040</v>
      </c>
      <c r="Q1032">
        <v>0</v>
      </c>
      <c r="R1032">
        <v>47444</v>
      </c>
      <c r="S1032">
        <v>0</v>
      </c>
      <c r="T1032">
        <v>0</v>
      </c>
      <c r="U1032">
        <v>0</v>
      </c>
      <c r="V1032">
        <v>1</v>
      </c>
      <c r="W1032">
        <v>2</v>
      </c>
      <c r="X1032">
        <v>0</v>
      </c>
      <c r="Y1032">
        <v>41</v>
      </c>
      <c r="Z1032">
        <v>15</v>
      </c>
      <c r="AA1032">
        <v>184</v>
      </c>
      <c r="AB1032">
        <v>45</v>
      </c>
      <c r="AC1032">
        <v>190</v>
      </c>
      <c r="AD1032">
        <v>53</v>
      </c>
      <c r="AE1032">
        <v>2</v>
      </c>
      <c r="AF1032">
        <v>6127</v>
      </c>
      <c r="AG1032">
        <v>97444</v>
      </c>
      <c r="AH1032">
        <v>50000</v>
      </c>
      <c r="AI1032">
        <v>0</v>
      </c>
      <c r="AJ1032">
        <v>93</v>
      </c>
      <c r="AK1032" t="s">
        <v>20</v>
      </c>
      <c r="AL1032">
        <v>0</v>
      </c>
      <c r="AM1032">
        <v>0</v>
      </c>
      <c r="AN1032">
        <v>0</v>
      </c>
      <c r="AO1032">
        <v>0</v>
      </c>
      <c r="AP1032">
        <v>0</v>
      </c>
      <c r="AQ1032">
        <v>0</v>
      </c>
      <c r="AR1032">
        <v>0</v>
      </c>
      <c r="AS1032">
        <v>0</v>
      </c>
      <c r="AT1032">
        <v>0</v>
      </c>
      <c r="AU1032">
        <v>0</v>
      </c>
      <c r="AV1032">
        <v>0</v>
      </c>
      <c r="AW1032">
        <v>0</v>
      </c>
      <c r="AX1032">
        <v>2008</v>
      </c>
      <c r="AY1032">
        <v>37</v>
      </c>
      <c r="AZ1032">
        <v>72</v>
      </c>
      <c r="BA1032">
        <v>5533</v>
      </c>
    </row>
    <row r="1033" spans="1:53" x14ac:dyDescent="0.4">
      <c r="A1033">
        <v>1077</v>
      </c>
      <c r="B1033" s="1">
        <v>43138</v>
      </c>
      <c r="C1033">
        <v>3</v>
      </c>
      <c r="D1033" s="1">
        <v>43138.759722222225</v>
      </c>
      <c r="E1033" s="1">
        <v>43138.947916666664</v>
      </c>
      <c r="F1033">
        <v>22000</v>
      </c>
      <c r="G1033">
        <v>424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2098</v>
      </c>
      <c r="N1033">
        <v>0</v>
      </c>
      <c r="O1033">
        <v>0</v>
      </c>
      <c r="P1033">
        <v>-14040</v>
      </c>
      <c r="Q1033">
        <v>0</v>
      </c>
      <c r="R1033">
        <v>14298</v>
      </c>
      <c r="S1033">
        <v>0</v>
      </c>
      <c r="T1033">
        <v>0</v>
      </c>
      <c r="U1033">
        <v>0</v>
      </c>
      <c r="V1033">
        <v>1</v>
      </c>
      <c r="W1033">
        <v>3</v>
      </c>
      <c r="X1033">
        <v>0</v>
      </c>
      <c r="Y1033">
        <v>47</v>
      </c>
      <c r="Z1033">
        <v>18</v>
      </c>
      <c r="AA1033">
        <v>182</v>
      </c>
      <c r="AB1033">
        <v>43</v>
      </c>
      <c r="AC1033">
        <v>184</v>
      </c>
      <c r="AD1033">
        <v>52</v>
      </c>
      <c r="AE1033">
        <v>5</v>
      </c>
      <c r="AF1033">
        <v>8287</v>
      </c>
      <c r="AG1033">
        <v>111742</v>
      </c>
      <c r="AH1033">
        <v>50000</v>
      </c>
      <c r="AI1033">
        <v>0</v>
      </c>
      <c r="AJ1033">
        <v>93</v>
      </c>
      <c r="AK1033" t="s">
        <v>20</v>
      </c>
      <c r="AL1033">
        <v>0</v>
      </c>
      <c r="AM1033">
        <v>0</v>
      </c>
      <c r="AN1033">
        <v>0</v>
      </c>
      <c r="AO1033">
        <v>0</v>
      </c>
      <c r="AP1033">
        <v>0</v>
      </c>
      <c r="AQ1033">
        <v>0</v>
      </c>
      <c r="AR1033">
        <v>0</v>
      </c>
      <c r="AS1033">
        <v>0</v>
      </c>
      <c r="AT1033">
        <v>0</v>
      </c>
      <c r="AU1033">
        <v>0</v>
      </c>
      <c r="AV1033">
        <v>0</v>
      </c>
      <c r="AW1033">
        <v>0</v>
      </c>
      <c r="AX1033">
        <v>17582</v>
      </c>
      <c r="AY1033">
        <v>13</v>
      </c>
      <c r="AZ1033">
        <v>28</v>
      </c>
      <c r="BA1033">
        <v>1712</v>
      </c>
    </row>
    <row r="1034" spans="1:53" x14ac:dyDescent="0.4">
      <c r="A1034">
        <v>1078</v>
      </c>
      <c r="B1034" s="1">
        <v>43138</v>
      </c>
      <c r="C1034">
        <v>4</v>
      </c>
      <c r="D1034" s="1">
        <v>43138.947916666664</v>
      </c>
      <c r="E1034" s="1">
        <v>43139.074999999997</v>
      </c>
      <c r="F1034">
        <v>22080</v>
      </c>
      <c r="G1034">
        <v>880</v>
      </c>
      <c r="H1034">
        <v>0</v>
      </c>
      <c r="I1034">
        <v>0</v>
      </c>
      <c r="J1034">
        <v>0</v>
      </c>
      <c r="K1034">
        <v>1760</v>
      </c>
      <c r="L1034">
        <v>0</v>
      </c>
      <c r="M1034">
        <v>1977</v>
      </c>
      <c r="N1034">
        <v>0</v>
      </c>
      <c r="O1034">
        <v>0</v>
      </c>
      <c r="P1034">
        <v>15012</v>
      </c>
      <c r="Q1034">
        <v>0</v>
      </c>
      <c r="R1034">
        <v>41709</v>
      </c>
      <c r="S1034">
        <v>0</v>
      </c>
      <c r="T1034">
        <v>0</v>
      </c>
      <c r="U1034">
        <v>0</v>
      </c>
      <c r="V1034">
        <v>5</v>
      </c>
      <c r="W1034">
        <v>1</v>
      </c>
      <c r="X1034">
        <v>0</v>
      </c>
      <c r="Y1034">
        <v>49</v>
      </c>
      <c r="Z1034">
        <v>19</v>
      </c>
      <c r="AA1034">
        <v>188</v>
      </c>
      <c r="AB1034">
        <v>43</v>
      </c>
      <c r="AC1034">
        <v>191</v>
      </c>
      <c r="AD1034">
        <v>57</v>
      </c>
      <c r="AE1034">
        <v>9</v>
      </c>
      <c r="AF1034">
        <v>16797</v>
      </c>
      <c r="AG1034">
        <v>153451</v>
      </c>
      <c r="AH1034">
        <v>50000</v>
      </c>
      <c r="AI1034">
        <v>0</v>
      </c>
      <c r="AJ1034">
        <v>108</v>
      </c>
      <c r="AK1034" t="s">
        <v>30</v>
      </c>
      <c r="AL1034">
        <v>0</v>
      </c>
      <c r="AM1034">
        <v>0</v>
      </c>
      <c r="AN1034">
        <v>0</v>
      </c>
      <c r="AO1034">
        <v>0</v>
      </c>
      <c r="AP1034">
        <v>0</v>
      </c>
      <c r="AQ1034">
        <v>0</v>
      </c>
      <c r="AR1034">
        <v>0</v>
      </c>
      <c r="AS1034">
        <v>0</v>
      </c>
      <c r="AT1034">
        <v>0</v>
      </c>
      <c r="AU1034">
        <v>0</v>
      </c>
      <c r="AV1034">
        <v>0</v>
      </c>
      <c r="AW1034">
        <v>0</v>
      </c>
      <c r="AX1034">
        <v>-540</v>
      </c>
      <c r="AY1034">
        <v>4</v>
      </c>
      <c r="AZ1034">
        <v>12</v>
      </c>
      <c r="BA1034">
        <v>713</v>
      </c>
    </row>
    <row r="1035" spans="1:53" x14ac:dyDescent="0.4">
      <c r="A1035">
        <v>1079</v>
      </c>
      <c r="B1035" s="1">
        <v>43139</v>
      </c>
      <c r="C1035">
        <v>1</v>
      </c>
      <c r="D1035" s="1">
        <v>43139.291666666664</v>
      </c>
      <c r="E1035" s="1">
        <v>43139.450694444444</v>
      </c>
      <c r="F1035">
        <v>0</v>
      </c>
      <c r="G1035">
        <v>0</v>
      </c>
      <c r="H1035">
        <v>0</v>
      </c>
      <c r="I1035">
        <v>0</v>
      </c>
      <c r="J1035">
        <v>0</v>
      </c>
      <c r="K1035">
        <v>0</v>
      </c>
      <c r="L1035">
        <v>0</v>
      </c>
      <c r="M1035">
        <v>0</v>
      </c>
      <c r="N1035">
        <v>0</v>
      </c>
      <c r="O1035">
        <v>0</v>
      </c>
      <c r="P1035">
        <v>0</v>
      </c>
      <c r="Q1035">
        <v>0</v>
      </c>
      <c r="R1035">
        <v>0</v>
      </c>
      <c r="S1035">
        <v>0</v>
      </c>
      <c r="T1035">
        <v>0</v>
      </c>
      <c r="U1035">
        <v>0</v>
      </c>
      <c r="V1035">
        <v>0</v>
      </c>
      <c r="W1035">
        <v>0</v>
      </c>
      <c r="X1035">
        <v>0</v>
      </c>
      <c r="Y1035">
        <v>24</v>
      </c>
      <c r="Z1035">
        <v>12</v>
      </c>
      <c r="AA1035">
        <v>157</v>
      </c>
      <c r="AB1035">
        <v>43</v>
      </c>
      <c r="AC1035">
        <v>186</v>
      </c>
      <c r="AD1035">
        <v>57</v>
      </c>
      <c r="AE1035">
        <v>5</v>
      </c>
      <c r="AF1035">
        <v>0</v>
      </c>
      <c r="AG1035">
        <v>50000</v>
      </c>
      <c r="AH1035">
        <v>0</v>
      </c>
      <c r="AI1035">
        <v>50000</v>
      </c>
      <c r="AJ1035">
        <v>0</v>
      </c>
      <c r="AK1035" t="s">
        <v>6</v>
      </c>
      <c r="AL1035">
        <v>0</v>
      </c>
      <c r="AM1035">
        <v>0</v>
      </c>
      <c r="AN1035">
        <v>0</v>
      </c>
      <c r="AO1035">
        <v>0</v>
      </c>
      <c r="AP1035">
        <v>0</v>
      </c>
      <c r="AQ1035">
        <v>0</v>
      </c>
      <c r="AR1035">
        <v>0</v>
      </c>
      <c r="AS1035">
        <v>0</v>
      </c>
      <c r="AT1035">
        <v>0</v>
      </c>
      <c r="AU1035">
        <v>0</v>
      </c>
      <c r="AV1035">
        <v>0</v>
      </c>
      <c r="AW1035">
        <v>0</v>
      </c>
      <c r="AX1035">
        <v>0</v>
      </c>
      <c r="AY1035">
        <v>0</v>
      </c>
      <c r="AZ1035">
        <v>0</v>
      </c>
      <c r="BA1035">
        <v>0</v>
      </c>
    </row>
    <row r="1036" spans="1:53" x14ac:dyDescent="0.4">
      <c r="A1036">
        <v>1080</v>
      </c>
      <c r="B1036" s="1">
        <v>43139</v>
      </c>
      <c r="C1036">
        <v>2</v>
      </c>
      <c r="D1036" s="1">
        <v>43139.450694444444</v>
      </c>
      <c r="E1036" s="1">
        <v>43139.756944444445</v>
      </c>
      <c r="F1036">
        <v>19000</v>
      </c>
      <c r="G1036">
        <v>1200</v>
      </c>
      <c r="H1036">
        <v>0</v>
      </c>
      <c r="I1036">
        <v>0</v>
      </c>
      <c r="J1036">
        <v>0</v>
      </c>
      <c r="K1036">
        <v>0</v>
      </c>
      <c r="L1036">
        <v>0</v>
      </c>
      <c r="M1036">
        <v>1616</v>
      </c>
      <c r="N1036">
        <v>0</v>
      </c>
      <c r="O1036">
        <v>0</v>
      </c>
      <c r="P1036">
        <v>15660</v>
      </c>
      <c r="Q1036">
        <v>0</v>
      </c>
      <c r="R1036">
        <v>37476</v>
      </c>
      <c r="S1036">
        <v>0</v>
      </c>
      <c r="T1036">
        <v>0</v>
      </c>
      <c r="U1036">
        <v>0</v>
      </c>
      <c r="V1036">
        <v>0</v>
      </c>
      <c r="W1036">
        <v>1</v>
      </c>
      <c r="X1036">
        <v>0</v>
      </c>
      <c r="Y1036">
        <v>49</v>
      </c>
      <c r="Z1036">
        <v>22</v>
      </c>
      <c r="AA1036">
        <v>174</v>
      </c>
      <c r="AB1036">
        <v>50</v>
      </c>
      <c r="AC1036">
        <v>228</v>
      </c>
      <c r="AD1036">
        <v>59</v>
      </c>
      <c r="AE1036">
        <v>1</v>
      </c>
      <c r="AF1036">
        <v>0</v>
      </c>
      <c r="AG1036">
        <v>87476</v>
      </c>
      <c r="AH1036">
        <v>50000</v>
      </c>
      <c r="AI1036">
        <v>0</v>
      </c>
      <c r="AJ1036">
        <v>96</v>
      </c>
      <c r="AK1036" t="s">
        <v>4</v>
      </c>
      <c r="AL1036">
        <v>0</v>
      </c>
      <c r="AM1036">
        <v>0</v>
      </c>
      <c r="AN1036">
        <v>0</v>
      </c>
      <c r="AO1036">
        <v>0</v>
      </c>
      <c r="AP1036">
        <v>0</v>
      </c>
      <c r="AQ1036">
        <v>0</v>
      </c>
      <c r="AR1036">
        <v>0</v>
      </c>
      <c r="AS1036">
        <v>0</v>
      </c>
      <c r="AT1036">
        <v>0</v>
      </c>
      <c r="AU1036">
        <v>0</v>
      </c>
      <c r="AV1036">
        <v>0</v>
      </c>
      <c r="AW1036">
        <v>0</v>
      </c>
      <c r="AX1036">
        <v>907</v>
      </c>
      <c r="AY1036">
        <v>36</v>
      </c>
      <c r="AZ1036">
        <v>67</v>
      </c>
      <c r="BA1036">
        <v>5166</v>
      </c>
    </row>
    <row r="1037" spans="1:53" x14ac:dyDescent="0.4">
      <c r="A1037">
        <v>1081</v>
      </c>
      <c r="B1037" s="1">
        <v>43139</v>
      </c>
      <c r="C1037">
        <v>3</v>
      </c>
      <c r="D1037" s="1">
        <v>43139.756944444445</v>
      </c>
      <c r="E1037" s="1">
        <v>43139.963194444441</v>
      </c>
      <c r="F1037">
        <v>43560</v>
      </c>
      <c r="G1037">
        <v>1290</v>
      </c>
      <c r="H1037">
        <v>0</v>
      </c>
      <c r="I1037">
        <v>0</v>
      </c>
      <c r="J1037">
        <v>0</v>
      </c>
      <c r="K1037">
        <v>0</v>
      </c>
      <c r="L1037">
        <v>0</v>
      </c>
      <c r="M1037">
        <v>3588</v>
      </c>
      <c r="N1037">
        <v>0</v>
      </c>
      <c r="O1037">
        <v>0</v>
      </c>
      <c r="P1037">
        <v>-15660</v>
      </c>
      <c r="Q1037">
        <v>0</v>
      </c>
      <c r="R1037">
        <v>32778</v>
      </c>
      <c r="S1037">
        <v>0</v>
      </c>
      <c r="T1037">
        <v>0</v>
      </c>
      <c r="U1037">
        <v>0</v>
      </c>
      <c r="V1037">
        <v>3</v>
      </c>
      <c r="W1037">
        <v>1</v>
      </c>
      <c r="X1037">
        <v>0</v>
      </c>
      <c r="Y1037">
        <v>49</v>
      </c>
      <c r="Z1037">
        <v>25</v>
      </c>
      <c r="AA1037">
        <v>172</v>
      </c>
      <c r="AB1037">
        <v>52</v>
      </c>
      <c r="AC1037">
        <v>238</v>
      </c>
      <c r="AD1037">
        <v>58</v>
      </c>
      <c r="AE1037">
        <v>161</v>
      </c>
      <c r="AF1037">
        <v>1123</v>
      </c>
      <c r="AG1037">
        <v>120254</v>
      </c>
      <c r="AH1037">
        <v>50000</v>
      </c>
      <c r="AI1037">
        <v>0</v>
      </c>
      <c r="AJ1037">
        <v>84</v>
      </c>
      <c r="AK1037" t="s">
        <v>16</v>
      </c>
      <c r="AL1037">
        <v>0</v>
      </c>
      <c r="AM1037">
        <v>0</v>
      </c>
      <c r="AN1037">
        <v>0</v>
      </c>
      <c r="AO1037">
        <v>0</v>
      </c>
      <c r="AP1037">
        <v>0</v>
      </c>
      <c r="AQ1037">
        <v>0</v>
      </c>
      <c r="AR1037">
        <v>0</v>
      </c>
      <c r="AS1037">
        <v>0</v>
      </c>
      <c r="AT1037">
        <v>0</v>
      </c>
      <c r="AU1037">
        <v>0</v>
      </c>
      <c r="AV1037">
        <v>0</v>
      </c>
      <c r="AW1037">
        <v>0</v>
      </c>
      <c r="AX1037">
        <v>1080</v>
      </c>
      <c r="AY1037">
        <v>6</v>
      </c>
      <c r="AZ1037">
        <v>23</v>
      </c>
      <c r="BA1037">
        <v>1343</v>
      </c>
    </row>
    <row r="1038" spans="1:53" x14ac:dyDescent="0.4">
      <c r="A1038">
        <v>1082</v>
      </c>
      <c r="B1038" s="1">
        <v>43140</v>
      </c>
      <c r="C1038">
        <v>1</v>
      </c>
      <c r="D1038" s="1">
        <v>43140.291666666664</v>
      </c>
      <c r="E1038" s="1">
        <v>43140.445833333331</v>
      </c>
      <c r="F1038">
        <v>0</v>
      </c>
      <c r="G1038">
        <v>0</v>
      </c>
      <c r="H1038">
        <v>0</v>
      </c>
      <c r="I1038">
        <v>0</v>
      </c>
      <c r="J1038">
        <v>0</v>
      </c>
      <c r="K1038">
        <v>0</v>
      </c>
      <c r="L1038">
        <v>0</v>
      </c>
      <c r="M1038">
        <v>0</v>
      </c>
      <c r="N1038">
        <v>0</v>
      </c>
      <c r="O1038">
        <v>0</v>
      </c>
      <c r="P1038">
        <v>0</v>
      </c>
      <c r="Q1038">
        <v>0</v>
      </c>
      <c r="R1038">
        <v>0</v>
      </c>
      <c r="S1038">
        <v>0</v>
      </c>
      <c r="T1038">
        <v>0</v>
      </c>
      <c r="U1038">
        <v>0</v>
      </c>
      <c r="V1038">
        <v>0</v>
      </c>
      <c r="W1038">
        <v>0</v>
      </c>
      <c r="X1038">
        <v>0</v>
      </c>
      <c r="Y1038">
        <v>24</v>
      </c>
      <c r="Z1038">
        <v>9</v>
      </c>
      <c r="AA1038">
        <v>175</v>
      </c>
      <c r="AB1038">
        <v>44</v>
      </c>
      <c r="AC1038">
        <v>136</v>
      </c>
      <c r="AD1038">
        <v>57</v>
      </c>
      <c r="AE1038">
        <v>155</v>
      </c>
      <c r="AF1038">
        <v>0</v>
      </c>
      <c r="AG1038">
        <v>50000</v>
      </c>
      <c r="AH1038">
        <v>0</v>
      </c>
      <c r="AI1038">
        <v>50000</v>
      </c>
      <c r="AJ1038">
        <v>0</v>
      </c>
      <c r="AK1038" t="s">
        <v>6</v>
      </c>
      <c r="AL1038">
        <v>0</v>
      </c>
      <c r="AM1038">
        <v>0</v>
      </c>
      <c r="AN1038">
        <v>0</v>
      </c>
      <c r="AO1038">
        <v>0</v>
      </c>
      <c r="AP1038">
        <v>0</v>
      </c>
      <c r="AQ1038">
        <v>0</v>
      </c>
      <c r="AR1038">
        <v>0</v>
      </c>
      <c r="AS1038">
        <v>0</v>
      </c>
      <c r="AT1038">
        <v>0</v>
      </c>
      <c r="AU1038">
        <v>0</v>
      </c>
      <c r="AV1038">
        <v>0</v>
      </c>
      <c r="AW1038">
        <v>0</v>
      </c>
      <c r="AX1038">
        <v>0</v>
      </c>
      <c r="AY1038">
        <v>0</v>
      </c>
      <c r="AZ1038">
        <v>0</v>
      </c>
      <c r="BA1038">
        <v>0</v>
      </c>
    </row>
    <row r="1039" spans="1:53" x14ac:dyDescent="0.4">
      <c r="A1039">
        <v>1083</v>
      </c>
      <c r="B1039" s="1">
        <v>43140</v>
      </c>
      <c r="C1039">
        <v>2</v>
      </c>
      <c r="D1039" s="1">
        <v>43140.445833333331</v>
      </c>
      <c r="E1039" s="1">
        <v>43140.736111111109</v>
      </c>
      <c r="F1039">
        <v>15500</v>
      </c>
      <c r="G1039">
        <v>1500</v>
      </c>
      <c r="H1039">
        <v>0</v>
      </c>
      <c r="I1039">
        <v>0</v>
      </c>
      <c r="J1039">
        <v>0</v>
      </c>
      <c r="K1039">
        <v>0</v>
      </c>
      <c r="L1039">
        <v>0</v>
      </c>
      <c r="M1039">
        <v>1360</v>
      </c>
      <c r="N1039">
        <v>0</v>
      </c>
      <c r="O1039">
        <v>0</v>
      </c>
      <c r="P1039">
        <v>10260</v>
      </c>
      <c r="Q1039">
        <v>0</v>
      </c>
      <c r="R1039">
        <v>28620</v>
      </c>
      <c r="S1039">
        <v>0</v>
      </c>
      <c r="T1039">
        <v>0</v>
      </c>
      <c r="U1039">
        <v>0</v>
      </c>
      <c r="V1039">
        <v>1</v>
      </c>
      <c r="W1039">
        <v>2</v>
      </c>
      <c r="X1039">
        <v>0</v>
      </c>
      <c r="Y1039">
        <v>22</v>
      </c>
      <c r="Z1039">
        <v>20</v>
      </c>
      <c r="AA1039">
        <v>200</v>
      </c>
      <c r="AB1039">
        <v>48</v>
      </c>
      <c r="AC1039">
        <v>154</v>
      </c>
      <c r="AD1039">
        <v>57</v>
      </c>
      <c r="AE1039">
        <v>156</v>
      </c>
      <c r="AF1039">
        <v>2239</v>
      </c>
      <c r="AG1039">
        <v>78620</v>
      </c>
      <c r="AH1039">
        <v>50000</v>
      </c>
      <c r="AI1039">
        <v>0</v>
      </c>
      <c r="AJ1039">
        <v>97</v>
      </c>
      <c r="AK1039" t="s">
        <v>13</v>
      </c>
      <c r="AL1039">
        <v>0</v>
      </c>
      <c r="AM1039">
        <v>0</v>
      </c>
      <c r="AN1039">
        <v>0</v>
      </c>
      <c r="AO1039">
        <v>0</v>
      </c>
      <c r="AP1039">
        <v>0</v>
      </c>
      <c r="AQ1039">
        <v>0</v>
      </c>
      <c r="AR1039">
        <v>0</v>
      </c>
      <c r="AS1039">
        <v>0</v>
      </c>
      <c r="AT1039">
        <v>0</v>
      </c>
      <c r="AU1039">
        <v>0</v>
      </c>
      <c r="AV1039">
        <v>0</v>
      </c>
      <c r="AW1039">
        <v>0</v>
      </c>
      <c r="AX1039">
        <v>1447</v>
      </c>
      <c r="AY1039">
        <v>26</v>
      </c>
      <c r="AZ1039">
        <v>50</v>
      </c>
      <c r="BA1039">
        <v>3655</v>
      </c>
    </row>
    <row r="1040" spans="1:53" x14ac:dyDescent="0.4">
      <c r="A1040">
        <v>1084</v>
      </c>
      <c r="B1040" s="1">
        <v>43141</v>
      </c>
      <c r="C1040">
        <v>1</v>
      </c>
      <c r="D1040" s="1">
        <v>43141.291666666664</v>
      </c>
      <c r="E1040" s="1">
        <v>43141.404166666667</v>
      </c>
      <c r="F1040">
        <v>0</v>
      </c>
      <c r="G1040">
        <v>0</v>
      </c>
      <c r="H1040">
        <v>0</v>
      </c>
      <c r="I1040">
        <v>0</v>
      </c>
      <c r="J1040">
        <v>0</v>
      </c>
      <c r="K1040">
        <v>0</v>
      </c>
      <c r="L1040">
        <v>0</v>
      </c>
      <c r="M1040">
        <v>0</v>
      </c>
      <c r="N1040">
        <v>0</v>
      </c>
      <c r="O1040">
        <v>0</v>
      </c>
      <c r="P1040">
        <v>0</v>
      </c>
      <c r="Q1040">
        <v>0</v>
      </c>
      <c r="R1040">
        <v>0</v>
      </c>
      <c r="S1040">
        <v>0</v>
      </c>
      <c r="T1040">
        <v>0</v>
      </c>
      <c r="U1040">
        <v>0</v>
      </c>
      <c r="V1040">
        <v>0</v>
      </c>
      <c r="W1040">
        <v>0</v>
      </c>
      <c r="X1040">
        <v>0</v>
      </c>
      <c r="Y1040">
        <v>25</v>
      </c>
      <c r="Z1040">
        <v>9</v>
      </c>
      <c r="AA1040">
        <v>169</v>
      </c>
      <c r="AB1040">
        <v>39</v>
      </c>
      <c r="AC1040">
        <v>174</v>
      </c>
      <c r="AD1040">
        <v>53</v>
      </c>
      <c r="AE1040">
        <v>145</v>
      </c>
      <c r="AF1040">
        <v>0</v>
      </c>
      <c r="AG1040">
        <v>50500</v>
      </c>
      <c r="AH1040">
        <v>50000</v>
      </c>
      <c r="AI1040">
        <v>500</v>
      </c>
      <c r="AJ1040">
        <v>0</v>
      </c>
      <c r="AK1040" t="s">
        <v>6</v>
      </c>
      <c r="AL1040">
        <v>0</v>
      </c>
      <c r="AM1040">
        <v>0</v>
      </c>
      <c r="AN1040">
        <v>0</v>
      </c>
      <c r="AO1040">
        <v>0</v>
      </c>
      <c r="AP1040">
        <v>0</v>
      </c>
      <c r="AQ1040">
        <v>0</v>
      </c>
      <c r="AR1040">
        <v>0</v>
      </c>
      <c r="AS1040">
        <v>0</v>
      </c>
      <c r="AT1040">
        <v>0</v>
      </c>
      <c r="AU1040">
        <v>0</v>
      </c>
      <c r="AV1040">
        <v>0</v>
      </c>
      <c r="AW1040">
        <v>0</v>
      </c>
      <c r="AX1040">
        <v>0</v>
      </c>
      <c r="AY1040">
        <v>0</v>
      </c>
      <c r="AZ1040">
        <v>0</v>
      </c>
      <c r="BA1040">
        <v>0</v>
      </c>
    </row>
    <row r="1041" spans="1:53" x14ac:dyDescent="0.4">
      <c r="A1041">
        <v>1085</v>
      </c>
      <c r="B1041" s="1">
        <v>43141</v>
      </c>
      <c r="C1041">
        <v>2</v>
      </c>
      <c r="D1041" s="1">
        <v>43141.404166666667</v>
      </c>
      <c r="E1041" s="1">
        <v>43141.736111111109</v>
      </c>
      <c r="F1041">
        <v>35500</v>
      </c>
      <c r="G1041">
        <v>224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3018</v>
      </c>
      <c r="N1041">
        <v>0</v>
      </c>
      <c r="O1041">
        <v>0</v>
      </c>
      <c r="P1041">
        <v>14580</v>
      </c>
      <c r="Q1041">
        <v>0</v>
      </c>
      <c r="R1041">
        <v>55338</v>
      </c>
      <c r="S1041">
        <v>0</v>
      </c>
      <c r="T1041">
        <v>0</v>
      </c>
      <c r="U1041">
        <v>0</v>
      </c>
      <c r="V1041">
        <v>1</v>
      </c>
      <c r="W1041">
        <v>2</v>
      </c>
      <c r="X1041">
        <v>0</v>
      </c>
      <c r="Y1041">
        <v>50</v>
      </c>
      <c r="Z1041">
        <v>22</v>
      </c>
      <c r="AA1041">
        <v>186</v>
      </c>
      <c r="AB1041">
        <v>42</v>
      </c>
      <c r="AC1041">
        <v>161</v>
      </c>
      <c r="AD1041">
        <v>52</v>
      </c>
      <c r="AE1041">
        <v>148</v>
      </c>
      <c r="AF1041">
        <v>1620</v>
      </c>
      <c r="AG1041">
        <v>105338</v>
      </c>
      <c r="AH1041">
        <v>50000</v>
      </c>
      <c r="AI1041">
        <v>0</v>
      </c>
      <c r="AJ1041">
        <v>84</v>
      </c>
      <c r="AK1041" t="s">
        <v>16</v>
      </c>
      <c r="AL1041">
        <v>0</v>
      </c>
      <c r="AM1041">
        <v>0</v>
      </c>
      <c r="AN1041">
        <v>0</v>
      </c>
      <c r="AO1041">
        <v>0</v>
      </c>
      <c r="AP1041">
        <v>0</v>
      </c>
      <c r="AQ1041">
        <v>0</v>
      </c>
      <c r="AR1041">
        <v>0</v>
      </c>
      <c r="AS1041">
        <v>0</v>
      </c>
      <c r="AT1041">
        <v>0</v>
      </c>
      <c r="AU1041">
        <v>0</v>
      </c>
      <c r="AV1041">
        <v>0</v>
      </c>
      <c r="AW1041">
        <v>0</v>
      </c>
      <c r="AX1041">
        <v>-670</v>
      </c>
      <c r="AY1041">
        <v>40</v>
      </c>
      <c r="AZ1041">
        <v>88</v>
      </c>
      <c r="BA1041">
        <v>6998</v>
      </c>
    </row>
    <row r="1042" spans="1:53" x14ac:dyDescent="0.4">
      <c r="A1042">
        <v>1086</v>
      </c>
      <c r="B1042" s="1">
        <v>43142</v>
      </c>
      <c r="C1042">
        <v>1</v>
      </c>
      <c r="D1042" s="1">
        <v>43142.291666666664</v>
      </c>
      <c r="E1042" s="1">
        <v>43142.38958333333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0</v>
      </c>
      <c r="O1042">
        <v>0</v>
      </c>
      <c r="P1042">
        <v>0</v>
      </c>
      <c r="Q1042">
        <v>0</v>
      </c>
      <c r="R1042">
        <v>0</v>
      </c>
      <c r="S1042">
        <v>0</v>
      </c>
      <c r="T1042">
        <v>0</v>
      </c>
      <c r="U1042">
        <v>0</v>
      </c>
      <c r="V1042">
        <v>0</v>
      </c>
      <c r="W1042">
        <v>0</v>
      </c>
      <c r="X1042">
        <v>0</v>
      </c>
      <c r="Y1042">
        <v>28</v>
      </c>
      <c r="Z1042">
        <v>7</v>
      </c>
      <c r="AA1042">
        <v>149</v>
      </c>
      <c r="AB1042">
        <v>37</v>
      </c>
      <c r="AC1042">
        <v>135</v>
      </c>
      <c r="AD1042">
        <v>53</v>
      </c>
      <c r="AE1042">
        <v>135</v>
      </c>
      <c r="AF1042">
        <v>0</v>
      </c>
      <c r="AG1042">
        <v>50000</v>
      </c>
      <c r="AH1042">
        <v>0</v>
      </c>
      <c r="AI1042">
        <v>50000</v>
      </c>
      <c r="AJ1042">
        <v>0</v>
      </c>
      <c r="AK1042" t="s">
        <v>6</v>
      </c>
      <c r="AL1042">
        <v>0</v>
      </c>
      <c r="AM1042">
        <v>0</v>
      </c>
      <c r="AN1042">
        <v>0</v>
      </c>
      <c r="AO1042">
        <v>0</v>
      </c>
      <c r="AP1042">
        <v>0</v>
      </c>
      <c r="AQ1042">
        <v>0</v>
      </c>
      <c r="AR1042">
        <v>0</v>
      </c>
      <c r="AS1042">
        <v>0</v>
      </c>
      <c r="AT1042">
        <v>0</v>
      </c>
      <c r="AU1042">
        <v>0</v>
      </c>
      <c r="AV1042">
        <v>0</v>
      </c>
      <c r="AW1042">
        <v>0</v>
      </c>
      <c r="AX1042">
        <v>0</v>
      </c>
      <c r="AY1042">
        <v>0</v>
      </c>
      <c r="AZ1042">
        <v>0</v>
      </c>
      <c r="BA1042">
        <v>0</v>
      </c>
    </row>
    <row r="1043" spans="1:53" x14ac:dyDescent="0.4">
      <c r="A1043">
        <v>1087</v>
      </c>
      <c r="B1043" s="1">
        <v>43142</v>
      </c>
      <c r="C1043">
        <v>2</v>
      </c>
      <c r="D1043" s="1">
        <v>43142.38958333333</v>
      </c>
      <c r="E1043" s="1">
        <v>43142.767361111109</v>
      </c>
      <c r="F1043">
        <v>43000</v>
      </c>
      <c r="G1043">
        <v>286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3667</v>
      </c>
      <c r="N1043">
        <v>0</v>
      </c>
      <c r="O1043">
        <v>0</v>
      </c>
      <c r="P1043">
        <v>19980</v>
      </c>
      <c r="Q1043">
        <v>0</v>
      </c>
      <c r="R1043">
        <v>69507</v>
      </c>
      <c r="S1043">
        <v>0</v>
      </c>
      <c r="T1043">
        <v>0</v>
      </c>
      <c r="U1043">
        <v>0</v>
      </c>
      <c r="V1043">
        <v>2</v>
      </c>
      <c r="W1043">
        <v>1</v>
      </c>
      <c r="X1043">
        <v>0</v>
      </c>
      <c r="Y1043">
        <v>61</v>
      </c>
      <c r="Z1043">
        <v>26</v>
      </c>
      <c r="AA1043">
        <v>118</v>
      </c>
      <c r="AB1043">
        <v>29</v>
      </c>
      <c r="AC1043">
        <v>159</v>
      </c>
      <c r="AD1043">
        <v>54</v>
      </c>
      <c r="AE1043">
        <v>147</v>
      </c>
      <c r="AF1043">
        <v>0</v>
      </c>
      <c r="AG1043">
        <v>114257</v>
      </c>
      <c r="AH1043">
        <v>50000</v>
      </c>
      <c r="AI1043">
        <v>-5250</v>
      </c>
      <c r="AJ1043">
        <v>84</v>
      </c>
      <c r="AK1043" t="s">
        <v>16</v>
      </c>
      <c r="AL1043">
        <v>0</v>
      </c>
      <c r="AM1043">
        <v>0</v>
      </c>
      <c r="AN1043">
        <v>0</v>
      </c>
      <c r="AO1043">
        <v>0</v>
      </c>
      <c r="AP1043">
        <v>0</v>
      </c>
      <c r="AQ1043">
        <v>0</v>
      </c>
      <c r="AR1043">
        <v>0</v>
      </c>
      <c r="AS1043">
        <v>0</v>
      </c>
      <c r="AT1043">
        <v>0</v>
      </c>
      <c r="AU1043">
        <v>0</v>
      </c>
      <c r="AV1043">
        <v>0</v>
      </c>
      <c r="AW1043">
        <v>0</v>
      </c>
      <c r="AX1043">
        <v>4017</v>
      </c>
      <c r="AY1043">
        <v>56</v>
      </c>
      <c r="AZ1043">
        <v>122</v>
      </c>
      <c r="BA1043">
        <v>8290</v>
      </c>
    </row>
    <row r="1044" spans="1:53" x14ac:dyDescent="0.4">
      <c r="A1044">
        <v>1088</v>
      </c>
      <c r="B1044" s="1">
        <v>43142</v>
      </c>
      <c r="C1044">
        <v>3</v>
      </c>
      <c r="D1044" s="1">
        <v>43142.767361111109</v>
      </c>
      <c r="E1044" s="1">
        <v>43142.95</v>
      </c>
      <c r="F1044">
        <v>43900</v>
      </c>
      <c r="G1044">
        <v>96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3588</v>
      </c>
      <c r="N1044">
        <v>0</v>
      </c>
      <c r="O1044">
        <v>0</v>
      </c>
      <c r="P1044">
        <v>-6480</v>
      </c>
      <c r="Q1044">
        <v>0</v>
      </c>
      <c r="R1044">
        <v>41968</v>
      </c>
      <c r="S1044">
        <v>0</v>
      </c>
      <c r="T1044">
        <v>0</v>
      </c>
      <c r="U1044">
        <v>0</v>
      </c>
      <c r="V1044">
        <v>6</v>
      </c>
      <c r="W1044">
        <v>1</v>
      </c>
      <c r="X1044">
        <v>0</v>
      </c>
      <c r="Y1044">
        <v>62</v>
      </c>
      <c r="Z1044">
        <v>27</v>
      </c>
      <c r="AA1044">
        <v>125</v>
      </c>
      <c r="AB1044">
        <v>28</v>
      </c>
      <c r="AC1044">
        <v>155</v>
      </c>
      <c r="AD1044">
        <v>47</v>
      </c>
      <c r="AE1044">
        <v>140</v>
      </c>
      <c r="AF1044">
        <v>0</v>
      </c>
      <c r="AG1044">
        <v>156325</v>
      </c>
      <c r="AH1044">
        <v>50000</v>
      </c>
      <c r="AI1044">
        <v>-5150</v>
      </c>
      <c r="AJ1044">
        <v>108</v>
      </c>
      <c r="AK1044" t="s">
        <v>30</v>
      </c>
      <c r="AL1044">
        <v>0</v>
      </c>
      <c r="AM1044">
        <v>0</v>
      </c>
      <c r="AN1044">
        <v>0</v>
      </c>
      <c r="AO1044">
        <v>0</v>
      </c>
      <c r="AP1044">
        <v>0</v>
      </c>
      <c r="AQ1044">
        <v>0</v>
      </c>
      <c r="AR1044">
        <v>0</v>
      </c>
      <c r="AS1044">
        <v>0</v>
      </c>
      <c r="AT1044">
        <v>0</v>
      </c>
      <c r="AU1044">
        <v>0</v>
      </c>
      <c r="AV1044">
        <v>0</v>
      </c>
      <c r="AW1044">
        <v>0</v>
      </c>
      <c r="AX1044">
        <v>51845</v>
      </c>
      <c r="AY1044">
        <v>19</v>
      </c>
      <c r="AZ1044">
        <v>63</v>
      </c>
      <c r="BA1044">
        <v>2577</v>
      </c>
    </row>
    <row r="1045" spans="1:53" x14ac:dyDescent="0.4">
      <c r="A1045">
        <v>1089</v>
      </c>
      <c r="B1045" s="1">
        <v>43142</v>
      </c>
      <c r="C1045">
        <v>4</v>
      </c>
      <c r="D1045" s="1">
        <v>43142.95</v>
      </c>
      <c r="E1045" s="1">
        <v>43143.092361111114</v>
      </c>
      <c r="F1045">
        <v>104120</v>
      </c>
      <c r="G1045">
        <v>5230</v>
      </c>
      <c r="H1045">
        <v>0</v>
      </c>
      <c r="I1045">
        <v>0</v>
      </c>
      <c r="J1045">
        <v>1950</v>
      </c>
      <c r="K1045">
        <v>0</v>
      </c>
      <c r="L1045">
        <v>0</v>
      </c>
      <c r="M1045">
        <v>8592</v>
      </c>
      <c r="N1045">
        <v>0</v>
      </c>
      <c r="O1045">
        <v>0</v>
      </c>
      <c r="P1045">
        <v>26136</v>
      </c>
      <c r="Q1045">
        <v>0</v>
      </c>
      <c r="R1045">
        <v>142128</v>
      </c>
      <c r="S1045">
        <v>0</v>
      </c>
      <c r="T1045">
        <v>0</v>
      </c>
      <c r="U1045">
        <v>0</v>
      </c>
      <c r="V1045">
        <v>13</v>
      </c>
      <c r="W1045">
        <v>7</v>
      </c>
      <c r="X1045">
        <v>0</v>
      </c>
      <c r="Y1045">
        <v>90</v>
      </c>
      <c r="Z1045">
        <v>25</v>
      </c>
      <c r="AA1045">
        <v>113</v>
      </c>
      <c r="AB1045">
        <v>29</v>
      </c>
      <c r="AC1045">
        <v>145</v>
      </c>
      <c r="AD1045">
        <v>41</v>
      </c>
      <c r="AE1045">
        <v>128</v>
      </c>
      <c r="AF1045">
        <v>13954</v>
      </c>
      <c r="AG1045">
        <v>295987</v>
      </c>
      <c r="AH1045">
        <v>50000</v>
      </c>
      <c r="AI1045">
        <v>-7616</v>
      </c>
      <c r="AJ1045">
        <v>108</v>
      </c>
      <c r="AK1045" t="s">
        <v>30</v>
      </c>
      <c r="AL1045">
        <v>0</v>
      </c>
      <c r="AM1045">
        <v>0</v>
      </c>
      <c r="AN1045">
        <v>0</v>
      </c>
      <c r="AO1045">
        <v>0</v>
      </c>
      <c r="AP1045">
        <v>0</v>
      </c>
      <c r="AQ1045">
        <v>0</v>
      </c>
      <c r="AR1045">
        <v>0</v>
      </c>
      <c r="AS1045">
        <v>0</v>
      </c>
      <c r="AT1045">
        <v>0</v>
      </c>
      <c r="AU1045">
        <v>0</v>
      </c>
      <c r="AV1045">
        <v>0</v>
      </c>
      <c r="AW1045">
        <v>0</v>
      </c>
      <c r="AX1045">
        <v>6912</v>
      </c>
      <c r="AY1045">
        <v>10</v>
      </c>
      <c r="AZ1045">
        <v>27</v>
      </c>
      <c r="BA1045">
        <v>1903</v>
      </c>
    </row>
    <row r="1046" spans="1:53" x14ac:dyDescent="0.4">
      <c r="A1046">
        <v>1090</v>
      </c>
      <c r="B1046" s="1">
        <v>43143</v>
      </c>
      <c r="C1046">
        <v>1</v>
      </c>
      <c r="D1046" s="1">
        <v>43143.291666666664</v>
      </c>
      <c r="E1046" s="1">
        <v>43143.406944444447</v>
      </c>
      <c r="F1046">
        <v>0</v>
      </c>
      <c r="G1046">
        <v>0</v>
      </c>
      <c r="H1046">
        <v>0</v>
      </c>
      <c r="I1046">
        <v>0</v>
      </c>
      <c r="J1046">
        <v>0</v>
      </c>
      <c r="K1046">
        <v>0</v>
      </c>
      <c r="L1046">
        <v>0</v>
      </c>
      <c r="M1046">
        <v>0</v>
      </c>
      <c r="N1046">
        <v>0</v>
      </c>
      <c r="O1046">
        <v>0</v>
      </c>
      <c r="P1046">
        <v>0</v>
      </c>
      <c r="Q1046">
        <v>0</v>
      </c>
      <c r="R1046">
        <v>0</v>
      </c>
      <c r="S1046">
        <v>0</v>
      </c>
      <c r="T1046">
        <v>0</v>
      </c>
      <c r="U1046">
        <v>0</v>
      </c>
      <c r="V1046">
        <v>0</v>
      </c>
      <c r="W1046">
        <v>1</v>
      </c>
      <c r="X1046">
        <v>0</v>
      </c>
      <c r="Y1046">
        <v>23</v>
      </c>
      <c r="Z1046">
        <v>19</v>
      </c>
      <c r="AA1046">
        <v>100</v>
      </c>
      <c r="AB1046">
        <v>17</v>
      </c>
      <c r="AC1046">
        <v>134</v>
      </c>
      <c r="AD1046">
        <v>37</v>
      </c>
      <c r="AE1046">
        <v>125</v>
      </c>
      <c r="AF1046">
        <v>0</v>
      </c>
      <c r="AG1046">
        <v>50000</v>
      </c>
      <c r="AH1046">
        <v>0</v>
      </c>
      <c r="AI1046">
        <v>50000</v>
      </c>
      <c r="AJ1046">
        <v>0</v>
      </c>
      <c r="AK1046" t="s">
        <v>6</v>
      </c>
      <c r="AL1046">
        <v>0</v>
      </c>
      <c r="AM1046">
        <v>0</v>
      </c>
      <c r="AN1046">
        <v>0</v>
      </c>
      <c r="AO1046">
        <v>0</v>
      </c>
      <c r="AP1046">
        <v>0</v>
      </c>
      <c r="AQ1046">
        <v>0</v>
      </c>
      <c r="AR1046">
        <v>0</v>
      </c>
      <c r="AS1046">
        <v>0</v>
      </c>
      <c r="AT1046">
        <v>0</v>
      </c>
      <c r="AU1046">
        <v>0</v>
      </c>
      <c r="AV1046">
        <v>0</v>
      </c>
      <c r="AW1046">
        <v>0</v>
      </c>
      <c r="AX1046">
        <v>0</v>
      </c>
      <c r="AY1046">
        <v>0</v>
      </c>
      <c r="AZ1046">
        <v>0</v>
      </c>
      <c r="BA1046">
        <v>0</v>
      </c>
    </row>
    <row r="1047" spans="1:53" x14ac:dyDescent="0.4">
      <c r="A1047">
        <v>1091</v>
      </c>
      <c r="B1047" s="1">
        <v>43143</v>
      </c>
      <c r="C1047">
        <v>2</v>
      </c>
      <c r="D1047" s="1">
        <v>43143.406944444447</v>
      </c>
      <c r="E1047" s="1">
        <v>43143.745138888888</v>
      </c>
      <c r="F1047">
        <v>44500</v>
      </c>
      <c r="G1047">
        <v>7300</v>
      </c>
      <c r="H1047">
        <v>0</v>
      </c>
      <c r="I1047">
        <v>0</v>
      </c>
      <c r="J1047">
        <v>0</v>
      </c>
      <c r="K1047">
        <v>0</v>
      </c>
      <c r="L1047">
        <v>0</v>
      </c>
      <c r="M1047">
        <v>4141</v>
      </c>
      <c r="N1047">
        <v>0</v>
      </c>
      <c r="O1047">
        <v>0</v>
      </c>
      <c r="P1047">
        <v>22680</v>
      </c>
      <c r="Q1047">
        <v>0</v>
      </c>
      <c r="R1047">
        <v>78621</v>
      </c>
      <c r="S1047">
        <v>0</v>
      </c>
      <c r="T1047">
        <v>0</v>
      </c>
      <c r="U1047">
        <v>0</v>
      </c>
      <c r="V1047">
        <v>1</v>
      </c>
      <c r="W1047">
        <v>4</v>
      </c>
      <c r="X1047">
        <v>0</v>
      </c>
      <c r="Y1047">
        <v>70</v>
      </c>
      <c r="Z1047">
        <v>28</v>
      </c>
      <c r="AA1047">
        <v>90</v>
      </c>
      <c r="AB1047">
        <v>17</v>
      </c>
      <c r="AC1047">
        <v>269</v>
      </c>
      <c r="AD1047">
        <v>40</v>
      </c>
      <c r="AE1047">
        <v>125</v>
      </c>
      <c r="AF1047">
        <v>1736</v>
      </c>
      <c r="AG1047">
        <v>128601</v>
      </c>
      <c r="AH1047">
        <v>50000</v>
      </c>
      <c r="AI1047">
        <v>-20</v>
      </c>
      <c r="AJ1047">
        <v>96</v>
      </c>
      <c r="AK1047" t="s">
        <v>4</v>
      </c>
      <c r="AL1047">
        <v>0</v>
      </c>
      <c r="AM1047">
        <v>0</v>
      </c>
      <c r="AN1047">
        <v>0</v>
      </c>
      <c r="AO1047">
        <v>0</v>
      </c>
      <c r="AP1047">
        <v>0</v>
      </c>
      <c r="AQ1047">
        <v>0</v>
      </c>
      <c r="AR1047">
        <v>0</v>
      </c>
      <c r="AS1047">
        <v>0</v>
      </c>
      <c r="AT1047">
        <v>0</v>
      </c>
      <c r="AU1047">
        <v>0</v>
      </c>
      <c r="AV1047">
        <v>0</v>
      </c>
      <c r="AW1047">
        <v>0</v>
      </c>
      <c r="AX1047">
        <v>3088</v>
      </c>
      <c r="AY1047">
        <v>45</v>
      </c>
      <c r="AZ1047">
        <v>115</v>
      </c>
      <c r="BA1047">
        <v>7767</v>
      </c>
    </row>
    <row r="1048" spans="1:53" x14ac:dyDescent="0.4">
      <c r="A1048">
        <v>1092</v>
      </c>
      <c r="B1048" s="1">
        <v>43143</v>
      </c>
      <c r="C1048">
        <v>3</v>
      </c>
      <c r="D1048" s="1">
        <v>43143.745138888888</v>
      </c>
      <c r="E1048" s="1">
        <v>43143.948611111111</v>
      </c>
      <c r="F1048">
        <v>34470</v>
      </c>
      <c r="G1048">
        <v>3310</v>
      </c>
      <c r="H1048">
        <v>0</v>
      </c>
      <c r="I1048">
        <v>0</v>
      </c>
      <c r="J1048">
        <v>0</v>
      </c>
      <c r="K1048">
        <v>0</v>
      </c>
      <c r="L1048">
        <v>0</v>
      </c>
      <c r="M1048">
        <v>3022</v>
      </c>
      <c r="N1048">
        <v>0</v>
      </c>
      <c r="O1048">
        <v>0</v>
      </c>
      <c r="P1048">
        <v>-10152</v>
      </c>
      <c r="Q1048">
        <v>0</v>
      </c>
      <c r="R1048">
        <v>30650</v>
      </c>
      <c r="S1048">
        <v>0</v>
      </c>
      <c r="T1048">
        <v>0</v>
      </c>
      <c r="U1048">
        <v>0</v>
      </c>
      <c r="V1048">
        <v>2</v>
      </c>
      <c r="W1048">
        <v>8</v>
      </c>
      <c r="X1048">
        <v>0</v>
      </c>
      <c r="Y1048">
        <v>68</v>
      </c>
      <c r="Z1048">
        <v>32</v>
      </c>
      <c r="AA1048">
        <v>96</v>
      </c>
      <c r="AB1048">
        <v>18</v>
      </c>
      <c r="AC1048">
        <v>270</v>
      </c>
      <c r="AD1048">
        <v>39</v>
      </c>
      <c r="AE1048">
        <v>120</v>
      </c>
      <c r="AF1048">
        <v>1736</v>
      </c>
      <c r="AG1048">
        <v>159251</v>
      </c>
      <c r="AH1048">
        <v>50000</v>
      </c>
      <c r="AI1048">
        <v>-20</v>
      </c>
      <c r="AJ1048">
        <v>108</v>
      </c>
      <c r="AK1048" t="s">
        <v>30</v>
      </c>
      <c r="AL1048">
        <v>0</v>
      </c>
      <c r="AM1048">
        <v>0</v>
      </c>
      <c r="AN1048">
        <v>0</v>
      </c>
      <c r="AO1048">
        <v>0</v>
      </c>
      <c r="AP1048">
        <v>0</v>
      </c>
      <c r="AQ1048">
        <v>0</v>
      </c>
      <c r="AR1048">
        <v>0</v>
      </c>
      <c r="AS1048">
        <v>0</v>
      </c>
      <c r="AT1048">
        <v>0</v>
      </c>
      <c r="AU1048">
        <v>0</v>
      </c>
      <c r="AV1048">
        <v>0</v>
      </c>
      <c r="AW1048">
        <v>0</v>
      </c>
      <c r="AX1048">
        <v>8089</v>
      </c>
      <c r="AY1048">
        <v>12</v>
      </c>
      <c r="AZ1048">
        <v>29</v>
      </c>
      <c r="BA1048">
        <v>2246</v>
      </c>
    </row>
    <row r="1049" spans="1:53" x14ac:dyDescent="0.4">
      <c r="A1049">
        <v>1093</v>
      </c>
      <c r="B1049" s="1">
        <v>43143</v>
      </c>
      <c r="C1049">
        <v>4</v>
      </c>
      <c r="D1049" s="1">
        <v>43143.948611111111</v>
      </c>
      <c r="E1049" s="1">
        <v>43144.07916666667</v>
      </c>
      <c r="F1049">
        <v>35980</v>
      </c>
      <c r="G1049">
        <v>1600</v>
      </c>
      <c r="H1049">
        <v>0</v>
      </c>
      <c r="I1049">
        <v>0</v>
      </c>
      <c r="J1049">
        <v>0</v>
      </c>
      <c r="K1049">
        <v>0</v>
      </c>
      <c r="L1049">
        <v>0</v>
      </c>
      <c r="M1049">
        <v>3007</v>
      </c>
      <c r="N1049">
        <v>0</v>
      </c>
      <c r="O1049">
        <v>0</v>
      </c>
      <c r="P1049">
        <v>6372</v>
      </c>
      <c r="Q1049">
        <v>0</v>
      </c>
      <c r="R1049">
        <v>46959</v>
      </c>
      <c r="S1049">
        <v>0</v>
      </c>
      <c r="T1049">
        <v>0</v>
      </c>
      <c r="U1049">
        <v>0</v>
      </c>
      <c r="V1049">
        <v>3</v>
      </c>
      <c r="W1049">
        <v>12</v>
      </c>
      <c r="X1049">
        <v>0</v>
      </c>
      <c r="Y1049">
        <v>82</v>
      </c>
      <c r="Z1049">
        <v>30</v>
      </c>
      <c r="AA1049">
        <v>89</v>
      </c>
      <c r="AB1049">
        <v>16</v>
      </c>
      <c r="AC1049">
        <v>256</v>
      </c>
      <c r="AD1049">
        <v>34</v>
      </c>
      <c r="AE1049">
        <v>108</v>
      </c>
      <c r="AF1049">
        <v>6672</v>
      </c>
      <c r="AG1049">
        <v>206210</v>
      </c>
      <c r="AH1049">
        <v>50000</v>
      </c>
      <c r="AI1049">
        <v>-20</v>
      </c>
      <c r="AJ1049">
        <v>99</v>
      </c>
      <c r="AK1049" t="s">
        <v>9</v>
      </c>
      <c r="AL1049">
        <v>0</v>
      </c>
      <c r="AM1049">
        <v>0</v>
      </c>
      <c r="AN1049">
        <v>0</v>
      </c>
      <c r="AO1049">
        <v>0</v>
      </c>
      <c r="AP1049">
        <v>0</v>
      </c>
      <c r="AQ1049">
        <v>0</v>
      </c>
      <c r="AR1049">
        <v>0</v>
      </c>
      <c r="AS1049">
        <v>0</v>
      </c>
      <c r="AT1049">
        <v>0</v>
      </c>
      <c r="AU1049">
        <v>0</v>
      </c>
      <c r="AV1049">
        <v>0</v>
      </c>
      <c r="AW1049">
        <v>0</v>
      </c>
      <c r="AX1049">
        <v>0</v>
      </c>
      <c r="AY1049">
        <v>7</v>
      </c>
      <c r="AZ1049">
        <v>18</v>
      </c>
      <c r="BA1049">
        <v>1262</v>
      </c>
    </row>
    <row r="1050" spans="1:53" x14ac:dyDescent="0.4">
      <c r="A1050">
        <v>1094</v>
      </c>
      <c r="B1050" s="1">
        <v>43144</v>
      </c>
      <c r="C1050">
        <v>1</v>
      </c>
      <c r="D1050" s="1">
        <v>43144.291666666664</v>
      </c>
      <c r="E1050" s="1">
        <v>43144.451388888891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0</v>
      </c>
      <c r="O1050">
        <v>0</v>
      </c>
      <c r="P1050">
        <v>0</v>
      </c>
      <c r="Q1050">
        <v>0</v>
      </c>
      <c r="R1050">
        <v>0</v>
      </c>
      <c r="S1050">
        <v>0</v>
      </c>
      <c r="T1050">
        <v>0</v>
      </c>
      <c r="U1050">
        <v>0</v>
      </c>
      <c r="V1050">
        <v>0</v>
      </c>
      <c r="W1050">
        <v>0</v>
      </c>
      <c r="X1050">
        <v>0</v>
      </c>
      <c r="Y1050">
        <v>34</v>
      </c>
      <c r="Z1050">
        <v>10</v>
      </c>
      <c r="AA1050">
        <v>89</v>
      </c>
      <c r="AB1050">
        <v>15</v>
      </c>
      <c r="AC1050">
        <v>108</v>
      </c>
      <c r="AD1050">
        <v>33</v>
      </c>
      <c r="AE1050">
        <v>105</v>
      </c>
      <c r="AF1050">
        <v>0</v>
      </c>
      <c r="AG1050">
        <v>50000</v>
      </c>
      <c r="AH1050">
        <v>0</v>
      </c>
      <c r="AI1050">
        <v>50000</v>
      </c>
      <c r="AJ1050">
        <v>0</v>
      </c>
      <c r="AK1050" t="s">
        <v>6</v>
      </c>
      <c r="AL1050">
        <v>0</v>
      </c>
      <c r="AM1050">
        <v>0</v>
      </c>
      <c r="AN1050">
        <v>0</v>
      </c>
      <c r="AO1050">
        <v>0</v>
      </c>
      <c r="AP1050">
        <v>0</v>
      </c>
      <c r="AQ1050">
        <v>0</v>
      </c>
      <c r="AR1050">
        <v>0</v>
      </c>
      <c r="AS1050">
        <v>0</v>
      </c>
      <c r="AT1050">
        <v>0</v>
      </c>
      <c r="AU1050">
        <v>0</v>
      </c>
      <c r="AV1050">
        <v>0</v>
      </c>
      <c r="AW1050">
        <v>0</v>
      </c>
      <c r="AX1050">
        <v>0</v>
      </c>
      <c r="AY1050">
        <v>0</v>
      </c>
      <c r="AZ1050">
        <v>0</v>
      </c>
      <c r="BA1050">
        <v>0</v>
      </c>
    </row>
    <row r="1051" spans="1:53" x14ac:dyDescent="0.4">
      <c r="A1051">
        <v>1095</v>
      </c>
      <c r="B1051" s="1">
        <v>43144</v>
      </c>
      <c r="C1051">
        <v>2</v>
      </c>
      <c r="D1051" s="1">
        <v>43144.451388888891</v>
      </c>
      <c r="E1051" s="1">
        <v>43144.759027777778</v>
      </c>
      <c r="F1051">
        <v>20500</v>
      </c>
      <c r="G1051">
        <v>114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1730</v>
      </c>
      <c r="N1051">
        <v>0</v>
      </c>
      <c r="O1051">
        <v>0</v>
      </c>
      <c r="P1051">
        <v>7020</v>
      </c>
      <c r="Q1051">
        <v>0</v>
      </c>
      <c r="R1051">
        <v>30390</v>
      </c>
      <c r="S1051">
        <v>0</v>
      </c>
      <c r="T1051">
        <v>0</v>
      </c>
      <c r="U1051">
        <v>0</v>
      </c>
      <c r="V1051">
        <v>2</v>
      </c>
      <c r="W1051">
        <v>1</v>
      </c>
      <c r="X1051">
        <v>0</v>
      </c>
      <c r="Y1051">
        <v>36</v>
      </c>
      <c r="Z1051">
        <v>12</v>
      </c>
      <c r="AA1051">
        <v>105</v>
      </c>
      <c r="AB1051">
        <v>16</v>
      </c>
      <c r="AC1051">
        <v>182</v>
      </c>
      <c r="AD1051">
        <v>33</v>
      </c>
      <c r="AE1051">
        <v>105</v>
      </c>
      <c r="AF1051">
        <v>0</v>
      </c>
      <c r="AG1051">
        <v>80390</v>
      </c>
      <c r="AH1051">
        <v>50000</v>
      </c>
      <c r="AI1051">
        <v>0</v>
      </c>
      <c r="AJ1051">
        <v>99</v>
      </c>
      <c r="AK1051" t="s">
        <v>9</v>
      </c>
      <c r="AL1051">
        <v>0</v>
      </c>
      <c r="AM1051">
        <v>0</v>
      </c>
      <c r="AN1051">
        <v>0</v>
      </c>
      <c r="AO1051">
        <v>0</v>
      </c>
      <c r="AP1051">
        <v>0</v>
      </c>
      <c r="AQ1051">
        <v>0</v>
      </c>
      <c r="AR1051">
        <v>0</v>
      </c>
      <c r="AS1051">
        <v>0</v>
      </c>
      <c r="AT1051">
        <v>0</v>
      </c>
      <c r="AU1051">
        <v>0</v>
      </c>
      <c r="AV1051">
        <v>0</v>
      </c>
      <c r="AW1051">
        <v>0</v>
      </c>
      <c r="AX1051">
        <v>0</v>
      </c>
      <c r="AY1051">
        <v>32</v>
      </c>
      <c r="AZ1051">
        <v>53</v>
      </c>
      <c r="BA1051">
        <v>4719</v>
      </c>
    </row>
    <row r="1052" spans="1:53" x14ac:dyDescent="0.4">
      <c r="A1052">
        <v>1096</v>
      </c>
      <c r="B1052" s="1">
        <v>43144</v>
      </c>
      <c r="C1052">
        <v>3</v>
      </c>
      <c r="D1052" s="1">
        <v>43144.759027777778</v>
      </c>
      <c r="E1052" s="1">
        <v>43144.950694444444</v>
      </c>
      <c r="F1052">
        <v>26140</v>
      </c>
      <c r="G1052">
        <v>38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2121</v>
      </c>
      <c r="N1052">
        <v>0</v>
      </c>
      <c r="O1052">
        <v>0</v>
      </c>
      <c r="P1052">
        <v>-7020</v>
      </c>
      <c r="Q1052">
        <v>0</v>
      </c>
      <c r="R1052">
        <v>21621</v>
      </c>
      <c r="S1052">
        <v>0</v>
      </c>
      <c r="T1052">
        <v>0</v>
      </c>
      <c r="U1052">
        <v>0</v>
      </c>
      <c r="V1052">
        <v>4</v>
      </c>
      <c r="W1052">
        <v>0</v>
      </c>
      <c r="X1052">
        <v>0</v>
      </c>
      <c r="Y1052">
        <v>41</v>
      </c>
      <c r="Z1052">
        <v>10</v>
      </c>
      <c r="AA1052">
        <v>104</v>
      </c>
      <c r="AB1052">
        <v>15</v>
      </c>
      <c r="AC1052">
        <v>174</v>
      </c>
      <c r="AD1052">
        <v>33</v>
      </c>
      <c r="AE1052">
        <v>105</v>
      </c>
      <c r="AF1052">
        <v>2851</v>
      </c>
      <c r="AG1052">
        <v>102011</v>
      </c>
      <c r="AH1052">
        <v>50000</v>
      </c>
      <c r="AI1052">
        <v>0</v>
      </c>
      <c r="AJ1052">
        <v>29</v>
      </c>
      <c r="AK1052" t="s">
        <v>28</v>
      </c>
      <c r="AL1052">
        <v>0</v>
      </c>
      <c r="AM1052">
        <v>0</v>
      </c>
      <c r="AN1052">
        <v>0</v>
      </c>
      <c r="AO1052">
        <v>0</v>
      </c>
      <c r="AP1052">
        <v>0</v>
      </c>
      <c r="AQ1052">
        <v>0</v>
      </c>
      <c r="AR1052">
        <v>0</v>
      </c>
      <c r="AS1052">
        <v>0</v>
      </c>
      <c r="AT1052">
        <v>0</v>
      </c>
      <c r="AU1052">
        <v>0</v>
      </c>
      <c r="AV1052">
        <v>0</v>
      </c>
      <c r="AW1052">
        <v>0</v>
      </c>
      <c r="AX1052">
        <v>17280</v>
      </c>
      <c r="AY1052">
        <v>9</v>
      </c>
      <c r="AZ1052">
        <v>36</v>
      </c>
      <c r="BA1052">
        <v>1495</v>
      </c>
    </row>
    <row r="1053" spans="1:53" x14ac:dyDescent="0.4">
      <c r="A1053">
        <v>1097</v>
      </c>
      <c r="B1053" s="1">
        <v>43144</v>
      </c>
      <c r="C1053">
        <v>4</v>
      </c>
      <c r="D1053" s="1">
        <v>43144.950694444444</v>
      </c>
      <c r="E1053" s="1">
        <v>43145.087500000001</v>
      </c>
      <c r="F1053">
        <v>2800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2240</v>
      </c>
      <c r="N1053">
        <v>0</v>
      </c>
      <c r="O1053">
        <v>0</v>
      </c>
      <c r="P1053">
        <v>13068</v>
      </c>
      <c r="Q1053">
        <v>0</v>
      </c>
      <c r="R1053">
        <v>43308</v>
      </c>
      <c r="S1053">
        <v>0</v>
      </c>
      <c r="T1053">
        <v>0</v>
      </c>
      <c r="U1053">
        <v>0</v>
      </c>
      <c r="V1053">
        <v>4</v>
      </c>
      <c r="W1053">
        <v>1</v>
      </c>
      <c r="X1053">
        <v>0</v>
      </c>
      <c r="Y1053">
        <v>53</v>
      </c>
      <c r="Z1053">
        <v>10</v>
      </c>
      <c r="AA1053">
        <v>109</v>
      </c>
      <c r="AB1053">
        <v>14</v>
      </c>
      <c r="AC1053">
        <v>169</v>
      </c>
      <c r="AD1053">
        <v>33</v>
      </c>
      <c r="AE1053">
        <v>93</v>
      </c>
      <c r="AF1053">
        <v>28771</v>
      </c>
      <c r="AG1053">
        <v>145319</v>
      </c>
      <c r="AH1053">
        <v>50000</v>
      </c>
      <c r="AI1053">
        <v>0</v>
      </c>
      <c r="AJ1053">
        <v>100</v>
      </c>
      <c r="AK1053" t="s">
        <v>0</v>
      </c>
      <c r="AL1053">
        <v>0</v>
      </c>
      <c r="AM1053">
        <v>0</v>
      </c>
      <c r="AN1053">
        <v>0</v>
      </c>
      <c r="AO1053">
        <v>0</v>
      </c>
      <c r="AP1053">
        <v>0</v>
      </c>
      <c r="AQ1053">
        <v>0</v>
      </c>
      <c r="AR1053">
        <v>0</v>
      </c>
      <c r="AS1053">
        <v>0</v>
      </c>
      <c r="AT1053">
        <v>0</v>
      </c>
      <c r="AU1053">
        <v>0</v>
      </c>
      <c r="AV1053">
        <v>0</v>
      </c>
      <c r="AW1053">
        <v>0</v>
      </c>
      <c r="AX1053">
        <v>540</v>
      </c>
      <c r="AY1053">
        <v>6</v>
      </c>
      <c r="AZ1053">
        <v>10</v>
      </c>
      <c r="BA1053">
        <v>544</v>
      </c>
    </row>
    <row r="1054" spans="1:53" x14ac:dyDescent="0.4">
      <c r="A1054">
        <v>1098</v>
      </c>
      <c r="B1054" s="1">
        <v>43145</v>
      </c>
      <c r="C1054">
        <v>1</v>
      </c>
      <c r="D1054" s="1">
        <v>43145.291666666664</v>
      </c>
      <c r="E1054" s="1">
        <v>43145.452777777777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0</v>
      </c>
      <c r="O1054">
        <v>0</v>
      </c>
      <c r="P1054">
        <v>0</v>
      </c>
      <c r="Q1054">
        <v>0</v>
      </c>
      <c r="R1054">
        <v>0</v>
      </c>
      <c r="S1054">
        <v>0</v>
      </c>
      <c r="T1054">
        <v>0</v>
      </c>
      <c r="U1054">
        <v>0</v>
      </c>
      <c r="V1054">
        <v>0</v>
      </c>
      <c r="W1054">
        <v>0</v>
      </c>
      <c r="X1054">
        <v>0</v>
      </c>
      <c r="Y1054">
        <v>31</v>
      </c>
      <c r="Z1054">
        <v>11</v>
      </c>
      <c r="AA1054">
        <v>110</v>
      </c>
      <c r="AB1054">
        <v>12</v>
      </c>
      <c r="AC1054">
        <v>166</v>
      </c>
      <c r="AD1054">
        <v>31</v>
      </c>
      <c r="AE1054">
        <v>85</v>
      </c>
      <c r="AF1054">
        <v>0</v>
      </c>
      <c r="AG1054">
        <v>50000</v>
      </c>
      <c r="AH1054">
        <v>0</v>
      </c>
      <c r="AI1054">
        <v>50000</v>
      </c>
      <c r="AJ1054">
        <v>0</v>
      </c>
      <c r="AK1054" t="s">
        <v>6</v>
      </c>
      <c r="AL1054">
        <v>0</v>
      </c>
      <c r="AM1054">
        <v>0</v>
      </c>
      <c r="AN1054">
        <v>0</v>
      </c>
      <c r="AO1054">
        <v>0</v>
      </c>
      <c r="AP1054">
        <v>0</v>
      </c>
      <c r="AQ1054">
        <v>0</v>
      </c>
      <c r="AR1054">
        <v>0</v>
      </c>
      <c r="AS1054">
        <v>0</v>
      </c>
      <c r="AT1054">
        <v>0</v>
      </c>
      <c r="AU1054">
        <v>0</v>
      </c>
      <c r="AV1054">
        <v>0</v>
      </c>
      <c r="AW1054">
        <v>0</v>
      </c>
      <c r="AX1054">
        <v>0</v>
      </c>
      <c r="AY1054">
        <v>0</v>
      </c>
      <c r="AZ1054">
        <v>0</v>
      </c>
      <c r="BA1054">
        <v>0</v>
      </c>
    </row>
    <row r="1055" spans="1:53" x14ac:dyDescent="0.4">
      <c r="A1055">
        <v>1099</v>
      </c>
      <c r="B1055" s="1">
        <v>43145</v>
      </c>
      <c r="C1055">
        <v>2</v>
      </c>
      <c r="D1055" s="1">
        <v>43145.452777777777</v>
      </c>
      <c r="E1055" s="1">
        <v>43145.742361111108</v>
      </c>
      <c r="F1055">
        <v>18000</v>
      </c>
      <c r="G1055">
        <v>2330</v>
      </c>
      <c r="H1055">
        <v>0</v>
      </c>
      <c r="I1055">
        <v>0</v>
      </c>
      <c r="J1055">
        <v>0</v>
      </c>
      <c r="K1055">
        <v>0</v>
      </c>
      <c r="L1055">
        <v>0</v>
      </c>
      <c r="M1055">
        <v>1626</v>
      </c>
      <c r="N1055">
        <v>0</v>
      </c>
      <c r="O1055">
        <v>0</v>
      </c>
      <c r="P1055">
        <v>19440</v>
      </c>
      <c r="Q1055">
        <v>0</v>
      </c>
      <c r="R1055">
        <v>41396</v>
      </c>
      <c r="S1055">
        <v>0</v>
      </c>
      <c r="T1055">
        <v>0</v>
      </c>
      <c r="U1055">
        <v>0</v>
      </c>
      <c r="V1055">
        <v>2</v>
      </c>
      <c r="W1055">
        <v>1</v>
      </c>
      <c r="X1055">
        <v>0</v>
      </c>
      <c r="Y1055">
        <v>41</v>
      </c>
      <c r="Z1055">
        <v>20</v>
      </c>
      <c r="AA1055">
        <v>125</v>
      </c>
      <c r="AB1055">
        <v>9</v>
      </c>
      <c r="AC1055">
        <v>228</v>
      </c>
      <c r="AD1055">
        <v>20</v>
      </c>
      <c r="AE1055">
        <v>66</v>
      </c>
      <c r="AF1055">
        <v>0</v>
      </c>
      <c r="AG1055">
        <v>91396</v>
      </c>
      <c r="AH1055">
        <v>50000</v>
      </c>
      <c r="AI1055">
        <v>0</v>
      </c>
      <c r="AJ1055">
        <v>106</v>
      </c>
      <c r="AK1055" t="s">
        <v>29</v>
      </c>
      <c r="AL1055">
        <v>0</v>
      </c>
      <c r="AM1055">
        <v>0</v>
      </c>
      <c r="AN1055">
        <v>0</v>
      </c>
      <c r="AO1055">
        <v>0</v>
      </c>
      <c r="AP1055">
        <v>0</v>
      </c>
      <c r="AQ1055">
        <v>0</v>
      </c>
      <c r="AR1055">
        <v>0</v>
      </c>
      <c r="AS1055">
        <v>0</v>
      </c>
      <c r="AT1055">
        <v>0</v>
      </c>
      <c r="AU1055">
        <v>0</v>
      </c>
      <c r="AV1055">
        <v>0</v>
      </c>
      <c r="AW1055">
        <v>0</v>
      </c>
      <c r="AX1055">
        <v>540</v>
      </c>
      <c r="AY1055">
        <v>36</v>
      </c>
      <c r="AZ1055">
        <v>70</v>
      </c>
      <c r="BA1055">
        <v>5261</v>
      </c>
    </row>
    <row r="1056" spans="1:53" x14ac:dyDescent="0.4">
      <c r="A1056">
        <v>1100</v>
      </c>
      <c r="B1056" s="1">
        <v>43145</v>
      </c>
      <c r="C1056">
        <v>3</v>
      </c>
      <c r="D1056" s="1">
        <v>43145.742361111108</v>
      </c>
      <c r="E1056" s="1">
        <v>43145.947916666664</v>
      </c>
      <c r="F1056">
        <v>31920</v>
      </c>
      <c r="G1056">
        <v>105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2638</v>
      </c>
      <c r="N1056">
        <v>0</v>
      </c>
      <c r="O1056">
        <v>0</v>
      </c>
      <c r="P1056">
        <v>-19440</v>
      </c>
      <c r="Q1056">
        <v>0</v>
      </c>
      <c r="R1056">
        <v>16168</v>
      </c>
      <c r="S1056">
        <v>0</v>
      </c>
      <c r="T1056">
        <v>0</v>
      </c>
      <c r="U1056">
        <v>0</v>
      </c>
      <c r="V1056">
        <v>3</v>
      </c>
      <c r="W1056">
        <v>1</v>
      </c>
      <c r="X1056">
        <v>0</v>
      </c>
      <c r="Y1056">
        <v>47</v>
      </c>
      <c r="Z1056">
        <v>23</v>
      </c>
      <c r="AA1056">
        <v>111</v>
      </c>
      <c r="AB1056">
        <v>10</v>
      </c>
      <c r="AC1056">
        <v>231</v>
      </c>
      <c r="AD1056">
        <v>18</v>
      </c>
      <c r="AE1056">
        <v>64</v>
      </c>
      <c r="AF1056">
        <v>0</v>
      </c>
      <c r="AG1056">
        <v>107564</v>
      </c>
      <c r="AH1056">
        <v>50000</v>
      </c>
      <c r="AI1056">
        <v>0</v>
      </c>
      <c r="AJ1056">
        <v>29</v>
      </c>
      <c r="AK1056" t="s">
        <v>28</v>
      </c>
      <c r="AL1056">
        <v>0</v>
      </c>
      <c r="AM1056">
        <v>0</v>
      </c>
      <c r="AN1056">
        <v>0</v>
      </c>
      <c r="AO1056">
        <v>0</v>
      </c>
      <c r="AP1056">
        <v>0</v>
      </c>
      <c r="AQ1056">
        <v>0</v>
      </c>
      <c r="AR1056">
        <v>0</v>
      </c>
      <c r="AS1056">
        <v>0</v>
      </c>
      <c r="AT1056">
        <v>0</v>
      </c>
      <c r="AU1056">
        <v>0</v>
      </c>
      <c r="AV1056">
        <v>0</v>
      </c>
      <c r="AW1056">
        <v>0</v>
      </c>
      <c r="AX1056">
        <v>26179</v>
      </c>
      <c r="AY1056">
        <v>11</v>
      </c>
      <c r="AZ1056">
        <v>35</v>
      </c>
      <c r="BA1056">
        <v>2016</v>
      </c>
    </row>
    <row r="1057" spans="1:53" x14ac:dyDescent="0.4">
      <c r="A1057">
        <v>1101</v>
      </c>
      <c r="B1057" s="1">
        <v>43145</v>
      </c>
      <c r="C1057">
        <v>4</v>
      </c>
      <c r="D1057" s="1">
        <v>43145.947916666664</v>
      </c>
      <c r="E1057" s="1">
        <v>43146.074305555558</v>
      </c>
      <c r="F1057">
        <v>28020</v>
      </c>
      <c r="G1057">
        <v>210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2410</v>
      </c>
      <c r="N1057">
        <v>0</v>
      </c>
      <c r="O1057">
        <v>0</v>
      </c>
      <c r="P1057">
        <v>0</v>
      </c>
      <c r="Q1057">
        <v>0</v>
      </c>
      <c r="R1057">
        <v>32530</v>
      </c>
      <c r="S1057">
        <v>0</v>
      </c>
      <c r="T1057">
        <v>0</v>
      </c>
      <c r="U1057">
        <v>0</v>
      </c>
      <c r="V1057">
        <v>4</v>
      </c>
      <c r="W1057">
        <v>0</v>
      </c>
      <c r="X1057">
        <v>0</v>
      </c>
      <c r="Y1057">
        <v>73</v>
      </c>
      <c r="Z1057">
        <v>27</v>
      </c>
      <c r="AA1057">
        <v>108</v>
      </c>
      <c r="AB1057">
        <v>8</v>
      </c>
      <c r="AC1057">
        <v>224</v>
      </c>
      <c r="AD1057">
        <v>18</v>
      </c>
      <c r="AE1057">
        <v>64</v>
      </c>
      <c r="AF1057">
        <v>0</v>
      </c>
      <c r="AG1057">
        <v>140094</v>
      </c>
      <c r="AH1057">
        <v>50000</v>
      </c>
      <c r="AI1057">
        <v>0</v>
      </c>
      <c r="AJ1057">
        <v>29</v>
      </c>
      <c r="AK1057" t="s">
        <v>28</v>
      </c>
      <c r="AL1057">
        <v>0</v>
      </c>
      <c r="AM1057">
        <v>0</v>
      </c>
      <c r="AN1057">
        <v>0</v>
      </c>
      <c r="AO1057">
        <v>0</v>
      </c>
      <c r="AP1057">
        <v>0</v>
      </c>
      <c r="AQ1057">
        <v>0</v>
      </c>
      <c r="AR1057">
        <v>0</v>
      </c>
      <c r="AS1057">
        <v>0</v>
      </c>
      <c r="AT1057">
        <v>0</v>
      </c>
      <c r="AU1057">
        <v>0</v>
      </c>
      <c r="AV1057">
        <v>0</v>
      </c>
      <c r="AW1057">
        <v>0</v>
      </c>
      <c r="AX1057">
        <v>0</v>
      </c>
      <c r="AY1057">
        <v>2</v>
      </c>
      <c r="AZ1057">
        <v>4</v>
      </c>
      <c r="BA1057">
        <v>262</v>
      </c>
    </row>
    <row r="1058" spans="1:53" x14ac:dyDescent="0.4">
      <c r="A1058">
        <v>1102</v>
      </c>
      <c r="B1058" s="1">
        <v>43146</v>
      </c>
      <c r="C1058">
        <v>1</v>
      </c>
      <c r="D1058" s="1">
        <v>43146.291666666664</v>
      </c>
      <c r="E1058" s="1">
        <v>43146.447222222225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  <c r="M1058">
        <v>0</v>
      </c>
      <c r="N1058">
        <v>0</v>
      </c>
      <c r="O1058">
        <v>0</v>
      </c>
      <c r="P1058">
        <v>0</v>
      </c>
      <c r="Q1058">
        <v>0</v>
      </c>
      <c r="R1058">
        <v>0</v>
      </c>
      <c r="S1058">
        <v>0</v>
      </c>
      <c r="T1058">
        <v>0</v>
      </c>
      <c r="U1058">
        <v>0</v>
      </c>
      <c r="V1058">
        <v>0</v>
      </c>
      <c r="W1058">
        <v>0</v>
      </c>
      <c r="X1058">
        <v>0</v>
      </c>
      <c r="Y1058">
        <v>24</v>
      </c>
      <c r="Z1058">
        <v>28</v>
      </c>
      <c r="AA1058">
        <v>107</v>
      </c>
      <c r="AB1058">
        <v>8</v>
      </c>
      <c r="AC1058">
        <v>74</v>
      </c>
      <c r="AD1058">
        <v>20</v>
      </c>
      <c r="AE1058">
        <v>60</v>
      </c>
      <c r="AF1058">
        <v>0</v>
      </c>
      <c r="AG1058">
        <v>50000</v>
      </c>
      <c r="AH1058">
        <v>0</v>
      </c>
      <c r="AI1058">
        <v>50000</v>
      </c>
      <c r="AJ1058">
        <v>0</v>
      </c>
      <c r="AK1058" t="s">
        <v>6</v>
      </c>
      <c r="AL1058">
        <v>0</v>
      </c>
      <c r="AM1058">
        <v>0</v>
      </c>
      <c r="AN1058">
        <v>0</v>
      </c>
      <c r="AO1058">
        <v>0</v>
      </c>
      <c r="AP1058">
        <v>0</v>
      </c>
      <c r="AQ1058">
        <v>0</v>
      </c>
      <c r="AR1058">
        <v>0</v>
      </c>
      <c r="AS1058">
        <v>0</v>
      </c>
      <c r="AT1058">
        <v>0</v>
      </c>
      <c r="AU1058">
        <v>0</v>
      </c>
      <c r="AV1058">
        <v>0</v>
      </c>
      <c r="AW1058">
        <v>0</v>
      </c>
      <c r="AX1058">
        <v>0</v>
      </c>
      <c r="AY1058">
        <v>0</v>
      </c>
      <c r="AZ1058">
        <v>0</v>
      </c>
      <c r="BA1058">
        <v>0</v>
      </c>
    </row>
    <row r="1059" spans="1:53" x14ac:dyDescent="0.4">
      <c r="A1059">
        <v>1103</v>
      </c>
      <c r="B1059" s="1">
        <v>43146</v>
      </c>
      <c r="C1059">
        <v>2</v>
      </c>
      <c r="D1059" s="1">
        <v>43146.447222222225</v>
      </c>
      <c r="E1059" s="1">
        <v>43146.749305555553</v>
      </c>
      <c r="F1059">
        <v>2000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  <c r="M1059">
        <v>1600</v>
      </c>
      <c r="N1059">
        <v>0</v>
      </c>
      <c r="O1059">
        <v>0</v>
      </c>
      <c r="P1059">
        <v>15012</v>
      </c>
      <c r="Q1059">
        <v>0</v>
      </c>
      <c r="R1059">
        <v>36612</v>
      </c>
      <c r="S1059">
        <v>0</v>
      </c>
      <c r="T1059">
        <v>0</v>
      </c>
      <c r="U1059">
        <v>0</v>
      </c>
      <c r="V1059">
        <v>2</v>
      </c>
      <c r="W1059">
        <v>2</v>
      </c>
      <c r="X1059">
        <v>0</v>
      </c>
      <c r="Y1059">
        <v>23</v>
      </c>
      <c r="Z1059">
        <v>39</v>
      </c>
      <c r="AA1059">
        <v>95</v>
      </c>
      <c r="AB1059">
        <v>7</v>
      </c>
      <c r="AC1059">
        <v>100</v>
      </c>
      <c r="AD1059">
        <v>19</v>
      </c>
      <c r="AE1059">
        <v>59</v>
      </c>
      <c r="AF1059">
        <v>3108</v>
      </c>
      <c r="AG1059">
        <v>86612</v>
      </c>
      <c r="AH1059">
        <v>50000</v>
      </c>
      <c r="AI1059">
        <v>0</v>
      </c>
      <c r="AJ1059">
        <v>100</v>
      </c>
      <c r="AK1059" t="s">
        <v>0</v>
      </c>
      <c r="AL1059">
        <v>0</v>
      </c>
      <c r="AM1059">
        <v>0</v>
      </c>
      <c r="AN1059">
        <v>0</v>
      </c>
      <c r="AO1059">
        <v>0</v>
      </c>
      <c r="AP1059">
        <v>0</v>
      </c>
      <c r="AQ1059">
        <v>0</v>
      </c>
      <c r="AR1059">
        <v>0</v>
      </c>
      <c r="AS1059">
        <v>0</v>
      </c>
      <c r="AT1059">
        <v>0</v>
      </c>
      <c r="AU1059">
        <v>0</v>
      </c>
      <c r="AV1059">
        <v>0</v>
      </c>
      <c r="AW1059">
        <v>0</v>
      </c>
      <c r="AX1059">
        <v>-540</v>
      </c>
      <c r="AY1059">
        <v>31</v>
      </c>
      <c r="AZ1059">
        <v>59</v>
      </c>
      <c r="BA1059">
        <v>4771</v>
      </c>
    </row>
    <row r="1060" spans="1:53" x14ac:dyDescent="0.4">
      <c r="A1060">
        <v>1104</v>
      </c>
      <c r="B1060" s="1">
        <v>43146</v>
      </c>
      <c r="C1060">
        <v>3</v>
      </c>
      <c r="D1060" s="1">
        <v>43146.749305555553</v>
      </c>
      <c r="E1060" s="1">
        <v>43146.953472222223</v>
      </c>
      <c r="F1060">
        <v>37600</v>
      </c>
      <c r="G1060">
        <v>4320</v>
      </c>
      <c r="H1060">
        <v>0</v>
      </c>
      <c r="I1060">
        <v>0</v>
      </c>
      <c r="J1060">
        <v>0</v>
      </c>
      <c r="K1060">
        <v>0</v>
      </c>
      <c r="L1060">
        <v>0</v>
      </c>
      <c r="M1060">
        <v>3353</v>
      </c>
      <c r="N1060">
        <v>0</v>
      </c>
      <c r="O1060">
        <v>0</v>
      </c>
      <c r="P1060">
        <v>-15012</v>
      </c>
      <c r="Q1060">
        <v>0</v>
      </c>
      <c r="R1060">
        <v>30261</v>
      </c>
      <c r="S1060">
        <v>0</v>
      </c>
      <c r="T1060">
        <v>0</v>
      </c>
      <c r="U1060">
        <v>0</v>
      </c>
      <c r="V1060">
        <v>5</v>
      </c>
      <c r="W1060">
        <v>1</v>
      </c>
      <c r="X1060">
        <v>0</v>
      </c>
      <c r="Y1060">
        <v>27</v>
      </c>
      <c r="Z1060">
        <v>42</v>
      </c>
      <c r="AA1060">
        <v>87</v>
      </c>
      <c r="AB1060">
        <v>8</v>
      </c>
      <c r="AC1060">
        <v>92</v>
      </c>
      <c r="AD1060">
        <v>18</v>
      </c>
      <c r="AE1060">
        <v>55</v>
      </c>
      <c r="AF1060">
        <v>3708</v>
      </c>
      <c r="AG1060">
        <v>116873</v>
      </c>
      <c r="AH1060">
        <v>50000</v>
      </c>
      <c r="AI1060">
        <v>0</v>
      </c>
      <c r="AJ1060">
        <v>106</v>
      </c>
      <c r="AK1060" t="s">
        <v>29</v>
      </c>
      <c r="AL1060">
        <v>0</v>
      </c>
      <c r="AM1060">
        <v>0</v>
      </c>
      <c r="AN1060">
        <v>0</v>
      </c>
      <c r="AO1060">
        <v>0</v>
      </c>
      <c r="AP1060">
        <v>0</v>
      </c>
      <c r="AQ1060">
        <v>0</v>
      </c>
      <c r="AR1060">
        <v>0</v>
      </c>
      <c r="AS1060">
        <v>0</v>
      </c>
      <c r="AT1060">
        <v>0</v>
      </c>
      <c r="AU1060">
        <v>0</v>
      </c>
      <c r="AV1060">
        <v>0</v>
      </c>
      <c r="AW1060">
        <v>0</v>
      </c>
      <c r="AX1060">
        <v>9752</v>
      </c>
      <c r="AY1060">
        <v>15</v>
      </c>
      <c r="AZ1060">
        <v>39</v>
      </c>
      <c r="BA1060">
        <v>1693</v>
      </c>
    </row>
    <row r="1061" spans="1:53" x14ac:dyDescent="0.4">
      <c r="A1061">
        <v>1105</v>
      </c>
      <c r="B1061" s="1">
        <v>43147</v>
      </c>
      <c r="C1061">
        <v>1</v>
      </c>
      <c r="D1061" s="1">
        <v>43147.291666666664</v>
      </c>
      <c r="E1061" s="1">
        <v>43147.448611111111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  <c r="M1061">
        <v>0</v>
      </c>
      <c r="N1061">
        <v>0</v>
      </c>
      <c r="O1061">
        <v>0</v>
      </c>
      <c r="P1061">
        <v>0</v>
      </c>
      <c r="Q1061">
        <v>0</v>
      </c>
      <c r="R1061">
        <v>0</v>
      </c>
      <c r="S1061">
        <v>0</v>
      </c>
      <c r="T1061">
        <v>0</v>
      </c>
      <c r="U1061">
        <v>0</v>
      </c>
      <c r="V1061">
        <v>0</v>
      </c>
      <c r="W1061">
        <v>0</v>
      </c>
      <c r="X1061">
        <v>0</v>
      </c>
      <c r="Y1061">
        <v>34</v>
      </c>
      <c r="Z1061">
        <v>12</v>
      </c>
      <c r="AA1061">
        <v>86</v>
      </c>
      <c r="AB1061">
        <v>7</v>
      </c>
      <c r="AC1061">
        <v>92</v>
      </c>
      <c r="AD1061">
        <v>17</v>
      </c>
      <c r="AE1061">
        <v>45</v>
      </c>
      <c r="AF1061">
        <v>0</v>
      </c>
      <c r="AG1061">
        <v>50000</v>
      </c>
      <c r="AH1061">
        <v>0</v>
      </c>
      <c r="AI1061">
        <v>50000</v>
      </c>
      <c r="AJ1061">
        <v>0</v>
      </c>
      <c r="AK1061" t="s">
        <v>6</v>
      </c>
      <c r="AL1061">
        <v>0</v>
      </c>
      <c r="AM1061">
        <v>0</v>
      </c>
      <c r="AN1061">
        <v>0</v>
      </c>
      <c r="AO1061">
        <v>0</v>
      </c>
      <c r="AP1061">
        <v>0</v>
      </c>
      <c r="AQ1061">
        <v>0</v>
      </c>
      <c r="AR1061">
        <v>0</v>
      </c>
      <c r="AS1061">
        <v>0</v>
      </c>
      <c r="AT1061">
        <v>0</v>
      </c>
      <c r="AU1061">
        <v>0</v>
      </c>
      <c r="AV1061">
        <v>0</v>
      </c>
      <c r="AW1061">
        <v>0</v>
      </c>
      <c r="AX1061">
        <v>0</v>
      </c>
      <c r="AY1061">
        <v>0</v>
      </c>
      <c r="AZ1061">
        <v>0</v>
      </c>
      <c r="BA1061">
        <v>0</v>
      </c>
    </row>
    <row r="1062" spans="1:53" x14ac:dyDescent="0.4">
      <c r="A1062">
        <v>1106</v>
      </c>
      <c r="B1062" s="1">
        <v>43147</v>
      </c>
      <c r="C1062">
        <v>2</v>
      </c>
      <c r="D1062" s="1">
        <v>43147.448611111111</v>
      </c>
      <c r="E1062" s="1">
        <v>43147.745833333334</v>
      </c>
      <c r="F1062">
        <v>22500</v>
      </c>
      <c r="G1062">
        <v>1560</v>
      </c>
      <c r="H1062">
        <v>0</v>
      </c>
      <c r="I1062">
        <v>0</v>
      </c>
      <c r="J1062">
        <v>0</v>
      </c>
      <c r="K1062">
        <v>0</v>
      </c>
      <c r="L1062">
        <v>0</v>
      </c>
      <c r="M1062">
        <v>1924</v>
      </c>
      <c r="N1062">
        <v>0</v>
      </c>
      <c r="O1062">
        <v>0</v>
      </c>
      <c r="P1062">
        <v>18360</v>
      </c>
      <c r="Q1062">
        <v>0</v>
      </c>
      <c r="R1062">
        <v>44344</v>
      </c>
      <c r="S1062">
        <v>0</v>
      </c>
      <c r="T1062">
        <v>0</v>
      </c>
      <c r="U1062">
        <v>0</v>
      </c>
      <c r="V1062">
        <v>0</v>
      </c>
      <c r="W1062">
        <v>1</v>
      </c>
      <c r="X1062">
        <v>0</v>
      </c>
      <c r="Y1062">
        <v>65</v>
      </c>
      <c r="Z1062">
        <v>23</v>
      </c>
      <c r="AA1062">
        <v>90</v>
      </c>
      <c r="AB1062">
        <v>3</v>
      </c>
      <c r="AC1062">
        <v>137</v>
      </c>
      <c r="AD1062">
        <v>22</v>
      </c>
      <c r="AE1062">
        <v>54</v>
      </c>
      <c r="AF1062">
        <v>2160</v>
      </c>
      <c r="AG1062">
        <v>94344</v>
      </c>
      <c r="AH1062">
        <v>50000</v>
      </c>
      <c r="AI1062">
        <v>0</v>
      </c>
      <c r="AJ1062">
        <v>102</v>
      </c>
      <c r="AK1062" t="s">
        <v>8</v>
      </c>
      <c r="AL1062">
        <v>0</v>
      </c>
      <c r="AM1062">
        <v>0</v>
      </c>
      <c r="AN1062">
        <v>0</v>
      </c>
      <c r="AO1062">
        <v>0</v>
      </c>
      <c r="AP1062">
        <v>0</v>
      </c>
      <c r="AQ1062">
        <v>0</v>
      </c>
      <c r="AR1062">
        <v>0</v>
      </c>
      <c r="AS1062">
        <v>0</v>
      </c>
      <c r="AT1062">
        <v>0</v>
      </c>
      <c r="AU1062">
        <v>0</v>
      </c>
      <c r="AV1062">
        <v>0</v>
      </c>
      <c r="AW1062">
        <v>0</v>
      </c>
      <c r="AX1062">
        <v>-3240</v>
      </c>
      <c r="AY1062">
        <v>41</v>
      </c>
      <c r="AZ1062">
        <v>77</v>
      </c>
      <c r="BA1062">
        <v>6009</v>
      </c>
    </row>
    <row r="1063" spans="1:53" x14ac:dyDescent="0.4">
      <c r="A1063">
        <v>1107</v>
      </c>
      <c r="B1063" s="1">
        <v>43148</v>
      </c>
      <c r="C1063">
        <v>1</v>
      </c>
      <c r="D1063" s="1">
        <v>43148.291666666664</v>
      </c>
      <c r="E1063" s="1">
        <v>43148.393055555556</v>
      </c>
      <c r="F1063">
        <v>0</v>
      </c>
      <c r="G1063">
        <v>0</v>
      </c>
      <c r="H1063">
        <v>0</v>
      </c>
      <c r="I1063">
        <v>0</v>
      </c>
      <c r="J1063">
        <v>0</v>
      </c>
      <c r="K1063">
        <v>0</v>
      </c>
      <c r="L1063">
        <v>0</v>
      </c>
      <c r="M1063">
        <v>0</v>
      </c>
      <c r="N1063">
        <v>0</v>
      </c>
      <c r="O1063">
        <v>0</v>
      </c>
      <c r="P1063">
        <v>0</v>
      </c>
      <c r="Q1063">
        <v>0</v>
      </c>
      <c r="R1063">
        <v>0</v>
      </c>
      <c r="S1063">
        <v>0</v>
      </c>
      <c r="T1063">
        <v>0</v>
      </c>
      <c r="U1063">
        <v>0</v>
      </c>
      <c r="V1063">
        <v>0</v>
      </c>
      <c r="W1063">
        <v>0</v>
      </c>
      <c r="X1063">
        <v>0</v>
      </c>
      <c r="Y1063">
        <v>28</v>
      </c>
      <c r="Z1063">
        <v>10</v>
      </c>
      <c r="AA1063">
        <v>157</v>
      </c>
      <c r="AB1063">
        <v>1</v>
      </c>
      <c r="AC1063">
        <v>81</v>
      </c>
      <c r="AD1063">
        <v>60</v>
      </c>
      <c r="AE1063">
        <v>140</v>
      </c>
      <c r="AF1063">
        <v>0</v>
      </c>
      <c r="AG1063">
        <v>50000</v>
      </c>
      <c r="AH1063">
        <v>0</v>
      </c>
      <c r="AI1063">
        <v>50000</v>
      </c>
      <c r="AJ1063">
        <v>0</v>
      </c>
      <c r="AK1063" t="s">
        <v>6</v>
      </c>
      <c r="AL1063">
        <v>0</v>
      </c>
      <c r="AM1063">
        <v>0</v>
      </c>
      <c r="AN1063">
        <v>0</v>
      </c>
      <c r="AO1063">
        <v>0</v>
      </c>
      <c r="AP1063">
        <v>0</v>
      </c>
      <c r="AQ1063">
        <v>0</v>
      </c>
      <c r="AR1063">
        <v>0</v>
      </c>
      <c r="AS1063">
        <v>0</v>
      </c>
      <c r="AT1063">
        <v>0</v>
      </c>
      <c r="AU1063">
        <v>0</v>
      </c>
      <c r="AV1063">
        <v>0</v>
      </c>
      <c r="AW1063">
        <v>0</v>
      </c>
      <c r="AX1063">
        <v>0</v>
      </c>
      <c r="AY1063">
        <v>0</v>
      </c>
      <c r="AZ1063">
        <v>0</v>
      </c>
      <c r="BA1063">
        <v>0</v>
      </c>
    </row>
    <row r="1064" spans="1:53" x14ac:dyDescent="0.4">
      <c r="A1064">
        <v>1108</v>
      </c>
      <c r="B1064" s="1">
        <v>43148</v>
      </c>
      <c r="C1064">
        <v>2</v>
      </c>
      <c r="D1064" s="1">
        <v>43148.393055555556</v>
      </c>
      <c r="E1064" s="1">
        <v>43148.731249999997</v>
      </c>
      <c r="F1064">
        <v>33000</v>
      </c>
      <c r="G1064">
        <v>3380</v>
      </c>
      <c r="H1064">
        <v>0</v>
      </c>
      <c r="I1064">
        <v>0</v>
      </c>
      <c r="J1064">
        <v>0</v>
      </c>
      <c r="K1064">
        <v>0</v>
      </c>
      <c r="L1064">
        <v>0</v>
      </c>
      <c r="M1064">
        <v>2909</v>
      </c>
      <c r="N1064">
        <v>0</v>
      </c>
      <c r="O1064">
        <v>0</v>
      </c>
      <c r="P1064">
        <v>19710</v>
      </c>
      <c r="Q1064">
        <v>0</v>
      </c>
      <c r="R1064">
        <v>58999</v>
      </c>
      <c r="S1064">
        <v>0</v>
      </c>
      <c r="T1064">
        <v>0</v>
      </c>
      <c r="U1064">
        <v>0</v>
      </c>
      <c r="V1064">
        <v>1</v>
      </c>
      <c r="W1064">
        <v>3</v>
      </c>
      <c r="X1064">
        <v>0</v>
      </c>
      <c r="Y1064">
        <v>54</v>
      </c>
      <c r="Z1064">
        <v>18</v>
      </c>
      <c r="AA1064">
        <v>169</v>
      </c>
      <c r="AB1064">
        <v>7</v>
      </c>
      <c r="AC1064">
        <v>101</v>
      </c>
      <c r="AD1064">
        <v>57</v>
      </c>
      <c r="AE1064">
        <v>139</v>
      </c>
      <c r="AF1064">
        <v>2315</v>
      </c>
      <c r="AG1064">
        <v>108999</v>
      </c>
      <c r="AH1064">
        <v>50000</v>
      </c>
      <c r="AI1064">
        <v>0</v>
      </c>
      <c r="AJ1064">
        <v>99</v>
      </c>
      <c r="AK1064" t="s">
        <v>9</v>
      </c>
      <c r="AL1064">
        <v>0</v>
      </c>
      <c r="AM1064">
        <v>0</v>
      </c>
      <c r="AN1064">
        <v>0</v>
      </c>
      <c r="AO1064">
        <v>0</v>
      </c>
      <c r="AP1064">
        <v>0</v>
      </c>
      <c r="AQ1064">
        <v>0</v>
      </c>
      <c r="AR1064">
        <v>0</v>
      </c>
      <c r="AS1064">
        <v>0</v>
      </c>
      <c r="AT1064">
        <v>0</v>
      </c>
      <c r="AU1064">
        <v>0</v>
      </c>
      <c r="AV1064">
        <v>0</v>
      </c>
      <c r="AW1064">
        <v>0</v>
      </c>
      <c r="AX1064">
        <v>-540</v>
      </c>
      <c r="AY1064">
        <v>49</v>
      </c>
      <c r="AZ1064">
        <v>97</v>
      </c>
      <c r="BA1064">
        <v>7288</v>
      </c>
    </row>
    <row r="1065" spans="1:53" x14ac:dyDescent="0.4">
      <c r="A1065">
        <v>1109</v>
      </c>
      <c r="B1065" s="1">
        <v>43149</v>
      </c>
      <c r="C1065">
        <v>1</v>
      </c>
      <c r="D1065" s="1">
        <v>43149.291666666664</v>
      </c>
      <c r="E1065" s="1">
        <v>43149.413888888892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  <c r="M1065">
        <v>0</v>
      </c>
      <c r="N1065">
        <v>0</v>
      </c>
      <c r="O1065">
        <v>0</v>
      </c>
      <c r="P1065">
        <v>0</v>
      </c>
      <c r="Q1065">
        <v>0</v>
      </c>
      <c r="R1065">
        <v>0</v>
      </c>
      <c r="S1065">
        <v>0</v>
      </c>
      <c r="T1065">
        <v>0</v>
      </c>
      <c r="U1065">
        <v>0</v>
      </c>
      <c r="V1065">
        <v>0</v>
      </c>
      <c r="W1065">
        <v>0</v>
      </c>
      <c r="X1065">
        <v>0</v>
      </c>
      <c r="Y1065">
        <v>32</v>
      </c>
      <c r="Z1065">
        <v>8</v>
      </c>
      <c r="AA1065">
        <v>128</v>
      </c>
      <c r="AB1065">
        <v>1</v>
      </c>
      <c r="AC1065">
        <v>78</v>
      </c>
      <c r="AD1065">
        <v>50</v>
      </c>
      <c r="AE1065">
        <v>120</v>
      </c>
      <c r="AF1065">
        <v>0</v>
      </c>
      <c r="AG1065">
        <v>50000</v>
      </c>
      <c r="AH1065">
        <v>0</v>
      </c>
      <c r="AI1065">
        <v>50000</v>
      </c>
      <c r="AJ1065">
        <v>0</v>
      </c>
      <c r="AK1065" t="s">
        <v>6</v>
      </c>
      <c r="AL1065">
        <v>0</v>
      </c>
      <c r="AM1065">
        <v>0</v>
      </c>
      <c r="AN1065">
        <v>0</v>
      </c>
      <c r="AO1065">
        <v>0</v>
      </c>
      <c r="AP1065">
        <v>0</v>
      </c>
      <c r="AQ1065">
        <v>0</v>
      </c>
      <c r="AR1065">
        <v>0</v>
      </c>
      <c r="AS1065">
        <v>0</v>
      </c>
      <c r="AT1065">
        <v>0</v>
      </c>
      <c r="AU1065">
        <v>0</v>
      </c>
      <c r="AV1065">
        <v>0</v>
      </c>
      <c r="AW1065">
        <v>0</v>
      </c>
      <c r="AX1065">
        <v>0</v>
      </c>
      <c r="AY1065">
        <v>0</v>
      </c>
      <c r="AZ1065">
        <v>0</v>
      </c>
      <c r="BA1065">
        <v>0</v>
      </c>
    </row>
    <row r="1066" spans="1:53" x14ac:dyDescent="0.4">
      <c r="A1066">
        <v>1110</v>
      </c>
      <c r="B1066" s="1">
        <v>43149</v>
      </c>
      <c r="C1066">
        <v>2</v>
      </c>
      <c r="D1066" s="1">
        <v>43149.413888888892</v>
      </c>
      <c r="E1066" s="1">
        <v>43149.745833333334</v>
      </c>
      <c r="F1066">
        <v>42500</v>
      </c>
      <c r="G1066">
        <v>1120</v>
      </c>
      <c r="H1066">
        <v>0</v>
      </c>
      <c r="I1066">
        <v>0</v>
      </c>
      <c r="J1066">
        <v>0</v>
      </c>
      <c r="K1066">
        <v>0</v>
      </c>
      <c r="L1066">
        <v>0</v>
      </c>
      <c r="M1066">
        <v>3489</v>
      </c>
      <c r="N1066">
        <v>0</v>
      </c>
      <c r="O1066">
        <v>0</v>
      </c>
      <c r="P1066">
        <v>18090</v>
      </c>
      <c r="Q1066">
        <v>0</v>
      </c>
      <c r="R1066">
        <v>65199</v>
      </c>
      <c r="S1066">
        <v>0</v>
      </c>
      <c r="T1066">
        <v>0</v>
      </c>
      <c r="U1066">
        <v>0</v>
      </c>
      <c r="V1066">
        <v>3</v>
      </c>
      <c r="W1066">
        <v>1</v>
      </c>
      <c r="X1066">
        <v>0</v>
      </c>
      <c r="Y1066">
        <v>55</v>
      </c>
      <c r="Z1066">
        <v>18</v>
      </c>
      <c r="AA1066">
        <v>142</v>
      </c>
      <c r="AB1066">
        <v>2</v>
      </c>
      <c r="AC1066">
        <v>150</v>
      </c>
      <c r="AD1066">
        <v>56</v>
      </c>
      <c r="AE1066">
        <v>119</v>
      </c>
      <c r="AF1066">
        <v>0</v>
      </c>
      <c r="AG1066">
        <v>115199</v>
      </c>
      <c r="AH1066">
        <v>50000</v>
      </c>
      <c r="AI1066">
        <v>0</v>
      </c>
      <c r="AJ1066">
        <v>99</v>
      </c>
      <c r="AK1066" t="s">
        <v>9</v>
      </c>
      <c r="AL1066">
        <v>0</v>
      </c>
      <c r="AM1066">
        <v>0</v>
      </c>
      <c r="AN1066">
        <v>0</v>
      </c>
      <c r="AO1066">
        <v>0</v>
      </c>
      <c r="AP1066">
        <v>0</v>
      </c>
      <c r="AQ1066">
        <v>0</v>
      </c>
      <c r="AR1066">
        <v>0</v>
      </c>
      <c r="AS1066">
        <v>0</v>
      </c>
      <c r="AT1066">
        <v>0</v>
      </c>
      <c r="AU1066">
        <v>0</v>
      </c>
      <c r="AV1066">
        <v>0</v>
      </c>
      <c r="AW1066">
        <v>0</v>
      </c>
      <c r="AX1066">
        <v>1210</v>
      </c>
      <c r="AY1066">
        <v>52</v>
      </c>
      <c r="AZ1066">
        <v>115</v>
      </c>
      <c r="BA1066">
        <v>7820</v>
      </c>
    </row>
    <row r="1067" spans="1:53" x14ac:dyDescent="0.4">
      <c r="A1067">
        <v>1111</v>
      </c>
      <c r="B1067" s="1">
        <v>43149</v>
      </c>
      <c r="C1067">
        <v>3</v>
      </c>
      <c r="D1067" s="1">
        <v>43149.745833333334</v>
      </c>
      <c r="E1067" s="1">
        <v>43150.024305555555</v>
      </c>
      <c r="F1067">
        <v>71770</v>
      </c>
      <c r="G1067">
        <v>4150</v>
      </c>
      <c r="H1067">
        <v>0</v>
      </c>
      <c r="I1067">
        <v>0</v>
      </c>
      <c r="J1067">
        <v>0</v>
      </c>
      <c r="K1067">
        <v>0</v>
      </c>
      <c r="L1067">
        <v>0</v>
      </c>
      <c r="M1067">
        <v>6074</v>
      </c>
      <c r="N1067">
        <v>0</v>
      </c>
      <c r="O1067">
        <v>0</v>
      </c>
      <c r="P1067">
        <v>3294</v>
      </c>
      <c r="Q1067">
        <v>0</v>
      </c>
      <c r="R1067">
        <v>85288</v>
      </c>
      <c r="S1067">
        <v>0</v>
      </c>
      <c r="T1067">
        <v>0</v>
      </c>
      <c r="U1067">
        <v>0</v>
      </c>
      <c r="V1067">
        <v>7</v>
      </c>
      <c r="W1067">
        <v>3</v>
      </c>
      <c r="X1067">
        <v>0</v>
      </c>
      <c r="Y1067">
        <v>74</v>
      </c>
      <c r="Z1067">
        <v>20</v>
      </c>
      <c r="AA1067">
        <v>122</v>
      </c>
      <c r="AB1067">
        <v>5</v>
      </c>
      <c r="AC1067">
        <v>140</v>
      </c>
      <c r="AD1067">
        <v>57</v>
      </c>
      <c r="AE1067">
        <v>119</v>
      </c>
      <c r="AF1067">
        <v>17233</v>
      </c>
      <c r="AG1067">
        <v>200487</v>
      </c>
      <c r="AH1067">
        <v>50000</v>
      </c>
      <c r="AI1067">
        <v>0</v>
      </c>
      <c r="AJ1067">
        <v>100</v>
      </c>
      <c r="AK1067" t="s">
        <v>0</v>
      </c>
      <c r="AL1067">
        <v>0</v>
      </c>
      <c r="AM1067">
        <v>0</v>
      </c>
      <c r="AN1067">
        <v>0</v>
      </c>
      <c r="AO1067">
        <v>0</v>
      </c>
      <c r="AP1067">
        <v>0</v>
      </c>
      <c r="AQ1067">
        <v>0</v>
      </c>
      <c r="AR1067">
        <v>0</v>
      </c>
      <c r="AS1067">
        <v>0</v>
      </c>
      <c r="AT1067">
        <v>0</v>
      </c>
      <c r="AU1067">
        <v>0</v>
      </c>
      <c r="AV1067">
        <v>0</v>
      </c>
      <c r="AW1067">
        <v>0</v>
      </c>
      <c r="AX1067">
        <v>6750</v>
      </c>
      <c r="AY1067">
        <v>18</v>
      </c>
      <c r="AZ1067">
        <v>56</v>
      </c>
      <c r="BA1067">
        <v>3370</v>
      </c>
    </row>
    <row r="1068" spans="1:53" x14ac:dyDescent="0.4">
      <c r="A1068">
        <v>1112</v>
      </c>
      <c r="B1068" s="1">
        <v>43150</v>
      </c>
      <c r="C1068">
        <v>1</v>
      </c>
      <c r="D1068" s="1">
        <v>43150.291666666664</v>
      </c>
      <c r="E1068" s="1">
        <v>43150.449305555558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  <c r="M1068">
        <v>0</v>
      </c>
      <c r="N1068">
        <v>0</v>
      </c>
      <c r="O1068">
        <v>0</v>
      </c>
      <c r="P1068">
        <v>0</v>
      </c>
      <c r="Q1068">
        <v>0</v>
      </c>
      <c r="R1068">
        <v>0</v>
      </c>
      <c r="S1068">
        <v>0</v>
      </c>
      <c r="T1068">
        <v>0</v>
      </c>
      <c r="U1068">
        <v>0</v>
      </c>
      <c r="V1068">
        <v>0</v>
      </c>
      <c r="W1068">
        <v>0</v>
      </c>
      <c r="X1068">
        <v>0</v>
      </c>
      <c r="Y1068">
        <v>31</v>
      </c>
      <c r="Z1068">
        <v>10</v>
      </c>
      <c r="AA1068">
        <v>121</v>
      </c>
      <c r="AB1068">
        <v>3</v>
      </c>
      <c r="AC1068">
        <v>136</v>
      </c>
      <c r="AD1068">
        <v>55</v>
      </c>
      <c r="AE1068">
        <v>115</v>
      </c>
      <c r="AF1068">
        <v>0</v>
      </c>
      <c r="AG1068">
        <v>50000</v>
      </c>
      <c r="AH1068">
        <v>0</v>
      </c>
      <c r="AI1068">
        <v>50000</v>
      </c>
      <c r="AJ1068">
        <v>0</v>
      </c>
      <c r="AK1068" t="s">
        <v>6</v>
      </c>
      <c r="AL1068">
        <v>0</v>
      </c>
      <c r="AM1068">
        <v>0</v>
      </c>
      <c r="AN1068">
        <v>0</v>
      </c>
      <c r="AO1068">
        <v>0</v>
      </c>
      <c r="AP1068">
        <v>0</v>
      </c>
      <c r="AQ1068">
        <v>0</v>
      </c>
      <c r="AR1068">
        <v>0</v>
      </c>
      <c r="AS1068">
        <v>0</v>
      </c>
      <c r="AT1068">
        <v>0</v>
      </c>
      <c r="AU1068">
        <v>0</v>
      </c>
      <c r="AV1068">
        <v>0</v>
      </c>
      <c r="AW1068">
        <v>0</v>
      </c>
      <c r="AX1068">
        <v>0</v>
      </c>
      <c r="AY1068">
        <v>0</v>
      </c>
      <c r="AZ1068">
        <v>0</v>
      </c>
      <c r="BA1068">
        <v>0</v>
      </c>
    </row>
    <row r="1069" spans="1:53" x14ac:dyDescent="0.4">
      <c r="A1069">
        <v>1113</v>
      </c>
      <c r="B1069" s="1">
        <v>43150</v>
      </c>
      <c r="C1069">
        <v>2</v>
      </c>
      <c r="D1069" s="1">
        <v>43150.449305555558</v>
      </c>
      <c r="E1069" s="1">
        <v>43150.750694444447</v>
      </c>
      <c r="F1069">
        <v>21000</v>
      </c>
      <c r="G1069">
        <v>218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1854</v>
      </c>
      <c r="N1069">
        <v>0</v>
      </c>
      <c r="O1069">
        <v>0</v>
      </c>
      <c r="P1069">
        <v>16200</v>
      </c>
      <c r="Q1069">
        <v>0</v>
      </c>
      <c r="R1069">
        <v>41234</v>
      </c>
      <c r="S1069">
        <v>0</v>
      </c>
      <c r="T1069">
        <v>0</v>
      </c>
      <c r="U1069">
        <v>0</v>
      </c>
      <c r="V1069">
        <v>2</v>
      </c>
      <c r="W1069">
        <v>0</v>
      </c>
      <c r="X1069">
        <v>0</v>
      </c>
      <c r="Y1069">
        <v>43</v>
      </c>
      <c r="Z1069">
        <v>20</v>
      </c>
      <c r="AA1069">
        <v>151</v>
      </c>
      <c r="AB1069">
        <v>15</v>
      </c>
      <c r="AC1069">
        <v>197</v>
      </c>
      <c r="AD1069">
        <v>58</v>
      </c>
      <c r="AE1069">
        <v>124</v>
      </c>
      <c r="AF1069">
        <v>0</v>
      </c>
      <c r="AG1069">
        <v>91234</v>
      </c>
      <c r="AH1069">
        <v>50000</v>
      </c>
      <c r="AI1069">
        <v>0</v>
      </c>
      <c r="AJ1069">
        <v>93</v>
      </c>
      <c r="AK1069" t="s">
        <v>20</v>
      </c>
      <c r="AL1069">
        <v>0</v>
      </c>
      <c r="AM1069">
        <v>0</v>
      </c>
      <c r="AN1069">
        <v>0</v>
      </c>
      <c r="AO1069">
        <v>0</v>
      </c>
      <c r="AP1069">
        <v>0</v>
      </c>
      <c r="AQ1069">
        <v>0</v>
      </c>
      <c r="AR1069">
        <v>0</v>
      </c>
      <c r="AS1069">
        <v>0</v>
      </c>
      <c r="AT1069">
        <v>0</v>
      </c>
      <c r="AU1069">
        <v>0</v>
      </c>
      <c r="AV1069">
        <v>0</v>
      </c>
      <c r="AW1069">
        <v>0</v>
      </c>
      <c r="AX1069">
        <v>1490</v>
      </c>
      <c r="AY1069">
        <v>41</v>
      </c>
      <c r="AZ1069">
        <v>69</v>
      </c>
      <c r="BA1069">
        <v>5809</v>
      </c>
    </row>
    <row r="1070" spans="1:53" x14ac:dyDescent="0.4">
      <c r="A1070">
        <v>1114</v>
      </c>
      <c r="B1070" s="1">
        <v>43150</v>
      </c>
      <c r="C1070">
        <v>3</v>
      </c>
      <c r="D1070" s="1">
        <v>43150.750694444447</v>
      </c>
      <c r="E1070" s="1">
        <v>43150.955555555556</v>
      </c>
      <c r="F1070">
        <v>30700</v>
      </c>
      <c r="G1070">
        <v>2640</v>
      </c>
      <c r="H1070">
        <v>0</v>
      </c>
      <c r="I1070">
        <v>0</v>
      </c>
      <c r="J1070">
        <v>0</v>
      </c>
      <c r="K1070">
        <v>0</v>
      </c>
      <c r="L1070">
        <v>0</v>
      </c>
      <c r="M1070">
        <v>2666</v>
      </c>
      <c r="N1070">
        <v>0</v>
      </c>
      <c r="O1070">
        <v>0</v>
      </c>
      <c r="P1070">
        <v>-13608</v>
      </c>
      <c r="Q1070">
        <v>0</v>
      </c>
      <c r="R1070">
        <v>22398</v>
      </c>
      <c r="S1070">
        <v>0</v>
      </c>
      <c r="T1070">
        <v>0</v>
      </c>
      <c r="U1070">
        <v>0</v>
      </c>
      <c r="V1070">
        <v>6</v>
      </c>
      <c r="W1070">
        <v>0</v>
      </c>
      <c r="X1070">
        <v>0</v>
      </c>
      <c r="Y1070">
        <v>28</v>
      </c>
      <c r="Z1070">
        <v>18</v>
      </c>
      <c r="AA1070">
        <v>135</v>
      </c>
      <c r="AB1070">
        <v>17</v>
      </c>
      <c r="AC1070">
        <v>188</v>
      </c>
      <c r="AD1070">
        <v>57</v>
      </c>
      <c r="AE1070">
        <v>117</v>
      </c>
      <c r="AF1070">
        <v>0</v>
      </c>
      <c r="AG1070">
        <v>113632</v>
      </c>
      <c r="AH1070">
        <v>50000</v>
      </c>
      <c r="AI1070">
        <v>0</v>
      </c>
      <c r="AJ1070">
        <v>93</v>
      </c>
      <c r="AK1070" t="s">
        <v>20</v>
      </c>
      <c r="AL1070">
        <v>0</v>
      </c>
      <c r="AM1070">
        <v>0</v>
      </c>
      <c r="AN1070">
        <v>0</v>
      </c>
      <c r="AO1070">
        <v>0</v>
      </c>
      <c r="AP1070">
        <v>0</v>
      </c>
      <c r="AQ1070">
        <v>0</v>
      </c>
      <c r="AR1070">
        <v>0</v>
      </c>
      <c r="AS1070">
        <v>0</v>
      </c>
      <c r="AT1070">
        <v>0</v>
      </c>
      <c r="AU1070">
        <v>0</v>
      </c>
      <c r="AV1070">
        <v>0</v>
      </c>
      <c r="AW1070">
        <v>0</v>
      </c>
      <c r="AX1070">
        <v>13975</v>
      </c>
      <c r="AY1070">
        <v>14</v>
      </c>
      <c r="AZ1070">
        <v>30</v>
      </c>
      <c r="BA1070">
        <v>2512</v>
      </c>
    </row>
    <row r="1071" spans="1:53" x14ac:dyDescent="0.4">
      <c r="A1071">
        <v>1115</v>
      </c>
      <c r="B1071" s="1">
        <v>43151</v>
      </c>
      <c r="C1071">
        <v>1</v>
      </c>
      <c r="D1071" s="1">
        <v>43151.291666666664</v>
      </c>
      <c r="E1071" s="1">
        <v>43151.433333333334</v>
      </c>
      <c r="F1071">
        <v>0</v>
      </c>
      <c r="G1071">
        <v>0</v>
      </c>
      <c r="H1071">
        <v>0</v>
      </c>
      <c r="I1071">
        <v>0</v>
      </c>
      <c r="J1071">
        <v>0</v>
      </c>
      <c r="K1071">
        <v>0</v>
      </c>
      <c r="L1071">
        <v>0</v>
      </c>
      <c r="M1071">
        <v>0</v>
      </c>
      <c r="N1071">
        <v>0</v>
      </c>
      <c r="O1071">
        <v>0</v>
      </c>
      <c r="P1071">
        <v>0</v>
      </c>
      <c r="Q1071">
        <v>0</v>
      </c>
      <c r="R1071">
        <v>0</v>
      </c>
      <c r="S1071">
        <v>0</v>
      </c>
      <c r="T1071">
        <v>0</v>
      </c>
      <c r="U1071">
        <v>0</v>
      </c>
      <c r="V1071">
        <v>0</v>
      </c>
      <c r="W1071">
        <v>1</v>
      </c>
      <c r="X1071">
        <v>0</v>
      </c>
      <c r="Y1071">
        <v>25</v>
      </c>
      <c r="Z1071">
        <v>9</v>
      </c>
      <c r="AA1071">
        <v>131</v>
      </c>
      <c r="AB1071">
        <v>15</v>
      </c>
      <c r="AC1071">
        <v>126</v>
      </c>
      <c r="AD1071">
        <v>56</v>
      </c>
      <c r="AE1071">
        <v>110</v>
      </c>
      <c r="AF1071">
        <v>0</v>
      </c>
      <c r="AG1071">
        <v>50000</v>
      </c>
      <c r="AH1071">
        <v>0</v>
      </c>
      <c r="AI1071">
        <v>50000</v>
      </c>
      <c r="AJ1071">
        <v>0</v>
      </c>
      <c r="AK1071" t="s">
        <v>6</v>
      </c>
      <c r="AL1071">
        <v>0</v>
      </c>
      <c r="AM1071">
        <v>0</v>
      </c>
      <c r="AN1071">
        <v>0</v>
      </c>
      <c r="AO1071">
        <v>0</v>
      </c>
      <c r="AP1071">
        <v>0</v>
      </c>
      <c r="AQ1071">
        <v>0</v>
      </c>
      <c r="AR1071">
        <v>0</v>
      </c>
      <c r="AS1071">
        <v>0</v>
      </c>
      <c r="AT1071">
        <v>0</v>
      </c>
      <c r="AU1071">
        <v>0</v>
      </c>
      <c r="AV1071">
        <v>0</v>
      </c>
      <c r="AW1071">
        <v>0</v>
      </c>
      <c r="AX1071">
        <v>0</v>
      </c>
      <c r="AY1071">
        <v>0</v>
      </c>
      <c r="AZ1071">
        <v>0</v>
      </c>
      <c r="BA1071">
        <v>0</v>
      </c>
    </row>
    <row r="1072" spans="1:53" x14ac:dyDescent="0.4">
      <c r="A1072">
        <v>1116</v>
      </c>
      <c r="B1072" s="1">
        <v>43151</v>
      </c>
      <c r="C1072">
        <v>2</v>
      </c>
      <c r="D1072" s="1">
        <v>43151.433333333334</v>
      </c>
      <c r="E1072" s="1">
        <v>43151.734722222223</v>
      </c>
      <c r="F1072">
        <v>20000</v>
      </c>
      <c r="G1072">
        <v>380</v>
      </c>
      <c r="H1072">
        <v>0</v>
      </c>
      <c r="I1072">
        <v>0</v>
      </c>
      <c r="J1072">
        <v>0</v>
      </c>
      <c r="K1072">
        <v>0</v>
      </c>
      <c r="L1072">
        <v>0</v>
      </c>
      <c r="M1072">
        <v>1630</v>
      </c>
      <c r="N1072">
        <v>0</v>
      </c>
      <c r="O1072">
        <v>0</v>
      </c>
      <c r="P1072">
        <v>8640</v>
      </c>
      <c r="Q1072">
        <v>0</v>
      </c>
      <c r="R1072">
        <v>30650</v>
      </c>
      <c r="S1072">
        <v>0</v>
      </c>
      <c r="T1072">
        <v>0</v>
      </c>
      <c r="U1072">
        <v>0</v>
      </c>
      <c r="V1072">
        <v>1</v>
      </c>
      <c r="W1072">
        <v>2</v>
      </c>
      <c r="X1072">
        <v>0</v>
      </c>
      <c r="Y1072">
        <v>30</v>
      </c>
      <c r="Z1072">
        <v>26</v>
      </c>
      <c r="AA1072">
        <v>145</v>
      </c>
      <c r="AB1072">
        <v>22</v>
      </c>
      <c r="AC1072">
        <v>166</v>
      </c>
      <c r="AD1072">
        <v>56</v>
      </c>
      <c r="AE1072">
        <v>110</v>
      </c>
      <c r="AF1072">
        <v>0</v>
      </c>
      <c r="AG1072">
        <v>80650</v>
      </c>
      <c r="AH1072">
        <v>50000</v>
      </c>
      <c r="AI1072">
        <v>0</v>
      </c>
      <c r="AJ1072">
        <v>97</v>
      </c>
      <c r="AK1072" t="s">
        <v>13</v>
      </c>
      <c r="AL1072">
        <v>0</v>
      </c>
      <c r="AM1072">
        <v>0</v>
      </c>
      <c r="AN1072">
        <v>0</v>
      </c>
      <c r="AO1072">
        <v>0</v>
      </c>
      <c r="AP1072">
        <v>0</v>
      </c>
      <c r="AQ1072">
        <v>0</v>
      </c>
      <c r="AR1072">
        <v>0</v>
      </c>
      <c r="AS1072">
        <v>0</v>
      </c>
      <c r="AT1072">
        <v>0</v>
      </c>
      <c r="AU1072">
        <v>0</v>
      </c>
      <c r="AV1072">
        <v>0</v>
      </c>
      <c r="AW1072">
        <v>0</v>
      </c>
      <c r="AX1072">
        <v>-43</v>
      </c>
      <c r="AY1072">
        <v>29</v>
      </c>
      <c r="AZ1072">
        <v>56</v>
      </c>
      <c r="BA1072">
        <v>4371</v>
      </c>
    </row>
    <row r="1073" spans="1:53" x14ac:dyDescent="0.4">
      <c r="A1073">
        <v>1117</v>
      </c>
      <c r="B1073" s="1">
        <v>43151</v>
      </c>
      <c r="C1073">
        <v>3</v>
      </c>
      <c r="D1073" s="1">
        <v>43151.734722222223</v>
      </c>
      <c r="E1073" s="1">
        <v>43151.932638888888</v>
      </c>
      <c r="F1073">
        <v>18910</v>
      </c>
      <c r="G1073">
        <v>1340</v>
      </c>
      <c r="H1073">
        <v>0</v>
      </c>
      <c r="I1073">
        <v>0</v>
      </c>
      <c r="J1073">
        <v>0</v>
      </c>
      <c r="K1073">
        <v>0</v>
      </c>
      <c r="L1073">
        <v>0</v>
      </c>
      <c r="M1073">
        <v>1620</v>
      </c>
      <c r="N1073">
        <v>0</v>
      </c>
      <c r="O1073">
        <v>0</v>
      </c>
      <c r="P1073">
        <v>432</v>
      </c>
      <c r="Q1073">
        <v>0</v>
      </c>
      <c r="R1073">
        <v>22302</v>
      </c>
      <c r="S1073">
        <v>0</v>
      </c>
      <c r="T1073">
        <v>0</v>
      </c>
      <c r="U1073">
        <v>0</v>
      </c>
      <c r="V1073">
        <v>1</v>
      </c>
      <c r="W1073">
        <v>5</v>
      </c>
      <c r="X1073">
        <v>0</v>
      </c>
      <c r="Y1073">
        <v>37</v>
      </c>
      <c r="Z1073">
        <v>26</v>
      </c>
      <c r="AA1073">
        <v>145</v>
      </c>
      <c r="AB1073">
        <v>27</v>
      </c>
      <c r="AC1073">
        <v>172</v>
      </c>
      <c r="AD1073">
        <v>56</v>
      </c>
      <c r="AE1073">
        <v>102</v>
      </c>
      <c r="AF1073">
        <v>0</v>
      </c>
      <c r="AG1073">
        <v>102952</v>
      </c>
      <c r="AH1073">
        <v>50000</v>
      </c>
      <c r="AI1073">
        <v>0</v>
      </c>
      <c r="AJ1073">
        <v>29</v>
      </c>
      <c r="AK1073" t="s">
        <v>28</v>
      </c>
      <c r="AL1073">
        <v>0</v>
      </c>
      <c r="AM1073">
        <v>0</v>
      </c>
      <c r="AN1073">
        <v>0</v>
      </c>
      <c r="AO1073">
        <v>0</v>
      </c>
      <c r="AP1073">
        <v>0</v>
      </c>
      <c r="AQ1073">
        <v>0</v>
      </c>
      <c r="AR1073">
        <v>0</v>
      </c>
      <c r="AS1073">
        <v>0</v>
      </c>
      <c r="AT1073">
        <v>0</v>
      </c>
      <c r="AU1073">
        <v>0</v>
      </c>
      <c r="AV1073">
        <v>0</v>
      </c>
      <c r="AW1073">
        <v>0</v>
      </c>
      <c r="AX1073">
        <v>1977</v>
      </c>
      <c r="AY1073">
        <v>12</v>
      </c>
      <c r="AZ1073">
        <v>24</v>
      </c>
      <c r="BA1073">
        <v>1385</v>
      </c>
    </row>
    <row r="1074" spans="1:53" x14ac:dyDescent="0.4">
      <c r="A1074">
        <v>1118</v>
      </c>
      <c r="B1074" s="1">
        <v>43152</v>
      </c>
      <c r="C1074">
        <v>1</v>
      </c>
      <c r="D1074" s="1">
        <v>43152.291666666664</v>
      </c>
      <c r="E1074" s="1">
        <v>43152.447916666664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  <c r="M1074">
        <v>0</v>
      </c>
      <c r="N1074">
        <v>0</v>
      </c>
      <c r="O1074">
        <v>0</v>
      </c>
      <c r="P1074">
        <v>0</v>
      </c>
      <c r="Q1074">
        <v>0</v>
      </c>
      <c r="R1074">
        <v>0</v>
      </c>
      <c r="S1074">
        <v>0</v>
      </c>
      <c r="T1074">
        <v>0</v>
      </c>
      <c r="U1074">
        <v>0</v>
      </c>
      <c r="V1074">
        <v>0</v>
      </c>
      <c r="W1074">
        <v>0</v>
      </c>
      <c r="X1074">
        <v>0</v>
      </c>
      <c r="Y1074">
        <v>25</v>
      </c>
      <c r="Z1074">
        <v>14</v>
      </c>
      <c r="AA1074">
        <v>144</v>
      </c>
      <c r="AB1074">
        <v>29</v>
      </c>
      <c r="AC1074">
        <v>176</v>
      </c>
      <c r="AD1074">
        <v>57</v>
      </c>
      <c r="AE1074">
        <v>105</v>
      </c>
      <c r="AF1074">
        <v>0</v>
      </c>
      <c r="AG1074">
        <v>50000</v>
      </c>
      <c r="AH1074">
        <v>0</v>
      </c>
      <c r="AI1074">
        <v>50000</v>
      </c>
      <c r="AJ1074">
        <v>0</v>
      </c>
      <c r="AK1074" t="s">
        <v>6</v>
      </c>
      <c r="AL1074">
        <v>0</v>
      </c>
      <c r="AM1074">
        <v>0</v>
      </c>
      <c r="AN1074">
        <v>0</v>
      </c>
      <c r="AO1074">
        <v>0</v>
      </c>
      <c r="AP1074">
        <v>0</v>
      </c>
      <c r="AQ1074">
        <v>0</v>
      </c>
      <c r="AR1074">
        <v>0</v>
      </c>
      <c r="AS1074">
        <v>0</v>
      </c>
      <c r="AT1074">
        <v>0</v>
      </c>
      <c r="AU1074">
        <v>0</v>
      </c>
      <c r="AV1074">
        <v>0</v>
      </c>
      <c r="AW1074">
        <v>0</v>
      </c>
      <c r="AX1074">
        <v>0</v>
      </c>
      <c r="AY1074">
        <v>0</v>
      </c>
      <c r="AZ1074">
        <v>0</v>
      </c>
      <c r="BA1074">
        <v>0</v>
      </c>
    </row>
    <row r="1075" spans="1:53" x14ac:dyDescent="0.4">
      <c r="A1075">
        <v>1119</v>
      </c>
      <c r="B1075" s="1">
        <v>43152</v>
      </c>
      <c r="C1075">
        <v>2</v>
      </c>
      <c r="D1075" s="1">
        <v>43152.447916666664</v>
      </c>
      <c r="E1075" s="1">
        <v>43152.747916666667</v>
      </c>
      <c r="F1075">
        <v>21500</v>
      </c>
      <c r="G1075">
        <v>380</v>
      </c>
      <c r="H1075">
        <v>0</v>
      </c>
      <c r="I1075">
        <v>0</v>
      </c>
      <c r="J1075">
        <v>0</v>
      </c>
      <c r="K1075">
        <v>0</v>
      </c>
      <c r="L1075">
        <v>0</v>
      </c>
      <c r="M1075">
        <v>1750</v>
      </c>
      <c r="N1075">
        <v>0</v>
      </c>
      <c r="O1075">
        <v>0</v>
      </c>
      <c r="P1075">
        <v>22140</v>
      </c>
      <c r="Q1075">
        <v>0</v>
      </c>
      <c r="R1075">
        <v>45770</v>
      </c>
      <c r="S1075">
        <v>0</v>
      </c>
      <c r="T1075">
        <v>0</v>
      </c>
      <c r="U1075">
        <v>0</v>
      </c>
      <c r="V1075">
        <v>2</v>
      </c>
      <c r="W1075">
        <v>0</v>
      </c>
      <c r="X1075">
        <v>0</v>
      </c>
      <c r="Y1075">
        <v>40</v>
      </c>
      <c r="Z1075">
        <v>31</v>
      </c>
      <c r="AA1075">
        <v>162</v>
      </c>
      <c r="AB1075">
        <v>30</v>
      </c>
      <c r="AC1075">
        <v>217</v>
      </c>
      <c r="AD1075">
        <v>59</v>
      </c>
      <c r="AE1075">
        <v>105</v>
      </c>
      <c r="AF1075">
        <v>0</v>
      </c>
      <c r="AG1075">
        <v>95770</v>
      </c>
      <c r="AH1075">
        <v>50000</v>
      </c>
      <c r="AI1075">
        <v>0</v>
      </c>
      <c r="AJ1075">
        <v>16</v>
      </c>
      <c r="AK1075" t="s">
        <v>11</v>
      </c>
      <c r="AL1075">
        <v>0</v>
      </c>
      <c r="AM1075">
        <v>0</v>
      </c>
      <c r="AN1075">
        <v>0</v>
      </c>
      <c r="AO1075">
        <v>0</v>
      </c>
      <c r="AP1075">
        <v>0</v>
      </c>
      <c r="AQ1075">
        <v>0</v>
      </c>
      <c r="AR1075">
        <v>0</v>
      </c>
      <c r="AS1075">
        <v>0</v>
      </c>
      <c r="AT1075">
        <v>0</v>
      </c>
      <c r="AU1075">
        <v>0</v>
      </c>
      <c r="AV1075">
        <v>0</v>
      </c>
      <c r="AW1075">
        <v>0</v>
      </c>
      <c r="AX1075">
        <v>-2852</v>
      </c>
      <c r="AY1075">
        <v>42</v>
      </c>
      <c r="AZ1075">
        <v>79</v>
      </c>
      <c r="BA1075">
        <v>6139</v>
      </c>
    </row>
    <row r="1076" spans="1:53" x14ac:dyDescent="0.4">
      <c r="A1076">
        <v>1120</v>
      </c>
      <c r="B1076" s="1">
        <v>43152</v>
      </c>
      <c r="C1076">
        <v>3</v>
      </c>
      <c r="D1076" s="1">
        <v>43152.747916666667</v>
      </c>
      <c r="E1076" s="1">
        <v>43152.960416666669</v>
      </c>
      <c r="F1076">
        <v>41000</v>
      </c>
      <c r="G1076">
        <v>14680</v>
      </c>
      <c r="H1076">
        <v>0</v>
      </c>
      <c r="I1076">
        <v>0</v>
      </c>
      <c r="J1076">
        <v>0</v>
      </c>
      <c r="K1076">
        <v>0</v>
      </c>
      <c r="L1076">
        <v>0</v>
      </c>
      <c r="M1076">
        <v>4454</v>
      </c>
      <c r="N1076">
        <v>0</v>
      </c>
      <c r="O1076">
        <v>0</v>
      </c>
      <c r="P1076">
        <v>-19548</v>
      </c>
      <c r="Q1076">
        <v>0</v>
      </c>
      <c r="R1076">
        <v>40586</v>
      </c>
      <c r="S1076">
        <v>0</v>
      </c>
      <c r="T1076">
        <v>0</v>
      </c>
      <c r="U1076">
        <v>0</v>
      </c>
      <c r="V1076">
        <v>4</v>
      </c>
      <c r="W1076">
        <v>1</v>
      </c>
      <c r="X1076">
        <v>0</v>
      </c>
      <c r="Y1076">
        <v>23</v>
      </c>
      <c r="Z1076">
        <v>31</v>
      </c>
      <c r="AA1076">
        <v>160</v>
      </c>
      <c r="AB1076">
        <v>32</v>
      </c>
      <c r="AC1076">
        <v>227</v>
      </c>
      <c r="AD1076">
        <v>59</v>
      </c>
      <c r="AE1076">
        <v>109</v>
      </c>
      <c r="AF1076">
        <v>31502</v>
      </c>
      <c r="AG1076">
        <v>135276</v>
      </c>
      <c r="AH1076">
        <v>50000</v>
      </c>
      <c r="AI1076">
        <v>-1080</v>
      </c>
      <c r="AJ1076">
        <v>93</v>
      </c>
      <c r="AK1076" t="s">
        <v>20</v>
      </c>
      <c r="AL1076">
        <v>0</v>
      </c>
      <c r="AM1076">
        <v>0</v>
      </c>
      <c r="AN1076">
        <v>0</v>
      </c>
      <c r="AO1076">
        <v>0</v>
      </c>
      <c r="AP1076">
        <v>0</v>
      </c>
      <c r="AQ1076">
        <v>0</v>
      </c>
      <c r="AR1076">
        <v>0</v>
      </c>
      <c r="AS1076">
        <v>0</v>
      </c>
      <c r="AT1076">
        <v>0</v>
      </c>
      <c r="AU1076">
        <v>0</v>
      </c>
      <c r="AV1076">
        <v>0</v>
      </c>
      <c r="AW1076">
        <v>0</v>
      </c>
      <c r="AX1076">
        <v>19040</v>
      </c>
      <c r="AY1076">
        <v>14</v>
      </c>
      <c r="AZ1076">
        <v>44</v>
      </c>
      <c r="BA1076">
        <v>2946</v>
      </c>
    </row>
    <row r="1077" spans="1:53" x14ac:dyDescent="0.4">
      <c r="A1077">
        <v>1121</v>
      </c>
      <c r="B1077" s="1">
        <v>43152</v>
      </c>
      <c r="C1077">
        <v>4</v>
      </c>
      <c r="D1077" s="1">
        <v>43152.960416666669</v>
      </c>
      <c r="E1077" s="1">
        <v>43153.098611111112</v>
      </c>
      <c r="F1077">
        <v>19800</v>
      </c>
      <c r="G1077">
        <v>2480</v>
      </c>
      <c r="H1077">
        <v>0</v>
      </c>
      <c r="I1077">
        <v>0</v>
      </c>
      <c r="J1077">
        <v>0</v>
      </c>
      <c r="K1077">
        <v>0</v>
      </c>
      <c r="L1077">
        <v>0</v>
      </c>
      <c r="M1077">
        <v>1782</v>
      </c>
      <c r="N1077">
        <v>0</v>
      </c>
      <c r="O1077">
        <v>0</v>
      </c>
      <c r="P1077">
        <v>9720</v>
      </c>
      <c r="Q1077">
        <v>0</v>
      </c>
      <c r="R1077">
        <v>33782</v>
      </c>
      <c r="S1077">
        <v>0</v>
      </c>
      <c r="T1077">
        <v>0</v>
      </c>
      <c r="U1077">
        <v>0</v>
      </c>
      <c r="V1077">
        <v>6</v>
      </c>
      <c r="W1077">
        <v>2</v>
      </c>
      <c r="X1077">
        <v>0</v>
      </c>
      <c r="Y1077">
        <v>28</v>
      </c>
      <c r="Z1077">
        <v>30</v>
      </c>
      <c r="AA1077">
        <v>164</v>
      </c>
      <c r="AB1077">
        <v>34</v>
      </c>
      <c r="AC1077">
        <v>238</v>
      </c>
      <c r="AD1077">
        <v>59</v>
      </c>
      <c r="AE1077">
        <v>109</v>
      </c>
      <c r="AF1077">
        <v>36254</v>
      </c>
      <c r="AG1077">
        <v>170138</v>
      </c>
      <c r="AH1077">
        <v>50000</v>
      </c>
      <c r="AI1077">
        <v>0</v>
      </c>
      <c r="AJ1077">
        <v>100</v>
      </c>
      <c r="AK1077" t="s">
        <v>0</v>
      </c>
      <c r="AL1077">
        <v>0</v>
      </c>
      <c r="AM1077">
        <v>0</v>
      </c>
      <c r="AN1077">
        <v>0</v>
      </c>
      <c r="AO1077">
        <v>0</v>
      </c>
      <c r="AP1077">
        <v>0</v>
      </c>
      <c r="AQ1077">
        <v>0</v>
      </c>
      <c r="AR1077">
        <v>0</v>
      </c>
      <c r="AS1077">
        <v>0</v>
      </c>
      <c r="AT1077">
        <v>0</v>
      </c>
      <c r="AU1077">
        <v>0</v>
      </c>
      <c r="AV1077">
        <v>0</v>
      </c>
      <c r="AW1077">
        <v>0</v>
      </c>
      <c r="AX1077">
        <v>-3888</v>
      </c>
      <c r="AY1077">
        <v>3</v>
      </c>
      <c r="AZ1077">
        <v>8</v>
      </c>
      <c r="BA1077">
        <v>711</v>
      </c>
    </row>
    <row r="1078" spans="1:53" x14ac:dyDescent="0.4">
      <c r="A1078">
        <v>1122</v>
      </c>
      <c r="B1078" s="1">
        <v>43153</v>
      </c>
      <c r="C1078">
        <v>1</v>
      </c>
      <c r="D1078" s="1">
        <v>43153.291666666664</v>
      </c>
      <c r="E1078" s="1">
        <v>43153.447222222225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  <c r="M1078">
        <v>0</v>
      </c>
      <c r="N1078">
        <v>0</v>
      </c>
      <c r="O1078">
        <v>0</v>
      </c>
      <c r="P1078">
        <v>0</v>
      </c>
      <c r="Q1078">
        <v>0</v>
      </c>
      <c r="R1078">
        <v>0</v>
      </c>
      <c r="S1078">
        <v>0</v>
      </c>
      <c r="T1078">
        <v>0</v>
      </c>
      <c r="U1078">
        <v>0</v>
      </c>
      <c r="V1078">
        <v>0</v>
      </c>
      <c r="W1078">
        <v>0</v>
      </c>
      <c r="X1078">
        <v>0</v>
      </c>
      <c r="Y1078">
        <v>25</v>
      </c>
      <c r="Z1078">
        <v>11</v>
      </c>
      <c r="AA1078">
        <v>162</v>
      </c>
      <c r="AB1078">
        <v>32</v>
      </c>
      <c r="AC1078">
        <v>131</v>
      </c>
      <c r="AD1078">
        <v>58</v>
      </c>
      <c r="AE1078">
        <v>100</v>
      </c>
      <c r="AF1078">
        <v>0</v>
      </c>
      <c r="AG1078">
        <v>50000</v>
      </c>
      <c r="AH1078">
        <v>0</v>
      </c>
      <c r="AI1078">
        <v>50000</v>
      </c>
      <c r="AJ1078">
        <v>0</v>
      </c>
      <c r="AK1078" t="s">
        <v>6</v>
      </c>
      <c r="AL1078">
        <v>0</v>
      </c>
      <c r="AM1078">
        <v>0</v>
      </c>
      <c r="AN1078">
        <v>0</v>
      </c>
      <c r="AO1078">
        <v>0</v>
      </c>
      <c r="AP1078">
        <v>0</v>
      </c>
      <c r="AQ1078">
        <v>0</v>
      </c>
      <c r="AR1078">
        <v>0</v>
      </c>
      <c r="AS1078">
        <v>0</v>
      </c>
      <c r="AT1078">
        <v>0</v>
      </c>
      <c r="AU1078">
        <v>0</v>
      </c>
      <c r="AV1078">
        <v>0</v>
      </c>
      <c r="AW1078">
        <v>0</v>
      </c>
      <c r="AX1078">
        <v>0</v>
      </c>
      <c r="AY1078">
        <v>0</v>
      </c>
      <c r="AZ1078">
        <v>0</v>
      </c>
      <c r="BA1078">
        <v>0</v>
      </c>
    </row>
    <row r="1079" spans="1:53" x14ac:dyDescent="0.4">
      <c r="A1079">
        <v>1123</v>
      </c>
      <c r="B1079" s="1">
        <v>43153</v>
      </c>
      <c r="C1079">
        <v>2</v>
      </c>
      <c r="D1079" s="1">
        <v>43153.447222222225</v>
      </c>
      <c r="E1079" s="1">
        <v>43153.729166666664</v>
      </c>
      <c r="F1079">
        <v>22000</v>
      </c>
      <c r="G1079">
        <v>5150</v>
      </c>
      <c r="H1079">
        <v>0</v>
      </c>
      <c r="I1079">
        <v>0</v>
      </c>
      <c r="J1079">
        <v>0</v>
      </c>
      <c r="K1079">
        <v>0</v>
      </c>
      <c r="L1079">
        <v>0</v>
      </c>
      <c r="M1079">
        <v>2172</v>
      </c>
      <c r="N1079">
        <v>0</v>
      </c>
      <c r="O1079">
        <v>0</v>
      </c>
      <c r="P1079">
        <v>13500</v>
      </c>
      <c r="Q1079">
        <v>0</v>
      </c>
      <c r="R1079">
        <v>42822</v>
      </c>
      <c r="S1079">
        <v>0</v>
      </c>
      <c r="T1079">
        <v>0</v>
      </c>
      <c r="U1079">
        <v>0</v>
      </c>
      <c r="V1079">
        <v>3</v>
      </c>
      <c r="W1079">
        <v>0</v>
      </c>
      <c r="X1079">
        <v>0</v>
      </c>
      <c r="Y1079">
        <v>35</v>
      </c>
      <c r="Z1079">
        <v>17</v>
      </c>
      <c r="AA1079">
        <v>152</v>
      </c>
      <c r="AB1079">
        <v>32</v>
      </c>
      <c r="AC1079">
        <v>159</v>
      </c>
      <c r="AD1079">
        <v>59</v>
      </c>
      <c r="AE1079">
        <v>97</v>
      </c>
      <c r="AF1079">
        <v>540</v>
      </c>
      <c r="AG1079">
        <v>92822</v>
      </c>
      <c r="AH1079">
        <v>50000</v>
      </c>
      <c r="AI1079">
        <v>0</v>
      </c>
      <c r="AJ1079">
        <v>97</v>
      </c>
      <c r="AK1079" t="s">
        <v>13</v>
      </c>
      <c r="AL1079">
        <v>0</v>
      </c>
      <c r="AM1079">
        <v>0</v>
      </c>
      <c r="AN1079">
        <v>0</v>
      </c>
      <c r="AO1079">
        <v>0</v>
      </c>
      <c r="AP1079">
        <v>0</v>
      </c>
      <c r="AQ1079">
        <v>0</v>
      </c>
      <c r="AR1079">
        <v>0</v>
      </c>
      <c r="AS1079">
        <v>0</v>
      </c>
      <c r="AT1079">
        <v>0</v>
      </c>
      <c r="AU1079">
        <v>0</v>
      </c>
      <c r="AV1079">
        <v>0</v>
      </c>
      <c r="AW1079">
        <v>0</v>
      </c>
      <c r="AX1079">
        <v>1620</v>
      </c>
      <c r="AY1079">
        <v>32</v>
      </c>
      <c r="AZ1079">
        <v>69</v>
      </c>
      <c r="BA1079">
        <v>4852</v>
      </c>
    </row>
    <row r="1080" spans="1:53" x14ac:dyDescent="0.4">
      <c r="A1080">
        <v>1124</v>
      </c>
      <c r="B1080" s="1">
        <v>43153</v>
      </c>
      <c r="C1080">
        <v>3</v>
      </c>
      <c r="D1080" s="1">
        <v>43153.729166666664</v>
      </c>
      <c r="E1080" s="1">
        <v>43153.953472222223</v>
      </c>
      <c r="F1080">
        <v>26500</v>
      </c>
      <c r="G1080">
        <v>128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2222</v>
      </c>
      <c r="N1080">
        <v>0</v>
      </c>
      <c r="O1080">
        <v>0</v>
      </c>
      <c r="P1080">
        <v>-10044</v>
      </c>
      <c r="Q1080">
        <v>0</v>
      </c>
      <c r="R1080">
        <v>19958</v>
      </c>
      <c r="S1080">
        <v>0</v>
      </c>
      <c r="T1080">
        <v>0</v>
      </c>
      <c r="U1080">
        <v>0</v>
      </c>
      <c r="V1080">
        <v>3</v>
      </c>
      <c r="W1080">
        <v>2</v>
      </c>
      <c r="X1080">
        <v>0</v>
      </c>
      <c r="Y1080">
        <v>42</v>
      </c>
      <c r="Z1080">
        <v>17</v>
      </c>
      <c r="AA1080">
        <v>155</v>
      </c>
      <c r="AB1080">
        <v>34</v>
      </c>
      <c r="AC1080">
        <v>151</v>
      </c>
      <c r="AD1080">
        <v>58</v>
      </c>
      <c r="AE1080">
        <v>94</v>
      </c>
      <c r="AF1080">
        <v>3186</v>
      </c>
      <c r="AG1080">
        <v>112780</v>
      </c>
      <c r="AH1080">
        <v>50000</v>
      </c>
      <c r="AI1080">
        <v>0</v>
      </c>
      <c r="AJ1080">
        <v>108</v>
      </c>
      <c r="AK1080" t="s">
        <v>30</v>
      </c>
      <c r="AL1080">
        <v>0</v>
      </c>
      <c r="AM1080">
        <v>0</v>
      </c>
      <c r="AN1080">
        <v>0</v>
      </c>
      <c r="AO1080">
        <v>0</v>
      </c>
      <c r="AP1080">
        <v>0</v>
      </c>
      <c r="AQ1080">
        <v>0</v>
      </c>
      <c r="AR1080">
        <v>0</v>
      </c>
      <c r="AS1080">
        <v>0</v>
      </c>
      <c r="AT1080">
        <v>0</v>
      </c>
      <c r="AU1080">
        <v>0</v>
      </c>
      <c r="AV1080">
        <v>0</v>
      </c>
      <c r="AW1080">
        <v>0</v>
      </c>
      <c r="AX1080">
        <v>-1916</v>
      </c>
      <c r="AY1080">
        <v>9</v>
      </c>
      <c r="AZ1080">
        <v>18</v>
      </c>
      <c r="BA1080">
        <v>1585</v>
      </c>
    </row>
    <row r="1081" spans="1:53" x14ac:dyDescent="0.4">
      <c r="A1081">
        <v>1125</v>
      </c>
      <c r="B1081" s="1">
        <v>43153</v>
      </c>
      <c r="C1081">
        <v>4</v>
      </c>
      <c r="D1081" s="1">
        <v>43153.953472222223</v>
      </c>
      <c r="E1081" s="1">
        <v>43154.075694444444</v>
      </c>
      <c r="F1081">
        <v>50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  <c r="M1081">
        <v>40</v>
      </c>
      <c r="N1081">
        <v>0</v>
      </c>
      <c r="O1081">
        <v>0</v>
      </c>
      <c r="P1081">
        <v>6912</v>
      </c>
      <c r="Q1081">
        <v>0</v>
      </c>
      <c r="R1081">
        <v>7452</v>
      </c>
      <c r="S1081">
        <v>0</v>
      </c>
      <c r="T1081">
        <v>0</v>
      </c>
      <c r="U1081">
        <v>0</v>
      </c>
      <c r="V1081">
        <v>3</v>
      </c>
      <c r="W1081">
        <v>3</v>
      </c>
      <c r="X1081">
        <v>0</v>
      </c>
      <c r="Y1081">
        <v>44</v>
      </c>
      <c r="Z1081">
        <v>19</v>
      </c>
      <c r="AA1081">
        <v>150</v>
      </c>
      <c r="AB1081">
        <v>33</v>
      </c>
      <c r="AC1081">
        <v>151</v>
      </c>
      <c r="AD1081">
        <v>58</v>
      </c>
      <c r="AE1081">
        <v>96</v>
      </c>
      <c r="AF1081">
        <v>3186</v>
      </c>
      <c r="AG1081">
        <v>120232</v>
      </c>
      <c r="AH1081">
        <v>50000</v>
      </c>
      <c r="AI1081">
        <v>0</v>
      </c>
      <c r="AJ1081">
        <v>108</v>
      </c>
      <c r="AK1081" t="s">
        <v>30</v>
      </c>
      <c r="AL1081">
        <v>0</v>
      </c>
      <c r="AM1081">
        <v>0</v>
      </c>
      <c r="AN1081">
        <v>0</v>
      </c>
      <c r="AO1081">
        <v>0</v>
      </c>
      <c r="AP1081">
        <v>0</v>
      </c>
      <c r="AQ1081">
        <v>0</v>
      </c>
      <c r="AR1081">
        <v>0</v>
      </c>
      <c r="AS1081">
        <v>0</v>
      </c>
      <c r="AT1081">
        <v>0</v>
      </c>
      <c r="AU1081">
        <v>0</v>
      </c>
      <c r="AV1081">
        <v>0</v>
      </c>
      <c r="AW1081">
        <v>0</v>
      </c>
      <c r="AX1081">
        <v>0</v>
      </c>
      <c r="AY1081">
        <v>2</v>
      </c>
      <c r="AZ1081">
        <v>4</v>
      </c>
      <c r="BA1081">
        <v>421</v>
      </c>
    </row>
    <row r="1082" spans="1:53" x14ac:dyDescent="0.4">
      <c r="A1082">
        <v>1126</v>
      </c>
      <c r="B1082" s="1">
        <v>43154</v>
      </c>
      <c r="C1082">
        <v>1</v>
      </c>
      <c r="D1082" s="1">
        <v>43154.291666666664</v>
      </c>
      <c r="E1082" s="1">
        <v>43154.446527777778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  <c r="M1082">
        <v>0</v>
      </c>
      <c r="N1082">
        <v>0</v>
      </c>
      <c r="O1082">
        <v>0</v>
      </c>
      <c r="P1082">
        <v>0</v>
      </c>
      <c r="Q1082">
        <v>0</v>
      </c>
      <c r="R1082">
        <v>0</v>
      </c>
      <c r="S1082">
        <v>0</v>
      </c>
      <c r="T1082">
        <v>0</v>
      </c>
      <c r="U1082">
        <v>0</v>
      </c>
      <c r="V1082">
        <v>0</v>
      </c>
      <c r="W1082">
        <v>0</v>
      </c>
      <c r="X1082">
        <v>0</v>
      </c>
      <c r="Y1082">
        <v>28</v>
      </c>
      <c r="Z1082">
        <v>9</v>
      </c>
      <c r="AA1082">
        <v>145</v>
      </c>
      <c r="AB1082">
        <v>31</v>
      </c>
      <c r="AC1082">
        <v>107</v>
      </c>
      <c r="AD1082">
        <v>57</v>
      </c>
      <c r="AE1082">
        <v>95</v>
      </c>
      <c r="AF1082">
        <v>0</v>
      </c>
      <c r="AG1082">
        <v>50000</v>
      </c>
      <c r="AH1082">
        <v>0</v>
      </c>
      <c r="AI1082">
        <v>50000</v>
      </c>
      <c r="AJ1082">
        <v>0</v>
      </c>
      <c r="AK1082" t="s">
        <v>6</v>
      </c>
      <c r="AL1082">
        <v>0</v>
      </c>
      <c r="AM1082">
        <v>0</v>
      </c>
      <c r="AN1082">
        <v>0</v>
      </c>
      <c r="AO1082">
        <v>0</v>
      </c>
      <c r="AP1082">
        <v>0</v>
      </c>
      <c r="AQ1082">
        <v>0</v>
      </c>
      <c r="AR1082">
        <v>0</v>
      </c>
      <c r="AS1082">
        <v>0</v>
      </c>
      <c r="AT1082">
        <v>0</v>
      </c>
      <c r="AU1082">
        <v>0</v>
      </c>
      <c r="AV1082">
        <v>0</v>
      </c>
      <c r="AW1082">
        <v>0</v>
      </c>
      <c r="AX1082">
        <v>0</v>
      </c>
      <c r="AY1082">
        <v>0</v>
      </c>
      <c r="AZ1082">
        <v>0</v>
      </c>
      <c r="BA1082">
        <v>0</v>
      </c>
    </row>
    <row r="1083" spans="1:53" x14ac:dyDescent="0.4">
      <c r="A1083">
        <v>1127</v>
      </c>
      <c r="B1083" s="1">
        <v>43154</v>
      </c>
      <c r="C1083">
        <v>2</v>
      </c>
      <c r="D1083" s="1">
        <v>43154.446527777778</v>
      </c>
      <c r="E1083" s="1">
        <v>43154.738888888889</v>
      </c>
      <c r="F1083">
        <v>29000</v>
      </c>
      <c r="G1083">
        <v>1280</v>
      </c>
      <c r="H1083">
        <v>0</v>
      </c>
      <c r="I1083">
        <v>0</v>
      </c>
      <c r="J1083">
        <v>0</v>
      </c>
      <c r="K1083">
        <v>0</v>
      </c>
      <c r="L1083">
        <v>0</v>
      </c>
      <c r="M1083">
        <v>2422</v>
      </c>
      <c r="N1083">
        <v>0</v>
      </c>
      <c r="O1083">
        <v>0</v>
      </c>
      <c r="P1083">
        <v>19440</v>
      </c>
      <c r="Q1083">
        <v>0</v>
      </c>
      <c r="R1083">
        <v>52142</v>
      </c>
      <c r="S1083">
        <v>0</v>
      </c>
      <c r="T1083">
        <v>0</v>
      </c>
      <c r="U1083">
        <v>0</v>
      </c>
      <c r="V1083">
        <v>0</v>
      </c>
      <c r="W1083">
        <v>3</v>
      </c>
      <c r="X1083">
        <v>0</v>
      </c>
      <c r="Y1083">
        <v>53</v>
      </c>
      <c r="Z1083">
        <v>31</v>
      </c>
      <c r="AA1083">
        <v>146</v>
      </c>
      <c r="AB1083">
        <v>31</v>
      </c>
      <c r="AC1083">
        <v>210</v>
      </c>
      <c r="AD1083">
        <v>59</v>
      </c>
      <c r="AE1083">
        <v>97</v>
      </c>
      <c r="AF1083">
        <v>0</v>
      </c>
      <c r="AG1083">
        <v>102142</v>
      </c>
      <c r="AH1083">
        <v>50000</v>
      </c>
      <c r="AI1083">
        <v>0</v>
      </c>
      <c r="AJ1083">
        <v>92</v>
      </c>
      <c r="AK1083" t="s">
        <v>22</v>
      </c>
      <c r="AL1083">
        <v>0</v>
      </c>
      <c r="AM1083">
        <v>0</v>
      </c>
      <c r="AN1083">
        <v>0</v>
      </c>
      <c r="AO1083">
        <v>0</v>
      </c>
      <c r="AP1083">
        <v>0</v>
      </c>
      <c r="AQ1083">
        <v>0</v>
      </c>
      <c r="AR1083">
        <v>0</v>
      </c>
      <c r="AS1083">
        <v>0</v>
      </c>
      <c r="AT1083">
        <v>0</v>
      </c>
      <c r="AU1083">
        <v>0</v>
      </c>
      <c r="AV1083">
        <v>0</v>
      </c>
      <c r="AW1083">
        <v>0</v>
      </c>
      <c r="AX1083">
        <v>-1620</v>
      </c>
      <c r="AY1083">
        <v>45</v>
      </c>
      <c r="AZ1083">
        <v>94</v>
      </c>
      <c r="BA1083">
        <v>6227</v>
      </c>
    </row>
    <row r="1084" spans="1:53" x14ac:dyDescent="0.4">
      <c r="A1084">
        <v>1128</v>
      </c>
      <c r="B1084" s="1">
        <v>43154</v>
      </c>
      <c r="C1084">
        <v>3</v>
      </c>
      <c r="D1084" s="1">
        <v>43154.738888888889</v>
      </c>
      <c r="E1084" s="1">
        <v>43155.152777777781</v>
      </c>
      <c r="F1084">
        <v>306000</v>
      </c>
      <c r="G1084">
        <v>15060</v>
      </c>
      <c r="H1084">
        <v>0</v>
      </c>
      <c r="I1084">
        <v>0</v>
      </c>
      <c r="J1084">
        <v>700</v>
      </c>
      <c r="K1084">
        <v>5100</v>
      </c>
      <c r="L1084">
        <v>0</v>
      </c>
      <c r="M1084">
        <v>26036</v>
      </c>
      <c r="N1084">
        <v>0</v>
      </c>
      <c r="O1084">
        <v>0</v>
      </c>
      <c r="P1084">
        <v>41580</v>
      </c>
      <c r="Q1084">
        <v>0</v>
      </c>
      <c r="R1084">
        <v>393076</v>
      </c>
      <c r="S1084">
        <v>0</v>
      </c>
      <c r="T1084">
        <v>0</v>
      </c>
      <c r="U1084">
        <v>0</v>
      </c>
      <c r="V1084">
        <v>23</v>
      </c>
      <c r="W1084">
        <v>8</v>
      </c>
      <c r="X1084">
        <v>0</v>
      </c>
      <c r="Y1084">
        <v>103</v>
      </c>
      <c r="Z1084">
        <v>43</v>
      </c>
      <c r="AA1084">
        <v>140</v>
      </c>
      <c r="AB1084">
        <v>24</v>
      </c>
      <c r="AC1084">
        <v>196</v>
      </c>
      <c r="AD1084">
        <v>57</v>
      </c>
      <c r="AE1084">
        <v>101</v>
      </c>
      <c r="AF1084">
        <v>83192</v>
      </c>
      <c r="AG1084">
        <v>495238</v>
      </c>
      <c r="AH1084">
        <v>50000</v>
      </c>
      <c r="AI1084">
        <v>20</v>
      </c>
      <c r="AJ1084">
        <v>82</v>
      </c>
      <c r="AK1084" t="s">
        <v>17</v>
      </c>
      <c r="AL1084">
        <v>0</v>
      </c>
      <c r="AM1084">
        <v>0</v>
      </c>
      <c r="AN1084">
        <v>0</v>
      </c>
      <c r="AO1084">
        <v>0</v>
      </c>
      <c r="AP1084">
        <v>0</v>
      </c>
      <c r="AQ1084">
        <v>0</v>
      </c>
      <c r="AR1084">
        <v>0</v>
      </c>
      <c r="AS1084">
        <v>0</v>
      </c>
      <c r="AT1084">
        <v>0</v>
      </c>
      <c r="AU1084">
        <v>0</v>
      </c>
      <c r="AV1084">
        <v>0</v>
      </c>
      <c r="AW1084">
        <v>0</v>
      </c>
      <c r="AX1084">
        <v>8121</v>
      </c>
      <c r="AY1084">
        <v>49</v>
      </c>
      <c r="AZ1084">
        <v>198</v>
      </c>
      <c r="BA1084">
        <v>7850</v>
      </c>
    </row>
    <row r="1085" spans="1:53" x14ac:dyDescent="0.4">
      <c r="A1085">
        <v>1129</v>
      </c>
      <c r="B1085" s="1">
        <v>43155</v>
      </c>
      <c r="C1085">
        <v>1</v>
      </c>
      <c r="D1085" s="1">
        <v>43155.291666666664</v>
      </c>
      <c r="E1085" s="1">
        <v>43155.742361111108</v>
      </c>
      <c r="F1085">
        <v>43500</v>
      </c>
      <c r="G1085">
        <v>3780</v>
      </c>
      <c r="H1085">
        <v>0</v>
      </c>
      <c r="I1085">
        <v>0</v>
      </c>
      <c r="J1085">
        <v>0</v>
      </c>
      <c r="K1085">
        <v>0</v>
      </c>
      <c r="L1085">
        <v>0</v>
      </c>
      <c r="M1085">
        <v>3782</v>
      </c>
      <c r="N1085">
        <v>0</v>
      </c>
      <c r="O1085">
        <v>0</v>
      </c>
      <c r="P1085">
        <v>13500</v>
      </c>
      <c r="Q1085">
        <v>0</v>
      </c>
      <c r="R1085">
        <v>64562</v>
      </c>
      <c r="S1085">
        <v>0</v>
      </c>
      <c r="T1085">
        <v>0</v>
      </c>
      <c r="U1085">
        <v>0</v>
      </c>
      <c r="V1085">
        <v>4</v>
      </c>
      <c r="W1085">
        <v>0</v>
      </c>
      <c r="X1085">
        <v>0</v>
      </c>
      <c r="Y1085">
        <v>35</v>
      </c>
      <c r="Z1085">
        <v>31</v>
      </c>
      <c r="AA1085">
        <v>144</v>
      </c>
      <c r="AB1085">
        <v>20</v>
      </c>
      <c r="AC1085">
        <v>173</v>
      </c>
      <c r="AD1085">
        <v>57</v>
      </c>
      <c r="AE1085">
        <v>101</v>
      </c>
      <c r="AF1085">
        <v>6546</v>
      </c>
      <c r="AG1085">
        <v>114562</v>
      </c>
      <c r="AH1085">
        <v>50000</v>
      </c>
      <c r="AI1085">
        <v>0</v>
      </c>
      <c r="AJ1085">
        <v>99</v>
      </c>
      <c r="AK1085" t="s">
        <v>9</v>
      </c>
      <c r="AL1085">
        <v>0</v>
      </c>
      <c r="AM1085">
        <v>0</v>
      </c>
      <c r="AN1085">
        <v>0</v>
      </c>
      <c r="AO1085">
        <v>0</v>
      </c>
      <c r="AP1085">
        <v>0</v>
      </c>
      <c r="AQ1085">
        <v>0</v>
      </c>
      <c r="AR1085">
        <v>0</v>
      </c>
      <c r="AS1085">
        <v>0</v>
      </c>
      <c r="AT1085">
        <v>0</v>
      </c>
      <c r="AU1085">
        <v>0</v>
      </c>
      <c r="AV1085">
        <v>0</v>
      </c>
      <c r="AW1085">
        <v>0</v>
      </c>
      <c r="AX1085">
        <v>1620</v>
      </c>
      <c r="AY1085">
        <v>47</v>
      </c>
      <c r="AZ1085">
        <v>113</v>
      </c>
      <c r="BA1085">
        <v>6910</v>
      </c>
    </row>
    <row r="1086" spans="1:53" x14ac:dyDescent="0.4">
      <c r="A1086">
        <v>1130</v>
      </c>
      <c r="B1086" s="1">
        <v>43156</v>
      </c>
      <c r="C1086">
        <v>1</v>
      </c>
      <c r="D1086" s="1">
        <v>43156.291666666664</v>
      </c>
      <c r="E1086" s="1">
        <v>43156.411805555559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  <c r="M1086">
        <v>0</v>
      </c>
      <c r="N1086">
        <v>0</v>
      </c>
      <c r="O1086">
        <v>0</v>
      </c>
      <c r="P1086">
        <v>0</v>
      </c>
      <c r="Q1086">
        <v>0</v>
      </c>
      <c r="R1086">
        <v>0</v>
      </c>
      <c r="S1086">
        <v>0</v>
      </c>
      <c r="T1086">
        <v>0</v>
      </c>
      <c r="U1086">
        <v>0</v>
      </c>
      <c r="V1086">
        <v>0</v>
      </c>
      <c r="W1086">
        <v>1</v>
      </c>
      <c r="X1086">
        <v>0</v>
      </c>
      <c r="Y1086">
        <v>25</v>
      </c>
      <c r="Z1086">
        <v>6</v>
      </c>
      <c r="AA1086">
        <v>146</v>
      </c>
      <c r="AB1086">
        <v>19</v>
      </c>
      <c r="AC1086">
        <v>112</v>
      </c>
      <c r="AD1086">
        <v>50</v>
      </c>
      <c r="AE1086">
        <v>80</v>
      </c>
      <c r="AF1086">
        <v>0</v>
      </c>
      <c r="AG1086">
        <v>50000</v>
      </c>
      <c r="AH1086">
        <v>50000</v>
      </c>
      <c r="AI1086">
        <v>0</v>
      </c>
      <c r="AJ1086">
        <v>0</v>
      </c>
      <c r="AK1086" t="s">
        <v>6</v>
      </c>
      <c r="AL1086">
        <v>0</v>
      </c>
      <c r="AM1086">
        <v>0</v>
      </c>
      <c r="AN1086">
        <v>0</v>
      </c>
      <c r="AO1086">
        <v>0</v>
      </c>
      <c r="AP1086">
        <v>0</v>
      </c>
      <c r="AQ1086">
        <v>0</v>
      </c>
      <c r="AR1086">
        <v>0</v>
      </c>
      <c r="AS1086">
        <v>0</v>
      </c>
      <c r="AT1086">
        <v>0</v>
      </c>
      <c r="AU1086">
        <v>0</v>
      </c>
      <c r="AV1086">
        <v>0</v>
      </c>
      <c r="AW1086">
        <v>0</v>
      </c>
      <c r="AX1086">
        <v>0</v>
      </c>
      <c r="AY1086">
        <v>0</v>
      </c>
      <c r="AZ1086">
        <v>0</v>
      </c>
      <c r="BA1086">
        <v>0</v>
      </c>
    </row>
    <row r="1087" spans="1:53" x14ac:dyDescent="0.4">
      <c r="A1087">
        <v>1131</v>
      </c>
      <c r="B1087" s="1">
        <v>43156</v>
      </c>
      <c r="C1087">
        <v>2</v>
      </c>
      <c r="D1087" s="1">
        <v>43156.411805555559</v>
      </c>
      <c r="E1087" s="1">
        <v>43156.739583333336</v>
      </c>
      <c r="F1087">
        <v>45500</v>
      </c>
      <c r="G1087">
        <v>5120</v>
      </c>
      <c r="H1087">
        <v>0</v>
      </c>
      <c r="I1087">
        <v>0</v>
      </c>
      <c r="J1087">
        <v>0</v>
      </c>
      <c r="K1087">
        <v>0</v>
      </c>
      <c r="L1087">
        <v>0</v>
      </c>
      <c r="M1087">
        <v>4048</v>
      </c>
      <c r="N1087">
        <v>0</v>
      </c>
      <c r="O1087">
        <v>0</v>
      </c>
      <c r="P1087">
        <v>13500</v>
      </c>
      <c r="Q1087">
        <v>0</v>
      </c>
      <c r="R1087">
        <v>68168</v>
      </c>
      <c r="S1087">
        <v>0</v>
      </c>
      <c r="T1087">
        <v>0</v>
      </c>
      <c r="U1087">
        <v>0</v>
      </c>
      <c r="V1087">
        <v>0</v>
      </c>
      <c r="W1087">
        <v>3</v>
      </c>
      <c r="X1087">
        <v>0</v>
      </c>
      <c r="Y1087">
        <v>66</v>
      </c>
      <c r="Z1087">
        <v>32</v>
      </c>
      <c r="AA1087">
        <v>173</v>
      </c>
      <c r="AB1087">
        <v>34</v>
      </c>
      <c r="AC1087">
        <v>184</v>
      </c>
      <c r="AD1087">
        <v>49</v>
      </c>
      <c r="AE1087">
        <v>83</v>
      </c>
      <c r="AF1087">
        <v>0</v>
      </c>
      <c r="AG1087">
        <v>118168</v>
      </c>
      <c r="AH1087">
        <v>50000</v>
      </c>
      <c r="AI1087">
        <v>0</v>
      </c>
      <c r="AJ1087">
        <v>92</v>
      </c>
      <c r="AK1087" t="s">
        <v>22</v>
      </c>
      <c r="AL1087">
        <v>0</v>
      </c>
      <c r="AM1087">
        <v>0</v>
      </c>
      <c r="AN1087">
        <v>0</v>
      </c>
      <c r="AO1087">
        <v>0</v>
      </c>
      <c r="AP1087">
        <v>0</v>
      </c>
      <c r="AQ1087">
        <v>0</v>
      </c>
      <c r="AR1087">
        <v>0</v>
      </c>
      <c r="AS1087">
        <v>0</v>
      </c>
      <c r="AT1087">
        <v>0</v>
      </c>
      <c r="AU1087">
        <v>0</v>
      </c>
      <c r="AV1087">
        <v>0</v>
      </c>
      <c r="AW1087">
        <v>0</v>
      </c>
      <c r="AX1087">
        <v>410</v>
      </c>
      <c r="AY1087">
        <v>50</v>
      </c>
      <c r="AZ1087">
        <v>114</v>
      </c>
      <c r="BA1087">
        <v>7739</v>
      </c>
    </row>
    <row r="1088" spans="1:53" x14ac:dyDescent="0.4">
      <c r="A1088">
        <v>1132</v>
      </c>
      <c r="B1088" s="1">
        <v>43156</v>
      </c>
      <c r="C1088">
        <v>3</v>
      </c>
      <c r="D1088" s="1">
        <v>43156.739583333336</v>
      </c>
      <c r="E1088" s="1">
        <v>43156.963888888888</v>
      </c>
      <c r="F1088">
        <v>35140</v>
      </c>
      <c r="G1088">
        <v>380</v>
      </c>
      <c r="H1088">
        <v>0</v>
      </c>
      <c r="I1088">
        <v>0</v>
      </c>
      <c r="J1088">
        <v>0</v>
      </c>
      <c r="K1088">
        <v>0</v>
      </c>
      <c r="L1088">
        <v>0</v>
      </c>
      <c r="M1088">
        <v>2841</v>
      </c>
      <c r="N1088">
        <v>0</v>
      </c>
      <c r="O1088">
        <v>0</v>
      </c>
      <c r="P1088">
        <v>-7452</v>
      </c>
      <c r="Q1088">
        <v>0</v>
      </c>
      <c r="R1088">
        <v>30909</v>
      </c>
      <c r="S1088">
        <v>0</v>
      </c>
      <c r="T1088">
        <v>0</v>
      </c>
      <c r="U1088">
        <v>0</v>
      </c>
      <c r="V1088">
        <v>3</v>
      </c>
      <c r="W1088">
        <v>1</v>
      </c>
      <c r="X1088">
        <v>0</v>
      </c>
      <c r="Y1088">
        <v>75</v>
      </c>
      <c r="Z1088">
        <v>31</v>
      </c>
      <c r="AA1088">
        <v>177</v>
      </c>
      <c r="AB1088">
        <v>36</v>
      </c>
      <c r="AC1088">
        <v>184</v>
      </c>
      <c r="AD1088">
        <v>49</v>
      </c>
      <c r="AE1088">
        <v>72</v>
      </c>
      <c r="AF1088">
        <v>1920</v>
      </c>
      <c r="AG1088">
        <v>149077</v>
      </c>
      <c r="AH1088">
        <v>50000</v>
      </c>
      <c r="AI1088">
        <v>0</v>
      </c>
      <c r="AJ1088">
        <v>92</v>
      </c>
      <c r="AK1088" t="s">
        <v>22</v>
      </c>
      <c r="AL1088">
        <v>0</v>
      </c>
      <c r="AM1088">
        <v>0</v>
      </c>
      <c r="AN1088">
        <v>0</v>
      </c>
      <c r="AO1088">
        <v>0</v>
      </c>
      <c r="AP1088">
        <v>0</v>
      </c>
      <c r="AQ1088">
        <v>0</v>
      </c>
      <c r="AR1088">
        <v>0</v>
      </c>
      <c r="AS1088">
        <v>0</v>
      </c>
      <c r="AT1088">
        <v>0</v>
      </c>
      <c r="AU1088">
        <v>0</v>
      </c>
      <c r="AV1088">
        <v>0</v>
      </c>
      <c r="AW1088">
        <v>0</v>
      </c>
      <c r="AX1088">
        <v>33599</v>
      </c>
      <c r="AY1088">
        <v>16</v>
      </c>
      <c r="AZ1088">
        <v>44</v>
      </c>
      <c r="BA1088">
        <v>2362</v>
      </c>
    </row>
    <row r="1089" spans="1:53" x14ac:dyDescent="0.4">
      <c r="A1089">
        <v>1133</v>
      </c>
      <c r="B1089" s="1">
        <v>43157</v>
      </c>
      <c r="C1089">
        <v>1</v>
      </c>
      <c r="D1089" s="1">
        <v>43157.291666666664</v>
      </c>
      <c r="E1089" s="1">
        <v>43157.45208333333</v>
      </c>
      <c r="F1089">
        <v>0</v>
      </c>
      <c r="G1089">
        <v>0</v>
      </c>
      <c r="H1089">
        <v>0</v>
      </c>
      <c r="I1089">
        <v>0</v>
      </c>
      <c r="J1089">
        <v>0</v>
      </c>
      <c r="K1089">
        <v>0</v>
      </c>
      <c r="L1089">
        <v>0</v>
      </c>
      <c r="M1089">
        <v>0</v>
      </c>
      <c r="N1089">
        <v>0</v>
      </c>
      <c r="O1089">
        <v>0</v>
      </c>
      <c r="P1089">
        <v>0</v>
      </c>
      <c r="Q1089">
        <v>0</v>
      </c>
      <c r="R1089">
        <v>0</v>
      </c>
      <c r="S1089">
        <v>0</v>
      </c>
      <c r="T1089">
        <v>0</v>
      </c>
      <c r="U1089">
        <v>0</v>
      </c>
      <c r="V1089">
        <v>0</v>
      </c>
      <c r="W1089">
        <v>0</v>
      </c>
      <c r="X1089">
        <v>0</v>
      </c>
      <c r="Y1089">
        <v>28</v>
      </c>
      <c r="Z1089">
        <v>6</v>
      </c>
      <c r="AA1089">
        <v>157</v>
      </c>
      <c r="AB1089">
        <v>35</v>
      </c>
      <c r="AC1089">
        <v>124</v>
      </c>
      <c r="AD1089">
        <v>49</v>
      </c>
      <c r="AE1089">
        <v>65</v>
      </c>
      <c r="AF1089">
        <v>0</v>
      </c>
      <c r="AG1089">
        <v>50000</v>
      </c>
      <c r="AH1089">
        <v>0</v>
      </c>
      <c r="AI1089">
        <v>50000</v>
      </c>
      <c r="AJ1089">
        <v>0</v>
      </c>
      <c r="AK1089" t="s">
        <v>6</v>
      </c>
      <c r="AL1089">
        <v>0</v>
      </c>
      <c r="AM1089">
        <v>0</v>
      </c>
      <c r="AN1089">
        <v>0</v>
      </c>
      <c r="AO1089">
        <v>0</v>
      </c>
      <c r="AP1089">
        <v>0</v>
      </c>
      <c r="AQ1089">
        <v>0</v>
      </c>
      <c r="AR1089">
        <v>0</v>
      </c>
      <c r="AS1089">
        <v>0</v>
      </c>
      <c r="AT1089">
        <v>0</v>
      </c>
      <c r="AU1089">
        <v>0</v>
      </c>
      <c r="AV1089">
        <v>0</v>
      </c>
      <c r="AW1089">
        <v>0</v>
      </c>
      <c r="AX1089">
        <v>0</v>
      </c>
      <c r="AY1089">
        <v>0</v>
      </c>
      <c r="AZ1089">
        <v>0</v>
      </c>
      <c r="BA1089">
        <v>0</v>
      </c>
    </row>
    <row r="1090" spans="1:53" x14ac:dyDescent="0.4">
      <c r="A1090">
        <v>1134</v>
      </c>
      <c r="B1090" s="1">
        <v>43157</v>
      </c>
      <c r="C1090">
        <v>2</v>
      </c>
      <c r="D1090" s="1">
        <v>43157.45208333333</v>
      </c>
      <c r="E1090" s="1">
        <v>43157.745833333334</v>
      </c>
      <c r="F1090">
        <v>25000</v>
      </c>
      <c r="G1090">
        <v>3120</v>
      </c>
      <c r="H1090">
        <v>0</v>
      </c>
      <c r="I1090">
        <v>0</v>
      </c>
      <c r="J1090">
        <v>0</v>
      </c>
      <c r="K1090">
        <v>0</v>
      </c>
      <c r="L1090">
        <v>0</v>
      </c>
      <c r="M1090">
        <v>2249</v>
      </c>
      <c r="N1090">
        <v>0</v>
      </c>
      <c r="O1090">
        <v>0</v>
      </c>
      <c r="P1090">
        <v>17280</v>
      </c>
      <c r="Q1090">
        <v>0</v>
      </c>
      <c r="R1090">
        <v>47649</v>
      </c>
      <c r="S1090">
        <v>0</v>
      </c>
      <c r="T1090">
        <v>0</v>
      </c>
      <c r="U1090">
        <v>0</v>
      </c>
      <c r="V1090">
        <v>1</v>
      </c>
      <c r="W1090">
        <v>0</v>
      </c>
      <c r="X1090">
        <v>0</v>
      </c>
      <c r="Y1090">
        <v>57</v>
      </c>
      <c r="Z1090">
        <v>18</v>
      </c>
      <c r="AA1090">
        <v>150</v>
      </c>
      <c r="AB1090">
        <v>44</v>
      </c>
      <c r="AC1090">
        <v>157</v>
      </c>
      <c r="AD1090">
        <v>50</v>
      </c>
      <c r="AE1090">
        <v>59</v>
      </c>
      <c r="AF1090">
        <v>2570</v>
      </c>
      <c r="AG1090">
        <v>97649</v>
      </c>
      <c r="AH1090">
        <v>50000</v>
      </c>
      <c r="AI1090">
        <v>0</v>
      </c>
      <c r="AJ1090">
        <v>99</v>
      </c>
      <c r="AK1090" t="s">
        <v>9</v>
      </c>
      <c r="AL1090">
        <v>0</v>
      </c>
      <c r="AM1090">
        <v>0</v>
      </c>
      <c r="AN1090">
        <v>0</v>
      </c>
      <c r="AO1090">
        <v>0</v>
      </c>
      <c r="AP1090">
        <v>0</v>
      </c>
      <c r="AQ1090">
        <v>0</v>
      </c>
      <c r="AR1090">
        <v>0</v>
      </c>
      <c r="AS1090">
        <v>0</v>
      </c>
      <c r="AT1090">
        <v>0</v>
      </c>
      <c r="AU1090">
        <v>0</v>
      </c>
      <c r="AV1090">
        <v>0</v>
      </c>
      <c r="AW1090">
        <v>0</v>
      </c>
      <c r="AX1090">
        <v>0</v>
      </c>
      <c r="AY1090">
        <v>38</v>
      </c>
      <c r="AZ1090">
        <v>80</v>
      </c>
      <c r="BA1090">
        <v>5745</v>
      </c>
    </row>
    <row r="1091" spans="1:53" x14ac:dyDescent="0.4">
      <c r="A1091">
        <v>1135</v>
      </c>
      <c r="B1091" s="1">
        <v>43157</v>
      </c>
      <c r="C1091">
        <v>3</v>
      </c>
      <c r="D1091" s="1">
        <v>43157.745833333334</v>
      </c>
      <c r="E1091" s="1">
        <v>43157.954861111109</v>
      </c>
      <c r="F1091">
        <v>39500</v>
      </c>
      <c r="G1091">
        <v>2370</v>
      </c>
      <c r="H1091">
        <v>0</v>
      </c>
      <c r="I1091">
        <v>0</v>
      </c>
      <c r="J1091">
        <v>0</v>
      </c>
      <c r="K1091">
        <v>0</v>
      </c>
      <c r="L1091">
        <v>0</v>
      </c>
      <c r="M1091">
        <v>3349</v>
      </c>
      <c r="N1091">
        <v>0</v>
      </c>
      <c r="O1091">
        <v>0</v>
      </c>
      <c r="P1091">
        <v>-10800</v>
      </c>
      <c r="Q1091">
        <v>0</v>
      </c>
      <c r="R1091">
        <v>34419</v>
      </c>
      <c r="S1091">
        <v>0</v>
      </c>
      <c r="T1091">
        <v>0</v>
      </c>
      <c r="U1091">
        <v>0</v>
      </c>
      <c r="V1091">
        <v>3</v>
      </c>
      <c r="W1091">
        <v>1</v>
      </c>
      <c r="X1091">
        <v>0</v>
      </c>
      <c r="Y1091">
        <v>68</v>
      </c>
      <c r="Z1091">
        <v>16</v>
      </c>
      <c r="AA1091">
        <v>144</v>
      </c>
      <c r="AB1091">
        <v>44</v>
      </c>
      <c r="AC1091">
        <v>160</v>
      </c>
      <c r="AD1091">
        <v>49</v>
      </c>
      <c r="AE1091">
        <v>53</v>
      </c>
      <c r="AF1091">
        <v>2570</v>
      </c>
      <c r="AG1091">
        <v>132068</v>
      </c>
      <c r="AH1091">
        <v>50000</v>
      </c>
      <c r="AI1091">
        <v>0</v>
      </c>
      <c r="AJ1091">
        <v>106</v>
      </c>
      <c r="AK1091" t="s">
        <v>29</v>
      </c>
      <c r="AL1091">
        <v>0</v>
      </c>
      <c r="AM1091">
        <v>0</v>
      </c>
      <c r="AN1091">
        <v>0</v>
      </c>
      <c r="AO1091">
        <v>0</v>
      </c>
      <c r="AP1091">
        <v>0</v>
      </c>
      <c r="AQ1091">
        <v>0</v>
      </c>
      <c r="AR1091">
        <v>0</v>
      </c>
      <c r="AS1091">
        <v>0</v>
      </c>
      <c r="AT1091">
        <v>0</v>
      </c>
      <c r="AU1091">
        <v>0</v>
      </c>
      <c r="AV1091">
        <v>0</v>
      </c>
      <c r="AW1091">
        <v>0</v>
      </c>
      <c r="AX1091">
        <v>5551</v>
      </c>
      <c r="AY1091">
        <v>16</v>
      </c>
      <c r="AZ1091">
        <v>36</v>
      </c>
      <c r="BA1091">
        <v>2159</v>
      </c>
    </row>
    <row r="1092" spans="1:53" x14ac:dyDescent="0.4">
      <c r="A1092">
        <v>1136</v>
      </c>
      <c r="B1092" s="1">
        <v>43158</v>
      </c>
      <c r="C1092">
        <v>1</v>
      </c>
      <c r="D1092" s="1">
        <v>43158.291666666664</v>
      </c>
      <c r="E1092" s="1">
        <v>43158.451388888891</v>
      </c>
      <c r="F1092">
        <v>0</v>
      </c>
      <c r="G1092">
        <v>0</v>
      </c>
      <c r="H1092">
        <v>0</v>
      </c>
      <c r="I1092">
        <v>0</v>
      </c>
      <c r="J1092">
        <v>0</v>
      </c>
      <c r="K1092">
        <v>0</v>
      </c>
      <c r="L1092">
        <v>0</v>
      </c>
      <c r="M1092">
        <v>0</v>
      </c>
      <c r="N1092">
        <v>0</v>
      </c>
      <c r="O1092">
        <v>0</v>
      </c>
      <c r="P1092">
        <v>0</v>
      </c>
      <c r="Q1092">
        <v>0</v>
      </c>
      <c r="R1092">
        <v>0</v>
      </c>
      <c r="S1092">
        <v>0</v>
      </c>
      <c r="T1092">
        <v>0</v>
      </c>
      <c r="U1092">
        <v>0</v>
      </c>
      <c r="V1092">
        <v>0</v>
      </c>
      <c r="W1092">
        <v>0</v>
      </c>
      <c r="X1092">
        <v>0</v>
      </c>
      <c r="Y1092">
        <v>29</v>
      </c>
      <c r="Z1092">
        <v>9</v>
      </c>
      <c r="AA1092">
        <v>131</v>
      </c>
      <c r="AB1092">
        <v>41</v>
      </c>
      <c r="AC1092">
        <v>106</v>
      </c>
      <c r="AD1092">
        <v>49</v>
      </c>
      <c r="AE1092">
        <v>45</v>
      </c>
      <c r="AF1092">
        <v>0</v>
      </c>
      <c r="AG1092">
        <v>50000</v>
      </c>
      <c r="AH1092">
        <v>0</v>
      </c>
      <c r="AI1092">
        <v>50000</v>
      </c>
      <c r="AJ1092">
        <v>0</v>
      </c>
      <c r="AK1092" t="s">
        <v>6</v>
      </c>
      <c r="AL1092">
        <v>0</v>
      </c>
      <c r="AM1092">
        <v>0</v>
      </c>
      <c r="AN1092">
        <v>0</v>
      </c>
      <c r="AO1092">
        <v>0</v>
      </c>
      <c r="AP1092">
        <v>0</v>
      </c>
      <c r="AQ1092">
        <v>0</v>
      </c>
      <c r="AR1092">
        <v>0</v>
      </c>
      <c r="AS1092">
        <v>0</v>
      </c>
      <c r="AT1092">
        <v>0</v>
      </c>
      <c r="AU1092">
        <v>0</v>
      </c>
      <c r="AV1092">
        <v>0</v>
      </c>
      <c r="AW1092">
        <v>0</v>
      </c>
      <c r="AX1092">
        <v>0</v>
      </c>
      <c r="AY1092">
        <v>0</v>
      </c>
      <c r="AZ1092">
        <v>0</v>
      </c>
      <c r="BA1092">
        <v>0</v>
      </c>
    </row>
    <row r="1093" spans="1:53" x14ac:dyDescent="0.4">
      <c r="A1093">
        <v>1137</v>
      </c>
      <c r="B1093" s="1">
        <v>43158</v>
      </c>
      <c r="C1093">
        <v>2</v>
      </c>
      <c r="D1093" s="1">
        <v>43158.451388888891</v>
      </c>
      <c r="E1093" s="1">
        <v>43158.745833333334</v>
      </c>
      <c r="F1093">
        <v>37500</v>
      </c>
      <c r="G1093">
        <v>680</v>
      </c>
      <c r="H1093">
        <v>0</v>
      </c>
      <c r="I1093">
        <v>0</v>
      </c>
      <c r="J1093">
        <v>0</v>
      </c>
      <c r="K1093">
        <v>0</v>
      </c>
      <c r="L1093">
        <v>0</v>
      </c>
      <c r="M1093">
        <v>3054</v>
      </c>
      <c r="N1093">
        <v>0</v>
      </c>
      <c r="O1093">
        <v>0</v>
      </c>
      <c r="P1093">
        <v>11880</v>
      </c>
      <c r="Q1093">
        <v>0</v>
      </c>
      <c r="R1093">
        <v>53114</v>
      </c>
      <c r="S1093">
        <v>0</v>
      </c>
      <c r="T1093">
        <v>0</v>
      </c>
      <c r="U1093">
        <v>0</v>
      </c>
      <c r="V1093">
        <v>0</v>
      </c>
      <c r="W1093">
        <v>4</v>
      </c>
      <c r="X1093">
        <v>0</v>
      </c>
      <c r="Y1093">
        <v>53</v>
      </c>
      <c r="Z1093">
        <v>18</v>
      </c>
      <c r="AA1093">
        <v>160</v>
      </c>
      <c r="AB1093">
        <v>44</v>
      </c>
      <c r="AC1093">
        <v>208</v>
      </c>
      <c r="AD1093">
        <v>49</v>
      </c>
      <c r="AE1093">
        <v>49</v>
      </c>
      <c r="AF1093">
        <v>540</v>
      </c>
      <c r="AG1093">
        <v>103114</v>
      </c>
      <c r="AH1093">
        <v>50000</v>
      </c>
      <c r="AI1093">
        <v>0</v>
      </c>
      <c r="AJ1093">
        <v>96</v>
      </c>
      <c r="AK1093" t="s">
        <v>4</v>
      </c>
      <c r="AL1093">
        <v>0</v>
      </c>
      <c r="AM1093">
        <v>0</v>
      </c>
      <c r="AN1093">
        <v>0</v>
      </c>
      <c r="AO1093">
        <v>0</v>
      </c>
      <c r="AP1093">
        <v>0</v>
      </c>
      <c r="AQ1093">
        <v>0</v>
      </c>
      <c r="AR1093">
        <v>0</v>
      </c>
      <c r="AS1093">
        <v>0</v>
      </c>
      <c r="AT1093">
        <v>0</v>
      </c>
      <c r="AU1093">
        <v>0</v>
      </c>
      <c r="AV1093">
        <v>0</v>
      </c>
      <c r="AW1093">
        <v>0</v>
      </c>
      <c r="AX1093">
        <v>-2506</v>
      </c>
      <c r="AY1093">
        <v>44</v>
      </c>
      <c r="AZ1093">
        <v>92</v>
      </c>
      <c r="BA1093">
        <v>6944</v>
      </c>
    </row>
    <row r="1094" spans="1:53" x14ac:dyDescent="0.4">
      <c r="A1094">
        <v>1138</v>
      </c>
      <c r="B1094" s="1">
        <v>43158</v>
      </c>
      <c r="C1094">
        <v>3</v>
      </c>
      <c r="D1094" s="1">
        <v>43158.745833333334</v>
      </c>
      <c r="E1094" s="1">
        <v>43158.951388888891</v>
      </c>
      <c r="F1094">
        <v>36420</v>
      </c>
      <c r="G1094">
        <v>4310</v>
      </c>
      <c r="H1094">
        <v>0</v>
      </c>
      <c r="I1094">
        <v>0</v>
      </c>
      <c r="J1094">
        <v>0</v>
      </c>
      <c r="K1094">
        <v>0</v>
      </c>
      <c r="L1094">
        <v>0</v>
      </c>
      <c r="M1094">
        <v>3258</v>
      </c>
      <c r="N1094">
        <v>0</v>
      </c>
      <c r="O1094">
        <v>0</v>
      </c>
      <c r="P1094">
        <v>10973</v>
      </c>
      <c r="Q1094">
        <v>0</v>
      </c>
      <c r="R1094">
        <v>54961</v>
      </c>
      <c r="S1094">
        <v>0</v>
      </c>
      <c r="T1094">
        <v>0</v>
      </c>
      <c r="U1094">
        <v>0</v>
      </c>
      <c r="V1094">
        <v>5</v>
      </c>
      <c r="W1094">
        <v>3</v>
      </c>
      <c r="X1094">
        <v>0</v>
      </c>
      <c r="Y1094">
        <v>63</v>
      </c>
      <c r="Z1094">
        <v>19</v>
      </c>
      <c r="AA1094">
        <v>146</v>
      </c>
      <c r="AB1094">
        <v>44</v>
      </c>
      <c r="AC1094">
        <v>216</v>
      </c>
      <c r="AD1094">
        <v>48</v>
      </c>
      <c r="AE1094">
        <v>44</v>
      </c>
      <c r="AF1094">
        <v>1331</v>
      </c>
      <c r="AG1094">
        <v>158075</v>
      </c>
      <c r="AH1094">
        <v>50000</v>
      </c>
      <c r="AI1094">
        <v>0</v>
      </c>
      <c r="AJ1094">
        <v>84</v>
      </c>
      <c r="AK1094" t="s">
        <v>16</v>
      </c>
      <c r="AL1094">
        <v>0</v>
      </c>
      <c r="AM1094">
        <v>0</v>
      </c>
      <c r="AN1094">
        <v>0</v>
      </c>
      <c r="AO1094">
        <v>0</v>
      </c>
      <c r="AP1094">
        <v>0</v>
      </c>
      <c r="AQ1094">
        <v>0</v>
      </c>
      <c r="AR1094">
        <v>0</v>
      </c>
      <c r="AS1094">
        <v>0</v>
      </c>
      <c r="AT1094">
        <v>0</v>
      </c>
      <c r="AU1094">
        <v>0</v>
      </c>
      <c r="AV1094">
        <v>0</v>
      </c>
      <c r="AW1094">
        <v>0</v>
      </c>
      <c r="AX1094">
        <v>-190</v>
      </c>
      <c r="AY1094">
        <v>13</v>
      </c>
      <c r="AZ1094">
        <v>34</v>
      </c>
      <c r="BA1094">
        <v>2715</v>
      </c>
    </row>
    <row r="1095" spans="1:53" x14ac:dyDescent="0.4">
      <c r="A1095">
        <v>1139</v>
      </c>
      <c r="B1095" s="1">
        <v>43159</v>
      </c>
      <c r="C1095">
        <v>1</v>
      </c>
      <c r="D1095" s="1">
        <v>43159.291666666664</v>
      </c>
      <c r="E1095" s="1">
        <v>43159.447916666664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  <c r="M1095">
        <v>0</v>
      </c>
      <c r="N1095">
        <v>0</v>
      </c>
      <c r="O1095">
        <v>0</v>
      </c>
      <c r="P1095">
        <v>0</v>
      </c>
      <c r="Q1095">
        <v>0</v>
      </c>
      <c r="R1095">
        <v>0</v>
      </c>
      <c r="S1095">
        <v>0</v>
      </c>
      <c r="T1095">
        <v>0</v>
      </c>
      <c r="U1095">
        <v>0</v>
      </c>
      <c r="V1095">
        <v>0</v>
      </c>
      <c r="W1095">
        <v>0</v>
      </c>
      <c r="X1095">
        <v>0</v>
      </c>
      <c r="Y1095">
        <v>24</v>
      </c>
      <c r="Z1095">
        <v>17</v>
      </c>
      <c r="AA1095">
        <v>140</v>
      </c>
      <c r="AB1095">
        <v>43</v>
      </c>
      <c r="AC1095">
        <v>109</v>
      </c>
      <c r="AD1095">
        <v>45</v>
      </c>
      <c r="AE1095">
        <v>35</v>
      </c>
      <c r="AF1095">
        <v>0</v>
      </c>
      <c r="AG1095">
        <v>50000</v>
      </c>
      <c r="AH1095">
        <v>0</v>
      </c>
      <c r="AI1095">
        <v>50000</v>
      </c>
      <c r="AJ1095">
        <v>0</v>
      </c>
      <c r="AK1095" t="s">
        <v>6</v>
      </c>
      <c r="AL1095">
        <v>0</v>
      </c>
      <c r="AM1095">
        <v>0</v>
      </c>
      <c r="AN1095">
        <v>0</v>
      </c>
      <c r="AO1095">
        <v>0</v>
      </c>
      <c r="AP1095">
        <v>0</v>
      </c>
      <c r="AQ1095">
        <v>0</v>
      </c>
      <c r="AR1095">
        <v>0</v>
      </c>
      <c r="AS1095">
        <v>0</v>
      </c>
      <c r="AT1095">
        <v>0</v>
      </c>
      <c r="AU1095">
        <v>0</v>
      </c>
      <c r="AV1095">
        <v>0</v>
      </c>
      <c r="AW1095">
        <v>0</v>
      </c>
      <c r="AX1095">
        <v>0</v>
      </c>
      <c r="AY1095">
        <v>0</v>
      </c>
      <c r="AZ1095">
        <v>0</v>
      </c>
      <c r="BA1095">
        <v>0</v>
      </c>
    </row>
    <row r="1096" spans="1:53" x14ac:dyDescent="0.4">
      <c r="A1096">
        <v>1140</v>
      </c>
      <c r="B1096" s="1">
        <v>43159</v>
      </c>
      <c r="C1096">
        <v>2</v>
      </c>
      <c r="D1096" s="1">
        <v>43159.447916666664</v>
      </c>
      <c r="E1096" s="1">
        <v>43159.737500000003</v>
      </c>
      <c r="F1096">
        <v>24000</v>
      </c>
      <c r="G1096">
        <v>500</v>
      </c>
      <c r="H1096">
        <v>0</v>
      </c>
      <c r="I1096">
        <v>0</v>
      </c>
      <c r="J1096">
        <v>0</v>
      </c>
      <c r="K1096">
        <v>0</v>
      </c>
      <c r="L1096">
        <v>0</v>
      </c>
      <c r="M1096">
        <v>1960</v>
      </c>
      <c r="N1096">
        <v>0</v>
      </c>
      <c r="O1096">
        <v>0</v>
      </c>
      <c r="P1096">
        <v>18900</v>
      </c>
      <c r="Q1096">
        <v>0</v>
      </c>
      <c r="R1096">
        <v>45360</v>
      </c>
      <c r="S1096">
        <v>0</v>
      </c>
      <c r="T1096">
        <v>0</v>
      </c>
      <c r="U1096">
        <v>0</v>
      </c>
      <c r="V1096">
        <v>1</v>
      </c>
      <c r="W1096">
        <v>0</v>
      </c>
      <c r="X1096">
        <v>0</v>
      </c>
      <c r="Y1096">
        <v>48</v>
      </c>
      <c r="Z1096">
        <v>31</v>
      </c>
      <c r="AA1096">
        <v>171</v>
      </c>
      <c r="AB1096">
        <v>54</v>
      </c>
      <c r="AC1096">
        <v>180</v>
      </c>
      <c r="AD1096">
        <v>45</v>
      </c>
      <c r="AE1096">
        <v>35</v>
      </c>
      <c r="AF1096">
        <v>0</v>
      </c>
      <c r="AG1096">
        <v>95360</v>
      </c>
      <c r="AH1096">
        <v>50000</v>
      </c>
      <c r="AI1096">
        <v>0</v>
      </c>
      <c r="AJ1096">
        <v>96</v>
      </c>
      <c r="AK1096" t="s">
        <v>4</v>
      </c>
      <c r="AL1096">
        <v>0</v>
      </c>
      <c r="AM1096">
        <v>0</v>
      </c>
      <c r="AN1096">
        <v>0</v>
      </c>
      <c r="AO1096">
        <v>0</v>
      </c>
      <c r="AP1096">
        <v>0</v>
      </c>
      <c r="AQ1096">
        <v>0</v>
      </c>
      <c r="AR1096">
        <v>0</v>
      </c>
      <c r="AS1096">
        <v>0</v>
      </c>
      <c r="AT1096">
        <v>0</v>
      </c>
      <c r="AU1096">
        <v>0</v>
      </c>
      <c r="AV1096">
        <v>0</v>
      </c>
      <c r="AW1096">
        <v>0</v>
      </c>
      <c r="AX1096">
        <v>0</v>
      </c>
      <c r="AY1096">
        <v>39</v>
      </c>
      <c r="AZ1096">
        <v>81</v>
      </c>
      <c r="BA1096">
        <v>5330</v>
      </c>
    </row>
    <row r="1097" spans="1:53" x14ac:dyDescent="0.4">
      <c r="A1097">
        <v>1141</v>
      </c>
      <c r="B1097" s="1">
        <v>43159</v>
      </c>
      <c r="C1097">
        <v>3</v>
      </c>
      <c r="D1097" s="1">
        <v>43159.737500000003</v>
      </c>
      <c r="E1097" s="1">
        <v>43159.963194444441</v>
      </c>
      <c r="F1097">
        <v>63440</v>
      </c>
      <c r="G1097">
        <v>1950</v>
      </c>
      <c r="H1097">
        <v>0</v>
      </c>
      <c r="I1097">
        <v>0</v>
      </c>
      <c r="J1097">
        <v>0</v>
      </c>
      <c r="K1097">
        <v>0</v>
      </c>
      <c r="L1097">
        <v>0</v>
      </c>
      <c r="M1097">
        <v>5231</v>
      </c>
      <c r="N1097">
        <v>0</v>
      </c>
      <c r="O1097">
        <v>0</v>
      </c>
      <c r="P1097">
        <v>-12420</v>
      </c>
      <c r="Q1097">
        <v>0</v>
      </c>
      <c r="R1097">
        <v>58201</v>
      </c>
      <c r="S1097">
        <v>0</v>
      </c>
      <c r="T1097">
        <v>0</v>
      </c>
      <c r="U1097">
        <v>0</v>
      </c>
      <c r="V1097">
        <v>7</v>
      </c>
      <c r="W1097">
        <v>0</v>
      </c>
      <c r="X1097">
        <v>0</v>
      </c>
      <c r="Y1097">
        <v>47</v>
      </c>
      <c r="Z1097">
        <v>30</v>
      </c>
      <c r="AA1097">
        <v>168</v>
      </c>
      <c r="AB1097">
        <v>55</v>
      </c>
      <c r="AC1097">
        <v>176</v>
      </c>
      <c r="AD1097">
        <v>46</v>
      </c>
      <c r="AE1097">
        <v>21</v>
      </c>
      <c r="AF1097">
        <v>0</v>
      </c>
      <c r="AG1097">
        <v>153561</v>
      </c>
      <c r="AH1097">
        <v>50000</v>
      </c>
      <c r="AI1097">
        <v>0</v>
      </c>
      <c r="AJ1097">
        <v>29</v>
      </c>
      <c r="AK1097" t="s">
        <v>28</v>
      </c>
      <c r="AL1097">
        <v>0</v>
      </c>
      <c r="AM1097">
        <v>0</v>
      </c>
      <c r="AN1097">
        <v>0</v>
      </c>
      <c r="AO1097">
        <v>0</v>
      </c>
      <c r="AP1097">
        <v>0</v>
      </c>
      <c r="AQ1097">
        <v>0</v>
      </c>
      <c r="AR1097">
        <v>0</v>
      </c>
      <c r="AS1097">
        <v>0</v>
      </c>
      <c r="AT1097">
        <v>0</v>
      </c>
      <c r="AU1097">
        <v>0</v>
      </c>
      <c r="AV1097">
        <v>0</v>
      </c>
      <c r="AW1097">
        <v>0</v>
      </c>
      <c r="AX1097">
        <v>22237</v>
      </c>
      <c r="AY1097">
        <v>17</v>
      </c>
      <c r="AZ1097">
        <v>53</v>
      </c>
      <c r="BA1097">
        <v>3269</v>
      </c>
    </row>
    <row r="1098" spans="1:53" x14ac:dyDescent="0.4">
      <c r="A1098">
        <v>1142</v>
      </c>
      <c r="B1098" s="1">
        <v>43160</v>
      </c>
      <c r="C1098">
        <v>1</v>
      </c>
      <c r="D1098" s="1">
        <v>43160.291666666664</v>
      </c>
      <c r="E1098" s="1">
        <v>43160.45</v>
      </c>
      <c r="F1098">
        <v>0</v>
      </c>
      <c r="G1098">
        <v>0</v>
      </c>
      <c r="H1098">
        <v>0</v>
      </c>
      <c r="I1098">
        <v>0</v>
      </c>
      <c r="J1098">
        <v>0</v>
      </c>
      <c r="K1098">
        <v>0</v>
      </c>
      <c r="L1098">
        <v>0</v>
      </c>
      <c r="M1098">
        <v>0</v>
      </c>
      <c r="N1098">
        <v>0</v>
      </c>
      <c r="O1098">
        <v>0</v>
      </c>
      <c r="P1098">
        <v>0</v>
      </c>
      <c r="Q1098">
        <v>0</v>
      </c>
      <c r="R1098">
        <v>0</v>
      </c>
      <c r="S1098">
        <v>0</v>
      </c>
      <c r="T1098">
        <v>0</v>
      </c>
      <c r="U1098">
        <v>0</v>
      </c>
      <c r="V1098">
        <v>0</v>
      </c>
      <c r="W1098">
        <v>0</v>
      </c>
      <c r="X1098">
        <v>0</v>
      </c>
      <c r="Y1098">
        <v>25</v>
      </c>
      <c r="Z1098">
        <v>19</v>
      </c>
      <c r="AA1098">
        <v>107</v>
      </c>
      <c r="AB1098">
        <v>56</v>
      </c>
      <c r="AC1098">
        <v>177</v>
      </c>
      <c r="AD1098">
        <v>44</v>
      </c>
      <c r="AE1098">
        <v>10</v>
      </c>
      <c r="AF1098">
        <v>0</v>
      </c>
      <c r="AG1098">
        <v>50000</v>
      </c>
      <c r="AH1098">
        <v>0</v>
      </c>
      <c r="AI1098">
        <v>50000</v>
      </c>
      <c r="AJ1098">
        <v>0</v>
      </c>
      <c r="AK1098" t="s">
        <v>6</v>
      </c>
      <c r="AL1098">
        <v>0</v>
      </c>
      <c r="AM1098">
        <v>0</v>
      </c>
      <c r="AN1098">
        <v>0</v>
      </c>
      <c r="AO1098">
        <v>0</v>
      </c>
      <c r="AP1098">
        <v>0</v>
      </c>
      <c r="AQ1098">
        <v>0</v>
      </c>
      <c r="AR1098">
        <v>0</v>
      </c>
      <c r="AS1098">
        <v>0</v>
      </c>
      <c r="AT1098">
        <v>0</v>
      </c>
      <c r="AU1098">
        <v>0</v>
      </c>
      <c r="AV1098">
        <v>0</v>
      </c>
      <c r="AW1098">
        <v>0</v>
      </c>
      <c r="AX1098">
        <v>0</v>
      </c>
      <c r="AY1098">
        <v>0</v>
      </c>
      <c r="AZ1098">
        <v>0</v>
      </c>
      <c r="BA1098">
        <v>0</v>
      </c>
    </row>
    <row r="1099" spans="1:53" x14ac:dyDescent="0.4">
      <c r="A1099">
        <v>1143</v>
      </c>
      <c r="B1099" s="1">
        <v>43160</v>
      </c>
      <c r="C1099">
        <v>2</v>
      </c>
      <c r="D1099" s="1">
        <v>43160.45</v>
      </c>
      <c r="E1099" s="1">
        <v>43160.740972222222</v>
      </c>
      <c r="F1099">
        <v>24000</v>
      </c>
      <c r="G1099">
        <v>2100</v>
      </c>
      <c r="H1099">
        <v>0</v>
      </c>
      <c r="I1099">
        <v>0</v>
      </c>
      <c r="J1099">
        <v>0</v>
      </c>
      <c r="K1099">
        <v>0</v>
      </c>
      <c r="L1099">
        <v>0</v>
      </c>
      <c r="M1099">
        <v>2088</v>
      </c>
      <c r="N1099">
        <v>0</v>
      </c>
      <c r="O1099">
        <v>0</v>
      </c>
      <c r="P1099">
        <v>27000</v>
      </c>
      <c r="Q1099">
        <v>0</v>
      </c>
      <c r="R1099">
        <v>55188</v>
      </c>
      <c r="S1099">
        <v>0</v>
      </c>
      <c r="T1099">
        <v>0</v>
      </c>
      <c r="U1099">
        <v>0</v>
      </c>
      <c r="V1099">
        <v>0</v>
      </c>
      <c r="W1099">
        <v>2</v>
      </c>
      <c r="X1099">
        <v>0</v>
      </c>
      <c r="Y1099">
        <v>56</v>
      </c>
      <c r="Z1099">
        <v>34</v>
      </c>
      <c r="AA1099">
        <v>152</v>
      </c>
      <c r="AB1099">
        <v>66</v>
      </c>
      <c r="AC1099">
        <v>290</v>
      </c>
      <c r="AD1099">
        <v>46</v>
      </c>
      <c r="AE1099">
        <v>18</v>
      </c>
      <c r="AF1099">
        <v>540</v>
      </c>
      <c r="AG1099">
        <v>105188</v>
      </c>
      <c r="AH1099">
        <v>50000</v>
      </c>
      <c r="AI1099">
        <v>0</v>
      </c>
      <c r="AJ1099">
        <v>89</v>
      </c>
      <c r="AK1099" t="s">
        <v>12</v>
      </c>
      <c r="AL1099">
        <v>0</v>
      </c>
      <c r="AM1099">
        <v>0</v>
      </c>
      <c r="AN1099">
        <v>0</v>
      </c>
      <c r="AO1099">
        <v>0</v>
      </c>
      <c r="AP1099">
        <v>0</v>
      </c>
      <c r="AQ1099">
        <v>0</v>
      </c>
      <c r="AR1099">
        <v>0</v>
      </c>
      <c r="AS1099">
        <v>0</v>
      </c>
      <c r="AT1099">
        <v>0</v>
      </c>
      <c r="AU1099">
        <v>0</v>
      </c>
      <c r="AV1099">
        <v>0</v>
      </c>
      <c r="AW1099">
        <v>0</v>
      </c>
      <c r="AX1099">
        <v>-1080</v>
      </c>
      <c r="AY1099">
        <v>46</v>
      </c>
      <c r="AZ1099">
        <v>97</v>
      </c>
      <c r="BA1099">
        <v>6157</v>
      </c>
    </row>
    <row r="1100" spans="1:53" x14ac:dyDescent="0.4">
      <c r="A1100">
        <v>1144</v>
      </c>
      <c r="B1100" s="1">
        <v>43160</v>
      </c>
      <c r="C1100">
        <v>3</v>
      </c>
      <c r="D1100" s="1">
        <v>43160.740972222222</v>
      </c>
      <c r="E1100" s="1">
        <v>43160.960416666669</v>
      </c>
      <c r="F1100">
        <v>47500</v>
      </c>
      <c r="G1100">
        <v>500</v>
      </c>
      <c r="H1100">
        <v>0</v>
      </c>
      <c r="I1100">
        <v>0</v>
      </c>
      <c r="J1100">
        <v>0</v>
      </c>
      <c r="K1100">
        <v>0</v>
      </c>
      <c r="L1100">
        <v>0</v>
      </c>
      <c r="M1100">
        <v>3840</v>
      </c>
      <c r="N1100">
        <v>0</v>
      </c>
      <c r="O1100">
        <v>0</v>
      </c>
      <c r="P1100">
        <v>-27000</v>
      </c>
      <c r="Q1100">
        <v>0</v>
      </c>
      <c r="R1100">
        <v>24840</v>
      </c>
      <c r="S1100">
        <v>0</v>
      </c>
      <c r="T1100">
        <v>0</v>
      </c>
      <c r="U1100">
        <v>0</v>
      </c>
      <c r="V1100">
        <v>0</v>
      </c>
      <c r="W1100">
        <v>3</v>
      </c>
      <c r="X1100">
        <v>0</v>
      </c>
      <c r="Y1100">
        <v>74</v>
      </c>
      <c r="Z1100">
        <v>38</v>
      </c>
      <c r="AA1100">
        <v>150</v>
      </c>
      <c r="AB1100">
        <v>68</v>
      </c>
      <c r="AC1100">
        <v>283</v>
      </c>
      <c r="AD1100">
        <v>48</v>
      </c>
      <c r="AE1100">
        <v>18</v>
      </c>
      <c r="AF1100">
        <v>540</v>
      </c>
      <c r="AG1100">
        <v>130028</v>
      </c>
      <c r="AH1100">
        <v>50000</v>
      </c>
      <c r="AI1100">
        <v>0</v>
      </c>
      <c r="AJ1100">
        <v>100</v>
      </c>
      <c r="AK1100" t="s">
        <v>0</v>
      </c>
      <c r="AL1100">
        <v>0</v>
      </c>
      <c r="AM1100">
        <v>0</v>
      </c>
      <c r="AN1100">
        <v>0</v>
      </c>
      <c r="AO1100">
        <v>0</v>
      </c>
      <c r="AP1100">
        <v>0</v>
      </c>
      <c r="AQ1100">
        <v>0</v>
      </c>
      <c r="AR1100">
        <v>0</v>
      </c>
      <c r="AS1100">
        <v>0</v>
      </c>
      <c r="AT1100">
        <v>0</v>
      </c>
      <c r="AU1100">
        <v>0</v>
      </c>
      <c r="AV1100">
        <v>0</v>
      </c>
      <c r="AW1100">
        <v>0</v>
      </c>
      <c r="AX1100">
        <v>37594</v>
      </c>
      <c r="AY1100">
        <v>16</v>
      </c>
      <c r="AZ1100">
        <v>61</v>
      </c>
      <c r="BA1100">
        <v>3150</v>
      </c>
    </row>
    <row r="1101" spans="1:53" x14ac:dyDescent="0.4">
      <c r="A1101">
        <v>1145</v>
      </c>
      <c r="B1101" s="1">
        <v>43160</v>
      </c>
      <c r="C1101">
        <v>4</v>
      </c>
      <c r="D1101" s="1">
        <v>43160.960416666669</v>
      </c>
      <c r="E1101" s="1">
        <v>43161.114583333336</v>
      </c>
      <c r="F1101">
        <v>58780</v>
      </c>
      <c r="G1101">
        <v>1560</v>
      </c>
      <c r="H1101">
        <v>0</v>
      </c>
      <c r="I1101">
        <v>0</v>
      </c>
      <c r="J1101">
        <v>0</v>
      </c>
      <c r="K1101">
        <v>0</v>
      </c>
      <c r="L1101">
        <v>0</v>
      </c>
      <c r="M1101">
        <v>4826</v>
      </c>
      <c r="N1101">
        <v>0</v>
      </c>
      <c r="O1101">
        <v>0</v>
      </c>
      <c r="P1101">
        <v>13392</v>
      </c>
      <c r="Q1101">
        <v>0</v>
      </c>
      <c r="R1101">
        <v>78558</v>
      </c>
      <c r="S1101">
        <v>0</v>
      </c>
      <c r="T1101">
        <v>0</v>
      </c>
      <c r="U1101">
        <v>0</v>
      </c>
      <c r="V1101">
        <v>4</v>
      </c>
      <c r="W1101">
        <v>2</v>
      </c>
      <c r="X1101">
        <v>0</v>
      </c>
      <c r="Y1101">
        <v>103</v>
      </c>
      <c r="Z1101">
        <v>39</v>
      </c>
      <c r="AA1101">
        <v>141</v>
      </c>
      <c r="AB1101">
        <v>68</v>
      </c>
      <c r="AC1101">
        <v>284</v>
      </c>
      <c r="AD1101">
        <v>46</v>
      </c>
      <c r="AE1101">
        <v>14</v>
      </c>
      <c r="AF1101">
        <v>15502</v>
      </c>
      <c r="AG1101">
        <v>208586</v>
      </c>
      <c r="AH1101">
        <v>50000</v>
      </c>
      <c r="AI1101">
        <v>0</v>
      </c>
      <c r="AJ1101">
        <v>100</v>
      </c>
      <c r="AK1101" t="s">
        <v>0</v>
      </c>
      <c r="AL1101">
        <v>0</v>
      </c>
      <c r="AM1101">
        <v>0</v>
      </c>
      <c r="AN1101">
        <v>0</v>
      </c>
      <c r="AO1101">
        <v>0</v>
      </c>
      <c r="AP1101">
        <v>0</v>
      </c>
      <c r="AQ1101">
        <v>0</v>
      </c>
      <c r="AR1101">
        <v>0</v>
      </c>
      <c r="AS1101">
        <v>0</v>
      </c>
      <c r="AT1101">
        <v>0</v>
      </c>
      <c r="AU1101">
        <v>0</v>
      </c>
      <c r="AV1101">
        <v>0</v>
      </c>
      <c r="AW1101">
        <v>0</v>
      </c>
      <c r="AX1101">
        <v>2160</v>
      </c>
      <c r="AY1101">
        <v>7</v>
      </c>
      <c r="AZ1101">
        <v>21</v>
      </c>
      <c r="BA1101">
        <v>969</v>
      </c>
    </row>
    <row r="1102" spans="1:53" x14ac:dyDescent="0.4">
      <c r="A1102">
        <v>1146</v>
      </c>
      <c r="B1102" s="1">
        <v>43161</v>
      </c>
      <c r="C1102">
        <v>1</v>
      </c>
      <c r="D1102" s="1">
        <v>43161.291666666664</v>
      </c>
      <c r="E1102" s="1">
        <v>43161.450694444444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  <c r="M1102">
        <v>0</v>
      </c>
      <c r="N1102">
        <v>0</v>
      </c>
      <c r="O1102">
        <v>0</v>
      </c>
      <c r="P1102">
        <v>0</v>
      </c>
      <c r="Q1102">
        <v>0</v>
      </c>
      <c r="R1102">
        <v>0</v>
      </c>
      <c r="S1102">
        <v>0</v>
      </c>
      <c r="T1102">
        <v>0</v>
      </c>
      <c r="U1102">
        <v>0</v>
      </c>
      <c r="V1102">
        <v>0</v>
      </c>
      <c r="W1102">
        <v>0</v>
      </c>
      <c r="X1102">
        <v>0</v>
      </c>
      <c r="Y1102">
        <v>27</v>
      </c>
      <c r="Z1102">
        <v>9</v>
      </c>
      <c r="AA1102">
        <v>135</v>
      </c>
      <c r="AB1102">
        <v>68</v>
      </c>
      <c r="AC1102">
        <v>135</v>
      </c>
      <c r="AD1102">
        <v>46</v>
      </c>
      <c r="AE1102">
        <v>20</v>
      </c>
      <c r="AF1102">
        <v>0</v>
      </c>
      <c r="AG1102">
        <v>50000</v>
      </c>
      <c r="AH1102">
        <v>0</v>
      </c>
      <c r="AI1102">
        <v>50000</v>
      </c>
      <c r="AJ1102">
        <v>0</v>
      </c>
      <c r="AK1102" t="s">
        <v>6</v>
      </c>
      <c r="AL1102">
        <v>0</v>
      </c>
      <c r="AM1102">
        <v>0</v>
      </c>
      <c r="AN1102">
        <v>0</v>
      </c>
      <c r="AO1102">
        <v>0</v>
      </c>
      <c r="AP1102">
        <v>0</v>
      </c>
      <c r="AQ1102">
        <v>0</v>
      </c>
      <c r="AR1102">
        <v>0</v>
      </c>
      <c r="AS1102">
        <v>0</v>
      </c>
      <c r="AT1102">
        <v>0</v>
      </c>
      <c r="AU1102">
        <v>0</v>
      </c>
      <c r="AV1102">
        <v>0</v>
      </c>
      <c r="AW1102">
        <v>0</v>
      </c>
      <c r="AX1102">
        <v>0</v>
      </c>
      <c r="AY1102">
        <v>0</v>
      </c>
      <c r="AZ1102">
        <v>0</v>
      </c>
      <c r="BA1102">
        <v>0</v>
      </c>
    </row>
    <row r="1103" spans="1:53" x14ac:dyDescent="0.4">
      <c r="A1103">
        <v>1147</v>
      </c>
      <c r="B1103" s="1">
        <v>43161</v>
      </c>
      <c r="C1103">
        <v>2</v>
      </c>
      <c r="D1103" s="1">
        <v>43161.450694444444</v>
      </c>
      <c r="E1103" s="1">
        <v>43161.742361111108</v>
      </c>
      <c r="F1103">
        <v>23000</v>
      </c>
      <c r="G1103">
        <v>1180</v>
      </c>
      <c r="H1103">
        <v>0</v>
      </c>
      <c r="I1103">
        <v>0</v>
      </c>
      <c r="J1103">
        <v>0</v>
      </c>
      <c r="K1103">
        <v>0</v>
      </c>
      <c r="L1103">
        <v>0</v>
      </c>
      <c r="M1103">
        <v>1934</v>
      </c>
      <c r="N1103">
        <v>0</v>
      </c>
      <c r="O1103">
        <v>0</v>
      </c>
      <c r="P1103">
        <v>16848</v>
      </c>
      <c r="Q1103">
        <v>0</v>
      </c>
      <c r="R1103">
        <v>42962</v>
      </c>
      <c r="S1103">
        <v>0</v>
      </c>
      <c r="T1103">
        <v>0</v>
      </c>
      <c r="U1103">
        <v>0</v>
      </c>
      <c r="V1103">
        <v>1</v>
      </c>
      <c r="W1103">
        <v>1</v>
      </c>
      <c r="X1103">
        <v>0</v>
      </c>
      <c r="Y1103">
        <v>40</v>
      </c>
      <c r="Z1103">
        <v>25</v>
      </c>
      <c r="AA1103">
        <v>168</v>
      </c>
      <c r="AB1103">
        <v>76</v>
      </c>
      <c r="AC1103">
        <v>221</v>
      </c>
      <c r="AD1103">
        <v>50</v>
      </c>
      <c r="AE1103">
        <v>24</v>
      </c>
      <c r="AF1103">
        <v>2378</v>
      </c>
      <c r="AG1103">
        <v>92962</v>
      </c>
      <c r="AH1103">
        <v>50000</v>
      </c>
      <c r="AI1103">
        <v>0</v>
      </c>
      <c r="AJ1103">
        <v>90</v>
      </c>
      <c r="AK1103" t="s">
        <v>24</v>
      </c>
      <c r="AL1103">
        <v>0</v>
      </c>
      <c r="AM1103">
        <v>0</v>
      </c>
      <c r="AN1103">
        <v>0</v>
      </c>
      <c r="AO1103">
        <v>0</v>
      </c>
      <c r="AP1103">
        <v>0</v>
      </c>
      <c r="AQ1103">
        <v>0</v>
      </c>
      <c r="AR1103">
        <v>0</v>
      </c>
      <c r="AS1103">
        <v>0</v>
      </c>
      <c r="AT1103">
        <v>0</v>
      </c>
      <c r="AU1103">
        <v>0</v>
      </c>
      <c r="AV1103">
        <v>0</v>
      </c>
      <c r="AW1103">
        <v>0</v>
      </c>
      <c r="AX1103">
        <v>2182</v>
      </c>
      <c r="AY1103">
        <v>41</v>
      </c>
      <c r="AZ1103">
        <v>76</v>
      </c>
      <c r="BA1103">
        <v>5866</v>
      </c>
    </row>
    <row r="1104" spans="1:53" x14ac:dyDescent="0.4">
      <c r="A1104">
        <v>1148</v>
      </c>
      <c r="B1104" s="1">
        <v>43162</v>
      </c>
      <c r="C1104">
        <v>1</v>
      </c>
      <c r="D1104" s="1">
        <v>43162.291666666664</v>
      </c>
      <c r="E1104" s="1">
        <v>43162.411805555559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  <c r="M1104">
        <v>0</v>
      </c>
      <c r="N1104">
        <v>0</v>
      </c>
      <c r="O1104">
        <v>0</v>
      </c>
      <c r="P1104">
        <v>0</v>
      </c>
      <c r="Q1104">
        <v>0</v>
      </c>
      <c r="R1104">
        <v>0</v>
      </c>
      <c r="S1104">
        <v>0</v>
      </c>
      <c r="T1104">
        <v>0</v>
      </c>
      <c r="U1104">
        <v>0</v>
      </c>
      <c r="V1104">
        <v>0</v>
      </c>
      <c r="W1104">
        <v>0</v>
      </c>
      <c r="X1104">
        <v>0</v>
      </c>
      <c r="Y1104">
        <v>25</v>
      </c>
      <c r="Z1104">
        <v>10</v>
      </c>
      <c r="AA1104">
        <v>150</v>
      </c>
      <c r="AB1104">
        <v>68</v>
      </c>
      <c r="AC1104">
        <v>128</v>
      </c>
      <c r="AD1104">
        <v>42</v>
      </c>
      <c r="AE1104">
        <v>110</v>
      </c>
      <c r="AF1104">
        <v>0</v>
      </c>
      <c r="AG1104">
        <v>50000</v>
      </c>
      <c r="AH1104">
        <v>50000</v>
      </c>
      <c r="AI1104">
        <v>0</v>
      </c>
      <c r="AJ1104">
        <v>0</v>
      </c>
      <c r="AK1104" t="s">
        <v>6</v>
      </c>
      <c r="AL1104">
        <v>0</v>
      </c>
      <c r="AM1104">
        <v>0</v>
      </c>
      <c r="AN1104">
        <v>0</v>
      </c>
      <c r="AO1104">
        <v>0</v>
      </c>
      <c r="AP1104">
        <v>0</v>
      </c>
      <c r="AQ1104">
        <v>0</v>
      </c>
      <c r="AR1104">
        <v>0</v>
      </c>
      <c r="AS1104">
        <v>0</v>
      </c>
      <c r="AT1104">
        <v>0</v>
      </c>
      <c r="AU1104">
        <v>0</v>
      </c>
      <c r="AV1104">
        <v>0</v>
      </c>
      <c r="AW1104">
        <v>0</v>
      </c>
      <c r="AX1104">
        <v>0</v>
      </c>
      <c r="AY1104">
        <v>0</v>
      </c>
      <c r="AZ1104">
        <v>0</v>
      </c>
      <c r="BA1104">
        <v>0</v>
      </c>
    </row>
    <row r="1105" spans="1:53" x14ac:dyDescent="0.4">
      <c r="A1105">
        <v>1149</v>
      </c>
      <c r="B1105" s="1">
        <v>43162</v>
      </c>
      <c r="C1105">
        <v>2</v>
      </c>
      <c r="D1105" s="1">
        <v>43162.411805555559</v>
      </c>
      <c r="E1105" s="1">
        <v>43162.734722222223</v>
      </c>
      <c r="F1105">
        <v>41000</v>
      </c>
      <c r="G1105">
        <v>3900</v>
      </c>
      <c r="H1105">
        <v>0</v>
      </c>
      <c r="I1105">
        <v>0</v>
      </c>
      <c r="J1105">
        <v>0</v>
      </c>
      <c r="K1105">
        <v>0</v>
      </c>
      <c r="L1105">
        <v>0</v>
      </c>
      <c r="M1105">
        <v>3591</v>
      </c>
      <c r="N1105">
        <v>0</v>
      </c>
      <c r="O1105">
        <v>0</v>
      </c>
      <c r="P1105">
        <v>23220</v>
      </c>
      <c r="Q1105">
        <v>0</v>
      </c>
      <c r="R1105">
        <v>71711</v>
      </c>
      <c r="S1105">
        <v>0</v>
      </c>
      <c r="T1105">
        <v>0</v>
      </c>
      <c r="U1105">
        <v>0</v>
      </c>
      <c r="V1105">
        <v>0</v>
      </c>
      <c r="W1105">
        <v>3</v>
      </c>
      <c r="X1105">
        <v>0</v>
      </c>
      <c r="Y1105">
        <v>68</v>
      </c>
      <c r="Z1105">
        <v>30</v>
      </c>
      <c r="AA1105">
        <v>167</v>
      </c>
      <c r="AB1105">
        <v>81</v>
      </c>
      <c r="AC1105">
        <v>156</v>
      </c>
      <c r="AD1105">
        <v>45</v>
      </c>
      <c r="AE1105">
        <v>116</v>
      </c>
      <c r="AF1105">
        <v>1080</v>
      </c>
      <c r="AG1105">
        <v>121731</v>
      </c>
      <c r="AH1105">
        <v>50000</v>
      </c>
      <c r="AI1105">
        <v>20</v>
      </c>
      <c r="AJ1105">
        <v>92</v>
      </c>
      <c r="AK1105" t="s">
        <v>22</v>
      </c>
      <c r="AL1105">
        <v>0</v>
      </c>
      <c r="AM1105">
        <v>0</v>
      </c>
      <c r="AN1105">
        <v>0</v>
      </c>
      <c r="AO1105">
        <v>0</v>
      </c>
      <c r="AP1105">
        <v>0</v>
      </c>
      <c r="AQ1105">
        <v>0</v>
      </c>
      <c r="AR1105">
        <v>0</v>
      </c>
      <c r="AS1105">
        <v>0</v>
      </c>
      <c r="AT1105">
        <v>0</v>
      </c>
      <c r="AU1105">
        <v>0</v>
      </c>
      <c r="AV1105">
        <v>0</v>
      </c>
      <c r="AW1105">
        <v>0</v>
      </c>
      <c r="AX1105">
        <v>540</v>
      </c>
      <c r="AY1105">
        <v>52</v>
      </c>
      <c r="AZ1105">
        <v>122</v>
      </c>
      <c r="BA1105">
        <v>7222</v>
      </c>
    </row>
    <row r="1106" spans="1:53" x14ac:dyDescent="0.4">
      <c r="A1106">
        <v>1150</v>
      </c>
      <c r="B1106" s="1">
        <v>43163</v>
      </c>
      <c r="C1106">
        <v>1</v>
      </c>
      <c r="D1106" s="1">
        <v>43163.291666666664</v>
      </c>
      <c r="E1106" s="1">
        <v>43163.407638888886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  <c r="M1106">
        <v>0</v>
      </c>
      <c r="N1106">
        <v>0</v>
      </c>
      <c r="O1106">
        <v>0</v>
      </c>
      <c r="P1106">
        <v>0</v>
      </c>
      <c r="Q1106">
        <v>0</v>
      </c>
      <c r="R1106">
        <v>0</v>
      </c>
      <c r="S1106">
        <v>0</v>
      </c>
      <c r="T1106">
        <v>0</v>
      </c>
      <c r="U1106">
        <v>0</v>
      </c>
      <c r="V1106">
        <v>0</v>
      </c>
      <c r="W1106">
        <v>0</v>
      </c>
      <c r="X1106">
        <v>0</v>
      </c>
      <c r="Y1106">
        <v>23</v>
      </c>
      <c r="Z1106">
        <v>10</v>
      </c>
      <c r="AA1106">
        <v>167</v>
      </c>
      <c r="AB1106">
        <v>80</v>
      </c>
      <c r="AC1106">
        <v>100</v>
      </c>
      <c r="AD1106">
        <v>40</v>
      </c>
      <c r="AE1106">
        <v>100</v>
      </c>
      <c r="AF1106">
        <v>0</v>
      </c>
      <c r="AG1106">
        <v>50000</v>
      </c>
      <c r="AH1106">
        <v>0</v>
      </c>
      <c r="AI1106">
        <v>50000</v>
      </c>
      <c r="AJ1106">
        <v>0</v>
      </c>
      <c r="AK1106" t="s">
        <v>6</v>
      </c>
      <c r="AL1106">
        <v>0</v>
      </c>
      <c r="AM1106">
        <v>0</v>
      </c>
      <c r="AN1106">
        <v>0</v>
      </c>
      <c r="AO1106">
        <v>0</v>
      </c>
      <c r="AP1106">
        <v>0</v>
      </c>
      <c r="AQ1106">
        <v>0</v>
      </c>
      <c r="AR1106">
        <v>0</v>
      </c>
      <c r="AS1106">
        <v>0</v>
      </c>
      <c r="AT1106">
        <v>0</v>
      </c>
      <c r="AU1106">
        <v>0</v>
      </c>
      <c r="AV1106">
        <v>0</v>
      </c>
      <c r="AW1106">
        <v>0</v>
      </c>
      <c r="AX1106">
        <v>0</v>
      </c>
      <c r="AY1106">
        <v>0</v>
      </c>
      <c r="AZ1106">
        <v>0</v>
      </c>
      <c r="BA1106">
        <v>0</v>
      </c>
    </row>
    <row r="1107" spans="1:53" x14ac:dyDescent="0.4">
      <c r="A1107">
        <v>1151</v>
      </c>
      <c r="B1107" s="1">
        <v>43163</v>
      </c>
      <c r="C1107">
        <v>2</v>
      </c>
      <c r="D1107" s="1">
        <v>43163.407638888886</v>
      </c>
      <c r="E1107" s="1">
        <v>43163.73333333333</v>
      </c>
      <c r="F1107">
        <v>38500</v>
      </c>
      <c r="G1107">
        <v>3380</v>
      </c>
      <c r="H1107">
        <v>0</v>
      </c>
      <c r="I1107">
        <v>0</v>
      </c>
      <c r="J1107">
        <v>0</v>
      </c>
      <c r="K1107">
        <v>0</v>
      </c>
      <c r="L1107">
        <v>0</v>
      </c>
      <c r="M1107">
        <v>3350</v>
      </c>
      <c r="N1107">
        <v>0</v>
      </c>
      <c r="O1107">
        <v>0</v>
      </c>
      <c r="P1107">
        <v>21600</v>
      </c>
      <c r="Q1107">
        <v>0</v>
      </c>
      <c r="R1107">
        <v>66830</v>
      </c>
      <c r="S1107">
        <v>0</v>
      </c>
      <c r="T1107">
        <v>0</v>
      </c>
      <c r="U1107">
        <v>0</v>
      </c>
      <c r="V1107">
        <v>0</v>
      </c>
      <c r="W1107">
        <v>2</v>
      </c>
      <c r="X1107">
        <v>0</v>
      </c>
      <c r="Y1107">
        <v>71</v>
      </c>
      <c r="Z1107">
        <v>22</v>
      </c>
      <c r="AA1107">
        <v>182</v>
      </c>
      <c r="AB1107">
        <v>84</v>
      </c>
      <c r="AC1107">
        <v>212</v>
      </c>
      <c r="AD1107">
        <v>45</v>
      </c>
      <c r="AE1107">
        <v>102</v>
      </c>
      <c r="AF1107">
        <v>0</v>
      </c>
      <c r="AG1107">
        <v>116847</v>
      </c>
      <c r="AH1107">
        <v>50000</v>
      </c>
      <c r="AI1107">
        <v>17</v>
      </c>
      <c r="AJ1107">
        <v>92</v>
      </c>
      <c r="AK1107" t="s">
        <v>22</v>
      </c>
      <c r="AL1107">
        <v>0</v>
      </c>
      <c r="AM1107">
        <v>0</v>
      </c>
      <c r="AN1107">
        <v>0</v>
      </c>
      <c r="AO1107">
        <v>0</v>
      </c>
      <c r="AP1107">
        <v>0</v>
      </c>
      <c r="AQ1107">
        <v>0</v>
      </c>
      <c r="AR1107">
        <v>0</v>
      </c>
      <c r="AS1107">
        <v>0</v>
      </c>
      <c r="AT1107">
        <v>0</v>
      </c>
      <c r="AU1107">
        <v>0</v>
      </c>
      <c r="AV1107">
        <v>0</v>
      </c>
      <c r="AW1107">
        <v>0</v>
      </c>
      <c r="AX1107">
        <v>194</v>
      </c>
      <c r="AY1107">
        <v>50</v>
      </c>
      <c r="AZ1107">
        <v>110</v>
      </c>
      <c r="BA1107">
        <v>7221</v>
      </c>
    </row>
    <row r="1108" spans="1:53" x14ac:dyDescent="0.4">
      <c r="A1108">
        <v>1152</v>
      </c>
      <c r="B1108" s="1">
        <v>43163</v>
      </c>
      <c r="C1108">
        <v>3</v>
      </c>
      <c r="D1108" s="1">
        <v>43163.73333333333</v>
      </c>
      <c r="E1108" s="1">
        <v>43163.737500000003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  <c r="M1108">
        <v>0</v>
      </c>
      <c r="N1108">
        <v>0</v>
      </c>
      <c r="O1108">
        <v>0</v>
      </c>
      <c r="P1108">
        <v>1620</v>
      </c>
      <c r="Q1108">
        <v>0</v>
      </c>
      <c r="R1108">
        <v>1620</v>
      </c>
      <c r="S1108">
        <v>0</v>
      </c>
      <c r="T1108">
        <v>0</v>
      </c>
      <c r="U1108">
        <v>0</v>
      </c>
      <c r="V1108">
        <v>0</v>
      </c>
      <c r="W1108">
        <v>2</v>
      </c>
      <c r="X1108">
        <v>0</v>
      </c>
      <c r="Y1108">
        <v>73</v>
      </c>
      <c r="Z1108">
        <v>22</v>
      </c>
      <c r="AA1108">
        <v>179</v>
      </c>
      <c r="AB1108">
        <v>83</v>
      </c>
      <c r="AC1108">
        <v>208</v>
      </c>
      <c r="AD1108">
        <v>44</v>
      </c>
      <c r="AE1108">
        <v>102</v>
      </c>
      <c r="AF1108">
        <v>0</v>
      </c>
      <c r="AG1108">
        <v>118452</v>
      </c>
      <c r="AH1108">
        <v>50000</v>
      </c>
      <c r="AI1108">
        <v>2</v>
      </c>
      <c r="AJ1108">
        <v>92</v>
      </c>
      <c r="AK1108" t="s">
        <v>22</v>
      </c>
      <c r="AL1108">
        <v>0</v>
      </c>
      <c r="AM1108">
        <v>0</v>
      </c>
      <c r="AN1108">
        <v>0</v>
      </c>
      <c r="AO1108">
        <v>0</v>
      </c>
      <c r="AP1108">
        <v>0</v>
      </c>
      <c r="AQ1108">
        <v>0</v>
      </c>
      <c r="AR1108">
        <v>0</v>
      </c>
      <c r="AS1108">
        <v>0</v>
      </c>
      <c r="AT1108">
        <v>0</v>
      </c>
      <c r="AU1108">
        <v>0</v>
      </c>
      <c r="AV1108">
        <v>0</v>
      </c>
      <c r="AW1108">
        <v>0</v>
      </c>
      <c r="AX1108">
        <v>-886</v>
      </c>
      <c r="AY1108">
        <v>1</v>
      </c>
      <c r="AZ1108">
        <v>3</v>
      </c>
      <c r="BA1108">
        <v>104</v>
      </c>
    </row>
    <row r="1109" spans="1:53" x14ac:dyDescent="0.4">
      <c r="A1109">
        <v>1153</v>
      </c>
      <c r="B1109" s="1">
        <v>43164</v>
      </c>
      <c r="C1109">
        <v>1</v>
      </c>
      <c r="D1109" s="1">
        <v>43164.291666666664</v>
      </c>
      <c r="E1109" s="1">
        <v>43164.456250000003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  <c r="M1109">
        <v>0</v>
      </c>
      <c r="N1109">
        <v>0</v>
      </c>
      <c r="O1109">
        <v>0</v>
      </c>
      <c r="P1109">
        <v>0</v>
      </c>
      <c r="Q1109">
        <v>0</v>
      </c>
      <c r="R1109">
        <v>0</v>
      </c>
      <c r="S1109">
        <v>0</v>
      </c>
      <c r="T1109">
        <v>0</v>
      </c>
      <c r="U1109">
        <v>0</v>
      </c>
      <c r="V1109">
        <v>0</v>
      </c>
      <c r="W1109">
        <v>0</v>
      </c>
      <c r="X1109">
        <v>0</v>
      </c>
      <c r="Y1109">
        <v>24</v>
      </c>
      <c r="Z1109">
        <v>9</v>
      </c>
      <c r="AA1109">
        <v>154</v>
      </c>
      <c r="AB1109">
        <v>90</v>
      </c>
      <c r="AC1109">
        <v>130</v>
      </c>
      <c r="AD1109">
        <v>40</v>
      </c>
      <c r="AE1109">
        <v>100</v>
      </c>
      <c r="AF1109">
        <v>0</v>
      </c>
      <c r="AG1109">
        <v>50000</v>
      </c>
      <c r="AH1109">
        <v>0</v>
      </c>
      <c r="AI1109">
        <v>50000</v>
      </c>
      <c r="AJ1109">
        <v>0</v>
      </c>
      <c r="AK1109" t="s">
        <v>6</v>
      </c>
      <c r="AL1109">
        <v>0</v>
      </c>
      <c r="AM1109">
        <v>0</v>
      </c>
      <c r="AN1109">
        <v>0</v>
      </c>
      <c r="AO1109">
        <v>0</v>
      </c>
      <c r="AP1109">
        <v>0</v>
      </c>
      <c r="AQ1109">
        <v>0</v>
      </c>
      <c r="AR1109">
        <v>0</v>
      </c>
      <c r="AS1109">
        <v>0</v>
      </c>
      <c r="AT1109">
        <v>0</v>
      </c>
      <c r="AU1109">
        <v>0</v>
      </c>
      <c r="AV1109">
        <v>0</v>
      </c>
      <c r="AW1109">
        <v>0</v>
      </c>
      <c r="AX1109">
        <v>0</v>
      </c>
      <c r="AY1109">
        <v>0</v>
      </c>
      <c r="AZ1109">
        <v>0</v>
      </c>
      <c r="BA1109">
        <v>0</v>
      </c>
    </row>
    <row r="1110" spans="1:53" x14ac:dyDescent="0.4">
      <c r="A1110">
        <v>1154</v>
      </c>
      <c r="B1110" s="1">
        <v>43164</v>
      </c>
      <c r="C1110">
        <v>2</v>
      </c>
      <c r="D1110" s="1">
        <v>43164.456250000003</v>
      </c>
      <c r="E1110" s="1">
        <v>43164.753472222219</v>
      </c>
      <c r="F1110">
        <v>19500</v>
      </c>
      <c r="G1110">
        <v>3410</v>
      </c>
      <c r="H1110">
        <v>0</v>
      </c>
      <c r="I1110">
        <v>0</v>
      </c>
      <c r="J1110">
        <v>0</v>
      </c>
      <c r="K1110">
        <v>0</v>
      </c>
      <c r="L1110">
        <v>0</v>
      </c>
      <c r="M1110">
        <v>1832</v>
      </c>
      <c r="N1110">
        <v>0</v>
      </c>
      <c r="O1110">
        <v>0</v>
      </c>
      <c r="P1110">
        <v>16740</v>
      </c>
      <c r="Q1110">
        <v>0</v>
      </c>
      <c r="R1110">
        <v>41482</v>
      </c>
      <c r="S1110">
        <v>0</v>
      </c>
      <c r="T1110">
        <v>0</v>
      </c>
      <c r="U1110">
        <v>0</v>
      </c>
      <c r="V1110">
        <v>0</v>
      </c>
      <c r="W1110">
        <v>4</v>
      </c>
      <c r="X1110">
        <v>0</v>
      </c>
      <c r="Y1110">
        <v>38</v>
      </c>
      <c r="Z1110">
        <v>18</v>
      </c>
      <c r="AA1110">
        <v>157</v>
      </c>
      <c r="AB1110">
        <v>89</v>
      </c>
      <c r="AC1110">
        <v>188</v>
      </c>
      <c r="AD1110">
        <v>42</v>
      </c>
      <c r="AE1110">
        <v>103</v>
      </c>
      <c r="AF1110">
        <v>2139</v>
      </c>
      <c r="AG1110">
        <v>91482</v>
      </c>
      <c r="AH1110">
        <v>50000</v>
      </c>
      <c r="AI1110">
        <v>0</v>
      </c>
      <c r="AJ1110">
        <v>101</v>
      </c>
      <c r="AK1110" t="s">
        <v>23</v>
      </c>
      <c r="AL1110">
        <v>0</v>
      </c>
      <c r="AM1110">
        <v>0</v>
      </c>
      <c r="AN1110">
        <v>0</v>
      </c>
      <c r="AO1110">
        <v>0</v>
      </c>
      <c r="AP1110">
        <v>0</v>
      </c>
      <c r="AQ1110">
        <v>0</v>
      </c>
      <c r="AR1110">
        <v>0</v>
      </c>
      <c r="AS1110">
        <v>0</v>
      </c>
      <c r="AT1110">
        <v>0</v>
      </c>
      <c r="AU1110">
        <v>0</v>
      </c>
      <c r="AV1110">
        <v>0</v>
      </c>
      <c r="AW1110">
        <v>0</v>
      </c>
      <c r="AX1110">
        <v>540</v>
      </c>
      <c r="AY1110">
        <v>36</v>
      </c>
      <c r="AZ1110">
        <v>63</v>
      </c>
      <c r="BA1110">
        <v>5605</v>
      </c>
    </row>
    <row r="1111" spans="1:53" x14ac:dyDescent="0.4">
      <c r="A1111">
        <v>1155</v>
      </c>
      <c r="B1111" s="1">
        <v>43164</v>
      </c>
      <c r="C1111">
        <v>3</v>
      </c>
      <c r="D1111" s="1">
        <v>43164.753472222219</v>
      </c>
      <c r="E1111" s="1">
        <v>43165.157638888886</v>
      </c>
      <c r="F1111">
        <v>53020</v>
      </c>
      <c r="G1111">
        <v>5240</v>
      </c>
      <c r="H1111">
        <v>0</v>
      </c>
      <c r="I1111">
        <v>0</v>
      </c>
      <c r="J1111">
        <v>0</v>
      </c>
      <c r="K1111">
        <v>0</v>
      </c>
      <c r="L1111">
        <v>0</v>
      </c>
      <c r="M1111">
        <v>4660</v>
      </c>
      <c r="N1111">
        <v>0</v>
      </c>
      <c r="O1111">
        <v>0</v>
      </c>
      <c r="P1111">
        <v>-10908</v>
      </c>
      <c r="Q1111">
        <v>0</v>
      </c>
      <c r="R1111">
        <v>52012</v>
      </c>
      <c r="S1111">
        <v>0</v>
      </c>
      <c r="T1111">
        <v>0</v>
      </c>
      <c r="U1111">
        <v>0</v>
      </c>
      <c r="V1111">
        <v>3</v>
      </c>
      <c r="W1111">
        <v>7</v>
      </c>
      <c r="X1111">
        <v>0</v>
      </c>
      <c r="Y1111">
        <v>39</v>
      </c>
      <c r="Z1111">
        <v>19</v>
      </c>
      <c r="AA1111">
        <v>165</v>
      </c>
      <c r="AB1111">
        <v>89</v>
      </c>
      <c r="AC1111">
        <v>185</v>
      </c>
      <c r="AD1111">
        <v>41</v>
      </c>
      <c r="AE1111">
        <v>98</v>
      </c>
      <c r="AF1111">
        <v>6891</v>
      </c>
      <c r="AG1111">
        <v>143494</v>
      </c>
      <c r="AH1111">
        <v>50000</v>
      </c>
      <c r="AI1111">
        <v>0</v>
      </c>
      <c r="AJ1111">
        <v>108</v>
      </c>
      <c r="AK1111" t="s">
        <v>30</v>
      </c>
      <c r="AL1111">
        <v>0</v>
      </c>
      <c r="AM1111">
        <v>0</v>
      </c>
      <c r="AN1111">
        <v>0</v>
      </c>
      <c r="AO1111">
        <v>0</v>
      </c>
      <c r="AP1111">
        <v>0</v>
      </c>
      <c r="AQ1111">
        <v>0</v>
      </c>
      <c r="AR1111">
        <v>0</v>
      </c>
      <c r="AS1111">
        <v>0</v>
      </c>
      <c r="AT1111">
        <v>0</v>
      </c>
      <c r="AU1111">
        <v>0</v>
      </c>
      <c r="AV1111">
        <v>0</v>
      </c>
      <c r="AW1111">
        <v>0</v>
      </c>
      <c r="AX1111">
        <v>3564</v>
      </c>
      <c r="AY1111">
        <v>14</v>
      </c>
      <c r="AZ1111">
        <v>32</v>
      </c>
      <c r="BA1111">
        <v>3067</v>
      </c>
    </row>
    <row r="1112" spans="1:53" x14ac:dyDescent="0.4">
      <c r="A1112">
        <v>1156</v>
      </c>
      <c r="B1112" s="1">
        <v>43165</v>
      </c>
      <c r="C1112">
        <v>1</v>
      </c>
      <c r="D1112" s="1">
        <v>43165.291666666664</v>
      </c>
      <c r="E1112" s="1">
        <v>43165.447916666664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  <c r="M1112">
        <v>0</v>
      </c>
      <c r="N1112">
        <v>0</v>
      </c>
      <c r="O1112">
        <v>0</v>
      </c>
      <c r="P1112">
        <v>0</v>
      </c>
      <c r="Q1112">
        <v>0</v>
      </c>
      <c r="R1112">
        <v>0</v>
      </c>
      <c r="S1112">
        <v>0</v>
      </c>
      <c r="T1112">
        <v>0</v>
      </c>
      <c r="U1112">
        <v>0</v>
      </c>
      <c r="V1112">
        <v>0</v>
      </c>
      <c r="W1112">
        <v>0</v>
      </c>
      <c r="X1112">
        <v>0</v>
      </c>
      <c r="Y1112">
        <v>24</v>
      </c>
      <c r="Z1112">
        <v>8</v>
      </c>
      <c r="AA1112">
        <v>160</v>
      </c>
      <c r="AB1112">
        <v>88</v>
      </c>
      <c r="AC1112">
        <v>131</v>
      </c>
      <c r="AD1112">
        <v>40</v>
      </c>
      <c r="AE1112">
        <v>90</v>
      </c>
      <c r="AF1112">
        <v>0</v>
      </c>
      <c r="AG1112">
        <v>50000</v>
      </c>
      <c r="AH1112">
        <v>0</v>
      </c>
      <c r="AI1112">
        <v>50000</v>
      </c>
      <c r="AJ1112">
        <v>0</v>
      </c>
      <c r="AK1112" t="s">
        <v>6</v>
      </c>
      <c r="AL1112">
        <v>0</v>
      </c>
      <c r="AM1112">
        <v>0</v>
      </c>
      <c r="AN1112">
        <v>0</v>
      </c>
      <c r="AO1112">
        <v>0</v>
      </c>
      <c r="AP1112">
        <v>0</v>
      </c>
      <c r="AQ1112">
        <v>0</v>
      </c>
      <c r="AR1112">
        <v>0</v>
      </c>
      <c r="AS1112">
        <v>0</v>
      </c>
      <c r="AT1112">
        <v>0</v>
      </c>
      <c r="AU1112">
        <v>0</v>
      </c>
      <c r="AV1112">
        <v>0</v>
      </c>
      <c r="AW1112">
        <v>0</v>
      </c>
      <c r="AX1112">
        <v>0</v>
      </c>
      <c r="AY1112">
        <v>0</v>
      </c>
      <c r="AZ1112">
        <v>0</v>
      </c>
      <c r="BA1112">
        <v>0</v>
      </c>
    </row>
    <row r="1113" spans="1:53" x14ac:dyDescent="0.4">
      <c r="A1113">
        <v>1157</v>
      </c>
      <c r="B1113" s="1">
        <v>43165</v>
      </c>
      <c r="C1113">
        <v>2</v>
      </c>
      <c r="D1113" s="1">
        <v>43165.447916666664</v>
      </c>
      <c r="E1113" s="1">
        <v>43165.743750000001</v>
      </c>
      <c r="F1113">
        <v>33000</v>
      </c>
      <c r="G1113">
        <v>118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2734</v>
      </c>
      <c r="N1113">
        <v>0</v>
      </c>
      <c r="O1113">
        <v>0</v>
      </c>
      <c r="P1113">
        <v>17820</v>
      </c>
      <c r="Q1113">
        <v>0</v>
      </c>
      <c r="R1113">
        <v>54734</v>
      </c>
      <c r="S1113">
        <v>0</v>
      </c>
      <c r="T1113">
        <v>0</v>
      </c>
      <c r="U1113">
        <v>0</v>
      </c>
      <c r="V1113">
        <v>0</v>
      </c>
      <c r="W1113">
        <v>4</v>
      </c>
      <c r="X1113">
        <v>0</v>
      </c>
      <c r="Y1113">
        <v>46</v>
      </c>
      <c r="Z1113">
        <v>19</v>
      </c>
      <c r="AA1113">
        <v>203</v>
      </c>
      <c r="AB1113">
        <v>86</v>
      </c>
      <c r="AC1113">
        <v>218</v>
      </c>
      <c r="AD1113">
        <v>40</v>
      </c>
      <c r="AE1113">
        <v>94</v>
      </c>
      <c r="AF1113">
        <v>2160</v>
      </c>
      <c r="AG1113">
        <v>104734</v>
      </c>
      <c r="AH1113">
        <v>50000</v>
      </c>
      <c r="AI1113">
        <v>0</v>
      </c>
      <c r="AJ1113">
        <v>96</v>
      </c>
      <c r="AK1113" t="s">
        <v>4</v>
      </c>
      <c r="AL1113">
        <v>0</v>
      </c>
      <c r="AM1113">
        <v>0</v>
      </c>
      <c r="AN1113">
        <v>0</v>
      </c>
      <c r="AO1113">
        <v>0</v>
      </c>
      <c r="AP1113">
        <v>0</v>
      </c>
      <c r="AQ1113">
        <v>0</v>
      </c>
      <c r="AR1113">
        <v>0</v>
      </c>
      <c r="AS1113">
        <v>0</v>
      </c>
      <c r="AT1113">
        <v>0</v>
      </c>
      <c r="AU1113">
        <v>0</v>
      </c>
      <c r="AV1113">
        <v>0</v>
      </c>
      <c r="AW1113">
        <v>0</v>
      </c>
      <c r="AX1113">
        <v>-2160</v>
      </c>
      <c r="AY1113">
        <v>36</v>
      </c>
      <c r="AZ1113">
        <v>98</v>
      </c>
      <c r="BA1113">
        <v>5567</v>
      </c>
    </row>
    <row r="1114" spans="1:53" x14ac:dyDescent="0.4">
      <c r="A1114">
        <v>1158</v>
      </c>
      <c r="B1114" s="1">
        <v>43165</v>
      </c>
      <c r="C1114">
        <v>3</v>
      </c>
      <c r="D1114" s="1">
        <v>43165.743750000001</v>
      </c>
      <c r="E1114" s="1">
        <v>43165.944444444445</v>
      </c>
      <c r="F1114">
        <v>50800</v>
      </c>
      <c r="G1114">
        <v>1430</v>
      </c>
      <c r="H1114">
        <v>0</v>
      </c>
      <c r="I1114">
        <v>0</v>
      </c>
      <c r="J1114">
        <v>3000</v>
      </c>
      <c r="K1114">
        <v>0</v>
      </c>
      <c r="L1114">
        <v>0</v>
      </c>
      <c r="M1114">
        <v>3938</v>
      </c>
      <c r="N1114">
        <v>0</v>
      </c>
      <c r="O1114">
        <v>0</v>
      </c>
      <c r="P1114">
        <v>-15228</v>
      </c>
      <c r="Q1114">
        <v>0</v>
      </c>
      <c r="R1114">
        <v>37940</v>
      </c>
      <c r="S1114">
        <v>0</v>
      </c>
      <c r="T1114">
        <v>0</v>
      </c>
      <c r="U1114">
        <v>0</v>
      </c>
      <c r="V1114">
        <v>4</v>
      </c>
      <c r="W1114">
        <v>2</v>
      </c>
      <c r="X1114">
        <v>0</v>
      </c>
      <c r="Y1114">
        <v>46</v>
      </c>
      <c r="Z1114">
        <v>19</v>
      </c>
      <c r="AA1114">
        <v>206</v>
      </c>
      <c r="AB1114">
        <v>87</v>
      </c>
      <c r="AC1114">
        <v>231</v>
      </c>
      <c r="AD1114">
        <v>40</v>
      </c>
      <c r="AE1114">
        <v>100</v>
      </c>
      <c r="AF1114">
        <v>9614</v>
      </c>
      <c r="AG1114">
        <v>142674</v>
      </c>
      <c r="AH1114">
        <v>50000</v>
      </c>
      <c r="AI1114">
        <v>0</v>
      </c>
      <c r="AJ1114">
        <v>29</v>
      </c>
      <c r="AK1114" t="s">
        <v>28</v>
      </c>
      <c r="AL1114">
        <v>0</v>
      </c>
      <c r="AM1114">
        <v>0</v>
      </c>
      <c r="AN1114">
        <v>0</v>
      </c>
      <c r="AO1114">
        <v>0</v>
      </c>
      <c r="AP1114">
        <v>0</v>
      </c>
      <c r="AQ1114">
        <v>0</v>
      </c>
      <c r="AR1114">
        <v>0</v>
      </c>
      <c r="AS1114">
        <v>0</v>
      </c>
      <c r="AT1114">
        <v>0</v>
      </c>
      <c r="AU1114">
        <v>0</v>
      </c>
      <c r="AV1114">
        <v>0</v>
      </c>
      <c r="AW1114">
        <v>0</v>
      </c>
      <c r="AX1114">
        <v>14083</v>
      </c>
      <c r="AY1114">
        <v>15</v>
      </c>
      <c r="AZ1114">
        <v>41</v>
      </c>
      <c r="BA1114">
        <v>2305</v>
      </c>
    </row>
    <row r="1115" spans="1:53" x14ac:dyDescent="0.4">
      <c r="A1115">
        <v>1159</v>
      </c>
      <c r="B1115" s="1">
        <v>43166</v>
      </c>
      <c r="C1115">
        <v>1</v>
      </c>
      <c r="D1115" s="1">
        <v>43166.291666666664</v>
      </c>
      <c r="E1115" s="1">
        <v>43166.447222222225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  <c r="M1115">
        <v>0</v>
      </c>
      <c r="N1115">
        <v>0</v>
      </c>
      <c r="O1115">
        <v>0</v>
      </c>
      <c r="P1115">
        <v>0</v>
      </c>
      <c r="Q1115">
        <v>0</v>
      </c>
      <c r="R1115">
        <v>0</v>
      </c>
      <c r="S1115">
        <v>0</v>
      </c>
      <c r="T1115">
        <v>0</v>
      </c>
      <c r="U1115">
        <v>0</v>
      </c>
      <c r="V1115">
        <v>0</v>
      </c>
      <c r="W1115">
        <v>0</v>
      </c>
      <c r="X1115">
        <v>0</v>
      </c>
      <c r="Y1115">
        <v>26</v>
      </c>
      <c r="Z1115">
        <v>12</v>
      </c>
      <c r="AA1115">
        <v>143</v>
      </c>
      <c r="AB1115">
        <v>84</v>
      </c>
      <c r="AC1115">
        <v>171</v>
      </c>
      <c r="AD1115">
        <v>38</v>
      </c>
      <c r="AE1115">
        <v>100</v>
      </c>
      <c r="AF1115">
        <v>0</v>
      </c>
      <c r="AG1115">
        <v>52500</v>
      </c>
      <c r="AH1115">
        <v>0</v>
      </c>
      <c r="AI1115">
        <v>52500</v>
      </c>
      <c r="AJ1115">
        <v>0</v>
      </c>
      <c r="AK1115" t="s">
        <v>6</v>
      </c>
      <c r="AL1115">
        <v>0</v>
      </c>
      <c r="AM1115">
        <v>0</v>
      </c>
      <c r="AN1115">
        <v>0</v>
      </c>
      <c r="AO1115">
        <v>0</v>
      </c>
      <c r="AP1115">
        <v>0</v>
      </c>
      <c r="AQ1115">
        <v>0</v>
      </c>
      <c r="AR1115">
        <v>0</v>
      </c>
      <c r="AS1115">
        <v>0</v>
      </c>
      <c r="AT1115">
        <v>0</v>
      </c>
      <c r="AU1115">
        <v>0</v>
      </c>
      <c r="AV1115">
        <v>0</v>
      </c>
      <c r="AW1115">
        <v>0</v>
      </c>
      <c r="AX1115">
        <v>0</v>
      </c>
      <c r="AY1115">
        <v>0</v>
      </c>
      <c r="AZ1115">
        <v>0</v>
      </c>
      <c r="BA1115">
        <v>0</v>
      </c>
    </row>
    <row r="1116" spans="1:53" x14ac:dyDescent="0.4">
      <c r="A1116">
        <v>1160</v>
      </c>
      <c r="B1116" s="1">
        <v>43166</v>
      </c>
      <c r="C1116">
        <v>2</v>
      </c>
      <c r="D1116" s="1">
        <v>43166.447222222225</v>
      </c>
      <c r="E1116" s="1">
        <v>43166.736805555556</v>
      </c>
      <c r="F1116">
        <v>2150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1720</v>
      </c>
      <c r="N1116">
        <v>0</v>
      </c>
      <c r="O1116">
        <v>0</v>
      </c>
      <c r="P1116">
        <v>17280</v>
      </c>
      <c r="Q1116">
        <v>0</v>
      </c>
      <c r="R1116">
        <v>40500</v>
      </c>
      <c r="S1116">
        <v>0</v>
      </c>
      <c r="T1116">
        <v>0</v>
      </c>
      <c r="U1116">
        <v>0</v>
      </c>
      <c r="V1116">
        <v>0</v>
      </c>
      <c r="W1116">
        <v>2</v>
      </c>
      <c r="X1116">
        <v>0</v>
      </c>
      <c r="Y1116">
        <v>49</v>
      </c>
      <c r="Z1116">
        <v>18</v>
      </c>
      <c r="AA1116">
        <v>159</v>
      </c>
      <c r="AB1116">
        <v>90</v>
      </c>
      <c r="AC1116">
        <v>219</v>
      </c>
      <c r="AD1116">
        <v>38</v>
      </c>
      <c r="AE1116">
        <v>98</v>
      </c>
      <c r="AF1116">
        <v>2122</v>
      </c>
      <c r="AG1116">
        <v>93000</v>
      </c>
      <c r="AH1116">
        <v>50000</v>
      </c>
      <c r="AI1116">
        <v>2500</v>
      </c>
      <c r="AJ1116">
        <v>97</v>
      </c>
      <c r="AK1116" t="s">
        <v>13</v>
      </c>
      <c r="AL1116">
        <v>0</v>
      </c>
      <c r="AM1116">
        <v>0</v>
      </c>
      <c r="AN1116">
        <v>0</v>
      </c>
      <c r="AO1116">
        <v>0</v>
      </c>
      <c r="AP1116">
        <v>0</v>
      </c>
      <c r="AQ1116">
        <v>0</v>
      </c>
      <c r="AR1116">
        <v>0</v>
      </c>
      <c r="AS1116">
        <v>0</v>
      </c>
      <c r="AT1116">
        <v>0</v>
      </c>
      <c r="AU1116">
        <v>0</v>
      </c>
      <c r="AV1116">
        <v>0</v>
      </c>
      <c r="AW1116">
        <v>0</v>
      </c>
      <c r="AX1116">
        <v>1620</v>
      </c>
      <c r="AY1116">
        <v>37</v>
      </c>
      <c r="AZ1116">
        <v>75</v>
      </c>
      <c r="BA1116">
        <v>5461</v>
      </c>
    </row>
    <row r="1117" spans="1:53" x14ac:dyDescent="0.4">
      <c r="A1117">
        <v>1161</v>
      </c>
      <c r="B1117" s="1">
        <v>43166</v>
      </c>
      <c r="C1117">
        <v>3</v>
      </c>
      <c r="D1117" s="1">
        <v>43166.736805555556</v>
      </c>
      <c r="E1117" s="1">
        <v>43166.946527777778</v>
      </c>
      <c r="F1117">
        <v>33000</v>
      </c>
      <c r="G1117">
        <v>680</v>
      </c>
      <c r="H1117">
        <v>0</v>
      </c>
      <c r="I1117">
        <v>0</v>
      </c>
      <c r="J1117">
        <v>0</v>
      </c>
      <c r="K1117">
        <v>0</v>
      </c>
      <c r="L1117">
        <v>0</v>
      </c>
      <c r="M1117">
        <v>2694</v>
      </c>
      <c r="N1117">
        <v>0</v>
      </c>
      <c r="O1117">
        <v>0</v>
      </c>
      <c r="P1117">
        <v>-17280</v>
      </c>
      <c r="Q1117">
        <v>0</v>
      </c>
      <c r="R1117">
        <v>19094</v>
      </c>
      <c r="S1117">
        <v>0</v>
      </c>
      <c r="T1117">
        <v>0</v>
      </c>
      <c r="U1117">
        <v>0</v>
      </c>
      <c r="V1117">
        <v>1</v>
      </c>
      <c r="W1117">
        <v>1</v>
      </c>
      <c r="X1117">
        <v>0</v>
      </c>
      <c r="Y1117">
        <v>51</v>
      </c>
      <c r="Z1117">
        <v>16</v>
      </c>
      <c r="AA1117">
        <v>157</v>
      </c>
      <c r="AB1117">
        <v>89</v>
      </c>
      <c r="AC1117">
        <v>218</v>
      </c>
      <c r="AD1117">
        <v>38</v>
      </c>
      <c r="AE1117">
        <v>152</v>
      </c>
      <c r="AF1117">
        <v>12922</v>
      </c>
      <c r="AG1117">
        <v>109594</v>
      </c>
      <c r="AH1117">
        <v>50000</v>
      </c>
      <c r="AI1117">
        <v>0</v>
      </c>
      <c r="AJ1117">
        <v>16</v>
      </c>
      <c r="AK1117" t="s">
        <v>11</v>
      </c>
      <c r="AL1117">
        <v>0</v>
      </c>
      <c r="AM1117">
        <v>0</v>
      </c>
      <c r="AN1117">
        <v>0</v>
      </c>
      <c r="AO1117">
        <v>0</v>
      </c>
      <c r="AP1117">
        <v>0</v>
      </c>
      <c r="AQ1117">
        <v>0</v>
      </c>
      <c r="AR1117">
        <v>0</v>
      </c>
      <c r="AS1117">
        <v>0</v>
      </c>
      <c r="AT1117">
        <v>0</v>
      </c>
      <c r="AU1117">
        <v>0</v>
      </c>
      <c r="AV1117">
        <v>0</v>
      </c>
      <c r="AW1117">
        <v>0</v>
      </c>
      <c r="AX1117">
        <v>8921</v>
      </c>
      <c r="AY1117">
        <v>12</v>
      </c>
      <c r="AZ1117">
        <v>30</v>
      </c>
      <c r="BA1117">
        <v>2535</v>
      </c>
    </row>
    <row r="1118" spans="1:53" x14ac:dyDescent="0.4">
      <c r="A1118">
        <v>1162</v>
      </c>
      <c r="B1118" s="1">
        <v>43166</v>
      </c>
      <c r="C1118">
        <v>4</v>
      </c>
      <c r="D1118" s="1">
        <v>43166.946527777778</v>
      </c>
      <c r="E1118" s="1">
        <v>43167.082638888889</v>
      </c>
      <c r="F1118">
        <v>13640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0</v>
      </c>
      <c r="M1118">
        <v>1091</v>
      </c>
      <c r="N1118">
        <v>0</v>
      </c>
      <c r="O1118">
        <v>0</v>
      </c>
      <c r="P1118">
        <v>18900</v>
      </c>
      <c r="Q1118">
        <v>0</v>
      </c>
      <c r="R1118">
        <v>33631</v>
      </c>
      <c r="S1118">
        <v>0</v>
      </c>
      <c r="T1118">
        <v>0</v>
      </c>
      <c r="U1118">
        <v>0</v>
      </c>
      <c r="V1118">
        <v>4</v>
      </c>
      <c r="W1118">
        <v>0</v>
      </c>
      <c r="X1118">
        <v>0</v>
      </c>
      <c r="Y1118">
        <v>59</v>
      </c>
      <c r="Z1118">
        <v>17</v>
      </c>
      <c r="AA1118">
        <v>158</v>
      </c>
      <c r="AB1118">
        <v>90</v>
      </c>
      <c r="AC1118">
        <v>216</v>
      </c>
      <c r="AD1118">
        <v>39</v>
      </c>
      <c r="AE1118">
        <v>148</v>
      </c>
      <c r="AF1118">
        <v>12922</v>
      </c>
      <c r="AG1118">
        <v>143225</v>
      </c>
      <c r="AH1118">
        <v>50000</v>
      </c>
      <c r="AI1118">
        <v>0</v>
      </c>
      <c r="AJ1118">
        <v>100</v>
      </c>
      <c r="AK1118" t="s">
        <v>0</v>
      </c>
      <c r="AL1118">
        <v>0</v>
      </c>
      <c r="AM1118">
        <v>0</v>
      </c>
      <c r="AN1118">
        <v>0</v>
      </c>
      <c r="AO1118">
        <v>0</v>
      </c>
      <c r="AP1118">
        <v>0</v>
      </c>
      <c r="AQ1118">
        <v>0</v>
      </c>
      <c r="AR1118">
        <v>0</v>
      </c>
      <c r="AS1118">
        <v>0</v>
      </c>
      <c r="AT1118">
        <v>0</v>
      </c>
      <c r="AU1118">
        <v>0</v>
      </c>
      <c r="AV1118">
        <v>0</v>
      </c>
      <c r="AW1118">
        <v>0</v>
      </c>
      <c r="AX1118">
        <v>1804</v>
      </c>
      <c r="AY1118">
        <v>6</v>
      </c>
      <c r="AZ1118">
        <v>14</v>
      </c>
      <c r="BA1118">
        <v>857</v>
      </c>
    </row>
    <row r="1119" spans="1:53" x14ac:dyDescent="0.4">
      <c r="A1119">
        <v>1163</v>
      </c>
      <c r="B1119" s="1">
        <v>43167</v>
      </c>
      <c r="C1119">
        <v>1</v>
      </c>
      <c r="D1119" s="1">
        <v>43167.291666666664</v>
      </c>
      <c r="E1119" s="1">
        <v>43167.448611111111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  <c r="M1119">
        <v>0</v>
      </c>
      <c r="N1119">
        <v>0</v>
      </c>
      <c r="O1119">
        <v>0</v>
      </c>
      <c r="P1119">
        <v>0</v>
      </c>
      <c r="Q1119">
        <v>0</v>
      </c>
      <c r="R1119">
        <v>0</v>
      </c>
      <c r="S1119">
        <v>0</v>
      </c>
      <c r="T1119">
        <v>0</v>
      </c>
      <c r="U1119">
        <v>0</v>
      </c>
      <c r="V1119">
        <v>0</v>
      </c>
      <c r="W1119">
        <v>0</v>
      </c>
      <c r="X1119">
        <v>0</v>
      </c>
      <c r="Y1119">
        <v>24</v>
      </c>
      <c r="Z1119">
        <v>9</v>
      </c>
      <c r="AA1119">
        <v>156</v>
      </c>
      <c r="AB1119">
        <v>88</v>
      </c>
      <c r="AC1119">
        <v>116</v>
      </c>
      <c r="AD1119">
        <v>38</v>
      </c>
      <c r="AE1119">
        <v>150</v>
      </c>
      <c r="AF1119">
        <v>0</v>
      </c>
      <c r="AG1119">
        <v>50000</v>
      </c>
      <c r="AH1119">
        <v>0</v>
      </c>
      <c r="AI1119">
        <v>50000</v>
      </c>
      <c r="AJ1119">
        <v>0</v>
      </c>
      <c r="AK1119" t="s">
        <v>6</v>
      </c>
      <c r="AL1119">
        <v>0</v>
      </c>
      <c r="AM1119">
        <v>0</v>
      </c>
      <c r="AN1119">
        <v>0</v>
      </c>
      <c r="AO1119">
        <v>0</v>
      </c>
      <c r="AP1119">
        <v>0</v>
      </c>
      <c r="AQ1119">
        <v>0</v>
      </c>
      <c r="AR1119">
        <v>0</v>
      </c>
      <c r="AS1119">
        <v>0</v>
      </c>
      <c r="AT1119">
        <v>0</v>
      </c>
      <c r="AU1119">
        <v>0</v>
      </c>
      <c r="AV1119">
        <v>0</v>
      </c>
      <c r="AW1119">
        <v>0</v>
      </c>
      <c r="AX1119">
        <v>0</v>
      </c>
      <c r="AY1119">
        <v>0</v>
      </c>
      <c r="AZ1119">
        <v>0</v>
      </c>
      <c r="BA1119">
        <v>0</v>
      </c>
    </row>
    <row r="1120" spans="1:53" x14ac:dyDescent="0.4">
      <c r="A1120">
        <v>1164</v>
      </c>
      <c r="B1120" s="1">
        <v>43167</v>
      </c>
      <c r="C1120">
        <v>2</v>
      </c>
      <c r="D1120" s="1">
        <v>43167.448611111111</v>
      </c>
      <c r="E1120" s="1">
        <v>43167.751388888886</v>
      </c>
      <c r="F1120">
        <v>34500</v>
      </c>
      <c r="G1120">
        <v>1180</v>
      </c>
      <c r="H1120">
        <v>0</v>
      </c>
      <c r="I1120">
        <v>0</v>
      </c>
      <c r="J1120">
        <v>0</v>
      </c>
      <c r="K1120">
        <v>0</v>
      </c>
      <c r="L1120">
        <v>0</v>
      </c>
      <c r="M1120">
        <v>2854</v>
      </c>
      <c r="N1120">
        <v>0</v>
      </c>
      <c r="O1120">
        <v>0</v>
      </c>
      <c r="P1120">
        <v>10800</v>
      </c>
      <c r="Q1120">
        <v>0</v>
      </c>
      <c r="R1120">
        <v>49334</v>
      </c>
      <c r="S1120">
        <v>0</v>
      </c>
      <c r="T1120">
        <v>0</v>
      </c>
      <c r="U1120">
        <v>0</v>
      </c>
      <c r="V1120">
        <v>3</v>
      </c>
      <c r="W1120">
        <v>1</v>
      </c>
      <c r="X1120">
        <v>0</v>
      </c>
      <c r="Y1120">
        <v>28</v>
      </c>
      <c r="Z1120">
        <v>28</v>
      </c>
      <c r="AA1120">
        <v>162</v>
      </c>
      <c r="AB1120">
        <v>83</v>
      </c>
      <c r="AC1120">
        <v>164</v>
      </c>
      <c r="AD1120">
        <v>39</v>
      </c>
      <c r="AE1120">
        <v>149</v>
      </c>
      <c r="AF1120">
        <v>0</v>
      </c>
      <c r="AG1120">
        <v>99334</v>
      </c>
      <c r="AH1120">
        <v>50000</v>
      </c>
      <c r="AI1120">
        <v>0</v>
      </c>
      <c r="AJ1120">
        <v>96</v>
      </c>
      <c r="AK1120" t="s">
        <v>4</v>
      </c>
      <c r="AL1120">
        <v>0</v>
      </c>
      <c r="AM1120">
        <v>0</v>
      </c>
      <c r="AN1120">
        <v>0</v>
      </c>
      <c r="AO1120">
        <v>0</v>
      </c>
      <c r="AP1120">
        <v>0</v>
      </c>
      <c r="AQ1120">
        <v>0</v>
      </c>
      <c r="AR1120">
        <v>0</v>
      </c>
      <c r="AS1120">
        <v>0</v>
      </c>
      <c r="AT1120">
        <v>0</v>
      </c>
      <c r="AU1120">
        <v>0</v>
      </c>
      <c r="AV1120">
        <v>0</v>
      </c>
      <c r="AW1120">
        <v>0</v>
      </c>
      <c r="AX1120">
        <v>1469</v>
      </c>
      <c r="AY1120">
        <v>42</v>
      </c>
      <c r="AZ1120">
        <v>83</v>
      </c>
      <c r="BA1120">
        <v>7022</v>
      </c>
    </row>
    <row r="1121" spans="1:53" x14ac:dyDescent="0.4">
      <c r="A1121">
        <v>1165</v>
      </c>
      <c r="B1121" s="1">
        <v>43167</v>
      </c>
      <c r="C1121">
        <v>3</v>
      </c>
      <c r="D1121" s="1">
        <v>43167.751388888886</v>
      </c>
      <c r="E1121" s="1">
        <v>43167.956250000003</v>
      </c>
      <c r="F1121">
        <v>16900</v>
      </c>
      <c r="G1121">
        <v>2240</v>
      </c>
      <c r="H1121">
        <v>0</v>
      </c>
      <c r="I1121">
        <v>0</v>
      </c>
      <c r="J1121">
        <v>0</v>
      </c>
      <c r="K1121">
        <v>0</v>
      </c>
      <c r="L1121">
        <v>0</v>
      </c>
      <c r="M1121">
        <v>1531</v>
      </c>
      <c r="N1121">
        <v>0</v>
      </c>
      <c r="O1121">
        <v>0</v>
      </c>
      <c r="P1121">
        <v>-10800</v>
      </c>
      <c r="Q1121">
        <v>0</v>
      </c>
      <c r="R1121">
        <v>9871</v>
      </c>
      <c r="S1121">
        <v>0</v>
      </c>
      <c r="T1121">
        <v>0</v>
      </c>
      <c r="U1121">
        <v>0</v>
      </c>
      <c r="V1121">
        <v>3</v>
      </c>
      <c r="W1121">
        <v>3</v>
      </c>
      <c r="X1121">
        <v>0</v>
      </c>
      <c r="Y1121">
        <v>27</v>
      </c>
      <c r="Z1121">
        <v>27</v>
      </c>
      <c r="AA1121">
        <v>173</v>
      </c>
      <c r="AB1121">
        <v>87</v>
      </c>
      <c r="AC1121">
        <v>170</v>
      </c>
      <c r="AD1121">
        <v>40</v>
      </c>
      <c r="AE1121">
        <v>155</v>
      </c>
      <c r="AF1121">
        <v>0</v>
      </c>
      <c r="AG1121">
        <v>109205</v>
      </c>
      <c r="AH1121">
        <v>50000</v>
      </c>
      <c r="AI1121">
        <v>0</v>
      </c>
      <c r="AJ1121">
        <v>108</v>
      </c>
      <c r="AK1121" t="s">
        <v>30</v>
      </c>
      <c r="AL1121">
        <v>0</v>
      </c>
      <c r="AM1121">
        <v>0</v>
      </c>
      <c r="AN1121">
        <v>0</v>
      </c>
      <c r="AO1121">
        <v>0</v>
      </c>
      <c r="AP1121">
        <v>0</v>
      </c>
      <c r="AQ1121">
        <v>0</v>
      </c>
      <c r="AR1121">
        <v>0</v>
      </c>
      <c r="AS1121">
        <v>0</v>
      </c>
      <c r="AT1121">
        <v>0</v>
      </c>
      <c r="AU1121">
        <v>0</v>
      </c>
      <c r="AV1121">
        <v>0</v>
      </c>
      <c r="AW1121">
        <v>0</v>
      </c>
      <c r="AX1121">
        <v>25391</v>
      </c>
      <c r="AY1121">
        <v>8</v>
      </c>
      <c r="AZ1121">
        <v>25</v>
      </c>
      <c r="BA1121">
        <v>1579</v>
      </c>
    </row>
    <row r="1122" spans="1:53" x14ac:dyDescent="0.4">
      <c r="A1122">
        <v>1166</v>
      </c>
      <c r="B1122" s="1">
        <v>43167</v>
      </c>
      <c r="C1122">
        <v>4</v>
      </c>
      <c r="D1122" s="1">
        <v>43167.956250000003</v>
      </c>
      <c r="E1122" s="1">
        <v>43168.074305555558</v>
      </c>
      <c r="F1122">
        <v>34280</v>
      </c>
      <c r="G1122">
        <v>2990</v>
      </c>
      <c r="H1122">
        <v>0</v>
      </c>
      <c r="I1122">
        <v>0</v>
      </c>
      <c r="J1122">
        <v>0</v>
      </c>
      <c r="K1122">
        <v>0</v>
      </c>
      <c r="L1122">
        <v>0</v>
      </c>
      <c r="M1122">
        <v>2982</v>
      </c>
      <c r="N1122">
        <v>0</v>
      </c>
      <c r="O1122">
        <v>0</v>
      </c>
      <c r="P1122">
        <v>18576</v>
      </c>
      <c r="Q1122">
        <v>0</v>
      </c>
      <c r="R1122">
        <v>58828</v>
      </c>
      <c r="S1122">
        <v>0</v>
      </c>
      <c r="T1122">
        <v>0</v>
      </c>
      <c r="U1122">
        <v>0</v>
      </c>
      <c r="V1122">
        <v>6</v>
      </c>
      <c r="W1122">
        <v>2</v>
      </c>
      <c r="X1122">
        <v>0</v>
      </c>
      <c r="Y1122">
        <v>37</v>
      </c>
      <c r="Z1122">
        <v>27</v>
      </c>
      <c r="AA1122">
        <v>169</v>
      </c>
      <c r="AB1122">
        <v>87</v>
      </c>
      <c r="AC1122">
        <v>168</v>
      </c>
      <c r="AD1122">
        <v>39</v>
      </c>
      <c r="AE1122">
        <v>151</v>
      </c>
      <c r="AF1122">
        <v>24257</v>
      </c>
      <c r="AG1122">
        <v>168033</v>
      </c>
      <c r="AH1122">
        <v>50000</v>
      </c>
      <c r="AI1122">
        <v>0</v>
      </c>
      <c r="AJ1122">
        <v>108</v>
      </c>
      <c r="AK1122" t="s">
        <v>30</v>
      </c>
      <c r="AL1122">
        <v>0</v>
      </c>
      <c r="AM1122">
        <v>0</v>
      </c>
      <c r="AN1122">
        <v>0</v>
      </c>
      <c r="AO1122">
        <v>0</v>
      </c>
      <c r="AP1122">
        <v>0</v>
      </c>
      <c r="AQ1122">
        <v>0</v>
      </c>
      <c r="AR1122">
        <v>0</v>
      </c>
      <c r="AS1122">
        <v>0</v>
      </c>
      <c r="AT1122">
        <v>0</v>
      </c>
      <c r="AU1122">
        <v>0</v>
      </c>
      <c r="AV1122">
        <v>0</v>
      </c>
      <c r="AW1122">
        <v>0</v>
      </c>
      <c r="AX1122">
        <v>0</v>
      </c>
      <c r="AY1122">
        <v>3</v>
      </c>
      <c r="AZ1122">
        <v>11</v>
      </c>
      <c r="BA1122">
        <v>544</v>
      </c>
    </row>
    <row r="1123" spans="1:53" x14ac:dyDescent="0.4">
      <c r="A1123">
        <v>1167</v>
      </c>
      <c r="B1123" s="1">
        <v>43168</v>
      </c>
      <c r="C1123">
        <v>1</v>
      </c>
      <c r="D1123" s="1">
        <v>43168.291666666664</v>
      </c>
      <c r="E1123" s="1">
        <v>43168.448611111111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  <c r="M1123">
        <v>0</v>
      </c>
      <c r="N1123">
        <v>0</v>
      </c>
      <c r="O1123">
        <v>0</v>
      </c>
      <c r="P1123">
        <v>540</v>
      </c>
      <c r="Q1123">
        <v>0</v>
      </c>
      <c r="R1123">
        <v>540</v>
      </c>
      <c r="S1123">
        <v>0</v>
      </c>
      <c r="T1123">
        <v>0</v>
      </c>
      <c r="U1123">
        <v>0</v>
      </c>
      <c r="V1123">
        <v>0</v>
      </c>
      <c r="W1123">
        <v>0</v>
      </c>
      <c r="X1123">
        <v>0</v>
      </c>
      <c r="Y1123">
        <v>24</v>
      </c>
      <c r="Z1123">
        <v>11</v>
      </c>
      <c r="AA1123">
        <v>157</v>
      </c>
      <c r="AB1123">
        <v>77</v>
      </c>
      <c r="AC1123">
        <v>114</v>
      </c>
      <c r="AD1123">
        <v>40</v>
      </c>
      <c r="AE1123">
        <v>150</v>
      </c>
      <c r="AF1123">
        <v>0</v>
      </c>
      <c r="AG1123">
        <v>50540</v>
      </c>
      <c r="AH1123">
        <v>0</v>
      </c>
      <c r="AI1123">
        <v>50000</v>
      </c>
      <c r="AJ1123">
        <v>108</v>
      </c>
      <c r="AK1123" t="s">
        <v>30</v>
      </c>
      <c r="AL1123">
        <v>0</v>
      </c>
      <c r="AM1123">
        <v>0</v>
      </c>
      <c r="AN1123">
        <v>0</v>
      </c>
      <c r="AO1123">
        <v>0</v>
      </c>
      <c r="AP1123">
        <v>0</v>
      </c>
      <c r="AQ1123">
        <v>0</v>
      </c>
      <c r="AR1123">
        <v>0</v>
      </c>
      <c r="AS1123">
        <v>0</v>
      </c>
      <c r="AT1123">
        <v>0</v>
      </c>
      <c r="AU1123">
        <v>0</v>
      </c>
      <c r="AV1123">
        <v>0</v>
      </c>
      <c r="AW1123">
        <v>0</v>
      </c>
      <c r="AX1123">
        <v>-540</v>
      </c>
      <c r="AY1123">
        <v>1</v>
      </c>
      <c r="AZ1123">
        <v>1</v>
      </c>
      <c r="BA1123">
        <v>10</v>
      </c>
    </row>
    <row r="1124" spans="1:53" x14ac:dyDescent="0.4">
      <c r="A1124">
        <v>1168</v>
      </c>
      <c r="B1124" s="1">
        <v>43168</v>
      </c>
      <c r="C1124">
        <v>2</v>
      </c>
      <c r="D1124" s="1">
        <v>43168.448611111111</v>
      </c>
      <c r="E1124" s="1">
        <v>43168.754861111112</v>
      </c>
      <c r="F1124">
        <v>3300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  <c r="M1124">
        <v>2640</v>
      </c>
      <c r="N1124">
        <v>0</v>
      </c>
      <c r="O1124">
        <v>0</v>
      </c>
      <c r="P1124">
        <v>12960</v>
      </c>
      <c r="Q1124">
        <v>0</v>
      </c>
      <c r="R1124">
        <v>48600</v>
      </c>
      <c r="S1124">
        <v>0</v>
      </c>
      <c r="T1124">
        <v>0</v>
      </c>
      <c r="U1124">
        <v>0</v>
      </c>
      <c r="V1124">
        <v>1</v>
      </c>
      <c r="W1124">
        <v>1</v>
      </c>
      <c r="X1124">
        <v>0</v>
      </c>
      <c r="Y1124">
        <v>48</v>
      </c>
      <c r="Z1124">
        <v>25</v>
      </c>
      <c r="AA1124">
        <v>171</v>
      </c>
      <c r="AB1124">
        <v>82</v>
      </c>
      <c r="AC1124">
        <v>154</v>
      </c>
      <c r="AD1124">
        <v>42</v>
      </c>
      <c r="AE1124">
        <v>150</v>
      </c>
      <c r="AF1124">
        <v>540</v>
      </c>
      <c r="AG1124">
        <v>99140</v>
      </c>
      <c r="AH1124">
        <v>50000</v>
      </c>
      <c r="AI1124">
        <v>0</v>
      </c>
      <c r="AJ1124">
        <v>90</v>
      </c>
      <c r="AK1124" t="s">
        <v>24</v>
      </c>
      <c r="AL1124">
        <v>0</v>
      </c>
      <c r="AM1124">
        <v>0</v>
      </c>
      <c r="AN1124">
        <v>0</v>
      </c>
      <c r="AO1124">
        <v>0</v>
      </c>
      <c r="AP1124">
        <v>0</v>
      </c>
      <c r="AQ1124">
        <v>0</v>
      </c>
      <c r="AR1124">
        <v>0</v>
      </c>
      <c r="AS1124">
        <v>0</v>
      </c>
      <c r="AT1124">
        <v>0</v>
      </c>
      <c r="AU1124">
        <v>0</v>
      </c>
      <c r="AV1124">
        <v>0</v>
      </c>
      <c r="AW1124">
        <v>0</v>
      </c>
      <c r="AX1124">
        <v>-1080</v>
      </c>
      <c r="AY1124">
        <v>44</v>
      </c>
      <c r="AZ1124">
        <v>89</v>
      </c>
      <c r="BA1124">
        <v>6354</v>
      </c>
    </row>
    <row r="1125" spans="1:53" x14ac:dyDescent="0.4">
      <c r="A1125">
        <v>1169</v>
      </c>
      <c r="B1125" s="1">
        <v>43169</v>
      </c>
      <c r="C1125">
        <v>1</v>
      </c>
      <c r="D1125" s="1">
        <v>43169.291666666664</v>
      </c>
      <c r="E1125" s="1">
        <v>43169.405555555553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  <c r="M1125">
        <v>0</v>
      </c>
      <c r="N1125">
        <v>0</v>
      </c>
      <c r="O1125">
        <v>0</v>
      </c>
      <c r="P1125">
        <v>0</v>
      </c>
      <c r="Q1125">
        <v>0</v>
      </c>
      <c r="R1125">
        <v>0</v>
      </c>
      <c r="S1125">
        <v>0</v>
      </c>
      <c r="T1125">
        <v>0</v>
      </c>
      <c r="U1125">
        <v>0</v>
      </c>
      <c r="V1125">
        <v>0</v>
      </c>
      <c r="W1125">
        <v>0</v>
      </c>
      <c r="X1125">
        <v>0</v>
      </c>
      <c r="Y1125">
        <v>26</v>
      </c>
      <c r="Z1125">
        <v>10</v>
      </c>
      <c r="AA1125">
        <v>139</v>
      </c>
      <c r="AB1125">
        <v>70</v>
      </c>
      <c r="AC1125">
        <v>130</v>
      </c>
      <c r="AD1125">
        <v>34</v>
      </c>
      <c r="AE1125">
        <v>130</v>
      </c>
      <c r="AF1125">
        <v>0</v>
      </c>
      <c r="AG1125">
        <v>50000</v>
      </c>
      <c r="AH1125">
        <v>50000</v>
      </c>
      <c r="AI1125">
        <v>0</v>
      </c>
      <c r="AJ1125">
        <v>0</v>
      </c>
      <c r="AK1125" t="s">
        <v>6</v>
      </c>
      <c r="AL1125">
        <v>0</v>
      </c>
      <c r="AM1125">
        <v>0</v>
      </c>
      <c r="AN1125">
        <v>0</v>
      </c>
      <c r="AO1125">
        <v>0</v>
      </c>
      <c r="AP1125">
        <v>0</v>
      </c>
      <c r="AQ1125">
        <v>0</v>
      </c>
      <c r="AR1125">
        <v>0</v>
      </c>
      <c r="AS1125">
        <v>0</v>
      </c>
      <c r="AT1125">
        <v>0</v>
      </c>
      <c r="AU1125">
        <v>0</v>
      </c>
      <c r="AV1125">
        <v>0</v>
      </c>
      <c r="AW1125">
        <v>0</v>
      </c>
      <c r="AX1125">
        <v>0</v>
      </c>
      <c r="AY1125">
        <v>0</v>
      </c>
      <c r="AZ1125">
        <v>0</v>
      </c>
      <c r="BA1125">
        <v>0</v>
      </c>
    </row>
    <row r="1126" spans="1:53" x14ac:dyDescent="0.4">
      <c r="A1126">
        <v>1170</v>
      </c>
      <c r="B1126" s="1">
        <v>43169</v>
      </c>
      <c r="C1126">
        <v>2</v>
      </c>
      <c r="D1126" s="1">
        <v>43169.405555555553</v>
      </c>
      <c r="E1126" s="1">
        <v>43169.743055555555</v>
      </c>
      <c r="F1126">
        <v>43000</v>
      </c>
      <c r="G1126">
        <v>3660</v>
      </c>
      <c r="H1126">
        <v>0</v>
      </c>
      <c r="I1126">
        <v>0</v>
      </c>
      <c r="J1126">
        <v>0</v>
      </c>
      <c r="K1126">
        <v>0</v>
      </c>
      <c r="L1126">
        <v>0</v>
      </c>
      <c r="M1126">
        <v>3730</v>
      </c>
      <c r="N1126">
        <v>0</v>
      </c>
      <c r="O1126">
        <v>0</v>
      </c>
      <c r="P1126">
        <v>17280</v>
      </c>
      <c r="Q1126">
        <v>0</v>
      </c>
      <c r="R1126">
        <v>67670</v>
      </c>
      <c r="S1126">
        <v>0</v>
      </c>
      <c r="T1126">
        <v>0</v>
      </c>
      <c r="U1126">
        <v>0</v>
      </c>
      <c r="V1126">
        <v>1</v>
      </c>
      <c r="W1126">
        <v>1</v>
      </c>
      <c r="X1126">
        <v>0</v>
      </c>
      <c r="Y1126">
        <v>68</v>
      </c>
      <c r="Z1126">
        <v>21</v>
      </c>
      <c r="AA1126">
        <v>181</v>
      </c>
      <c r="AB1126">
        <v>76</v>
      </c>
      <c r="AC1126">
        <v>197</v>
      </c>
      <c r="AD1126">
        <v>35</v>
      </c>
      <c r="AE1126">
        <v>125</v>
      </c>
      <c r="AF1126">
        <v>0</v>
      </c>
      <c r="AG1126">
        <v>117670</v>
      </c>
      <c r="AH1126">
        <v>50000</v>
      </c>
      <c r="AI1126">
        <v>0</v>
      </c>
      <c r="AJ1126">
        <v>84</v>
      </c>
      <c r="AK1126" t="s">
        <v>16</v>
      </c>
      <c r="AL1126">
        <v>0</v>
      </c>
      <c r="AM1126">
        <v>0</v>
      </c>
      <c r="AN1126">
        <v>0</v>
      </c>
      <c r="AO1126">
        <v>0</v>
      </c>
      <c r="AP1126">
        <v>0</v>
      </c>
      <c r="AQ1126">
        <v>0</v>
      </c>
      <c r="AR1126">
        <v>0</v>
      </c>
      <c r="AS1126">
        <v>0</v>
      </c>
      <c r="AT1126">
        <v>0</v>
      </c>
      <c r="AU1126">
        <v>0</v>
      </c>
      <c r="AV1126">
        <v>0</v>
      </c>
      <c r="AW1126">
        <v>0</v>
      </c>
      <c r="AX1126">
        <v>540</v>
      </c>
      <c r="AY1126">
        <v>52</v>
      </c>
      <c r="AZ1126">
        <v>112</v>
      </c>
      <c r="BA1126">
        <v>7660</v>
      </c>
    </row>
    <row r="1127" spans="1:53" x14ac:dyDescent="0.4">
      <c r="A1127">
        <v>1171</v>
      </c>
      <c r="B1127" s="1">
        <v>43170</v>
      </c>
      <c r="C1127">
        <v>1</v>
      </c>
      <c r="D1127" s="1">
        <v>43170.291666666664</v>
      </c>
      <c r="E1127" s="1">
        <v>43170.407638888886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  <c r="M1127">
        <v>0</v>
      </c>
      <c r="N1127">
        <v>0</v>
      </c>
      <c r="O1127">
        <v>0</v>
      </c>
      <c r="P1127">
        <v>0</v>
      </c>
      <c r="Q1127">
        <v>0</v>
      </c>
      <c r="R1127">
        <v>0</v>
      </c>
      <c r="S1127">
        <v>0</v>
      </c>
      <c r="T1127">
        <v>0</v>
      </c>
      <c r="U1127">
        <v>0</v>
      </c>
      <c r="V1127">
        <v>0</v>
      </c>
      <c r="W1127">
        <v>0</v>
      </c>
      <c r="X1127">
        <v>0</v>
      </c>
      <c r="Y1127">
        <v>26</v>
      </c>
      <c r="Z1127">
        <v>11</v>
      </c>
      <c r="AA1127">
        <v>142</v>
      </c>
      <c r="AB1127">
        <v>61</v>
      </c>
      <c r="AC1127">
        <v>101</v>
      </c>
      <c r="AD1127">
        <v>25</v>
      </c>
      <c r="AE1127">
        <v>115</v>
      </c>
      <c r="AF1127">
        <v>0</v>
      </c>
      <c r="AG1127">
        <v>50000</v>
      </c>
      <c r="AH1127">
        <v>0</v>
      </c>
      <c r="AI1127">
        <v>50000</v>
      </c>
      <c r="AJ1127">
        <v>0</v>
      </c>
      <c r="AK1127" t="s">
        <v>6</v>
      </c>
      <c r="AL1127">
        <v>0</v>
      </c>
      <c r="AM1127">
        <v>0</v>
      </c>
      <c r="AN1127">
        <v>0</v>
      </c>
      <c r="AO1127">
        <v>0</v>
      </c>
      <c r="AP1127">
        <v>0</v>
      </c>
      <c r="AQ1127">
        <v>0</v>
      </c>
      <c r="AR1127">
        <v>0</v>
      </c>
      <c r="AS1127">
        <v>0</v>
      </c>
      <c r="AT1127">
        <v>0</v>
      </c>
      <c r="AU1127">
        <v>0</v>
      </c>
      <c r="AV1127">
        <v>0</v>
      </c>
      <c r="AW1127">
        <v>0</v>
      </c>
      <c r="AX1127">
        <v>0</v>
      </c>
      <c r="AY1127">
        <v>0</v>
      </c>
      <c r="AZ1127">
        <v>0</v>
      </c>
      <c r="BA1127">
        <v>0</v>
      </c>
    </row>
    <row r="1128" spans="1:53" x14ac:dyDescent="0.4">
      <c r="A1128">
        <v>1172</v>
      </c>
      <c r="B1128" s="1">
        <v>43170</v>
      </c>
      <c r="C1128">
        <v>2</v>
      </c>
      <c r="D1128" s="1">
        <v>43170.407638888886</v>
      </c>
      <c r="E1128" s="1">
        <v>43170.736111111109</v>
      </c>
      <c r="F1128">
        <v>41500</v>
      </c>
      <c r="G1128">
        <v>1340</v>
      </c>
      <c r="H1128">
        <v>0</v>
      </c>
      <c r="I1128">
        <v>0</v>
      </c>
      <c r="J1128">
        <v>0</v>
      </c>
      <c r="K1128">
        <v>0</v>
      </c>
      <c r="L1128">
        <v>0</v>
      </c>
      <c r="M1128">
        <v>3427</v>
      </c>
      <c r="N1128">
        <v>0</v>
      </c>
      <c r="O1128">
        <v>0</v>
      </c>
      <c r="P1128">
        <v>23760</v>
      </c>
      <c r="Q1128">
        <v>0</v>
      </c>
      <c r="R1128">
        <v>70027</v>
      </c>
      <c r="S1128">
        <v>0</v>
      </c>
      <c r="T1128">
        <v>0</v>
      </c>
      <c r="U1128">
        <v>0</v>
      </c>
      <c r="V1128">
        <v>1</v>
      </c>
      <c r="W1128">
        <v>1</v>
      </c>
      <c r="X1128">
        <v>0</v>
      </c>
      <c r="Y1128">
        <v>72</v>
      </c>
      <c r="Z1128">
        <v>28</v>
      </c>
      <c r="AA1128">
        <v>138</v>
      </c>
      <c r="AB1128">
        <v>59</v>
      </c>
      <c r="AC1128">
        <v>202</v>
      </c>
      <c r="AD1128">
        <v>29</v>
      </c>
      <c r="AE1128">
        <v>112</v>
      </c>
      <c r="AF1128">
        <v>0</v>
      </c>
      <c r="AG1128">
        <v>120027</v>
      </c>
      <c r="AH1128">
        <v>50000</v>
      </c>
      <c r="AI1128">
        <v>0</v>
      </c>
      <c r="AJ1128">
        <v>92</v>
      </c>
      <c r="AK1128" t="s">
        <v>22</v>
      </c>
      <c r="AL1128">
        <v>0</v>
      </c>
      <c r="AM1128">
        <v>0</v>
      </c>
      <c r="AN1128">
        <v>0</v>
      </c>
      <c r="AO1128">
        <v>0</v>
      </c>
      <c r="AP1128">
        <v>0</v>
      </c>
      <c r="AQ1128">
        <v>0</v>
      </c>
      <c r="AR1128">
        <v>0</v>
      </c>
      <c r="AS1128">
        <v>0</v>
      </c>
      <c r="AT1128">
        <v>0</v>
      </c>
      <c r="AU1128">
        <v>0</v>
      </c>
      <c r="AV1128">
        <v>0</v>
      </c>
      <c r="AW1128">
        <v>0</v>
      </c>
      <c r="AX1128">
        <v>-2484</v>
      </c>
      <c r="AY1128">
        <v>54</v>
      </c>
      <c r="AZ1128">
        <v>121</v>
      </c>
      <c r="BA1128">
        <v>7847</v>
      </c>
    </row>
    <row r="1129" spans="1:53" x14ac:dyDescent="0.4">
      <c r="A1129">
        <v>1173</v>
      </c>
      <c r="B1129" s="1">
        <v>43171</v>
      </c>
      <c r="C1129">
        <v>1</v>
      </c>
      <c r="D1129" s="1">
        <v>43171.291666666664</v>
      </c>
      <c r="E1129" s="1">
        <v>43171.45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  <c r="M1129">
        <v>0</v>
      </c>
      <c r="N1129">
        <v>0</v>
      </c>
      <c r="O1129">
        <v>0</v>
      </c>
      <c r="P1129">
        <v>0</v>
      </c>
      <c r="Q1129">
        <v>0</v>
      </c>
      <c r="R1129">
        <v>0</v>
      </c>
      <c r="S1129">
        <v>0</v>
      </c>
      <c r="T1129">
        <v>0</v>
      </c>
      <c r="U1129">
        <v>0</v>
      </c>
      <c r="V1129">
        <v>0</v>
      </c>
      <c r="W1129">
        <v>0</v>
      </c>
      <c r="X1129">
        <v>0</v>
      </c>
      <c r="Y1129">
        <v>28</v>
      </c>
      <c r="Z1129">
        <v>7</v>
      </c>
      <c r="AA1129">
        <v>140</v>
      </c>
      <c r="AB1129">
        <v>58</v>
      </c>
      <c r="AC1129">
        <v>135</v>
      </c>
      <c r="AD1129">
        <v>28</v>
      </c>
      <c r="AE1129">
        <v>110</v>
      </c>
      <c r="AF1129">
        <v>0</v>
      </c>
      <c r="AG1129">
        <v>50000</v>
      </c>
      <c r="AH1129">
        <v>0</v>
      </c>
      <c r="AI1129">
        <v>50000</v>
      </c>
      <c r="AJ1129">
        <v>0</v>
      </c>
      <c r="AK1129" t="s">
        <v>6</v>
      </c>
      <c r="AL1129">
        <v>0</v>
      </c>
      <c r="AM1129">
        <v>0</v>
      </c>
      <c r="AN1129">
        <v>0</v>
      </c>
      <c r="AO1129">
        <v>0</v>
      </c>
      <c r="AP1129">
        <v>0</v>
      </c>
      <c r="AQ1129">
        <v>0</v>
      </c>
      <c r="AR1129">
        <v>0</v>
      </c>
      <c r="AS1129">
        <v>0</v>
      </c>
      <c r="AT1129">
        <v>0</v>
      </c>
      <c r="AU1129">
        <v>0</v>
      </c>
      <c r="AV1129">
        <v>0</v>
      </c>
      <c r="AW1129">
        <v>0</v>
      </c>
      <c r="AX1129">
        <v>0</v>
      </c>
      <c r="AY1129">
        <v>0</v>
      </c>
      <c r="AZ1129">
        <v>0</v>
      </c>
      <c r="BA1129">
        <v>0</v>
      </c>
    </row>
    <row r="1130" spans="1:53" x14ac:dyDescent="0.4">
      <c r="A1130">
        <v>1174</v>
      </c>
      <c r="B1130" s="1">
        <v>43171</v>
      </c>
      <c r="C1130">
        <v>2</v>
      </c>
      <c r="D1130" s="1">
        <v>43171.45</v>
      </c>
      <c r="E1130" s="1">
        <v>43171.740972222222</v>
      </c>
      <c r="F1130">
        <v>46500</v>
      </c>
      <c r="G1130">
        <v>3240</v>
      </c>
      <c r="H1130">
        <v>0</v>
      </c>
      <c r="I1130">
        <v>0</v>
      </c>
      <c r="J1130">
        <v>0</v>
      </c>
      <c r="K1130">
        <v>0</v>
      </c>
      <c r="L1130">
        <v>0</v>
      </c>
      <c r="M1130">
        <v>3978</v>
      </c>
      <c r="N1130">
        <v>0</v>
      </c>
      <c r="O1130">
        <v>0</v>
      </c>
      <c r="P1130">
        <v>9180</v>
      </c>
      <c r="Q1130">
        <v>0</v>
      </c>
      <c r="R1130">
        <v>62898</v>
      </c>
      <c r="S1130">
        <v>0</v>
      </c>
      <c r="T1130">
        <v>0</v>
      </c>
      <c r="U1130">
        <v>0</v>
      </c>
      <c r="V1130">
        <v>0</v>
      </c>
      <c r="W1130">
        <v>2</v>
      </c>
      <c r="X1130">
        <v>0</v>
      </c>
      <c r="Y1130">
        <v>69</v>
      </c>
      <c r="Z1130">
        <v>20</v>
      </c>
      <c r="AA1130">
        <v>163</v>
      </c>
      <c r="AB1130">
        <v>62</v>
      </c>
      <c r="AC1130">
        <v>221</v>
      </c>
      <c r="AD1130">
        <v>34</v>
      </c>
      <c r="AE1130">
        <v>111</v>
      </c>
      <c r="AF1130">
        <v>2007</v>
      </c>
      <c r="AG1130">
        <v>112898</v>
      </c>
      <c r="AH1130">
        <v>50000</v>
      </c>
      <c r="AI1130">
        <v>0</v>
      </c>
      <c r="AJ1130">
        <v>84</v>
      </c>
      <c r="AK1130" t="s">
        <v>16</v>
      </c>
      <c r="AL1130">
        <v>0</v>
      </c>
      <c r="AM1130">
        <v>0</v>
      </c>
      <c r="AN1130">
        <v>0</v>
      </c>
      <c r="AO1130">
        <v>0</v>
      </c>
      <c r="AP1130">
        <v>0</v>
      </c>
      <c r="AQ1130">
        <v>0</v>
      </c>
      <c r="AR1130">
        <v>0</v>
      </c>
      <c r="AS1130">
        <v>0</v>
      </c>
      <c r="AT1130">
        <v>0</v>
      </c>
      <c r="AU1130">
        <v>0</v>
      </c>
      <c r="AV1130">
        <v>0</v>
      </c>
      <c r="AW1130">
        <v>0</v>
      </c>
      <c r="AX1130">
        <v>-1015</v>
      </c>
      <c r="AY1130">
        <v>39</v>
      </c>
      <c r="AZ1130">
        <v>89</v>
      </c>
      <c r="BA1130">
        <v>6942</v>
      </c>
    </row>
    <row r="1131" spans="1:53" x14ac:dyDescent="0.4">
      <c r="A1131">
        <v>1175</v>
      </c>
      <c r="B1131" s="1">
        <v>43172</v>
      </c>
      <c r="C1131">
        <v>1</v>
      </c>
      <c r="D1131" s="1">
        <v>43172.291666666664</v>
      </c>
      <c r="E1131" s="1">
        <v>43172.449305555558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0</v>
      </c>
      <c r="O1131">
        <v>0</v>
      </c>
      <c r="P1131">
        <v>0</v>
      </c>
      <c r="Q1131">
        <v>0</v>
      </c>
      <c r="R1131">
        <v>0</v>
      </c>
      <c r="S1131">
        <v>0</v>
      </c>
      <c r="T1131">
        <v>0</v>
      </c>
      <c r="U1131">
        <v>0</v>
      </c>
      <c r="V1131">
        <v>0</v>
      </c>
      <c r="W1131">
        <v>0</v>
      </c>
      <c r="X1131">
        <v>0</v>
      </c>
      <c r="Y1131">
        <v>25</v>
      </c>
      <c r="Z1131">
        <v>10</v>
      </c>
      <c r="AA1131">
        <v>150</v>
      </c>
      <c r="AB1131">
        <v>69</v>
      </c>
      <c r="AC1131">
        <v>123</v>
      </c>
      <c r="AD1131">
        <v>41</v>
      </c>
      <c r="AE1131">
        <v>115</v>
      </c>
      <c r="AF1131">
        <v>0</v>
      </c>
      <c r="AG1131">
        <v>50000</v>
      </c>
      <c r="AH1131">
        <v>0</v>
      </c>
      <c r="AI1131">
        <v>50000</v>
      </c>
      <c r="AJ1131">
        <v>0</v>
      </c>
      <c r="AK1131" t="s">
        <v>6</v>
      </c>
      <c r="AL1131">
        <v>0</v>
      </c>
      <c r="AM1131">
        <v>0</v>
      </c>
      <c r="AN1131">
        <v>0</v>
      </c>
      <c r="AO1131">
        <v>0</v>
      </c>
      <c r="AP1131">
        <v>0</v>
      </c>
      <c r="AQ1131">
        <v>0</v>
      </c>
      <c r="AR1131">
        <v>0</v>
      </c>
      <c r="AS1131">
        <v>0</v>
      </c>
      <c r="AT1131">
        <v>0</v>
      </c>
      <c r="AU1131">
        <v>0</v>
      </c>
      <c r="AV1131">
        <v>0</v>
      </c>
      <c r="AW1131">
        <v>0</v>
      </c>
      <c r="AX1131">
        <v>0</v>
      </c>
      <c r="AY1131">
        <v>0</v>
      </c>
      <c r="AZ1131">
        <v>0</v>
      </c>
      <c r="BA1131">
        <v>0</v>
      </c>
    </row>
    <row r="1132" spans="1:53" x14ac:dyDescent="0.4">
      <c r="A1132">
        <v>1176</v>
      </c>
      <c r="B1132" s="1">
        <v>43172</v>
      </c>
      <c r="C1132">
        <v>2</v>
      </c>
      <c r="D1132" s="1">
        <v>43172.449305555558</v>
      </c>
      <c r="E1132" s="1">
        <v>43172.73541666667</v>
      </c>
      <c r="F1132">
        <v>25500</v>
      </c>
      <c r="G1132">
        <v>1000</v>
      </c>
      <c r="H1132">
        <v>0</v>
      </c>
      <c r="I1132">
        <v>0</v>
      </c>
      <c r="J1132">
        <v>0</v>
      </c>
      <c r="K1132">
        <v>0</v>
      </c>
      <c r="L1132">
        <v>0</v>
      </c>
      <c r="M1132">
        <v>2120</v>
      </c>
      <c r="N1132">
        <v>0</v>
      </c>
      <c r="O1132">
        <v>0</v>
      </c>
      <c r="P1132">
        <v>25380</v>
      </c>
      <c r="Q1132">
        <v>0</v>
      </c>
      <c r="R1132">
        <v>54000</v>
      </c>
      <c r="S1132">
        <v>0</v>
      </c>
      <c r="T1132">
        <v>0</v>
      </c>
      <c r="U1132">
        <v>0</v>
      </c>
      <c r="V1132">
        <v>3</v>
      </c>
      <c r="W1132">
        <v>4</v>
      </c>
      <c r="X1132">
        <v>0</v>
      </c>
      <c r="Y1132">
        <v>21</v>
      </c>
      <c r="Z1132">
        <v>15</v>
      </c>
      <c r="AA1132">
        <v>163</v>
      </c>
      <c r="AB1132">
        <v>76</v>
      </c>
      <c r="AC1132">
        <v>234</v>
      </c>
      <c r="AD1132">
        <v>48</v>
      </c>
      <c r="AE1132">
        <v>114</v>
      </c>
      <c r="AF1132">
        <v>2706</v>
      </c>
      <c r="AG1132">
        <v>104000</v>
      </c>
      <c r="AH1132">
        <v>50000</v>
      </c>
      <c r="AI1132">
        <v>0</v>
      </c>
      <c r="AJ1132">
        <v>94</v>
      </c>
      <c r="AK1132" t="s">
        <v>26</v>
      </c>
      <c r="AL1132">
        <v>0</v>
      </c>
      <c r="AM1132">
        <v>0</v>
      </c>
      <c r="AN1132">
        <v>0</v>
      </c>
      <c r="AO1132">
        <v>0</v>
      </c>
      <c r="AP1132">
        <v>0</v>
      </c>
      <c r="AQ1132">
        <v>0</v>
      </c>
      <c r="AR1132">
        <v>0</v>
      </c>
      <c r="AS1132">
        <v>0</v>
      </c>
      <c r="AT1132">
        <v>0</v>
      </c>
      <c r="AU1132">
        <v>0</v>
      </c>
      <c r="AV1132">
        <v>0</v>
      </c>
      <c r="AW1132">
        <v>0</v>
      </c>
      <c r="AX1132">
        <v>-540</v>
      </c>
      <c r="AY1132">
        <v>45</v>
      </c>
      <c r="AZ1132">
        <v>92</v>
      </c>
      <c r="BA1132">
        <v>6401</v>
      </c>
    </row>
    <row r="1133" spans="1:53" x14ac:dyDescent="0.4">
      <c r="A1133">
        <v>1177</v>
      </c>
      <c r="B1133" s="1">
        <v>43172</v>
      </c>
      <c r="C1133">
        <v>3</v>
      </c>
      <c r="D1133" s="1">
        <v>43172.73541666667</v>
      </c>
      <c r="E1133" s="1">
        <v>43172.961111111108</v>
      </c>
      <c r="F1133">
        <v>48670</v>
      </c>
      <c r="G1133">
        <v>2740</v>
      </c>
      <c r="H1133">
        <v>0</v>
      </c>
      <c r="I1133">
        <v>0</v>
      </c>
      <c r="J1133">
        <v>0</v>
      </c>
      <c r="K1133">
        <v>0</v>
      </c>
      <c r="L1133">
        <v>0</v>
      </c>
      <c r="M1133">
        <v>4112</v>
      </c>
      <c r="N1133">
        <v>0</v>
      </c>
      <c r="O1133">
        <v>0</v>
      </c>
      <c r="P1133">
        <v>-11556</v>
      </c>
      <c r="Q1133">
        <v>0</v>
      </c>
      <c r="R1133">
        <v>43966</v>
      </c>
      <c r="S1133">
        <v>0</v>
      </c>
      <c r="T1133">
        <v>0</v>
      </c>
      <c r="U1133">
        <v>0</v>
      </c>
      <c r="V1133">
        <v>4</v>
      </c>
      <c r="W1133">
        <v>5</v>
      </c>
      <c r="X1133">
        <v>0</v>
      </c>
      <c r="Y1133">
        <v>29</v>
      </c>
      <c r="Z1133">
        <v>20</v>
      </c>
      <c r="AA1133">
        <v>173</v>
      </c>
      <c r="AB1133">
        <v>79</v>
      </c>
      <c r="AC1133">
        <v>240</v>
      </c>
      <c r="AD1133">
        <v>48</v>
      </c>
      <c r="AE1133">
        <v>112</v>
      </c>
      <c r="AF1133">
        <v>19964</v>
      </c>
      <c r="AG1133">
        <v>147966</v>
      </c>
      <c r="AH1133">
        <v>50000</v>
      </c>
      <c r="AI1133">
        <v>0</v>
      </c>
      <c r="AJ1133">
        <v>29</v>
      </c>
      <c r="AK1133" t="s">
        <v>28</v>
      </c>
      <c r="AL1133">
        <v>0</v>
      </c>
      <c r="AM1133">
        <v>0</v>
      </c>
      <c r="AN1133">
        <v>0</v>
      </c>
      <c r="AO1133">
        <v>0</v>
      </c>
      <c r="AP1133">
        <v>0</v>
      </c>
      <c r="AQ1133">
        <v>0</v>
      </c>
      <c r="AR1133">
        <v>0</v>
      </c>
      <c r="AS1133">
        <v>0</v>
      </c>
      <c r="AT1133">
        <v>0</v>
      </c>
      <c r="AU1133">
        <v>0</v>
      </c>
      <c r="AV1133">
        <v>0</v>
      </c>
      <c r="AW1133">
        <v>0</v>
      </c>
      <c r="AX1133">
        <v>14097</v>
      </c>
      <c r="AY1133">
        <v>15</v>
      </c>
      <c r="AZ1133">
        <v>44</v>
      </c>
      <c r="BA1133">
        <v>3068</v>
      </c>
    </row>
    <row r="1134" spans="1:53" x14ac:dyDescent="0.4">
      <c r="A1134">
        <v>1178</v>
      </c>
      <c r="B1134" s="1">
        <v>43173</v>
      </c>
      <c r="C1134">
        <v>1</v>
      </c>
      <c r="D1134" s="1">
        <v>43173.291666666664</v>
      </c>
      <c r="E1134" s="1">
        <v>43173.45208333333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  <c r="M1134">
        <v>0</v>
      </c>
      <c r="N1134">
        <v>0</v>
      </c>
      <c r="O1134">
        <v>0</v>
      </c>
      <c r="P1134">
        <v>0</v>
      </c>
      <c r="Q1134">
        <v>0</v>
      </c>
      <c r="R1134">
        <v>0</v>
      </c>
      <c r="S1134">
        <v>0</v>
      </c>
      <c r="T1134">
        <v>0</v>
      </c>
      <c r="U1134">
        <v>0</v>
      </c>
      <c r="V1134">
        <v>0</v>
      </c>
      <c r="W1134">
        <v>0</v>
      </c>
      <c r="X1134">
        <v>0</v>
      </c>
      <c r="Y1134">
        <v>25</v>
      </c>
      <c r="Z1134">
        <v>15</v>
      </c>
      <c r="AA1134">
        <v>120</v>
      </c>
      <c r="AB1134">
        <v>76</v>
      </c>
      <c r="AC1134">
        <v>135</v>
      </c>
      <c r="AD1134">
        <v>49</v>
      </c>
      <c r="AE1134">
        <v>105</v>
      </c>
      <c r="AF1134">
        <v>0</v>
      </c>
      <c r="AG1134">
        <v>50000</v>
      </c>
      <c r="AH1134">
        <v>0</v>
      </c>
      <c r="AI1134">
        <v>50000</v>
      </c>
      <c r="AJ1134">
        <v>0</v>
      </c>
      <c r="AK1134" t="s">
        <v>6</v>
      </c>
      <c r="AL1134">
        <v>0</v>
      </c>
      <c r="AM1134">
        <v>0</v>
      </c>
      <c r="AN1134">
        <v>0</v>
      </c>
      <c r="AO1134">
        <v>0</v>
      </c>
      <c r="AP1134">
        <v>0</v>
      </c>
      <c r="AQ1134">
        <v>0</v>
      </c>
      <c r="AR1134">
        <v>0</v>
      </c>
      <c r="AS1134">
        <v>0</v>
      </c>
      <c r="AT1134">
        <v>0</v>
      </c>
      <c r="AU1134">
        <v>0</v>
      </c>
      <c r="AV1134">
        <v>0</v>
      </c>
      <c r="AW1134">
        <v>0</v>
      </c>
      <c r="AX1134">
        <v>0</v>
      </c>
      <c r="AY1134">
        <v>0</v>
      </c>
      <c r="AZ1134">
        <v>0</v>
      </c>
      <c r="BA1134">
        <v>0</v>
      </c>
    </row>
    <row r="1135" spans="1:53" x14ac:dyDescent="0.4">
      <c r="A1135">
        <v>1179</v>
      </c>
      <c r="B1135" s="1">
        <v>43173</v>
      </c>
      <c r="C1135">
        <v>2</v>
      </c>
      <c r="D1135" s="1">
        <v>43173.45208333333</v>
      </c>
      <c r="E1135" s="1">
        <v>43173.743055555555</v>
      </c>
      <c r="F1135">
        <v>40000</v>
      </c>
      <c r="G1135">
        <v>2760</v>
      </c>
      <c r="H1135">
        <v>0</v>
      </c>
      <c r="I1135">
        <v>0</v>
      </c>
      <c r="J1135">
        <v>0</v>
      </c>
      <c r="K1135">
        <v>0</v>
      </c>
      <c r="L1135">
        <v>0</v>
      </c>
      <c r="M1135">
        <v>3420</v>
      </c>
      <c r="N1135">
        <v>0</v>
      </c>
      <c r="O1135">
        <v>0</v>
      </c>
      <c r="P1135">
        <v>12690</v>
      </c>
      <c r="Q1135">
        <v>0</v>
      </c>
      <c r="R1135">
        <v>58870</v>
      </c>
      <c r="S1135">
        <v>0</v>
      </c>
      <c r="T1135">
        <v>0</v>
      </c>
      <c r="U1135">
        <v>0</v>
      </c>
      <c r="V1135">
        <v>2</v>
      </c>
      <c r="W1135">
        <v>0</v>
      </c>
      <c r="X1135">
        <v>0</v>
      </c>
      <c r="Y1135">
        <v>52</v>
      </c>
      <c r="Z1135">
        <v>31</v>
      </c>
      <c r="AA1135">
        <v>149</v>
      </c>
      <c r="AB1135">
        <v>85</v>
      </c>
      <c r="AC1135">
        <v>190</v>
      </c>
      <c r="AD1135">
        <v>52</v>
      </c>
      <c r="AE1135">
        <v>110</v>
      </c>
      <c r="AF1135">
        <v>0</v>
      </c>
      <c r="AG1135">
        <v>108920</v>
      </c>
      <c r="AH1135">
        <v>50000</v>
      </c>
      <c r="AI1135">
        <v>50</v>
      </c>
      <c r="AJ1135">
        <v>84</v>
      </c>
      <c r="AK1135" t="s">
        <v>16</v>
      </c>
      <c r="AL1135">
        <v>0</v>
      </c>
      <c r="AM1135">
        <v>0</v>
      </c>
      <c r="AN1135">
        <v>0</v>
      </c>
      <c r="AO1135">
        <v>0</v>
      </c>
      <c r="AP1135">
        <v>0</v>
      </c>
      <c r="AQ1135">
        <v>0</v>
      </c>
      <c r="AR1135">
        <v>0</v>
      </c>
      <c r="AS1135">
        <v>0</v>
      </c>
      <c r="AT1135">
        <v>0</v>
      </c>
      <c r="AU1135">
        <v>0</v>
      </c>
      <c r="AV1135">
        <v>0</v>
      </c>
      <c r="AW1135">
        <v>0</v>
      </c>
      <c r="AX1135">
        <v>-2700</v>
      </c>
      <c r="AY1135">
        <v>41</v>
      </c>
      <c r="AZ1135">
        <v>93</v>
      </c>
      <c r="BA1135">
        <v>6760</v>
      </c>
    </row>
    <row r="1136" spans="1:53" x14ac:dyDescent="0.4">
      <c r="A1136">
        <v>1180</v>
      </c>
      <c r="B1136" s="1">
        <v>43173</v>
      </c>
      <c r="C1136">
        <v>3</v>
      </c>
      <c r="D1136" s="1">
        <v>43173.743055555555</v>
      </c>
      <c r="E1136" s="1">
        <v>43173.952777777777</v>
      </c>
      <c r="F1136">
        <v>42410</v>
      </c>
      <c r="G1136">
        <v>1080</v>
      </c>
      <c r="H1136">
        <v>0</v>
      </c>
      <c r="I1136">
        <v>0</v>
      </c>
      <c r="J1136">
        <v>0</v>
      </c>
      <c r="K1136">
        <v>0</v>
      </c>
      <c r="L1136">
        <v>0</v>
      </c>
      <c r="M1136">
        <v>3479</v>
      </c>
      <c r="N1136">
        <v>0</v>
      </c>
      <c r="O1136">
        <v>0</v>
      </c>
      <c r="P1136">
        <v>3726</v>
      </c>
      <c r="Q1136">
        <v>0</v>
      </c>
      <c r="R1136">
        <v>50695</v>
      </c>
      <c r="S1136">
        <v>0</v>
      </c>
      <c r="T1136">
        <v>0</v>
      </c>
      <c r="U1136">
        <v>0</v>
      </c>
      <c r="V1136">
        <v>5</v>
      </c>
      <c r="W1136">
        <v>1</v>
      </c>
      <c r="X1136">
        <v>0</v>
      </c>
      <c r="Y1136">
        <v>65</v>
      </c>
      <c r="Z1136">
        <v>32</v>
      </c>
      <c r="AA1136">
        <v>135</v>
      </c>
      <c r="AB1136">
        <v>81</v>
      </c>
      <c r="AC1136">
        <v>178</v>
      </c>
      <c r="AD1136">
        <v>51</v>
      </c>
      <c r="AE1136">
        <v>109</v>
      </c>
      <c r="AF1136">
        <v>2441</v>
      </c>
      <c r="AG1136">
        <v>158135</v>
      </c>
      <c r="AH1136">
        <v>50000</v>
      </c>
      <c r="AI1136">
        <v>-1430</v>
      </c>
      <c r="AJ1136">
        <v>29</v>
      </c>
      <c r="AK1136" t="s">
        <v>28</v>
      </c>
      <c r="AL1136">
        <v>0</v>
      </c>
      <c r="AM1136">
        <v>0</v>
      </c>
      <c r="AN1136">
        <v>0</v>
      </c>
      <c r="AO1136">
        <v>0</v>
      </c>
      <c r="AP1136">
        <v>0</v>
      </c>
      <c r="AQ1136">
        <v>0</v>
      </c>
      <c r="AR1136">
        <v>0</v>
      </c>
      <c r="AS1136">
        <v>0</v>
      </c>
      <c r="AT1136">
        <v>0</v>
      </c>
      <c r="AU1136">
        <v>0</v>
      </c>
      <c r="AV1136">
        <v>0</v>
      </c>
      <c r="AW1136">
        <v>0</v>
      </c>
      <c r="AX1136">
        <v>30782</v>
      </c>
      <c r="AY1136">
        <v>22</v>
      </c>
      <c r="AZ1136">
        <v>61</v>
      </c>
      <c r="BA1136">
        <v>2942</v>
      </c>
    </row>
    <row r="1137" spans="1:53" x14ac:dyDescent="0.4">
      <c r="A1137">
        <v>1181</v>
      </c>
      <c r="B1137" s="1">
        <v>43173</v>
      </c>
      <c r="C1137">
        <v>4</v>
      </c>
      <c r="D1137" s="1">
        <v>43173.952777777777</v>
      </c>
      <c r="E1137" s="1">
        <v>43173.960416666669</v>
      </c>
      <c r="F1137">
        <v>8400</v>
      </c>
      <c r="G1137">
        <v>0</v>
      </c>
      <c r="H1137">
        <v>0</v>
      </c>
      <c r="I1137">
        <v>0</v>
      </c>
      <c r="J1137">
        <v>0</v>
      </c>
      <c r="K1137">
        <v>0</v>
      </c>
      <c r="L1137">
        <v>0</v>
      </c>
      <c r="M1137">
        <v>672</v>
      </c>
      <c r="N1137">
        <v>0</v>
      </c>
      <c r="O1137">
        <v>0</v>
      </c>
      <c r="P1137">
        <v>-2592</v>
      </c>
      <c r="Q1137">
        <v>0</v>
      </c>
      <c r="R1137">
        <v>6480</v>
      </c>
      <c r="S1137">
        <v>0</v>
      </c>
      <c r="T1137">
        <v>0</v>
      </c>
      <c r="U1137">
        <v>0</v>
      </c>
      <c r="V1137">
        <v>5</v>
      </c>
      <c r="W1137">
        <v>2</v>
      </c>
      <c r="X1137">
        <v>0</v>
      </c>
      <c r="Y1137">
        <v>66</v>
      </c>
      <c r="Z1137">
        <v>33</v>
      </c>
      <c r="AA1137">
        <v>134</v>
      </c>
      <c r="AB1137">
        <v>82</v>
      </c>
      <c r="AC1137">
        <v>181</v>
      </c>
      <c r="AD1137">
        <v>51</v>
      </c>
      <c r="AE1137">
        <v>109</v>
      </c>
      <c r="AF1137">
        <v>3921</v>
      </c>
      <c r="AG1137">
        <v>166095</v>
      </c>
      <c r="AH1137">
        <v>50000</v>
      </c>
      <c r="AI1137">
        <v>50</v>
      </c>
      <c r="AJ1137">
        <v>90</v>
      </c>
      <c r="AK1137" t="s">
        <v>24</v>
      </c>
      <c r="AL1137">
        <v>0</v>
      </c>
      <c r="AM1137">
        <v>0</v>
      </c>
      <c r="AN1137">
        <v>0</v>
      </c>
      <c r="AO1137">
        <v>0</v>
      </c>
      <c r="AP1137">
        <v>0</v>
      </c>
      <c r="AQ1137">
        <v>0</v>
      </c>
      <c r="AR1137">
        <v>0</v>
      </c>
      <c r="AS1137">
        <v>0</v>
      </c>
      <c r="AT1137">
        <v>0</v>
      </c>
      <c r="AU1137">
        <v>0</v>
      </c>
      <c r="AV1137">
        <v>0</v>
      </c>
      <c r="AW1137">
        <v>0</v>
      </c>
      <c r="AX1137">
        <v>30242</v>
      </c>
      <c r="AY1137">
        <v>0</v>
      </c>
      <c r="AZ1137">
        <v>0</v>
      </c>
      <c r="BA1137">
        <v>116</v>
      </c>
    </row>
    <row r="1138" spans="1:53" x14ac:dyDescent="0.4">
      <c r="A1138">
        <v>1182</v>
      </c>
      <c r="B1138" s="1">
        <v>43174</v>
      </c>
      <c r="C1138">
        <v>1</v>
      </c>
      <c r="D1138" s="1">
        <v>43174.291666666664</v>
      </c>
      <c r="E1138" s="1">
        <v>43174.452777777777</v>
      </c>
      <c r="F1138">
        <v>0</v>
      </c>
      <c r="G1138">
        <v>0</v>
      </c>
      <c r="H1138">
        <v>0</v>
      </c>
      <c r="I1138">
        <v>0</v>
      </c>
      <c r="J1138">
        <v>0</v>
      </c>
      <c r="K1138">
        <v>0</v>
      </c>
      <c r="L1138">
        <v>0</v>
      </c>
      <c r="M1138">
        <v>0</v>
      </c>
      <c r="N1138">
        <v>0</v>
      </c>
      <c r="O1138">
        <v>0</v>
      </c>
      <c r="P1138">
        <v>0</v>
      </c>
      <c r="Q1138">
        <v>0</v>
      </c>
      <c r="R1138">
        <v>0</v>
      </c>
      <c r="S1138">
        <v>0</v>
      </c>
      <c r="T1138">
        <v>0</v>
      </c>
      <c r="U1138">
        <v>0</v>
      </c>
      <c r="V1138">
        <v>0</v>
      </c>
      <c r="W1138">
        <v>0</v>
      </c>
      <c r="X1138">
        <v>0</v>
      </c>
      <c r="Y1138">
        <v>26</v>
      </c>
      <c r="Z1138">
        <v>19</v>
      </c>
      <c r="AA1138">
        <v>84</v>
      </c>
      <c r="AB1138">
        <v>82</v>
      </c>
      <c r="AC1138">
        <v>166</v>
      </c>
      <c r="AD1138">
        <v>49</v>
      </c>
      <c r="AE1138">
        <v>95</v>
      </c>
      <c r="AF1138">
        <v>0</v>
      </c>
      <c r="AG1138">
        <v>50000</v>
      </c>
      <c r="AH1138">
        <v>0</v>
      </c>
      <c r="AI1138">
        <v>50000</v>
      </c>
      <c r="AJ1138">
        <v>0</v>
      </c>
      <c r="AK1138" t="s">
        <v>6</v>
      </c>
      <c r="AL1138">
        <v>0</v>
      </c>
      <c r="AM1138">
        <v>0</v>
      </c>
      <c r="AN1138">
        <v>0</v>
      </c>
      <c r="AO1138">
        <v>0</v>
      </c>
      <c r="AP1138">
        <v>0</v>
      </c>
      <c r="AQ1138">
        <v>0</v>
      </c>
      <c r="AR1138">
        <v>0</v>
      </c>
      <c r="AS1138">
        <v>0</v>
      </c>
      <c r="AT1138">
        <v>0</v>
      </c>
      <c r="AU1138">
        <v>0</v>
      </c>
      <c r="AV1138">
        <v>0</v>
      </c>
      <c r="AW1138">
        <v>0</v>
      </c>
      <c r="AX1138">
        <v>0</v>
      </c>
      <c r="AY1138">
        <v>0</v>
      </c>
      <c r="AZ1138">
        <v>0</v>
      </c>
      <c r="BA1138">
        <v>0</v>
      </c>
    </row>
    <row r="1139" spans="1:53" x14ac:dyDescent="0.4">
      <c r="A1139">
        <v>1183</v>
      </c>
      <c r="B1139" s="1">
        <v>43174</v>
      </c>
      <c r="C1139">
        <v>2</v>
      </c>
      <c r="D1139" s="1">
        <v>43174.452777777777</v>
      </c>
      <c r="E1139" s="1">
        <v>43174.765277777777</v>
      </c>
      <c r="F1139">
        <v>42500</v>
      </c>
      <c r="G1139">
        <v>2180</v>
      </c>
      <c r="H1139">
        <v>0</v>
      </c>
      <c r="I1139">
        <v>0</v>
      </c>
      <c r="J1139">
        <v>0</v>
      </c>
      <c r="K1139">
        <v>0</v>
      </c>
      <c r="L1139">
        <v>0</v>
      </c>
      <c r="M1139">
        <v>3574</v>
      </c>
      <c r="N1139">
        <v>0</v>
      </c>
      <c r="O1139">
        <v>0</v>
      </c>
      <c r="P1139">
        <v>7560</v>
      </c>
      <c r="Q1139">
        <v>0</v>
      </c>
      <c r="R1139">
        <v>55814</v>
      </c>
      <c r="S1139">
        <v>0</v>
      </c>
      <c r="T1139">
        <v>0</v>
      </c>
      <c r="U1139">
        <v>0</v>
      </c>
      <c r="V1139">
        <v>0</v>
      </c>
      <c r="W1139">
        <v>0</v>
      </c>
      <c r="X1139">
        <v>0</v>
      </c>
      <c r="Y1139">
        <v>69</v>
      </c>
      <c r="Z1139">
        <v>32</v>
      </c>
      <c r="AA1139">
        <v>136</v>
      </c>
      <c r="AB1139">
        <v>92</v>
      </c>
      <c r="AC1139">
        <v>224</v>
      </c>
      <c r="AD1139">
        <v>56</v>
      </c>
      <c r="AE1139">
        <v>94</v>
      </c>
      <c r="AF1139">
        <v>0</v>
      </c>
      <c r="AG1139">
        <v>105814</v>
      </c>
      <c r="AH1139">
        <v>50000</v>
      </c>
      <c r="AI1139">
        <v>0</v>
      </c>
      <c r="AJ1139">
        <v>96</v>
      </c>
      <c r="AK1139" t="s">
        <v>4</v>
      </c>
      <c r="AL1139">
        <v>0</v>
      </c>
      <c r="AM1139">
        <v>0</v>
      </c>
      <c r="AN1139">
        <v>0</v>
      </c>
      <c r="AO1139">
        <v>0</v>
      </c>
      <c r="AP1139">
        <v>0</v>
      </c>
      <c r="AQ1139">
        <v>0</v>
      </c>
      <c r="AR1139">
        <v>0</v>
      </c>
      <c r="AS1139">
        <v>0</v>
      </c>
      <c r="AT1139">
        <v>0</v>
      </c>
      <c r="AU1139">
        <v>0</v>
      </c>
      <c r="AV1139">
        <v>0</v>
      </c>
      <c r="AW1139">
        <v>0</v>
      </c>
      <c r="AX1139">
        <v>540</v>
      </c>
      <c r="AY1139">
        <v>39</v>
      </c>
      <c r="AZ1139">
        <v>88</v>
      </c>
      <c r="BA1139">
        <v>6734</v>
      </c>
    </row>
    <row r="1140" spans="1:53" x14ac:dyDescent="0.4">
      <c r="A1140">
        <v>1184</v>
      </c>
      <c r="B1140" s="1">
        <v>43174</v>
      </c>
      <c r="C1140">
        <v>3</v>
      </c>
      <c r="D1140" s="1">
        <v>43174.765277777777</v>
      </c>
      <c r="E1140" s="1">
        <v>43174.951388888891</v>
      </c>
      <c r="F1140">
        <v>57500</v>
      </c>
      <c r="G1140">
        <v>940</v>
      </c>
      <c r="H1140">
        <v>0</v>
      </c>
      <c r="I1140">
        <v>0</v>
      </c>
      <c r="J1140">
        <v>0</v>
      </c>
      <c r="K1140">
        <v>0</v>
      </c>
      <c r="L1140">
        <v>0</v>
      </c>
      <c r="M1140">
        <v>4675</v>
      </c>
      <c r="N1140">
        <v>0</v>
      </c>
      <c r="O1140">
        <v>0</v>
      </c>
      <c r="P1140">
        <v>1512</v>
      </c>
      <c r="Q1140">
        <v>0</v>
      </c>
      <c r="R1140">
        <v>64627</v>
      </c>
      <c r="S1140">
        <v>0</v>
      </c>
      <c r="T1140">
        <v>0</v>
      </c>
      <c r="U1140">
        <v>0</v>
      </c>
      <c r="V1140">
        <v>1</v>
      </c>
      <c r="W1140">
        <v>2</v>
      </c>
      <c r="X1140">
        <v>0</v>
      </c>
      <c r="Y1140">
        <v>84</v>
      </c>
      <c r="Z1140">
        <v>35</v>
      </c>
      <c r="AA1140">
        <v>118</v>
      </c>
      <c r="AB1140">
        <v>87</v>
      </c>
      <c r="AC1140">
        <v>224</v>
      </c>
      <c r="AD1140">
        <v>56</v>
      </c>
      <c r="AE1140">
        <v>96</v>
      </c>
      <c r="AF1140">
        <v>30175</v>
      </c>
      <c r="AG1140">
        <v>170441</v>
      </c>
      <c r="AH1140">
        <v>50000</v>
      </c>
      <c r="AI1140">
        <v>0</v>
      </c>
      <c r="AJ1140">
        <v>90</v>
      </c>
      <c r="AK1140" t="s">
        <v>24</v>
      </c>
      <c r="AL1140">
        <v>0</v>
      </c>
      <c r="AM1140">
        <v>0</v>
      </c>
      <c r="AN1140">
        <v>0</v>
      </c>
      <c r="AO1140">
        <v>0</v>
      </c>
      <c r="AP1140">
        <v>0</v>
      </c>
      <c r="AQ1140">
        <v>0</v>
      </c>
      <c r="AR1140">
        <v>0</v>
      </c>
      <c r="AS1140">
        <v>0</v>
      </c>
      <c r="AT1140">
        <v>0</v>
      </c>
      <c r="AU1140">
        <v>0</v>
      </c>
      <c r="AV1140">
        <v>0</v>
      </c>
      <c r="AW1140">
        <v>0</v>
      </c>
      <c r="AX1140">
        <v>13716</v>
      </c>
      <c r="AY1140">
        <v>18</v>
      </c>
      <c r="AZ1140">
        <v>62</v>
      </c>
      <c r="BA1140">
        <v>2179</v>
      </c>
    </row>
    <row r="1141" spans="1:53" x14ac:dyDescent="0.4">
      <c r="A1141">
        <v>1185</v>
      </c>
      <c r="B1141" s="1">
        <v>43175</v>
      </c>
      <c r="C1141">
        <v>1</v>
      </c>
      <c r="D1141" s="1">
        <v>43175.291666666664</v>
      </c>
      <c r="E1141" s="1">
        <v>43175.450694444444</v>
      </c>
      <c r="F1141">
        <v>0</v>
      </c>
      <c r="G1141">
        <v>0</v>
      </c>
      <c r="H1141">
        <v>0</v>
      </c>
      <c r="I1141">
        <v>0</v>
      </c>
      <c r="J1141">
        <v>0</v>
      </c>
      <c r="K1141">
        <v>0</v>
      </c>
      <c r="L1141">
        <v>0</v>
      </c>
      <c r="M1141">
        <v>0</v>
      </c>
      <c r="N1141">
        <v>0</v>
      </c>
      <c r="O1141">
        <v>0</v>
      </c>
      <c r="P1141">
        <v>0</v>
      </c>
      <c r="Q1141">
        <v>0</v>
      </c>
      <c r="R1141">
        <v>0</v>
      </c>
      <c r="S1141">
        <v>0</v>
      </c>
      <c r="T1141">
        <v>0</v>
      </c>
      <c r="U1141">
        <v>0</v>
      </c>
      <c r="V1141">
        <v>0</v>
      </c>
      <c r="W1141">
        <v>0</v>
      </c>
      <c r="X1141">
        <v>0</v>
      </c>
      <c r="Y1141">
        <v>28</v>
      </c>
      <c r="Z1141">
        <v>9</v>
      </c>
      <c r="AA1141">
        <v>118</v>
      </c>
      <c r="AB1141">
        <v>83</v>
      </c>
      <c r="AC1141">
        <v>120</v>
      </c>
      <c r="AD1141">
        <v>51</v>
      </c>
      <c r="AE1141">
        <v>95</v>
      </c>
      <c r="AF1141">
        <v>0</v>
      </c>
      <c r="AG1141">
        <v>50000</v>
      </c>
      <c r="AH1141">
        <v>0</v>
      </c>
      <c r="AI1141">
        <v>50000</v>
      </c>
      <c r="AJ1141">
        <v>0</v>
      </c>
      <c r="AK1141" t="s">
        <v>6</v>
      </c>
      <c r="AL1141">
        <v>0</v>
      </c>
      <c r="AM1141">
        <v>0</v>
      </c>
      <c r="AN1141">
        <v>0</v>
      </c>
      <c r="AO1141">
        <v>0</v>
      </c>
      <c r="AP1141">
        <v>0</v>
      </c>
      <c r="AQ1141">
        <v>0</v>
      </c>
      <c r="AR1141">
        <v>0</v>
      </c>
      <c r="AS1141">
        <v>0</v>
      </c>
      <c r="AT1141">
        <v>0</v>
      </c>
      <c r="AU1141">
        <v>0</v>
      </c>
      <c r="AV1141">
        <v>0</v>
      </c>
      <c r="AW1141">
        <v>0</v>
      </c>
      <c r="AX1141">
        <v>0</v>
      </c>
      <c r="AY1141">
        <v>0</v>
      </c>
      <c r="AZ1141">
        <v>0</v>
      </c>
      <c r="BA1141">
        <v>0</v>
      </c>
    </row>
    <row r="1142" spans="1:53" x14ac:dyDescent="0.4">
      <c r="A1142">
        <v>1186</v>
      </c>
      <c r="B1142" s="1">
        <v>43175</v>
      </c>
      <c r="C1142">
        <v>2</v>
      </c>
      <c r="D1142" s="1">
        <v>43175.450694444444</v>
      </c>
      <c r="E1142" s="1">
        <v>43175.734027777777</v>
      </c>
      <c r="F1142">
        <v>42500</v>
      </c>
      <c r="G1142">
        <v>2520</v>
      </c>
      <c r="H1142">
        <v>0</v>
      </c>
      <c r="I1142">
        <v>0</v>
      </c>
      <c r="J1142">
        <v>0</v>
      </c>
      <c r="K1142">
        <v>0</v>
      </c>
      <c r="L1142">
        <v>0</v>
      </c>
      <c r="M1142">
        <v>3601</v>
      </c>
      <c r="N1142">
        <v>0</v>
      </c>
      <c r="O1142">
        <v>0</v>
      </c>
      <c r="P1142">
        <v>8100</v>
      </c>
      <c r="Q1142">
        <v>0</v>
      </c>
      <c r="R1142">
        <v>56721</v>
      </c>
      <c r="S1142">
        <v>0</v>
      </c>
      <c r="T1142">
        <v>0</v>
      </c>
      <c r="U1142">
        <v>0</v>
      </c>
      <c r="V1142">
        <v>1</v>
      </c>
      <c r="W1142">
        <v>1</v>
      </c>
      <c r="X1142">
        <v>0</v>
      </c>
      <c r="Y1142">
        <v>47</v>
      </c>
      <c r="Z1142">
        <v>33</v>
      </c>
      <c r="AA1142">
        <v>133</v>
      </c>
      <c r="AB1142">
        <v>92</v>
      </c>
      <c r="AC1142">
        <v>168</v>
      </c>
      <c r="AD1142">
        <v>50</v>
      </c>
      <c r="AE1142">
        <v>102</v>
      </c>
      <c r="AF1142">
        <v>8290</v>
      </c>
      <c r="AG1142">
        <v>106722</v>
      </c>
      <c r="AH1142">
        <v>50000</v>
      </c>
      <c r="AI1142">
        <v>1</v>
      </c>
      <c r="AJ1142">
        <v>96</v>
      </c>
      <c r="AK1142" t="s">
        <v>4</v>
      </c>
      <c r="AL1142">
        <v>0</v>
      </c>
      <c r="AM1142">
        <v>0</v>
      </c>
      <c r="AN1142">
        <v>0</v>
      </c>
      <c r="AO1142">
        <v>0</v>
      </c>
      <c r="AP1142">
        <v>0</v>
      </c>
      <c r="AQ1142">
        <v>0</v>
      </c>
      <c r="AR1142">
        <v>0</v>
      </c>
      <c r="AS1142">
        <v>0</v>
      </c>
      <c r="AT1142">
        <v>0</v>
      </c>
      <c r="AU1142">
        <v>0</v>
      </c>
      <c r="AV1142">
        <v>0</v>
      </c>
      <c r="AW1142">
        <v>0</v>
      </c>
      <c r="AX1142">
        <v>-1080</v>
      </c>
      <c r="AY1142">
        <v>38</v>
      </c>
      <c r="AZ1142">
        <v>97</v>
      </c>
      <c r="BA1142">
        <v>6096</v>
      </c>
    </row>
    <row r="1143" spans="1:53" x14ac:dyDescent="0.4">
      <c r="A1143">
        <v>1187</v>
      </c>
      <c r="B1143" s="1">
        <v>43175</v>
      </c>
      <c r="C1143">
        <v>3</v>
      </c>
      <c r="D1143" s="1">
        <v>43175.734027777777</v>
      </c>
      <c r="E1143" s="1">
        <v>43176.128472222219</v>
      </c>
      <c r="F1143">
        <v>251650</v>
      </c>
      <c r="G1143">
        <v>7310</v>
      </c>
      <c r="H1143">
        <v>0</v>
      </c>
      <c r="I1143">
        <v>0</v>
      </c>
      <c r="J1143">
        <v>1200</v>
      </c>
      <c r="K1143">
        <v>0</v>
      </c>
      <c r="L1143">
        <v>0</v>
      </c>
      <c r="M1143">
        <v>20620</v>
      </c>
      <c r="N1143">
        <v>0</v>
      </c>
      <c r="O1143">
        <v>0</v>
      </c>
      <c r="P1143">
        <v>126954</v>
      </c>
      <c r="Q1143">
        <v>0</v>
      </c>
      <c r="R1143">
        <v>405334</v>
      </c>
      <c r="S1143">
        <v>0</v>
      </c>
      <c r="T1143">
        <v>0</v>
      </c>
      <c r="U1143">
        <v>0</v>
      </c>
      <c r="V1143">
        <v>27</v>
      </c>
      <c r="W1143">
        <v>2</v>
      </c>
      <c r="X1143">
        <v>0</v>
      </c>
      <c r="Y1143">
        <v>61</v>
      </c>
      <c r="Z1143">
        <v>30</v>
      </c>
      <c r="AA1143">
        <v>138</v>
      </c>
      <c r="AB1143">
        <v>86</v>
      </c>
      <c r="AC1143">
        <v>167</v>
      </c>
      <c r="AD1143">
        <v>41</v>
      </c>
      <c r="AE1143">
        <v>75</v>
      </c>
      <c r="AF1143">
        <v>136006</v>
      </c>
      <c r="AG1143">
        <v>512056</v>
      </c>
      <c r="AH1143">
        <v>50000</v>
      </c>
      <c r="AI1143">
        <v>1</v>
      </c>
      <c r="AJ1143">
        <v>108</v>
      </c>
      <c r="AK1143" t="s">
        <v>30</v>
      </c>
      <c r="AL1143">
        <v>0</v>
      </c>
      <c r="AM1143">
        <v>0</v>
      </c>
      <c r="AN1143">
        <v>0</v>
      </c>
      <c r="AO1143">
        <v>0</v>
      </c>
      <c r="AP1143">
        <v>0</v>
      </c>
      <c r="AQ1143">
        <v>0</v>
      </c>
      <c r="AR1143">
        <v>0</v>
      </c>
      <c r="AS1143">
        <v>0</v>
      </c>
      <c r="AT1143">
        <v>0</v>
      </c>
      <c r="AU1143">
        <v>0</v>
      </c>
      <c r="AV1143">
        <v>0</v>
      </c>
      <c r="AW1143">
        <v>0</v>
      </c>
      <c r="AX1143">
        <v>13110</v>
      </c>
      <c r="AY1143">
        <v>43</v>
      </c>
      <c r="AZ1143">
        <v>203</v>
      </c>
      <c r="BA1143">
        <v>6511</v>
      </c>
    </row>
    <row r="1144" spans="1:53" x14ac:dyDescent="0.4">
      <c r="A1144">
        <v>1188</v>
      </c>
      <c r="B1144" s="1">
        <v>43176</v>
      </c>
      <c r="C1144">
        <v>1</v>
      </c>
      <c r="D1144" s="1">
        <v>43176.291666666664</v>
      </c>
      <c r="E1144" s="1">
        <v>43176.411111111112</v>
      </c>
      <c r="F1144">
        <v>0</v>
      </c>
      <c r="G1144">
        <v>0</v>
      </c>
      <c r="H1144">
        <v>0</v>
      </c>
      <c r="I1144">
        <v>0</v>
      </c>
      <c r="J1144">
        <v>0</v>
      </c>
      <c r="K1144">
        <v>0</v>
      </c>
      <c r="L1144">
        <v>0</v>
      </c>
      <c r="M1144">
        <v>0</v>
      </c>
      <c r="N1144">
        <v>0</v>
      </c>
      <c r="O1144">
        <v>0</v>
      </c>
      <c r="P1144">
        <v>0</v>
      </c>
      <c r="Q1144">
        <v>0</v>
      </c>
      <c r="R1144">
        <v>0</v>
      </c>
      <c r="S1144">
        <v>0</v>
      </c>
      <c r="T1144">
        <v>0</v>
      </c>
      <c r="U1144">
        <v>0</v>
      </c>
      <c r="V1144">
        <v>0</v>
      </c>
      <c r="W1144">
        <v>0</v>
      </c>
      <c r="X1144">
        <v>0</v>
      </c>
      <c r="Y1144">
        <v>26</v>
      </c>
      <c r="Z1144">
        <v>10</v>
      </c>
      <c r="AA1144">
        <v>133</v>
      </c>
      <c r="AB1144">
        <v>84</v>
      </c>
      <c r="AC1144">
        <v>123</v>
      </c>
      <c r="AD1144">
        <v>40</v>
      </c>
      <c r="AE1144">
        <v>69</v>
      </c>
      <c r="AF1144">
        <v>0</v>
      </c>
      <c r="AG1144">
        <v>49999</v>
      </c>
      <c r="AH1144">
        <v>50000</v>
      </c>
      <c r="AI1144">
        <v>-1</v>
      </c>
      <c r="AJ1144">
        <v>0</v>
      </c>
      <c r="AK1144" t="s">
        <v>6</v>
      </c>
      <c r="AL1144">
        <v>0</v>
      </c>
      <c r="AM1144">
        <v>0</v>
      </c>
      <c r="AN1144">
        <v>0</v>
      </c>
      <c r="AO1144">
        <v>0</v>
      </c>
      <c r="AP1144">
        <v>0</v>
      </c>
      <c r="AQ1144">
        <v>0</v>
      </c>
      <c r="AR1144">
        <v>0</v>
      </c>
      <c r="AS1144">
        <v>0</v>
      </c>
      <c r="AT1144">
        <v>0</v>
      </c>
      <c r="AU1144">
        <v>0</v>
      </c>
      <c r="AV1144">
        <v>0</v>
      </c>
      <c r="AW1144">
        <v>0</v>
      </c>
      <c r="AX1144">
        <v>0</v>
      </c>
      <c r="AY1144">
        <v>0</v>
      </c>
      <c r="AZ1144">
        <v>0</v>
      </c>
      <c r="BA1144">
        <v>0</v>
      </c>
    </row>
    <row r="1145" spans="1:53" x14ac:dyDescent="0.4">
      <c r="A1145">
        <v>1189</v>
      </c>
      <c r="B1145" s="1">
        <v>43176</v>
      </c>
      <c r="C1145">
        <v>2</v>
      </c>
      <c r="D1145" s="1">
        <v>43176.411111111112</v>
      </c>
      <c r="E1145" s="1">
        <v>43176.736111111109</v>
      </c>
      <c r="F1145">
        <v>30750</v>
      </c>
      <c r="G1145">
        <v>2240</v>
      </c>
      <c r="H1145">
        <v>0</v>
      </c>
      <c r="I1145">
        <v>0</v>
      </c>
      <c r="J1145">
        <v>0</v>
      </c>
      <c r="K1145">
        <v>0</v>
      </c>
      <c r="L1145">
        <v>0</v>
      </c>
      <c r="M1145">
        <v>2639</v>
      </c>
      <c r="N1145">
        <v>0</v>
      </c>
      <c r="O1145">
        <v>0</v>
      </c>
      <c r="P1145">
        <v>24570</v>
      </c>
      <c r="Q1145">
        <v>0</v>
      </c>
      <c r="R1145">
        <v>60199</v>
      </c>
      <c r="S1145">
        <v>0</v>
      </c>
      <c r="T1145">
        <v>0</v>
      </c>
      <c r="U1145">
        <v>0</v>
      </c>
      <c r="V1145">
        <v>2</v>
      </c>
      <c r="W1145">
        <v>0</v>
      </c>
      <c r="X1145">
        <v>0</v>
      </c>
      <c r="Y1145">
        <v>58</v>
      </c>
      <c r="Z1145">
        <v>23</v>
      </c>
      <c r="AA1145">
        <v>135</v>
      </c>
      <c r="AB1145">
        <v>82</v>
      </c>
      <c r="AC1145">
        <v>176</v>
      </c>
      <c r="AD1145">
        <v>38</v>
      </c>
      <c r="AE1145">
        <v>68</v>
      </c>
      <c r="AF1145">
        <v>1080</v>
      </c>
      <c r="AG1145">
        <v>110198</v>
      </c>
      <c r="AH1145">
        <v>50000</v>
      </c>
      <c r="AI1145">
        <v>-1</v>
      </c>
      <c r="AJ1145">
        <v>92</v>
      </c>
      <c r="AK1145" t="s">
        <v>22</v>
      </c>
      <c r="AL1145">
        <v>0</v>
      </c>
      <c r="AM1145">
        <v>0</v>
      </c>
      <c r="AN1145">
        <v>0</v>
      </c>
      <c r="AO1145">
        <v>0</v>
      </c>
      <c r="AP1145">
        <v>0</v>
      </c>
      <c r="AQ1145">
        <v>0</v>
      </c>
      <c r="AR1145">
        <v>0</v>
      </c>
      <c r="AS1145">
        <v>0</v>
      </c>
      <c r="AT1145">
        <v>0</v>
      </c>
      <c r="AU1145">
        <v>0</v>
      </c>
      <c r="AV1145">
        <v>0</v>
      </c>
      <c r="AW1145">
        <v>0</v>
      </c>
      <c r="AX1145">
        <v>1620</v>
      </c>
      <c r="AY1145">
        <v>45</v>
      </c>
      <c r="AZ1145">
        <v>101</v>
      </c>
      <c r="BA1145">
        <v>6834</v>
      </c>
    </row>
    <row r="1146" spans="1:53" x14ac:dyDescent="0.4">
      <c r="A1146">
        <v>1190</v>
      </c>
      <c r="B1146" s="1">
        <v>43177</v>
      </c>
      <c r="C1146">
        <v>1</v>
      </c>
      <c r="D1146" s="1">
        <v>43177.291666666664</v>
      </c>
      <c r="E1146" s="1">
        <v>43177.410416666666</v>
      </c>
      <c r="F1146">
        <v>0</v>
      </c>
      <c r="G1146">
        <v>0</v>
      </c>
      <c r="H1146">
        <v>0</v>
      </c>
      <c r="I1146">
        <v>0</v>
      </c>
      <c r="J1146">
        <v>0</v>
      </c>
      <c r="K1146">
        <v>0</v>
      </c>
      <c r="L1146">
        <v>0</v>
      </c>
      <c r="M1146">
        <v>0</v>
      </c>
      <c r="N1146">
        <v>0</v>
      </c>
      <c r="O1146">
        <v>0</v>
      </c>
      <c r="P1146">
        <v>0</v>
      </c>
      <c r="Q1146">
        <v>0</v>
      </c>
      <c r="R1146">
        <v>0</v>
      </c>
      <c r="S1146">
        <v>0</v>
      </c>
      <c r="T1146">
        <v>0</v>
      </c>
      <c r="U1146">
        <v>0</v>
      </c>
      <c r="V1146">
        <v>0</v>
      </c>
      <c r="W1146">
        <v>0</v>
      </c>
      <c r="X1146">
        <v>0</v>
      </c>
      <c r="Y1146">
        <v>29</v>
      </c>
      <c r="Z1146">
        <v>9</v>
      </c>
      <c r="AA1146">
        <v>117</v>
      </c>
      <c r="AB1146">
        <v>60</v>
      </c>
      <c r="AC1146">
        <v>152</v>
      </c>
      <c r="AD1146">
        <v>33</v>
      </c>
      <c r="AE1146">
        <v>65</v>
      </c>
      <c r="AF1146">
        <v>0</v>
      </c>
      <c r="AG1146">
        <v>49950</v>
      </c>
      <c r="AH1146">
        <v>0</v>
      </c>
      <c r="AI1146">
        <v>49950</v>
      </c>
      <c r="AJ1146">
        <v>0</v>
      </c>
      <c r="AK1146" t="s">
        <v>6</v>
      </c>
      <c r="AL1146">
        <v>0</v>
      </c>
      <c r="AM1146">
        <v>0</v>
      </c>
      <c r="AN1146">
        <v>0</v>
      </c>
      <c r="AO1146">
        <v>0</v>
      </c>
      <c r="AP1146">
        <v>0</v>
      </c>
      <c r="AQ1146">
        <v>0</v>
      </c>
      <c r="AR1146">
        <v>0</v>
      </c>
      <c r="AS1146">
        <v>0</v>
      </c>
      <c r="AT1146">
        <v>0</v>
      </c>
      <c r="AU1146">
        <v>0</v>
      </c>
      <c r="AV1146">
        <v>0</v>
      </c>
      <c r="AW1146">
        <v>0</v>
      </c>
      <c r="AX1146">
        <v>0</v>
      </c>
      <c r="AY1146">
        <v>0</v>
      </c>
      <c r="AZ1146">
        <v>0</v>
      </c>
      <c r="BA1146">
        <v>0</v>
      </c>
    </row>
    <row r="1147" spans="1:53" x14ac:dyDescent="0.4">
      <c r="A1147">
        <v>1191</v>
      </c>
      <c r="B1147" s="1">
        <v>43177</v>
      </c>
      <c r="C1147">
        <v>2</v>
      </c>
      <c r="D1147" s="1">
        <v>43177.410416666666</v>
      </c>
      <c r="E1147" s="1">
        <v>43177.758333333331</v>
      </c>
      <c r="F1147">
        <v>47750</v>
      </c>
      <c r="G1147">
        <v>3470</v>
      </c>
      <c r="H1147">
        <v>0</v>
      </c>
      <c r="I1147">
        <v>0</v>
      </c>
      <c r="J1147">
        <v>0</v>
      </c>
      <c r="K1147">
        <v>0</v>
      </c>
      <c r="L1147">
        <v>0</v>
      </c>
      <c r="M1147">
        <v>4097</v>
      </c>
      <c r="N1147">
        <v>0</v>
      </c>
      <c r="O1147">
        <v>0</v>
      </c>
      <c r="P1147">
        <v>23220</v>
      </c>
      <c r="Q1147">
        <v>0</v>
      </c>
      <c r="R1147">
        <v>78537</v>
      </c>
      <c r="S1147">
        <v>0</v>
      </c>
      <c r="T1147">
        <v>0</v>
      </c>
      <c r="U1147">
        <v>0</v>
      </c>
      <c r="V1147">
        <v>3</v>
      </c>
      <c r="W1147">
        <v>1</v>
      </c>
      <c r="X1147">
        <v>0</v>
      </c>
      <c r="Y1147">
        <v>49</v>
      </c>
      <c r="Z1147">
        <v>47</v>
      </c>
      <c r="AA1147">
        <v>155</v>
      </c>
      <c r="AB1147">
        <v>55</v>
      </c>
      <c r="AC1147">
        <v>307</v>
      </c>
      <c r="AD1147">
        <v>32</v>
      </c>
      <c r="AE1147">
        <v>62</v>
      </c>
      <c r="AF1147">
        <v>0</v>
      </c>
      <c r="AG1147">
        <v>129042</v>
      </c>
      <c r="AH1147">
        <v>50000</v>
      </c>
      <c r="AI1147">
        <v>505</v>
      </c>
      <c r="AJ1147">
        <v>90</v>
      </c>
      <c r="AK1147" t="s">
        <v>24</v>
      </c>
      <c r="AL1147">
        <v>0</v>
      </c>
      <c r="AM1147">
        <v>0</v>
      </c>
      <c r="AN1147">
        <v>0</v>
      </c>
      <c r="AO1147">
        <v>0</v>
      </c>
      <c r="AP1147">
        <v>0</v>
      </c>
      <c r="AQ1147">
        <v>0</v>
      </c>
      <c r="AR1147">
        <v>0</v>
      </c>
      <c r="AS1147">
        <v>0</v>
      </c>
      <c r="AT1147">
        <v>0</v>
      </c>
      <c r="AU1147">
        <v>0</v>
      </c>
      <c r="AV1147">
        <v>0</v>
      </c>
      <c r="AW1147">
        <v>0</v>
      </c>
      <c r="AX1147">
        <v>3434</v>
      </c>
      <c r="AY1147">
        <v>57</v>
      </c>
      <c r="AZ1147">
        <v>142</v>
      </c>
      <c r="BA1147">
        <v>7994</v>
      </c>
    </row>
    <row r="1148" spans="1:53" x14ac:dyDescent="0.4">
      <c r="A1148">
        <v>1192</v>
      </c>
      <c r="B1148" s="1">
        <v>43178</v>
      </c>
      <c r="C1148">
        <v>1</v>
      </c>
      <c r="D1148" s="1">
        <v>43178.291666666664</v>
      </c>
      <c r="E1148" s="1">
        <v>43178.45</v>
      </c>
      <c r="F1148">
        <v>0</v>
      </c>
      <c r="G1148">
        <v>0</v>
      </c>
      <c r="H1148">
        <v>0</v>
      </c>
      <c r="I1148">
        <v>0</v>
      </c>
      <c r="J1148">
        <v>0</v>
      </c>
      <c r="K1148">
        <v>0</v>
      </c>
      <c r="L1148">
        <v>0</v>
      </c>
      <c r="M1148">
        <v>0</v>
      </c>
      <c r="N1148">
        <v>0</v>
      </c>
      <c r="O1148">
        <v>0</v>
      </c>
      <c r="P1148">
        <v>0</v>
      </c>
      <c r="Q1148">
        <v>0</v>
      </c>
      <c r="R1148">
        <v>0</v>
      </c>
      <c r="S1148">
        <v>0</v>
      </c>
      <c r="T1148">
        <v>0</v>
      </c>
      <c r="U1148">
        <v>0</v>
      </c>
      <c r="V1148">
        <v>0</v>
      </c>
      <c r="W1148">
        <v>0</v>
      </c>
      <c r="X1148">
        <v>0</v>
      </c>
      <c r="Y1148">
        <v>28</v>
      </c>
      <c r="Z1148">
        <v>10</v>
      </c>
      <c r="AA1148">
        <v>124</v>
      </c>
      <c r="AB1148">
        <v>60</v>
      </c>
      <c r="AC1148">
        <v>137</v>
      </c>
      <c r="AD1148">
        <v>32</v>
      </c>
      <c r="AE1148">
        <v>70</v>
      </c>
      <c r="AF1148">
        <v>0</v>
      </c>
      <c r="AG1148">
        <v>50000</v>
      </c>
      <c r="AH1148">
        <v>0</v>
      </c>
      <c r="AI1148">
        <v>50000</v>
      </c>
      <c r="AJ1148">
        <v>0</v>
      </c>
      <c r="AK1148" t="s">
        <v>6</v>
      </c>
      <c r="AL1148">
        <v>0</v>
      </c>
      <c r="AM1148">
        <v>0</v>
      </c>
      <c r="AN1148">
        <v>0</v>
      </c>
      <c r="AO1148">
        <v>0</v>
      </c>
      <c r="AP1148">
        <v>0</v>
      </c>
      <c r="AQ1148">
        <v>0</v>
      </c>
      <c r="AR1148">
        <v>0</v>
      </c>
      <c r="AS1148">
        <v>0</v>
      </c>
      <c r="AT1148">
        <v>0</v>
      </c>
      <c r="AU1148">
        <v>0</v>
      </c>
      <c r="AV1148">
        <v>0</v>
      </c>
      <c r="AW1148">
        <v>0</v>
      </c>
      <c r="AX1148">
        <v>0</v>
      </c>
      <c r="AY1148">
        <v>0</v>
      </c>
      <c r="AZ1148">
        <v>0</v>
      </c>
      <c r="BA1148">
        <v>0</v>
      </c>
    </row>
    <row r="1149" spans="1:53" x14ac:dyDescent="0.4">
      <c r="A1149">
        <v>1193</v>
      </c>
      <c r="B1149" s="1">
        <v>43178</v>
      </c>
      <c r="C1149">
        <v>2</v>
      </c>
      <c r="D1149" s="1">
        <v>43178.45</v>
      </c>
      <c r="E1149" s="1">
        <v>43178.731944444444</v>
      </c>
      <c r="F1149">
        <v>33000</v>
      </c>
      <c r="G1149">
        <v>3420</v>
      </c>
      <c r="H1149">
        <v>0</v>
      </c>
      <c r="I1149">
        <v>0</v>
      </c>
      <c r="J1149">
        <v>0</v>
      </c>
      <c r="K1149">
        <v>0</v>
      </c>
      <c r="L1149">
        <v>0</v>
      </c>
      <c r="M1149">
        <v>2913</v>
      </c>
      <c r="N1149">
        <v>0</v>
      </c>
      <c r="O1149">
        <v>0</v>
      </c>
      <c r="P1149">
        <v>17280</v>
      </c>
      <c r="Q1149">
        <v>0</v>
      </c>
      <c r="R1149">
        <v>56613</v>
      </c>
      <c r="S1149">
        <v>0</v>
      </c>
      <c r="T1149">
        <v>0</v>
      </c>
      <c r="U1149">
        <v>0</v>
      </c>
      <c r="V1149">
        <v>2</v>
      </c>
      <c r="W1149">
        <v>2</v>
      </c>
      <c r="X1149">
        <v>0</v>
      </c>
      <c r="Y1149">
        <v>44</v>
      </c>
      <c r="Z1149">
        <v>17</v>
      </c>
      <c r="AA1149">
        <v>136</v>
      </c>
      <c r="AB1149">
        <v>66</v>
      </c>
      <c r="AC1149">
        <v>234</v>
      </c>
      <c r="AD1149">
        <v>31</v>
      </c>
      <c r="AE1149">
        <v>70</v>
      </c>
      <c r="AF1149">
        <v>4648</v>
      </c>
      <c r="AG1149">
        <v>106613</v>
      </c>
      <c r="AH1149">
        <v>50000</v>
      </c>
      <c r="AI1149">
        <v>0</v>
      </c>
      <c r="AJ1149">
        <v>96</v>
      </c>
      <c r="AK1149" t="s">
        <v>4</v>
      </c>
      <c r="AL1149">
        <v>0</v>
      </c>
      <c r="AM1149">
        <v>0</v>
      </c>
      <c r="AN1149">
        <v>0</v>
      </c>
      <c r="AO1149">
        <v>0</v>
      </c>
      <c r="AP1149">
        <v>0</v>
      </c>
      <c r="AQ1149">
        <v>0</v>
      </c>
      <c r="AR1149">
        <v>0</v>
      </c>
      <c r="AS1149">
        <v>0</v>
      </c>
      <c r="AT1149">
        <v>0</v>
      </c>
      <c r="AU1149">
        <v>0</v>
      </c>
      <c r="AV1149">
        <v>0</v>
      </c>
      <c r="AW1149">
        <v>0</v>
      </c>
      <c r="AX1149">
        <v>-1080</v>
      </c>
      <c r="AY1149">
        <v>44</v>
      </c>
      <c r="AZ1149">
        <v>96</v>
      </c>
      <c r="BA1149">
        <v>5992</v>
      </c>
    </row>
    <row r="1150" spans="1:53" x14ac:dyDescent="0.4">
      <c r="A1150">
        <v>1194</v>
      </c>
      <c r="B1150" s="1">
        <v>43178</v>
      </c>
      <c r="C1150">
        <v>3</v>
      </c>
      <c r="D1150" s="1">
        <v>43178.731944444444</v>
      </c>
      <c r="E1150" s="1">
        <v>43178.965277777781</v>
      </c>
      <c r="F1150">
        <v>58320</v>
      </c>
      <c r="G1150">
        <v>1760</v>
      </c>
      <c r="H1150">
        <v>0</v>
      </c>
      <c r="I1150">
        <v>0</v>
      </c>
      <c r="J1150">
        <v>0</v>
      </c>
      <c r="K1150">
        <v>0</v>
      </c>
      <c r="L1150">
        <v>0</v>
      </c>
      <c r="M1150">
        <v>4805</v>
      </c>
      <c r="N1150">
        <v>0</v>
      </c>
      <c r="O1150">
        <v>0</v>
      </c>
      <c r="P1150">
        <v>-17280</v>
      </c>
      <c r="Q1150">
        <v>0</v>
      </c>
      <c r="R1150">
        <v>47605</v>
      </c>
      <c r="S1150">
        <v>0</v>
      </c>
      <c r="T1150">
        <v>0</v>
      </c>
      <c r="U1150">
        <v>0</v>
      </c>
      <c r="V1150">
        <v>5</v>
      </c>
      <c r="W1150">
        <v>1</v>
      </c>
      <c r="X1150">
        <v>0</v>
      </c>
      <c r="Y1150">
        <v>64</v>
      </c>
      <c r="Z1150">
        <v>21</v>
      </c>
      <c r="AA1150">
        <v>142</v>
      </c>
      <c r="AB1150">
        <v>67</v>
      </c>
      <c r="AC1150">
        <v>232</v>
      </c>
      <c r="AD1150">
        <v>27</v>
      </c>
      <c r="AE1150">
        <v>65</v>
      </c>
      <c r="AF1150">
        <v>4648</v>
      </c>
      <c r="AG1150">
        <v>154218</v>
      </c>
      <c r="AH1150">
        <v>50000</v>
      </c>
      <c r="AI1150">
        <v>0</v>
      </c>
      <c r="AJ1150">
        <v>29</v>
      </c>
      <c r="AK1150" t="s">
        <v>28</v>
      </c>
      <c r="AL1150">
        <v>0</v>
      </c>
      <c r="AM1150">
        <v>0</v>
      </c>
      <c r="AN1150">
        <v>0</v>
      </c>
      <c r="AO1150">
        <v>0</v>
      </c>
      <c r="AP1150">
        <v>0</v>
      </c>
      <c r="AQ1150">
        <v>0</v>
      </c>
      <c r="AR1150">
        <v>0</v>
      </c>
      <c r="AS1150">
        <v>0</v>
      </c>
      <c r="AT1150">
        <v>0</v>
      </c>
      <c r="AU1150">
        <v>0</v>
      </c>
      <c r="AV1150">
        <v>0</v>
      </c>
      <c r="AW1150">
        <v>0</v>
      </c>
      <c r="AX1150">
        <v>33345</v>
      </c>
      <c r="AY1150">
        <v>20</v>
      </c>
      <c r="AZ1150">
        <v>62</v>
      </c>
      <c r="BA1150">
        <v>3834</v>
      </c>
    </row>
    <row r="1151" spans="1:53" x14ac:dyDescent="0.4">
      <c r="A1151">
        <v>1195</v>
      </c>
      <c r="B1151" s="1">
        <v>43179</v>
      </c>
      <c r="C1151">
        <v>1</v>
      </c>
      <c r="D1151" s="1">
        <v>43179.291666666664</v>
      </c>
      <c r="E1151" s="1">
        <v>43179.446527777778</v>
      </c>
      <c r="F1151">
        <v>0</v>
      </c>
      <c r="G1151">
        <v>0</v>
      </c>
      <c r="H1151">
        <v>0</v>
      </c>
      <c r="I1151">
        <v>0</v>
      </c>
      <c r="J1151">
        <v>0</v>
      </c>
      <c r="K1151">
        <v>0</v>
      </c>
      <c r="L1151">
        <v>0</v>
      </c>
      <c r="M1151">
        <v>0</v>
      </c>
      <c r="N1151">
        <v>0</v>
      </c>
      <c r="O1151">
        <v>0</v>
      </c>
      <c r="P1151">
        <v>0</v>
      </c>
      <c r="Q1151">
        <v>0</v>
      </c>
      <c r="R1151">
        <v>0</v>
      </c>
      <c r="S1151">
        <v>0</v>
      </c>
      <c r="T1151">
        <v>0</v>
      </c>
      <c r="U1151">
        <v>0</v>
      </c>
      <c r="V1151">
        <v>0</v>
      </c>
      <c r="W1151">
        <v>0</v>
      </c>
      <c r="X1151">
        <v>0</v>
      </c>
      <c r="Y1151">
        <v>26</v>
      </c>
      <c r="Z1151">
        <v>11</v>
      </c>
      <c r="AA1151">
        <v>139</v>
      </c>
      <c r="AB1151">
        <v>66</v>
      </c>
      <c r="AC1151">
        <v>112</v>
      </c>
      <c r="AD1151">
        <v>27</v>
      </c>
      <c r="AE1151">
        <v>45</v>
      </c>
      <c r="AF1151">
        <v>0</v>
      </c>
      <c r="AG1151">
        <v>50000</v>
      </c>
      <c r="AH1151">
        <v>0</v>
      </c>
      <c r="AI1151">
        <v>50000</v>
      </c>
      <c r="AJ1151">
        <v>0</v>
      </c>
      <c r="AK1151" t="s">
        <v>6</v>
      </c>
      <c r="AL1151">
        <v>0</v>
      </c>
      <c r="AM1151">
        <v>0</v>
      </c>
      <c r="AN1151">
        <v>0</v>
      </c>
      <c r="AO1151">
        <v>0</v>
      </c>
      <c r="AP1151">
        <v>0</v>
      </c>
      <c r="AQ1151">
        <v>0</v>
      </c>
      <c r="AR1151">
        <v>0</v>
      </c>
      <c r="AS1151">
        <v>0</v>
      </c>
      <c r="AT1151">
        <v>0</v>
      </c>
      <c r="AU1151">
        <v>0</v>
      </c>
      <c r="AV1151">
        <v>0</v>
      </c>
      <c r="AW1151">
        <v>0</v>
      </c>
      <c r="AX1151">
        <v>0</v>
      </c>
      <c r="AY1151">
        <v>0</v>
      </c>
      <c r="AZ1151">
        <v>0</v>
      </c>
      <c r="BA1151">
        <v>0</v>
      </c>
    </row>
    <row r="1152" spans="1:53" x14ac:dyDescent="0.4">
      <c r="A1152">
        <v>1196</v>
      </c>
      <c r="B1152" s="1">
        <v>43179</v>
      </c>
      <c r="C1152">
        <v>2</v>
      </c>
      <c r="D1152" s="1">
        <v>43179.446527777778</v>
      </c>
      <c r="E1152" s="1">
        <v>43179.75</v>
      </c>
      <c r="F1152">
        <v>38500</v>
      </c>
      <c r="G1152">
        <v>2430</v>
      </c>
      <c r="H1152">
        <v>0</v>
      </c>
      <c r="I1152">
        <v>0</v>
      </c>
      <c r="J1152">
        <v>0</v>
      </c>
      <c r="K1152">
        <v>0</v>
      </c>
      <c r="L1152">
        <v>0</v>
      </c>
      <c r="M1152">
        <v>3274</v>
      </c>
      <c r="N1152">
        <v>0</v>
      </c>
      <c r="O1152">
        <v>0</v>
      </c>
      <c r="P1152">
        <v>16740</v>
      </c>
      <c r="Q1152">
        <v>0</v>
      </c>
      <c r="R1152">
        <v>60944</v>
      </c>
      <c r="S1152">
        <v>0</v>
      </c>
      <c r="T1152">
        <v>0</v>
      </c>
      <c r="U1152">
        <v>0</v>
      </c>
      <c r="V1152">
        <v>1</v>
      </c>
      <c r="W1152">
        <v>0</v>
      </c>
      <c r="X1152">
        <v>0</v>
      </c>
      <c r="Y1152">
        <v>69</v>
      </c>
      <c r="Z1152">
        <v>26</v>
      </c>
      <c r="AA1152">
        <v>128</v>
      </c>
      <c r="AB1152">
        <v>75</v>
      </c>
      <c r="AC1152">
        <v>173</v>
      </c>
      <c r="AD1152">
        <v>26</v>
      </c>
      <c r="AE1152">
        <v>42</v>
      </c>
      <c r="AF1152">
        <v>492</v>
      </c>
      <c r="AG1152">
        <v>110944</v>
      </c>
      <c r="AH1152">
        <v>50000</v>
      </c>
      <c r="AI1152">
        <v>0</v>
      </c>
      <c r="AJ1152">
        <v>96</v>
      </c>
      <c r="AK1152" t="s">
        <v>4</v>
      </c>
      <c r="AL1152">
        <v>0</v>
      </c>
      <c r="AM1152">
        <v>0</v>
      </c>
      <c r="AN1152">
        <v>0</v>
      </c>
      <c r="AO1152">
        <v>0</v>
      </c>
      <c r="AP1152">
        <v>0</v>
      </c>
      <c r="AQ1152">
        <v>0</v>
      </c>
      <c r="AR1152">
        <v>0</v>
      </c>
      <c r="AS1152">
        <v>0</v>
      </c>
      <c r="AT1152">
        <v>0</v>
      </c>
      <c r="AU1152">
        <v>0</v>
      </c>
      <c r="AV1152">
        <v>0</v>
      </c>
      <c r="AW1152">
        <v>0</v>
      </c>
      <c r="AX1152">
        <v>1274</v>
      </c>
      <c r="AY1152">
        <v>47</v>
      </c>
      <c r="AZ1152">
        <v>104</v>
      </c>
      <c r="BA1152">
        <v>6497</v>
      </c>
    </row>
    <row r="1153" spans="1:53" x14ac:dyDescent="0.4">
      <c r="A1153">
        <v>1197</v>
      </c>
      <c r="B1153" s="1">
        <v>43179</v>
      </c>
      <c r="C1153">
        <v>3</v>
      </c>
      <c r="D1153" s="1">
        <v>43179.75</v>
      </c>
      <c r="E1153" s="1">
        <v>43179.947916666664</v>
      </c>
      <c r="F1153">
        <v>58860</v>
      </c>
      <c r="G1153">
        <v>1560</v>
      </c>
      <c r="H1153">
        <v>0</v>
      </c>
      <c r="I1153">
        <v>0</v>
      </c>
      <c r="J1153">
        <v>0</v>
      </c>
      <c r="K1153">
        <v>0</v>
      </c>
      <c r="L1153">
        <v>0</v>
      </c>
      <c r="M1153">
        <v>4833</v>
      </c>
      <c r="N1153">
        <v>0</v>
      </c>
      <c r="O1153">
        <v>0</v>
      </c>
      <c r="P1153">
        <v>-16740</v>
      </c>
      <c r="Q1153">
        <v>0</v>
      </c>
      <c r="R1153">
        <v>48513</v>
      </c>
      <c r="S1153">
        <v>0</v>
      </c>
      <c r="T1153">
        <v>0</v>
      </c>
      <c r="U1153">
        <v>0</v>
      </c>
      <c r="V1153">
        <v>2</v>
      </c>
      <c r="W1153">
        <v>0</v>
      </c>
      <c r="X1153">
        <v>0</v>
      </c>
      <c r="Y1153">
        <v>77</v>
      </c>
      <c r="Z1153">
        <v>22</v>
      </c>
      <c r="AA1153">
        <v>129</v>
      </c>
      <c r="AB1153">
        <v>75</v>
      </c>
      <c r="AC1153">
        <v>174</v>
      </c>
      <c r="AD1153">
        <v>28</v>
      </c>
      <c r="AE1153">
        <v>35</v>
      </c>
      <c r="AF1153">
        <v>32892</v>
      </c>
      <c r="AG1153">
        <v>159457</v>
      </c>
      <c r="AH1153">
        <v>50000</v>
      </c>
      <c r="AI1153">
        <v>0</v>
      </c>
      <c r="AJ1153">
        <v>29</v>
      </c>
      <c r="AK1153" t="s">
        <v>28</v>
      </c>
      <c r="AL1153">
        <v>0</v>
      </c>
      <c r="AM1153">
        <v>0</v>
      </c>
      <c r="AN1153">
        <v>0</v>
      </c>
      <c r="AO1153">
        <v>0</v>
      </c>
      <c r="AP1153">
        <v>0</v>
      </c>
      <c r="AQ1153">
        <v>0</v>
      </c>
      <c r="AR1153">
        <v>0</v>
      </c>
      <c r="AS1153">
        <v>0</v>
      </c>
      <c r="AT1153">
        <v>0</v>
      </c>
      <c r="AU1153">
        <v>0</v>
      </c>
      <c r="AV1153">
        <v>0</v>
      </c>
      <c r="AW1153">
        <v>0</v>
      </c>
      <c r="AX1153">
        <v>85579</v>
      </c>
      <c r="AY1153">
        <v>19</v>
      </c>
      <c r="AZ1153">
        <v>78</v>
      </c>
      <c r="BA1153">
        <v>2847</v>
      </c>
    </row>
    <row r="1154" spans="1:53" x14ac:dyDescent="0.4">
      <c r="A1154">
        <v>1198</v>
      </c>
      <c r="B1154" s="1">
        <v>43179</v>
      </c>
      <c r="C1154">
        <v>4</v>
      </c>
      <c r="D1154" s="1">
        <v>43179.947916666664</v>
      </c>
      <c r="E1154" s="1">
        <v>43180.118055555555</v>
      </c>
      <c r="F1154">
        <v>171120</v>
      </c>
      <c r="G1154">
        <v>3110</v>
      </c>
      <c r="H1154">
        <v>0</v>
      </c>
      <c r="I1154">
        <v>0</v>
      </c>
      <c r="J1154">
        <v>0</v>
      </c>
      <c r="K1154">
        <v>0</v>
      </c>
      <c r="L1154">
        <v>0</v>
      </c>
      <c r="M1154">
        <v>13939</v>
      </c>
      <c r="N1154">
        <v>0</v>
      </c>
      <c r="O1154">
        <v>0</v>
      </c>
      <c r="P1154">
        <v>106294</v>
      </c>
      <c r="Q1154">
        <v>0</v>
      </c>
      <c r="R1154">
        <v>294463</v>
      </c>
      <c r="S1154">
        <v>0</v>
      </c>
      <c r="T1154">
        <v>0</v>
      </c>
      <c r="U1154">
        <v>0</v>
      </c>
      <c r="V1154">
        <v>23</v>
      </c>
      <c r="W1154">
        <v>1</v>
      </c>
      <c r="X1154">
        <v>0</v>
      </c>
      <c r="Y1154">
        <v>105</v>
      </c>
      <c r="Z1154">
        <v>24</v>
      </c>
      <c r="AA1154">
        <v>89</v>
      </c>
      <c r="AB1154">
        <v>70</v>
      </c>
      <c r="AC1154">
        <v>140</v>
      </c>
      <c r="AD1154">
        <v>25</v>
      </c>
      <c r="AE1154">
        <v>23</v>
      </c>
      <c r="AF1154">
        <v>87972</v>
      </c>
      <c r="AG1154">
        <v>453920</v>
      </c>
      <c r="AH1154">
        <v>50000</v>
      </c>
      <c r="AI1154">
        <v>0</v>
      </c>
      <c r="AJ1154">
        <v>84</v>
      </c>
      <c r="AK1154" t="s">
        <v>16</v>
      </c>
      <c r="AL1154">
        <v>0</v>
      </c>
      <c r="AM1154">
        <v>0</v>
      </c>
      <c r="AN1154">
        <v>0</v>
      </c>
      <c r="AO1154">
        <v>0</v>
      </c>
      <c r="AP1154">
        <v>0</v>
      </c>
      <c r="AQ1154">
        <v>0</v>
      </c>
      <c r="AR1154">
        <v>0</v>
      </c>
      <c r="AS1154">
        <v>0</v>
      </c>
      <c r="AT1154">
        <v>0</v>
      </c>
      <c r="AU1154">
        <v>0</v>
      </c>
      <c r="AV1154">
        <v>0</v>
      </c>
      <c r="AW1154">
        <v>0</v>
      </c>
      <c r="AX1154">
        <v>10541</v>
      </c>
      <c r="AY1154">
        <v>19</v>
      </c>
      <c r="AZ1154">
        <v>95</v>
      </c>
      <c r="BA1154">
        <v>3363</v>
      </c>
    </row>
    <row r="1155" spans="1:53" x14ac:dyDescent="0.4">
      <c r="A1155">
        <v>1199</v>
      </c>
      <c r="B1155" s="1">
        <v>43180</v>
      </c>
      <c r="C1155">
        <v>1</v>
      </c>
      <c r="D1155" s="1">
        <v>43180.291666666664</v>
      </c>
      <c r="E1155" s="1">
        <v>43180.410416666666</v>
      </c>
      <c r="F1155">
        <v>0</v>
      </c>
      <c r="G1155">
        <v>0</v>
      </c>
      <c r="H1155">
        <v>0</v>
      </c>
      <c r="I1155">
        <v>0</v>
      </c>
      <c r="J1155">
        <v>0</v>
      </c>
      <c r="K1155">
        <v>0</v>
      </c>
      <c r="L1155">
        <v>0</v>
      </c>
      <c r="M1155">
        <v>0</v>
      </c>
      <c r="N1155">
        <v>0</v>
      </c>
      <c r="O1155">
        <v>0</v>
      </c>
      <c r="P1155">
        <v>0</v>
      </c>
      <c r="Q1155">
        <v>0</v>
      </c>
      <c r="R1155">
        <v>0</v>
      </c>
      <c r="S1155">
        <v>0</v>
      </c>
      <c r="T1155">
        <v>0</v>
      </c>
      <c r="U1155">
        <v>0</v>
      </c>
      <c r="V1155">
        <v>0</v>
      </c>
      <c r="W1155">
        <v>0</v>
      </c>
      <c r="X1155">
        <v>0</v>
      </c>
      <c r="Y1155">
        <v>25</v>
      </c>
      <c r="Z1155">
        <v>23</v>
      </c>
      <c r="AA1155">
        <v>84</v>
      </c>
      <c r="AB1155">
        <v>71</v>
      </c>
      <c r="AC1155">
        <v>142</v>
      </c>
      <c r="AD1155">
        <v>23</v>
      </c>
      <c r="AE1155">
        <v>15</v>
      </c>
      <c r="AF1155">
        <v>0</v>
      </c>
      <c r="AG1155">
        <v>50000</v>
      </c>
      <c r="AH1155">
        <v>0</v>
      </c>
      <c r="AI1155">
        <v>50000</v>
      </c>
      <c r="AJ1155">
        <v>0</v>
      </c>
      <c r="AK1155" t="s">
        <v>6</v>
      </c>
      <c r="AL1155">
        <v>0</v>
      </c>
      <c r="AM1155">
        <v>0</v>
      </c>
      <c r="AN1155">
        <v>0</v>
      </c>
      <c r="AO1155">
        <v>0</v>
      </c>
      <c r="AP1155">
        <v>0</v>
      </c>
      <c r="AQ1155">
        <v>0</v>
      </c>
      <c r="AR1155">
        <v>0</v>
      </c>
      <c r="AS1155">
        <v>0</v>
      </c>
      <c r="AT1155">
        <v>0</v>
      </c>
      <c r="AU1155">
        <v>0</v>
      </c>
      <c r="AV1155">
        <v>0</v>
      </c>
      <c r="AW1155">
        <v>0</v>
      </c>
      <c r="AX1155">
        <v>0</v>
      </c>
      <c r="AY1155">
        <v>0</v>
      </c>
      <c r="AZ1155">
        <v>0</v>
      </c>
      <c r="BA1155">
        <v>0</v>
      </c>
    </row>
    <row r="1156" spans="1:53" x14ac:dyDescent="0.4">
      <c r="A1156">
        <v>1200</v>
      </c>
      <c r="B1156" s="1">
        <v>43180</v>
      </c>
      <c r="C1156">
        <v>2</v>
      </c>
      <c r="D1156" s="1">
        <v>43180.410416666666</v>
      </c>
      <c r="E1156" s="1">
        <v>43180.736111111109</v>
      </c>
      <c r="F1156">
        <v>41500</v>
      </c>
      <c r="G1156">
        <v>3880</v>
      </c>
      <c r="H1156">
        <v>0</v>
      </c>
      <c r="I1156">
        <v>0</v>
      </c>
      <c r="J1156">
        <v>0</v>
      </c>
      <c r="K1156">
        <v>0</v>
      </c>
      <c r="L1156">
        <v>0</v>
      </c>
      <c r="M1156">
        <v>3629</v>
      </c>
      <c r="N1156">
        <v>0</v>
      </c>
      <c r="O1156">
        <v>0</v>
      </c>
      <c r="P1156">
        <v>22680</v>
      </c>
      <c r="Q1156">
        <v>0</v>
      </c>
      <c r="R1156">
        <v>71689</v>
      </c>
      <c r="S1156">
        <v>0</v>
      </c>
      <c r="T1156">
        <v>0</v>
      </c>
      <c r="U1156">
        <v>0</v>
      </c>
      <c r="V1156">
        <v>2</v>
      </c>
      <c r="W1156">
        <v>0</v>
      </c>
      <c r="X1156">
        <v>0</v>
      </c>
      <c r="Y1156">
        <v>55</v>
      </c>
      <c r="Z1156">
        <v>53</v>
      </c>
      <c r="AA1156">
        <v>145</v>
      </c>
      <c r="AB1156">
        <v>77</v>
      </c>
      <c r="AC1156">
        <v>167</v>
      </c>
      <c r="AD1156">
        <v>29</v>
      </c>
      <c r="AE1156">
        <v>24</v>
      </c>
      <c r="AF1156">
        <v>0</v>
      </c>
      <c r="AG1156">
        <v>121689</v>
      </c>
      <c r="AH1156">
        <v>50000</v>
      </c>
      <c r="AI1156">
        <v>0</v>
      </c>
      <c r="AJ1156">
        <v>96</v>
      </c>
      <c r="AK1156" t="s">
        <v>4</v>
      </c>
      <c r="AL1156">
        <v>0</v>
      </c>
      <c r="AM1156">
        <v>0</v>
      </c>
      <c r="AN1156">
        <v>0</v>
      </c>
      <c r="AO1156">
        <v>0</v>
      </c>
      <c r="AP1156">
        <v>0</v>
      </c>
      <c r="AQ1156">
        <v>0</v>
      </c>
      <c r="AR1156">
        <v>0</v>
      </c>
      <c r="AS1156">
        <v>0</v>
      </c>
      <c r="AT1156">
        <v>0</v>
      </c>
      <c r="AU1156">
        <v>0</v>
      </c>
      <c r="AV1156">
        <v>0</v>
      </c>
      <c r="AW1156">
        <v>0</v>
      </c>
      <c r="AX1156">
        <v>-2290</v>
      </c>
      <c r="AY1156">
        <v>53</v>
      </c>
      <c r="AZ1156">
        <v>124</v>
      </c>
      <c r="BA1156">
        <v>7144</v>
      </c>
    </row>
    <row r="1157" spans="1:53" x14ac:dyDescent="0.4">
      <c r="A1157">
        <v>1201</v>
      </c>
      <c r="B1157" s="1">
        <v>43180</v>
      </c>
      <c r="C1157">
        <v>3</v>
      </c>
      <c r="D1157" s="1">
        <v>43180.736111111109</v>
      </c>
      <c r="E1157" s="1">
        <v>43180.945138888892</v>
      </c>
      <c r="F1157">
        <v>44960</v>
      </c>
      <c r="G1157">
        <v>2740</v>
      </c>
      <c r="H1157">
        <v>0</v>
      </c>
      <c r="I1157">
        <v>0</v>
      </c>
      <c r="J1157">
        <v>0</v>
      </c>
      <c r="K1157">
        <v>0</v>
      </c>
      <c r="L1157">
        <v>0</v>
      </c>
      <c r="M1157">
        <v>3815</v>
      </c>
      <c r="N1157">
        <v>0</v>
      </c>
      <c r="O1157">
        <v>0</v>
      </c>
      <c r="P1157">
        <v>-22680</v>
      </c>
      <c r="Q1157">
        <v>0</v>
      </c>
      <c r="R1157">
        <v>28835</v>
      </c>
      <c r="S1157">
        <v>0</v>
      </c>
      <c r="T1157">
        <v>0</v>
      </c>
      <c r="U1157">
        <v>0</v>
      </c>
      <c r="V1157">
        <v>3</v>
      </c>
      <c r="W1157">
        <v>1</v>
      </c>
      <c r="X1157">
        <v>0</v>
      </c>
      <c r="Y1157">
        <v>66</v>
      </c>
      <c r="Z1157">
        <v>51</v>
      </c>
      <c r="AA1157">
        <v>142</v>
      </c>
      <c r="AB1157">
        <v>78</v>
      </c>
      <c r="AC1157">
        <v>171</v>
      </c>
      <c r="AD1157">
        <v>27</v>
      </c>
      <c r="AE1157">
        <v>18</v>
      </c>
      <c r="AF1157">
        <v>4061</v>
      </c>
      <c r="AG1157">
        <v>150524</v>
      </c>
      <c r="AH1157">
        <v>50000</v>
      </c>
      <c r="AI1157">
        <v>0</v>
      </c>
      <c r="AJ1157">
        <v>108</v>
      </c>
      <c r="AK1157" t="s">
        <v>30</v>
      </c>
      <c r="AL1157">
        <v>0</v>
      </c>
      <c r="AM1157">
        <v>0</v>
      </c>
      <c r="AN1157">
        <v>0</v>
      </c>
      <c r="AO1157">
        <v>0</v>
      </c>
      <c r="AP1157">
        <v>0</v>
      </c>
      <c r="AQ1157">
        <v>0</v>
      </c>
      <c r="AR1157">
        <v>0</v>
      </c>
      <c r="AS1157">
        <v>0</v>
      </c>
      <c r="AT1157">
        <v>0</v>
      </c>
      <c r="AU1157">
        <v>0</v>
      </c>
      <c r="AV1157">
        <v>0</v>
      </c>
      <c r="AW1157">
        <v>0</v>
      </c>
      <c r="AX1157">
        <v>26082</v>
      </c>
      <c r="AY1157">
        <v>18</v>
      </c>
      <c r="AZ1157">
        <v>54</v>
      </c>
      <c r="BA1157">
        <v>3782</v>
      </c>
    </row>
    <row r="1158" spans="1:53" x14ac:dyDescent="0.4">
      <c r="A1158">
        <v>1202</v>
      </c>
      <c r="B1158" s="1">
        <v>43180</v>
      </c>
      <c r="C1158">
        <v>4</v>
      </c>
      <c r="D1158" s="1">
        <v>43180.945138888892</v>
      </c>
      <c r="E1158" s="1">
        <v>43181.07708333333</v>
      </c>
      <c r="F1158">
        <v>31150</v>
      </c>
      <c r="G1158">
        <v>1120</v>
      </c>
      <c r="H1158">
        <v>0</v>
      </c>
      <c r="I1158">
        <v>0</v>
      </c>
      <c r="J1158">
        <v>0</v>
      </c>
      <c r="K1158">
        <v>0</v>
      </c>
      <c r="L1158">
        <v>0</v>
      </c>
      <c r="M1158">
        <v>2582</v>
      </c>
      <c r="N1158">
        <v>0</v>
      </c>
      <c r="O1158">
        <v>0</v>
      </c>
      <c r="P1158">
        <v>10206</v>
      </c>
      <c r="Q1158">
        <v>0</v>
      </c>
      <c r="R1158">
        <v>45058</v>
      </c>
      <c r="S1158">
        <v>0</v>
      </c>
      <c r="T1158">
        <v>0</v>
      </c>
      <c r="U1158">
        <v>0</v>
      </c>
      <c r="V1158">
        <v>6</v>
      </c>
      <c r="W1158">
        <v>0</v>
      </c>
      <c r="X1158">
        <v>0</v>
      </c>
      <c r="Y1158">
        <v>80</v>
      </c>
      <c r="Z1158">
        <v>50</v>
      </c>
      <c r="AA1158">
        <v>155</v>
      </c>
      <c r="AB1158">
        <v>78</v>
      </c>
      <c r="AC1158">
        <v>179</v>
      </c>
      <c r="AD1158">
        <v>27</v>
      </c>
      <c r="AE1158">
        <v>12</v>
      </c>
      <c r="AF1158">
        <v>9245</v>
      </c>
      <c r="AG1158">
        <v>195582</v>
      </c>
      <c r="AH1158">
        <v>50000</v>
      </c>
      <c r="AI1158">
        <v>0</v>
      </c>
      <c r="AJ1158">
        <v>100</v>
      </c>
      <c r="AK1158" t="s">
        <v>0</v>
      </c>
      <c r="AL1158">
        <v>0</v>
      </c>
      <c r="AM1158">
        <v>0</v>
      </c>
      <c r="AN1158">
        <v>0</v>
      </c>
      <c r="AO1158">
        <v>0</v>
      </c>
      <c r="AP1158">
        <v>0</v>
      </c>
      <c r="AQ1158">
        <v>0</v>
      </c>
      <c r="AR1158">
        <v>0</v>
      </c>
      <c r="AS1158">
        <v>0</v>
      </c>
      <c r="AT1158">
        <v>0</v>
      </c>
      <c r="AU1158">
        <v>0</v>
      </c>
      <c r="AV1158">
        <v>0</v>
      </c>
      <c r="AW1158">
        <v>0</v>
      </c>
      <c r="AX1158">
        <v>2473</v>
      </c>
      <c r="AY1158">
        <v>5</v>
      </c>
      <c r="AZ1158">
        <v>9</v>
      </c>
      <c r="BA1158">
        <v>812</v>
      </c>
    </row>
    <row r="1159" spans="1:53" x14ac:dyDescent="0.4">
      <c r="A1159">
        <v>1203</v>
      </c>
      <c r="B1159" s="1">
        <v>43181</v>
      </c>
      <c r="C1159">
        <v>1</v>
      </c>
      <c r="D1159" s="1">
        <v>43181.291666666664</v>
      </c>
      <c r="E1159" s="1">
        <v>43181.402083333334</v>
      </c>
      <c r="F1159">
        <v>0</v>
      </c>
      <c r="G1159">
        <v>0</v>
      </c>
      <c r="H1159">
        <v>0</v>
      </c>
      <c r="I1159">
        <v>0</v>
      </c>
      <c r="J1159">
        <v>0</v>
      </c>
      <c r="K1159">
        <v>0</v>
      </c>
      <c r="L1159">
        <v>0</v>
      </c>
      <c r="M1159">
        <v>0</v>
      </c>
      <c r="N1159">
        <v>0</v>
      </c>
      <c r="O1159">
        <v>0</v>
      </c>
      <c r="P1159">
        <v>0</v>
      </c>
      <c r="Q1159">
        <v>0</v>
      </c>
      <c r="R1159">
        <v>0</v>
      </c>
      <c r="S1159">
        <v>0</v>
      </c>
      <c r="T1159">
        <v>0</v>
      </c>
      <c r="U1159">
        <v>0</v>
      </c>
      <c r="V1159">
        <v>0</v>
      </c>
      <c r="W1159">
        <v>0</v>
      </c>
      <c r="X1159">
        <v>0</v>
      </c>
      <c r="Y1159">
        <v>25</v>
      </c>
      <c r="Z1159">
        <v>9</v>
      </c>
      <c r="AA1159">
        <v>150</v>
      </c>
      <c r="AB1159">
        <v>71</v>
      </c>
      <c r="AC1159">
        <v>180</v>
      </c>
      <c r="AD1159">
        <v>28</v>
      </c>
      <c r="AE1159">
        <v>10</v>
      </c>
      <c r="AF1159">
        <v>0</v>
      </c>
      <c r="AG1159">
        <v>50000</v>
      </c>
      <c r="AH1159">
        <v>0</v>
      </c>
      <c r="AI1159">
        <v>50000</v>
      </c>
      <c r="AJ1159">
        <v>0</v>
      </c>
      <c r="AK1159" t="s">
        <v>6</v>
      </c>
      <c r="AL1159">
        <v>0</v>
      </c>
      <c r="AM1159">
        <v>0</v>
      </c>
      <c r="AN1159">
        <v>0</v>
      </c>
      <c r="AO1159">
        <v>0</v>
      </c>
      <c r="AP1159">
        <v>0</v>
      </c>
      <c r="AQ1159">
        <v>0</v>
      </c>
      <c r="AR1159">
        <v>0</v>
      </c>
      <c r="AS1159">
        <v>0</v>
      </c>
      <c r="AT1159">
        <v>0</v>
      </c>
      <c r="AU1159">
        <v>0</v>
      </c>
      <c r="AV1159">
        <v>0</v>
      </c>
      <c r="AW1159">
        <v>0</v>
      </c>
      <c r="AX1159">
        <v>0</v>
      </c>
      <c r="AY1159">
        <v>0</v>
      </c>
      <c r="AZ1159">
        <v>0</v>
      </c>
      <c r="BA1159">
        <v>0</v>
      </c>
    </row>
    <row r="1160" spans="1:53" x14ac:dyDescent="0.4">
      <c r="A1160">
        <v>1204</v>
      </c>
      <c r="B1160" s="1">
        <v>43181</v>
      </c>
      <c r="C1160">
        <v>2</v>
      </c>
      <c r="D1160" s="1">
        <v>43181.402083333334</v>
      </c>
      <c r="E1160" s="1">
        <v>43181.740277777775</v>
      </c>
      <c r="F1160">
        <v>37500</v>
      </c>
      <c r="G1160">
        <v>880</v>
      </c>
      <c r="H1160">
        <v>0</v>
      </c>
      <c r="I1160">
        <v>0</v>
      </c>
      <c r="J1160">
        <v>0</v>
      </c>
      <c r="K1160">
        <v>0</v>
      </c>
      <c r="L1160">
        <v>0</v>
      </c>
      <c r="M1160">
        <v>3070</v>
      </c>
      <c r="N1160">
        <v>0</v>
      </c>
      <c r="O1160">
        <v>0</v>
      </c>
      <c r="P1160">
        <v>21060</v>
      </c>
      <c r="Q1160">
        <v>0</v>
      </c>
      <c r="R1160">
        <v>62510</v>
      </c>
      <c r="S1160">
        <v>0</v>
      </c>
      <c r="T1160">
        <v>0</v>
      </c>
      <c r="U1160">
        <v>0</v>
      </c>
      <c r="V1160">
        <v>3</v>
      </c>
      <c r="W1160">
        <v>1</v>
      </c>
      <c r="X1160">
        <v>0</v>
      </c>
      <c r="Y1160">
        <v>44</v>
      </c>
      <c r="Z1160">
        <v>33</v>
      </c>
      <c r="AA1160">
        <v>110</v>
      </c>
      <c r="AB1160">
        <v>68</v>
      </c>
      <c r="AC1160">
        <v>244</v>
      </c>
      <c r="AD1160">
        <v>31</v>
      </c>
      <c r="AE1160">
        <v>15</v>
      </c>
      <c r="AF1160">
        <v>0</v>
      </c>
      <c r="AG1160">
        <v>112510</v>
      </c>
      <c r="AH1160">
        <v>50000</v>
      </c>
      <c r="AI1160">
        <v>0</v>
      </c>
      <c r="AJ1160">
        <v>96</v>
      </c>
      <c r="AK1160" t="s">
        <v>4</v>
      </c>
      <c r="AL1160">
        <v>0</v>
      </c>
      <c r="AM1160">
        <v>0</v>
      </c>
      <c r="AN1160">
        <v>0</v>
      </c>
      <c r="AO1160">
        <v>0</v>
      </c>
      <c r="AP1160">
        <v>0</v>
      </c>
      <c r="AQ1160">
        <v>0</v>
      </c>
      <c r="AR1160">
        <v>0</v>
      </c>
      <c r="AS1160">
        <v>0</v>
      </c>
      <c r="AT1160">
        <v>0</v>
      </c>
      <c r="AU1160">
        <v>0</v>
      </c>
      <c r="AV1160">
        <v>0</v>
      </c>
      <c r="AW1160">
        <v>0</v>
      </c>
      <c r="AX1160">
        <v>-2700</v>
      </c>
      <c r="AY1160">
        <v>48</v>
      </c>
      <c r="AZ1160">
        <v>109</v>
      </c>
      <c r="BA1160">
        <v>6626</v>
      </c>
    </row>
    <row r="1161" spans="1:53" x14ac:dyDescent="0.4">
      <c r="A1161">
        <v>1205</v>
      </c>
      <c r="B1161" s="1">
        <v>43181</v>
      </c>
      <c r="C1161">
        <v>3</v>
      </c>
      <c r="D1161" s="1">
        <v>43181.740277777775</v>
      </c>
      <c r="E1161" s="1">
        <v>43181.981944444444</v>
      </c>
      <c r="F1161">
        <v>101220</v>
      </c>
      <c r="G1161">
        <v>3790</v>
      </c>
      <c r="H1161">
        <v>0</v>
      </c>
      <c r="I1161">
        <v>0</v>
      </c>
      <c r="J1161">
        <v>1200</v>
      </c>
      <c r="K1161">
        <v>0</v>
      </c>
      <c r="L1161">
        <v>0</v>
      </c>
      <c r="M1161">
        <v>8304</v>
      </c>
      <c r="N1161">
        <v>0</v>
      </c>
      <c r="O1161">
        <v>0</v>
      </c>
      <c r="P1161">
        <v>-21060</v>
      </c>
      <c r="Q1161">
        <v>0</v>
      </c>
      <c r="R1161">
        <v>91054</v>
      </c>
      <c r="S1161">
        <v>0</v>
      </c>
      <c r="T1161">
        <v>0</v>
      </c>
      <c r="U1161">
        <v>0</v>
      </c>
      <c r="V1161">
        <v>9</v>
      </c>
      <c r="W1161">
        <v>2</v>
      </c>
      <c r="X1161">
        <v>0</v>
      </c>
      <c r="Y1161">
        <v>48</v>
      </c>
      <c r="Z1161">
        <v>32</v>
      </c>
      <c r="AA1161">
        <v>119</v>
      </c>
      <c r="AB1161">
        <v>69</v>
      </c>
      <c r="AC1161">
        <v>245</v>
      </c>
      <c r="AD1161">
        <v>31</v>
      </c>
      <c r="AE1161">
        <v>9</v>
      </c>
      <c r="AF1161">
        <v>21600</v>
      </c>
      <c r="AG1161">
        <v>203564</v>
      </c>
      <c r="AH1161">
        <v>50000</v>
      </c>
      <c r="AI1161">
        <v>0</v>
      </c>
      <c r="AJ1161">
        <v>108</v>
      </c>
      <c r="AK1161" t="s">
        <v>30</v>
      </c>
      <c r="AL1161">
        <v>0</v>
      </c>
      <c r="AM1161">
        <v>0</v>
      </c>
      <c r="AN1161">
        <v>0</v>
      </c>
      <c r="AO1161">
        <v>0</v>
      </c>
      <c r="AP1161">
        <v>0</v>
      </c>
      <c r="AQ1161">
        <v>0</v>
      </c>
      <c r="AR1161">
        <v>0</v>
      </c>
      <c r="AS1161">
        <v>0</v>
      </c>
      <c r="AT1161">
        <v>0</v>
      </c>
      <c r="AU1161">
        <v>0</v>
      </c>
      <c r="AV1161">
        <v>0</v>
      </c>
      <c r="AW1161">
        <v>0</v>
      </c>
      <c r="AX1161">
        <v>13154</v>
      </c>
      <c r="AY1161">
        <v>15</v>
      </c>
      <c r="AZ1161">
        <v>68</v>
      </c>
      <c r="BA1161">
        <v>3655</v>
      </c>
    </row>
    <row r="1162" spans="1:53" x14ac:dyDescent="0.4">
      <c r="A1162">
        <v>1206</v>
      </c>
      <c r="B1162" s="1">
        <v>43181</v>
      </c>
      <c r="C1162">
        <v>4</v>
      </c>
      <c r="D1162" s="1">
        <v>43181.981944444444</v>
      </c>
      <c r="E1162" s="1">
        <v>43182.081944444442</v>
      </c>
      <c r="F1162">
        <v>10800</v>
      </c>
      <c r="G1162">
        <v>0</v>
      </c>
      <c r="H1162">
        <v>0</v>
      </c>
      <c r="I1162">
        <v>0</v>
      </c>
      <c r="J1162">
        <v>0</v>
      </c>
      <c r="K1162">
        <v>0</v>
      </c>
      <c r="L1162">
        <v>0</v>
      </c>
      <c r="M1162">
        <v>864</v>
      </c>
      <c r="N1162">
        <v>0</v>
      </c>
      <c r="O1162">
        <v>0</v>
      </c>
      <c r="P1162">
        <v>30348</v>
      </c>
      <c r="Q1162">
        <v>0</v>
      </c>
      <c r="R1162">
        <v>42012</v>
      </c>
      <c r="S1162">
        <v>0</v>
      </c>
      <c r="T1162">
        <v>0</v>
      </c>
      <c r="U1162">
        <v>0</v>
      </c>
      <c r="V1162">
        <v>11</v>
      </c>
      <c r="W1162">
        <v>3</v>
      </c>
      <c r="X1162">
        <v>0</v>
      </c>
      <c r="Y1162">
        <v>63</v>
      </c>
      <c r="Z1162">
        <v>30</v>
      </c>
      <c r="AA1162">
        <v>128</v>
      </c>
      <c r="AB1162">
        <v>70</v>
      </c>
      <c r="AC1162">
        <v>236</v>
      </c>
      <c r="AD1162">
        <v>29</v>
      </c>
      <c r="AE1162">
        <v>11</v>
      </c>
      <c r="AF1162">
        <v>23760</v>
      </c>
      <c r="AG1162">
        <v>245576</v>
      </c>
      <c r="AH1162">
        <v>50000</v>
      </c>
      <c r="AI1162">
        <v>0</v>
      </c>
      <c r="AJ1162">
        <v>100</v>
      </c>
      <c r="AK1162" t="s">
        <v>0</v>
      </c>
      <c r="AL1162">
        <v>0</v>
      </c>
      <c r="AM1162">
        <v>0</v>
      </c>
      <c r="AN1162">
        <v>0</v>
      </c>
      <c r="AO1162">
        <v>0</v>
      </c>
      <c r="AP1162">
        <v>0</v>
      </c>
      <c r="AQ1162">
        <v>0</v>
      </c>
      <c r="AR1162">
        <v>0</v>
      </c>
      <c r="AS1162">
        <v>0</v>
      </c>
      <c r="AT1162">
        <v>0</v>
      </c>
      <c r="AU1162">
        <v>0</v>
      </c>
      <c r="AV1162">
        <v>0</v>
      </c>
      <c r="AW1162">
        <v>0</v>
      </c>
      <c r="AX1162">
        <v>13262</v>
      </c>
      <c r="AY1162">
        <v>9</v>
      </c>
      <c r="AZ1162">
        <v>21</v>
      </c>
      <c r="BA1162">
        <v>1086</v>
      </c>
    </row>
    <row r="1163" spans="1:53" x14ac:dyDescent="0.4">
      <c r="A1163">
        <v>1207</v>
      </c>
      <c r="B1163" s="1">
        <v>43182</v>
      </c>
      <c r="C1163">
        <v>1</v>
      </c>
      <c r="D1163" s="1">
        <v>43182.291666666664</v>
      </c>
      <c r="E1163" s="1">
        <v>43182.413194444445</v>
      </c>
      <c r="F1163">
        <v>0</v>
      </c>
      <c r="G1163">
        <v>0</v>
      </c>
      <c r="H1163">
        <v>0</v>
      </c>
      <c r="I1163">
        <v>0</v>
      </c>
      <c r="J1163">
        <v>0</v>
      </c>
      <c r="K1163">
        <v>0</v>
      </c>
      <c r="L1163">
        <v>0</v>
      </c>
      <c r="M1163">
        <v>0</v>
      </c>
      <c r="N1163">
        <v>0</v>
      </c>
      <c r="O1163">
        <v>0</v>
      </c>
      <c r="P1163">
        <v>0</v>
      </c>
      <c r="Q1163">
        <v>0</v>
      </c>
      <c r="R1163">
        <v>0</v>
      </c>
      <c r="S1163">
        <v>0</v>
      </c>
      <c r="T1163">
        <v>0</v>
      </c>
      <c r="U1163">
        <v>0</v>
      </c>
      <c r="V1163">
        <v>0</v>
      </c>
      <c r="W1163">
        <v>0</v>
      </c>
      <c r="X1163">
        <v>0</v>
      </c>
      <c r="Y1163">
        <v>29</v>
      </c>
      <c r="Z1163">
        <v>9</v>
      </c>
      <c r="AA1163">
        <v>120</v>
      </c>
      <c r="AB1163">
        <v>61</v>
      </c>
      <c r="AC1163">
        <v>132</v>
      </c>
      <c r="AD1163">
        <v>22</v>
      </c>
      <c r="AE1163">
        <v>20</v>
      </c>
      <c r="AF1163">
        <v>0</v>
      </c>
      <c r="AG1163">
        <v>50000</v>
      </c>
      <c r="AH1163">
        <v>0</v>
      </c>
      <c r="AI1163">
        <v>50000</v>
      </c>
      <c r="AJ1163">
        <v>0</v>
      </c>
      <c r="AK1163" t="s">
        <v>6</v>
      </c>
      <c r="AL1163">
        <v>0</v>
      </c>
      <c r="AM1163">
        <v>0</v>
      </c>
      <c r="AN1163">
        <v>0</v>
      </c>
      <c r="AO1163">
        <v>0</v>
      </c>
      <c r="AP1163">
        <v>0</v>
      </c>
      <c r="AQ1163">
        <v>0</v>
      </c>
      <c r="AR1163">
        <v>0</v>
      </c>
      <c r="AS1163">
        <v>0</v>
      </c>
      <c r="AT1163">
        <v>0</v>
      </c>
      <c r="AU1163">
        <v>0</v>
      </c>
      <c r="AV1163">
        <v>0</v>
      </c>
      <c r="AW1163">
        <v>0</v>
      </c>
      <c r="AX1163">
        <v>0</v>
      </c>
      <c r="AY1163">
        <v>0</v>
      </c>
      <c r="AZ1163">
        <v>0</v>
      </c>
      <c r="BA1163">
        <v>0</v>
      </c>
    </row>
    <row r="1164" spans="1:53" x14ac:dyDescent="0.4">
      <c r="A1164">
        <v>1208</v>
      </c>
      <c r="B1164" s="1">
        <v>43182</v>
      </c>
      <c r="C1164">
        <v>2</v>
      </c>
      <c r="D1164" s="1">
        <v>43182.413194444445</v>
      </c>
      <c r="E1164" s="1">
        <v>43182.738194444442</v>
      </c>
      <c r="F1164">
        <v>38000</v>
      </c>
      <c r="G1164">
        <v>3500</v>
      </c>
      <c r="H1164">
        <v>0</v>
      </c>
      <c r="I1164">
        <v>0</v>
      </c>
      <c r="J1164">
        <v>0</v>
      </c>
      <c r="K1164">
        <v>0</v>
      </c>
      <c r="L1164">
        <v>0</v>
      </c>
      <c r="M1164">
        <v>3318</v>
      </c>
      <c r="N1164">
        <v>0</v>
      </c>
      <c r="O1164">
        <v>0</v>
      </c>
      <c r="P1164">
        <v>18360</v>
      </c>
      <c r="Q1164">
        <v>0</v>
      </c>
      <c r="R1164">
        <v>63178</v>
      </c>
      <c r="S1164">
        <v>0</v>
      </c>
      <c r="T1164">
        <v>0</v>
      </c>
      <c r="U1164">
        <v>0</v>
      </c>
      <c r="V1164">
        <v>1</v>
      </c>
      <c r="W1164">
        <v>5</v>
      </c>
      <c r="X1164">
        <v>0</v>
      </c>
      <c r="Y1164">
        <v>45</v>
      </c>
      <c r="Z1164">
        <v>20</v>
      </c>
      <c r="AA1164">
        <v>139</v>
      </c>
      <c r="AB1164">
        <v>59</v>
      </c>
      <c r="AC1164">
        <v>243</v>
      </c>
      <c r="AD1164">
        <v>25</v>
      </c>
      <c r="AE1164">
        <v>19</v>
      </c>
      <c r="AF1164">
        <v>3754</v>
      </c>
      <c r="AG1164">
        <v>113178</v>
      </c>
      <c r="AH1164">
        <v>50000</v>
      </c>
      <c r="AI1164">
        <v>0</v>
      </c>
      <c r="AJ1164">
        <v>92</v>
      </c>
      <c r="AK1164" t="s">
        <v>22</v>
      </c>
      <c r="AL1164">
        <v>0</v>
      </c>
      <c r="AM1164">
        <v>0</v>
      </c>
      <c r="AN1164">
        <v>0</v>
      </c>
      <c r="AO1164">
        <v>0</v>
      </c>
      <c r="AP1164">
        <v>0</v>
      </c>
      <c r="AQ1164">
        <v>0</v>
      </c>
      <c r="AR1164">
        <v>0</v>
      </c>
      <c r="AS1164">
        <v>0</v>
      </c>
      <c r="AT1164">
        <v>0</v>
      </c>
      <c r="AU1164">
        <v>0</v>
      </c>
      <c r="AV1164">
        <v>0</v>
      </c>
      <c r="AW1164">
        <v>0</v>
      </c>
      <c r="AX1164">
        <v>-2290</v>
      </c>
      <c r="AY1164">
        <v>49</v>
      </c>
      <c r="AZ1164">
        <v>106</v>
      </c>
      <c r="BA1164">
        <v>7190</v>
      </c>
    </row>
    <row r="1165" spans="1:53" x14ac:dyDescent="0.4">
      <c r="A1165">
        <v>1209</v>
      </c>
      <c r="B1165" s="1">
        <v>43183</v>
      </c>
      <c r="C1165">
        <v>1</v>
      </c>
      <c r="D1165" s="1">
        <v>43183.291666666664</v>
      </c>
      <c r="E1165" s="1">
        <v>43183.404166666667</v>
      </c>
      <c r="F1165">
        <v>0</v>
      </c>
      <c r="G1165">
        <v>0</v>
      </c>
      <c r="H1165">
        <v>0</v>
      </c>
      <c r="I1165">
        <v>0</v>
      </c>
      <c r="J1165">
        <v>0</v>
      </c>
      <c r="K1165">
        <v>0</v>
      </c>
      <c r="L1165">
        <v>0</v>
      </c>
      <c r="M1165">
        <v>0</v>
      </c>
      <c r="N1165">
        <v>0</v>
      </c>
      <c r="O1165">
        <v>0</v>
      </c>
      <c r="P1165">
        <v>0</v>
      </c>
      <c r="Q1165">
        <v>0</v>
      </c>
      <c r="R1165">
        <v>0</v>
      </c>
      <c r="S1165">
        <v>0</v>
      </c>
      <c r="T1165">
        <v>0</v>
      </c>
      <c r="U1165">
        <v>0</v>
      </c>
      <c r="V1165">
        <v>0</v>
      </c>
      <c r="W1165">
        <v>0</v>
      </c>
      <c r="X1165">
        <v>0</v>
      </c>
      <c r="Y1165">
        <v>27</v>
      </c>
      <c r="Z1165">
        <v>11</v>
      </c>
      <c r="AA1165">
        <v>130</v>
      </c>
      <c r="AB1165">
        <v>50</v>
      </c>
      <c r="AC1165">
        <v>186</v>
      </c>
      <c r="AD1165">
        <v>23</v>
      </c>
      <c r="AE1165">
        <v>25</v>
      </c>
      <c r="AF1165">
        <v>0</v>
      </c>
      <c r="AG1165">
        <v>50000</v>
      </c>
      <c r="AH1165">
        <v>50000</v>
      </c>
      <c r="AI1165">
        <v>0</v>
      </c>
      <c r="AJ1165">
        <v>0</v>
      </c>
      <c r="AK1165" t="s">
        <v>6</v>
      </c>
      <c r="AL1165">
        <v>0</v>
      </c>
      <c r="AM1165">
        <v>0</v>
      </c>
      <c r="AN1165">
        <v>0</v>
      </c>
      <c r="AO1165">
        <v>0</v>
      </c>
      <c r="AP1165">
        <v>0</v>
      </c>
      <c r="AQ1165">
        <v>0</v>
      </c>
      <c r="AR1165">
        <v>0</v>
      </c>
      <c r="AS1165">
        <v>0</v>
      </c>
      <c r="AT1165">
        <v>0</v>
      </c>
      <c r="AU1165">
        <v>0</v>
      </c>
      <c r="AV1165">
        <v>0</v>
      </c>
      <c r="AW1165">
        <v>0</v>
      </c>
      <c r="AX1165">
        <v>0</v>
      </c>
      <c r="AY1165">
        <v>0</v>
      </c>
      <c r="AZ1165">
        <v>0</v>
      </c>
      <c r="BA1165">
        <v>0</v>
      </c>
    </row>
    <row r="1166" spans="1:53" x14ac:dyDescent="0.4">
      <c r="A1166">
        <v>1210</v>
      </c>
      <c r="B1166" s="1">
        <v>43183</v>
      </c>
      <c r="C1166">
        <v>2</v>
      </c>
      <c r="D1166" s="1">
        <v>43183.404166666667</v>
      </c>
      <c r="E1166" s="1">
        <v>43183.748611111114</v>
      </c>
      <c r="F1166">
        <v>40500</v>
      </c>
      <c r="G1166">
        <v>3800</v>
      </c>
      <c r="H1166">
        <v>0</v>
      </c>
      <c r="I1166">
        <v>0</v>
      </c>
      <c r="J1166">
        <v>0</v>
      </c>
      <c r="K1166">
        <v>0</v>
      </c>
      <c r="L1166">
        <v>0</v>
      </c>
      <c r="M1166">
        <v>3542</v>
      </c>
      <c r="N1166">
        <v>0</v>
      </c>
      <c r="O1166">
        <v>0</v>
      </c>
      <c r="P1166">
        <v>21330</v>
      </c>
      <c r="Q1166">
        <v>0</v>
      </c>
      <c r="R1166">
        <v>69172</v>
      </c>
      <c r="S1166">
        <v>0</v>
      </c>
      <c r="T1166">
        <v>0</v>
      </c>
      <c r="U1166">
        <v>0</v>
      </c>
      <c r="V1166">
        <v>2</v>
      </c>
      <c r="W1166">
        <v>1</v>
      </c>
      <c r="X1166">
        <v>0</v>
      </c>
      <c r="Y1166">
        <v>67</v>
      </c>
      <c r="Z1166">
        <v>20</v>
      </c>
      <c r="AA1166">
        <v>122</v>
      </c>
      <c r="AB1166">
        <v>53</v>
      </c>
      <c r="AC1166">
        <v>225</v>
      </c>
      <c r="AD1166">
        <v>24</v>
      </c>
      <c r="AE1166">
        <v>32</v>
      </c>
      <c r="AF1166">
        <v>0</v>
      </c>
      <c r="AG1166">
        <v>119252</v>
      </c>
      <c r="AH1166">
        <v>50000</v>
      </c>
      <c r="AI1166">
        <v>80</v>
      </c>
      <c r="AJ1166">
        <v>84</v>
      </c>
      <c r="AK1166" t="s">
        <v>16</v>
      </c>
      <c r="AL1166">
        <v>0</v>
      </c>
      <c r="AM1166">
        <v>0</v>
      </c>
      <c r="AN1166">
        <v>0</v>
      </c>
      <c r="AO1166">
        <v>0</v>
      </c>
      <c r="AP1166">
        <v>0</v>
      </c>
      <c r="AQ1166">
        <v>0</v>
      </c>
      <c r="AR1166">
        <v>0</v>
      </c>
      <c r="AS1166">
        <v>0</v>
      </c>
      <c r="AT1166">
        <v>0</v>
      </c>
      <c r="AU1166">
        <v>0</v>
      </c>
      <c r="AV1166">
        <v>0</v>
      </c>
      <c r="AW1166">
        <v>0</v>
      </c>
      <c r="AX1166">
        <v>1425</v>
      </c>
      <c r="AY1166">
        <v>47</v>
      </c>
      <c r="AZ1166">
        <v>117</v>
      </c>
      <c r="BA1166">
        <v>7513</v>
      </c>
    </row>
    <row r="1167" spans="1:53" x14ac:dyDescent="0.4">
      <c r="A1167">
        <v>1211</v>
      </c>
      <c r="B1167" s="1">
        <v>43184</v>
      </c>
      <c r="C1167">
        <v>1</v>
      </c>
      <c r="D1167" s="1">
        <v>43184.291666666664</v>
      </c>
      <c r="E1167" s="1">
        <v>43184.412499999999</v>
      </c>
      <c r="F1167">
        <v>0</v>
      </c>
      <c r="G1167">
        <v>0</v>
      </c>
      <c r="H1167">
        <v>0</v>
      </c>
      <c r="I1167">
        <v>0</v>
      </c>
      <c r="J1167">
        <v>0</v>
      </c>
      <c r="K1167">
        <v>0</v>
      </c>
      <c r="L1167">
        <v>0</v>
      </c>
      <c r="M1167">
        <v>0</v>
      </c>
      <c r="N1167">
        <v>0</v>
      </c>
      <c r="O1167">
        <v>0</v>
      </c>
      <c r="P1167">
        <v>0</v>
      </c>
      <c r="Q1167">
        <v>0</v>
      </c>
      <c r="R1167">
        <v>0</v>
      </c>
      <c r="S1167">
        <v>0</v>
      </c>
      <c r="T1167">
        <v>0</v>
      </c>
      <c r="U1167">
        <v>0</v>
      </c>
      <c r="V1167">
        <v>0</v>
      </c>
      <c r="W1167">
        <v>0</v>
      </c>
      <c r="X1167">
        <v>0</v>
      </c>
      <c r="Y1167">
        <v>31</v>
      </c>
      <c r="Z1167">
        <v>8</v>
      </c>
      <c r="AA1167">
        <v>134</v>
      </c>
      <c r="AB1167">
        <v>52</v>
      </c>
      <c r="AC1167">
        <v>127</v>
      </c>
      <c r="AD1167">
        <v>18</v>
      </c>
      <c r="AE1167">
        <v>40</v>
      </c>
      <c r="AF1167">
        <v>0</v>
      </c>
      <c r="AG1167">
        <v>52400</v>
      </c>
      <c r="AH1167">
        <v>0</v>
      </c>
      <c r="AI1167">
        <v>52400</v>
      </c>
      <c r="AJ1167">
        <v>0</v>
      </c>
      <c r="AK1167" t="s">
        <v>6</v>
      </c>
      <c r="AL1167">
        <v>0</v>
      </c>
      <c r="AM1167">
        <v>0</v>
      </c>
      <c r="AN1167">
        <v>0</v>
      </c>
      <c r="AO1167">
        <v>0</v>
      </c>
      <c r="AP1167">
        <v>0</v>
      </c>
      <c r="AQ1167">
        <v>0</v>
      </c>
      <c r="AR1167">
        <v>0</v>
      </c>
      <c r="AS1167">
        <v>0</v>
      </c>
      <c r="AT1167">
        <v>0</v>
      </c>
      <c r="AU1167">
        <v>0</v>
      </c>
      <c r="AV1167">
        <v>0</v>
      </c>
      <c r="AW1167">
        <v>0</v>
      </c>
      <c r="AX1167">
        <v>0</v>
      </c>
      <c r="AY1167">
        <v>0</v>
      </c>
      <c r="AZ1167">
        <v>0</v>
      </c>
      <c r="BA1167">
        <v>0</v>
      </c>
    </row>
    <row r="1168" spans="1:53" x14ac:dyDescent="0.4">
      <c r="A1168">
        <v>1212</v>
      </c>
      <c r="B1168" s="1">
        <v>43184</v>
      </c>
      <c r="C1168">
        <v>2</v>
      </c>
      <c r="D1168" s="1">
        <v>43184.412499999999</v>
      </c>
      <c r="E1168" s="1">
        <v>43184.725694444445</v>
      </c>
      <c r="F1168">
        <v>45250</v>
      </c>
      <c r="G1168">
        <v>2960</v>
      </c>
      <c r="H1168">
        <v>0</v>
      </c>
      <c r="I1168">
        <v>0</v>
      </c>
      <c r="J1168">
        <v>0</v>
      </c>
      <c r="K1168">
        <v>0</v>
      </c>
      <c r="L1168">
        <v>0</v>
      </c>
      <c r="M1168">
        <v>3856</v>
      </c>
      <c r="N1168">
        <v>0</v>
      </c>
      <c r="O1168">
        <v>0</v>
      </c>
      <c r="P1168">
        <v>15660</v>
      </c>
      <c r="Q1168">
        <v>0</v>
      </c>
      <c r="R1168">
        <v>67726</v>
      </c>
      <c r="S1168">
        <v>0</v>
      </c>
      <c r="T1168">
        <v>0</v>
      </c>
      <c r="U1168">
        <v>0</v>
      </c>
      <c r="V1168">
        <v>1</v>
      </c>
      <c r="W1168">
        <v>0</v>
      </c>
      <c r="X1168">
        <v>0</v>
      </c>
      <c r="Y1168">
        <v>67</v>
      </c>
      <c r="Z1168">
        <v>39</v>
      </c>
      <c r="AA1168">
        <v>170</v>
      </c>
      <c r="AB1168">
        <v>56</v>
      </c>
      <c r="AC1168">
        <v>233</v>
      </c>
      <c r="AD1168">
        <v>19</v>
      </c>
      <c r="AE1168">
        <v>51</v>
      </c>
      <c r="AF1168">
        <v>1350</v>
      </c>
      <c r="AG1168">
        <v>120126</v>
      </c>
      <c r="AH1168">
        <v>50000</v>
      </c>
      <c r="AI1168">
        <v>2400</v>
      </c>
      <c r="AJ1168">
        <v>96</v>
      </c>
      <c r="AK1168" t="s">
        <v>4</v>
      </c>
      <c r="AL1168">
        <v>0</v>
      </c>
      <c r="AM1168">
        <v>0</v>
      </c>
      <c r="AN1168">
        <v>0</v>
      </c>
      <c r="AO1168">
        <v>0</v>
      </c>
      <c r="AP1168">
        <v>0</v>
      </c>
      <c r="AQ1168">
        <v>0</v>
      </c>
      <c r="AR1168">
        <v>0</v>
      </c>
      <c r="AS1168">
        <v>0</v>
      </c>
      <c r="AT1168">
        <v>0</v>
      </c>
      <c r="AU1168">
        <v>0</v>
      </c>
      <c r="AV1168">
        <v>0</v>
      </c>
      <c r="AW1168">
        <v>0</v>
      </c>
      <c r="AX1168">
        <v>324</v>
      </c>
      <c r="AY1168">
        <v>48</v>
      </c>
      <c r="AZ1168">
        <v>109</v>
      </c>
      <c r="BA1168">
        <v>7322</v>
      </c>
    </row>
    <row r="1169" spans="1:53" x14ac:dyDescent="0.4">
      <c r="A1169">
        <v>1213</v>
      </c>
      <c r="B1169" s="1">
        <v>43185</v>
      </c>
      <c r="C1169">
        <v>1</v>
      </c>
      <c r="D1169" s="1">
        <v>43185.291666666664</v>
      </c>
      <c r="E1169" s="1">
        <v>43185.397916666669</v>
      </c>
      <c r="F1169">
        <v>0</v>
      </c>
      <c r="G1169">
        <v>0</v>
      </c>
      <c r="H1169">
        <v>0</v>
      </c>
      <c r="I1169">
        <v>0</v>
      </c>
      <c r="J1169">
        <v>0</v>
      </c>
      <c r="K1169">
        <v>0</v>
      </c>
      <c r="L1169">
        <v>0</v>
      </c>
      <c r="M1169">
        <v>0</v>
      </c>
      <c r="N1169">
        <v>0</v>
      </c>
      <c r="O1169">
        <v>0</v>
      </c>
      <c r="P1169">
        <v>0</v>
      </c>
      <c r="Q1169">
        <v>0</v>
      </c>
      <c r="R1169">
        <v>0</v>
      </c>
      <c r="S1169">
        <v>0</v>
      </c>
      <c r="T1169">
        <v>0</v>
      </c>
      <c r="U1169">
        <v>0</v>
      </c>
      <c r="V1169">
        <v>0</v>
      </c>
      <c r="W1169">
        <v>0</v>
      </c>
      <c r="X1169">
        <v>0</v>
      </c>
      <c r="Y1169">
        <v>28</v>
      </c>
      <c r="Z1169">
        <v>8</v>
      </c>
      <c r="AA1169">
        <v>139</v>
      </c>
      <c r="AB1169">
        <v>59</v>
      </c>
      <c r="AC1169">
        <v>103</v>
      </c>
      <c r="AD1169">
        <v>16</v>
      </c>
      <c r="AE1169">
        <v>40</v>
      </c>
      <c r="AF1169">
        <v>0</v>
      </c>
      <c r="AG1169">
        <v>50000</v>
      </c>
      <c r="AH1169">
        <v>50000</v>
      </c>
      <c r="AI1169">
        <v>0</v>
      </c>
      <c r="AJ1169">
        <v>0</v>
      </c>
      <c r="AK1169" t="s">
        <v>6</v>
      </c>
      <c r="AL1169">
        <v>0</v>
      </c>
      <c r="AM1169">
        <v>0</v>
      </c>
      <c r="AN1169">
        <v>0</v>
      </c>
      <c r="AO1169">
        <v>0</v>
      </c>
      <c r="AP1169">
        <v>0</v>
      </c>
      <c r="AQ1169">
        <v>0</v>
      </c>
      <c r="AR1169">
        <v>0</v>
      </c>
      <c r="AS1169">
        <v>0</v>
      </c>
      <c r="AT1169">
        <v>0</v>
      </c>
      <c r="AU1169">
        <v>0</v>
      </c>
      <c r="AV1169">
        <v>0</v>
      </c>
      <c r="AW1169">
        <v>0</v>
      </c>
      <c r="AX1169">
        <v>0</v>
      </c>
      <c r="AY1169">
        <v>0</v>
      </c>
      <c r="AZ1169">
        <v>0</v>
      </c>
      <c r="BA1169">
        <v>0</v>
      </c>
    </row>
    <row r="1170" spans="1:53" x14ac:dyDescent="0.4">
      <c r="A1170">
        <v>1214</v>
      </c>
      <c r="B1170" s="1">
        <v>43185</v>
      </c>
      <c r="C1170">
        <v>2</v>
      </c>
      <c r="D1170" s="1">
        <v>43185.397916666669</v>
      </c>
      <c r="E1170" s="1">
        <v>43185.743750000001</v>
      </c>
      <c r="F1170">
        <v>38000</v>
      </c>
      <c r="G1170">
        <v>1900</v>
      </c>
      <c r="H1170">
        <v>0</v>
      </c>
      <c r="I1170">
        <v>0</v>
      </c>
      <c r="J1170">
        <v>0</v>
      </c>
      <c r="K1170">
        <v>0</v>
      </c>
      <c r="L1170">
        <v>0</v>
      </c>
      <c r="M1170">
        <v>3191</v>
      </c>
      <c r="N1170">
        <v>0</v>
      </c>
      <c r="O1170">
        <v>0</v>
      </c>
      <c r="P1170">
        <v>15120</v>
      </c>
      <c r="Q1170">
        <v>0</v>
      </c>
      <c r="R1170">
        <v>58211</v>
      </c>
      <c r="S1170">
        <v>0</v>
      </c>
      <c r="T1170">
        <v>0</v>
      </c>
      <c r="U1170">
        <v>0</v>
      </c>
      <c r="V1170">
        <v>1</v>
      </c>
      <c r="W1170">
        <v>2</v>
      </c>
      <c r="X1170">
        <v>0</v>
      </c>
      <c r="Y1170">
        <v>55</v>
      </c>
      <c r="Z1170">
        <v>25</v>
      </c>
      <c r="AA1170">
        <v>152</v>
      </c>
      <c r="AB1170">
        <v>71</v>
      </c>
      <c r="AC1170">
        <v>183</v>
      </c>
      <c r="AD1170">
        <v>17</v>
      </c>
      <c r="AE1170">
        <v>46</v>
      </c>
      <c r="AF1170">
        <v>0</v>
      </c>
      <c r="AG1170">
        <v>108211</v>
      </c>
      <c r="AH1170">
        <v>50000</v>
      </c>
      <c r="AI1170">
        <v>0</v>
      </c>
      <c r="AJ1170">
        <v>92</v>
      </c>
      <c r="AK1170" t="s">
        <v>22</v>
      </c>
      <c r="AL1170">
        <v>0</v>
      </c>
      <c r="AM1170">
        <v>0</v>
      </c>
      <c r="AN1170">
        <v>0</v>
      </c>
      <c r="AO1170">
        <v>0</v>
      </c>
      <c r="AP1170">
        <v>0</v>
      </c>
      <c r="AQ1170">
        <v>0</v>
      </c>
      <c r="AR1170">
        <v>0</v>
      </c>
      <c r="AS1170">
        <v>0</v>
      </c>
      <c r="AT1170">
        <v>0</v>
      </c>
      <c r="AU1170">
        <v>0</v>
      </c>
      <c r="AV1170">
        <v>0</v>
      </c>
      <c r="AW1170">
        <v>0</v>
      </c>
      <c r="AX1170">
        <v>1814</v>
      </c>
      <c r="AY1170">
        <v>43</v>
      </c>
      <c r="AZ1170">
        <v>100</v>
      </c>
      <c r="BA1170">
        <v>6509</v>
      </c>
    </row>
    <row r="1171" spans="1:53" x14ac:dyDescent="0.4">
      <c r="A1171">
        <v>1215</v>
      </c>
      <c r="B1171" s="1">
        <v>43186</v>
      </c>
      <c r="C1171">
        <v>1</v>
      </c>
      <c r="D1171" s="1">
        <v>43186.291666666664</v>
      </c>
      <c r="E1171" s="1">
        <v>43186.40347222222</v>
      </c>
      <c r="F1171">
        <v>0</v>
      </c>
      <c r="G1171">
        <v>0</v>
      </c>
      <c r="H1171">
        <v>0</v>
      </c>
      <c r="I1171">
        <v>0</v>
      </c>
      <c r="J1171">
        <v>0</v>
      </c>
      <c r="K1171">
        <v>0</v>
      </c>
      <c r="L1171">
        <v>0</v>
      </c>
      <c r="M1171">
        <v>0</v>
      </c>
      <c r="N1171">
        <v>0</v>
      </c>
      <c r="O1171">
        <v>0</v>
      </c>
      <c r="P1171">
        <v>0</v>
      </c>
      <c r="Q1171">
        <v>0</v>
      </c>
      <c r="R1171">
        <v>0</v>
      </c>
      <c r="S1171">
        <v>0</v>
      </c>
      <c r="T1171">
        <v>0</v>
      </c>
      <c r="U1171">
        <v>0</v>
      </c>
      <c r="V1171">
        <v>0</v>
      </c>
      <c r="W1171">
        <v>0</v>
      </c>
      <c r="X1171">
        <v>0</v>
      </c>
      <c r="Y1171">
        <v>24</v>
      </c>
      <c r="Z1171">
        <v>10</v>
      </c>
      <c r="AA1171">
        <v>156</v>
      </c>
      <c r="AB1171">
        <v>80</v>
      </c>
      <c r="AC1171">
        <v>127</v>
      </c>
      <c r="AD1171">
        <v>15</v>
      </c>
      <c r="AE1171">
        <v>55</v>
      </c>
      <c r="AF1171">
        <v>0</v>
      </c>
      <c r="AG1171">
        <v>50000</v>
      </c>
      <c r="AH1171">
        <v>0</v>
      </c>
      <c r="AI1171">
        <v>50000</v>
      </c>
      <c r="AJ1171">
        <v>0</v>
      </c>
      <c r="AK1171" t="s">
        <v>6</v>
      </c>
      <c r="AL1171">
        <v>0</v>
      </c>
      <c r="AM1171">
        <v>0</v>
      </c>
      <c r="AN1171">
        <v>0</v>
      </c>
      <c r="AO1171">
        <v>0</v>
      </c>
      <c r="AP1171">
        <v>0</v>
      </c>
      <c r="AQ1171">
        <v>0</v>
      </c>
      <c r="AR1171">
        <v>0</v>
      </c>
      <c r="AS1171">
        <v>0</v>
      </c>
      <c r="AT1171">
        <v>0</v>
      </c>
      <c r="AU1171">
        <v>0</v>
      </c>
      <c r="AV1171">
        <v>0</v>
      </c>
      <c r="AW1171">
        <v>0</v>
      </c>
      <c r="AX1171">
        <v>0</v>
      </c>
      <c r="AY1171">
        <v>0</v>
      </c>
      <c r="AZ1171">
        <v>0</v>
      </c>
      <c r="BA1171">
        <v>0</v>
      </c>
    </row>
    <row r="1172" spans="1:53" x14ac:dyDescent="0.4">
      <c r="A1172">
        <v>1216</v>
      </c>
      <c r="B1172" s="1">
        <v>43186</v>
      </c>
      <c r="C1172">
        <v>2</v>
      </c>
      <c r="D1172" s="1">
        <v>43186.40347222222</v>
      </c>
      <c r="E1172" s="1">
        <v>43186.729166666664</v>
      </c>
      <c r="F1172">
        <v>42500</v>
      </c>
      <c r="G1172">
        <v>2920</v>
      </c>
      <c r="H1172">
        <v>0</v>
      </c>
      <c r="I1172">
        <v>0</v>
      </c>
      <c r="J1172">
        <v>0</v>
      </c>
      <c r="K1172">
        <v>0</v>
      </c>
      <c r="L1172">
        <v>0</v>
      </c>
      <c r="M1172">
        <v>3633</v>
      </c>
      <c r="N1172">
        <v>0</v>
      </c>
      <c r="O1172">
        <v>0</v>
      </c>
      <c r="P1172">
        <v>14580</v>
      </c>
      <c r="Q1172">
        <v>0</v>
      </c>
      <c r="R1172">
        <v>63633</v>
      </c>
      <c r="S1172">
        <v>0</v>
      </c>
      <c r="T1172">
        <v>0</v>
      </c>
      <c r="U1172">
        <v>0</v>
      </c>
      <c r="V1172">
        <v>0</v>
      </c>
      <c r="W1172">
        <v>2</v>
      </c>
      <c r="X1172">
        <v>0</v>
      </c>
      <c r="Y1172">
        <v>60</v>
      </c>
      <c r="Z1172">
        <v>35</v>
      </c>
      <c r="AA1172">
        <v>155</v>
      </c>
      <c r="AB1172">
        <v>85</v>
      </c>
      <c r="AC1172">
        <v>268</v>
      </c>
      <c r="AD1172">
        <v>18</v>
      </c>
      <c r="AE1172">
        <v>62</v>
      </c>
      <c r="AF1172">
        <v>3551</v>
      </c>
      <c r="AG1172">
        <v>113633</v>
      </c>
      <c r="AH1172">
        <v>50000</v>
      </c>
      <c r="AI1172">
        <v>0</v>
      </c>
      <c r="AJ1172">
        <v>96</v>
      </c>
      <c r="AK1172" t="s">
        <v>4</v>
      </c>
      <c r="AL1172">
        <v>0</v>
      </c>
      <c r="AM1172">
        <v>0</v>
      </c>
      <c r="AN1172">
        <v>0</v>
      </c>
      <c r="AO1172">
        <v>0</v>
      </c>
      <c r="AP1172">
        <v>0</v>
      </c>
      <c r="AQ1172">
        <v>0</v>
      </c>
      <c r="AR1172">
        <v>0</v>
      </c>
      <c r="AS1172">
        <v>0</v>
      </c>
      <c r="AT1172">
        <v>0</v>
      </c>
      <c r="AU1172">
        <v>0</v>
      </c>
      <c r="AV1172">
        <v>0</v>
      </c>
      <c r="AW1172">
        <v>0</v>
      </c>
      <c r="AX1172">
        <v>2224</v>
      </c>
      <c r="AY1172">
        <v>45</v>
      </c>
      <c r="AZ1172">
        <v>107</v>
      </c>
      <c r="BA1172">
        <v>7056</v>
      </c>
    </row>
    <row r="1173" spans="1:53" x14ac:dyDescent="0.4">
      <c r="A1173">
        <v>1217</v>
      </c>
      <c r="B1173" s="1">
        <v>43186</v>
      </c>
      <c r="C1173">
        <v>3</v>
      </c>
      <c r="D1173" s="1">
        <v>43186.729166666664</v>
      </c>
      <c r="E1173" s="1">
        <v>43186.950694444444</v>
      </c>
      <c r="F1173">
        <v>55060</v>
      </c>
      <c r="G1173">
        <v>1560</v>
      </c>
      <c r="H1173">
        <v>0</v>
      </c>
      <c r="I1173">
        <v>0</v>
      </c>
      <c r="J1173">
        <v>500</v>
      </c>
      <c r="K1173">
        <v>0</v>
      </c>
      <c r="L1173">
        <v>0</v>
      </c>
      <c r="M1173">
        <v>4489</v>
      </c>
      <c r="N1173">
        <v>0</v>
      </c>
      <c r="O1173">
        <v>0</v>
      </c>
      <c r="P1173">
        <v>-11988</v>
      </c>
      <c r="Q1173">
        <v>0</v>
      </c>
      <c r="R1173">
        <v>48621</v>
      </c>
      <c r="S1173">
        <v>0</v>
      </c>
      <c r="T1173">
        <v>0</v>
      </c>
      <c r="U1173">
        <v>0</v>
      </c>
      <c r="V1173">
        <v>0</v>
      </c>
      <c r="W1173">
        <v>3</v>
      </c>
      <c r="X1173">
        <v>0</v>
      </c>
      <c r="Y1173">
        <v>73</v>
      </c>
      <c r="Z1173">
        <v>36</v>
      </c>
      <c r="AA1173">
        <v>153</v>
      </c>
      <c r="AB1173">
        <v>86</v>
      </c>
      <c r="AC1173">
        <v>272</v>
      </c>
      <c r="AD1173">
        <v>17</v>
      </c>
      <c r="AE1173">
        <v>58</v>
      </c>
      <c r="AF1173">
        <v>33791</v>
      </c>
      <c r="AG1173">
        <v>162254</v>
      </c>
      <c r="AH1173">
        <v>50000</v>
      </c>
      <c r="AI1173">
        <v>0</v>
      </c>
      <c r="AJ1173">
        <v>29</v>
      </c>
      <c r="AK1173" t="s">
        <v>28</v>
      </c>
      <c r="AL1173">
        <v>0</v>
      </c>
      <c r="AM1173">
        <v>0</v>
      </c>
      <c r="AN1173">
        <v>0</v>
      </c>
      <c r="AO1173">
        <v>0</v>
      </c>
      <c r="AP1173">
        <v>0</v>
      </c>
      <c r="AQ1173">
        <v>0</v>
      </c>
      <c r="AR1173">
        <v>0</v>
      </c>
      <c r="AS1173">
        <v>0</v>
      </c>
      <c r="AT1173">
        <v>0</v>
      </c>
      <c r="AU1173">
        <v>0</v>
      </c>
      <c r="AV1173">
        <v>0</v>
      </c>
      <c r="AW1173">
        <v>0</v>
      </c>
      <c r="AX1173">
        <v>80870</v>
      </c>
      <c r="AY1173">
        <v>19</v>
      </c>
      <c r="AZ1173">
        <v>85</v>
      </c>
      <c r="BA1173">
        <v>3332</v>
      </c>
    </row>
    <row r="1174" spans="1:53" x14ac:dyDescent="0.4">
      <c r="A1174">
        <v>1218</v>
      </c>
      <c r="B1174" s="1">
        <v>43186</v>
      </c>
      <c r="C1174">
        <v>4</v>
      </c>
      <c r="D1174" s="1">
        <v>43186.950694444444</v>
      </c>
      <c r="E1174" s="1">
        <v>43187.073611111111</v>
      </c>
      <c r="F1174">
        <v>99900</v>
      </c>
      <c r="G1174">
        <v>1380</v>
      </c>
      <c r="H1174">
        <v>0</v>
      </c>
      <c r="I1174">
        <v>0</v>
      </c>
      <c r="J1174">
        <v>0</v>
      </c>
      <c r="K1174">
        <v>0</v>
      </c>
      <c r="L1174">
        <v>0</v>
      </c>
      <c r="M1174">
        <v>8102</v>
      </c>
      <c r="N1174">
        <v>0</v>
      </c>
      <c r="O1174">
        <v>0</v>
      </c>
      <c r="P1174">
        <v>4752</v>
      </c>
      <c r="Q1174">
        <v>0</v>
      </c>
      <c r="R1174">
        <v>114134</v>
      </c>
      <c r="S1174">
        <v>0</v>
      </c>
      <c r="T1174">
        <v>0</v>
      </c>
      <c r="U1174">
        <v>0</v>
      </c>
      <c r="V1174">
        <v>3</v>
      </c>
      <c r="W1174">
        <v>5</v>
      </c>
      <c r="X1174">
        <v>0</v>
      </c>
      <c r="Y1174">
        <v>90</v>
      </c>
      <c r="Z1174">
        <v>35</v>
      </c>
      <c r="AA1174">
        <v>147</v>
      </c>
      <c r="AB1174">
        <v>85</v>
      </c>
      <c r="AC1174">
        <v>267</v>
      </c>
      <c r="AD1174">
        <v>19</v>
      </c>
      <c r="AE1174">
        <v>62</v>
      </c>
      <c r="AF1174">
        <v>92111</v>
      </c>
      <c r="AG1174">
        <v>276388</v>
      </c>
      <c r="AH1174">
        <v>50000</v>
      </c>
      <c r="AI1174">
        <v>0</v>
      </c>
      <c r="AJ1174">
        <v>29</v>
      </c>
      <c r="AK1174" t="s">
        <v>28</v>
      </c>
      <c r="AL1174">
        <v>0</v>
      </c>
      <c r="AM1174">
        <v>0</v>
      </c>
      <c r="AN1174">
        <v>0</v>
      </c>
      <c r="AO1174">
        <v>0</v>
      </c>
      <c r="AP1174">
        <v>0</v>
      </c>
      <c r="AQ1174">
        <v>0</v>
      </c>
      <c r="AR1174">
        <v>0</v>
      </c>
      <c r="AS1174">
        <v>0</v>
      </c>
      <c r="AT1174">
        <v>0</v>
      </c>
      <c r="AU1174">
        <v>0</v>
      </c>
      <c r="AV1174">
        <v>0</v>
      </c>
      <c r="AW1174">
        <v>0</v>
      </c>
      <c r="AX1174">
        <v>540</v>
      </c>
      <c r="AY1174">
        <v>3</v>
      </c>
      <c r="AZ1174">
        <v>6</v>
      </c>
      <c r="BA1174">
        <v>509</v>
      </c>
    </row>
    <row r="1175" spans="1:53" x14ac:dyDescent="0.4">
      <c r="A1175">
        <v>1219</v>
      </c>
      <c r="B1175" s="1">
        <v>43187</v>
      </c>
      <c r="C1175">
        <v>1</v>
      </c>
      <c r="D1175" s="1">
        <v>43187.291666666664</v>
      </c>
      <c r="E1175" s="1">
        <v>43187.40902777778</v>
      </c>
      <c r="F1175">
        <v>0</v>
      </c>
      <c r="G1175">
        <v>0</v>
      </c>
      <c r="H1175">
        <v>0</v>
      </c>
      <c r="I1175">
        <v>0</v>
      </c>
      <c r="J1175">
        <v>0</v>
      </c>
      <c r="K1175">
        <v>0</v>
      </c>
      <c r="L1175">
        <v>0</v>
      </c>
      <c r="M1175">
        <v>0</v>
      </c>
      <c r="N1175">
        <v>0</v>
      </c>
      <c r="O1175">
        <v>0</v>
      </c>
      <c r="P1175">
        <v>0</v>
      </c>
      <c r="Q1175">
        <v>0</v>
      </c>
      <c r="R1175">
        <v>0</v>
      </c>
      <c r="S1175">
        <v>0</v>
      </c>
      <c r="T1175">
        <v>0</v>
      </c>
      <c r="U1175">
        <v>0</v>
      </c>
      <c r="V1175">
        <v>0</v>
      </c>
      <c r="W1175">
        <v>0</v>
      </c>
      <c r="X1175">
        <v>0</v>
      </c>
      <c r="Y1175">
        <v>25</v>
      </c>
      <c r="Z1175">
        <v>12</v>
      </c>
      <c r="AA1175">
        <v>140</v>
      </c>
      <c r="AB1175">
        <v>85</v>
      </c>
      <c r="AC1175">
        <v>61</v>
      </c>
      <c r="AD1175">
        <v>17</v>
      </c>
      <c r="AE1175">
        <v>55</v>
      </c>
      <c r="AF1175">
        <v>0</v>
      </c>
      <c r="AG1175">
        <v>49945</v>
      </c>
      <c r="AH1175">
        <v>0</v>
      </c>
      <c r="AI1175">
        <v>49945</v>
      </c>
      <c r="AJ1175">
        <v>0</v>
      </c>
      <c r="AK1175" t="s">
        <v>6</v>
      </c>
      <c r="AL1175">
        <v>0</v>
      </c>
      <c r="AM1175">
        <v>0</v>
      </c>
      <c r="AN1175">
        <v>0</v>
      </c>
      <c r="AO1175">
        <v>0</v>
      </c>
      <c r="AP1175">
        <v>0</v>
      </c>
      <c r="AQ1175">
        <v>0</v>
      </c>
      <c r="AR1175">
        <v>0</v>
      </c>
      <c r="AS1175">
        <v>0</v>
      </c>
      <c r="AT1175">
        <v>0</v>
      </c>
      <c r="AU1175">
        <v>0</v>
      </c>
      <c r="AV1175">
        <v>0</v>
      </c>
      <c r="AW1175">
        <v>0</v>
      </c>
      <c r="AX1175">
        <v>0</v>
      </c>
      <c r="AY1175">
        <v>0</v>
      </c>
      <c r="AZ1175">
        <v>0</v>
      </c>
      <c r="BA1175">
        <v>0</v>
      </c>
    </row>
    <row r="1176" spans="1:53" x14ac:dyDescent="0.4">
      <c r="A1176">
        <v>1220</v>
      </c>
      <c r="B1176" s="1">
        <v>43187</v>
      </c>
      <c r="C1176">
        <v>2</v>
      </c>
      <c r="D1176" s="1">
        <v>43187.40902777778</v>
      </c>
      <c r="E1176" s="1">
        <v>43187.730555555558</v>
      </c>
      <c r="F1176">
        <v>34750</v>
      </c>
      <c r="G1176">
        <v>3040</v>
      </c>
      <c r="H1176">
        <v>0</v>
      </c>
      <c r="I1176">
        <v>0</v>
      </c>
      <c r="J1176">
        <v>0</v>
      </c>
      <c r="K1176">
        <v>0</v>
      </c>
      <c r="L1176">
        <v>0</v>
      </c>
      <c r="M1176">
        <v>3022</v>
      </c>
      <c r="N1176">
        <v>0</v>
      </c>
      <c r="O1176">
        <v>0</v>
      </c>
      <c r="P1176">
        <v>10260</v>
      </c>
      <c r="Q1176">
        <v>0</v>
      </c>
      <c r="R1176">
        <v>51072</v>
      </c>
      <c r="S1176">
        <v>0</v>
      </c>
      <c r="T1176">
        <v>0</v>
      </c>
      <c r="U1176">
        <v>0</v>
      </c>
      <c r="V1176">
        <v>3</v>
      </c>
      <c r="W1176">
        <v>3</v>
      </c>
      <c r="X1176">
        <v>0</v>
      </c>
      <c r="Y1176">
        <v>25</v>
      </c>
      <c r="Z1176">
        <v>21</v>
      </c>
      <c r="AA1176">
        <v>150</v>
      </c>
      <c r="AB1176">
        <v>87</v>
      </c>
      <c r="AC1176">
        <v>105</v>
      </c>
      <c r="AD1176">
        <v>21</v>
      </c>
      <c r="AE1176">
        <v>67</v>
      </c>
      <c r="AF1176">
        <v>0</v>
      </c>
      <c r="AG1176">
        <v>101072</v>
      </c>
      <c r="AH1176">
        <v>50000</v>
      </c>
      <c r="AI1176">
        <v>0</v>
      </c>
      <c r="AJ1176">
        <v>96</v>
      </c>
      <c r="AK1176" t="s">
        <v>4</v>
      </c>
      <c r="AL1176">
        <v>0</v>
      </c>
      <c r="AM1176">
        <v>0</v>
      </c>
      <c r="AN1176">
        <v>0</v>
      </c>
      <c r="AO1176">
        <v>0</v>
      </c>
      <c r="AP1176">
        <v>0</v>
      </c>
      <c r="AQ1176">
        <v>0</v>
      </c>
      <c r="AR1176">
        <v>0</v>
      </c>
      <c r="AS1176">
        <v>0</v>
      </c>
      <c r="AT1176">
        <v>0</v>
      </c>
      <c r="AU1176">
        <v>0</v>
      </c>
      <c r="AV1176">
        <v>0</v>
      </c>
      <c r="AW1176">
        <v>0</v>
      </c>
      <c r="AX1176">
        <v>0</v>
      </c>
      <c r="AY1176">
        <v>43</v>
      </c>
      <c r="AZ1176">
        <v>85</v>
      </c>
      <c r="BA1176">
        <v>6693</v>
      </c>
    </row>
    <row r="1177" spans="1:53" x14ac:dyDescent="0.4">
      <c r="A1177">
        <v>1221</v>
      </c>
      <c r="B1177" s="1">
        <v>43187</v>
      </c>
      <c r="C1177">
        <v>3</v>
      </c>
      <c r="D1177" s="1">
        <v>43187.730555555558</v>
      </c>
      <c r="E1177" s="1">
        <v>43187.961111111108</v>
      </c>
      <c r="F1177">
        <v>82360</v>
      </c>
      <c r="G1177">
        <v>6280</v>
      </c>
      <c r="H1177">
        <v>0</v>
      </c>
      <c r="I1177">
        <v>0</v>
      </c>
      <c r="J1177">
        <v>0</v>
      </c>
      <c r="K1177">
        <v>0</v>
      </c>
      <c r="L1177">
        <v>0</v>
      </c>
      <c r="M1177">
        <v>7092</v>
      </c>
      <c r="N1177">
        <v>0</v>
      </c>
      <c r="O1177">
        <v>0</v>
      </c>
      <c r="P1177">
        <v>-8964</v>
      </c>
      <c r="Q1177">
        <v>0</v>
      </c>
      <c r="R1177">
        <v>86768</v>
      </c>
      <c r="S1177">
        <v>0</v>
      </c>
      <c r="T1177">
        <v>0</v>
      </c>
      <c r="U1177">
        <v>0</v>
      </c>
      <c r="V1177">
        <v>7</v>
      </c>
      <c r="W1177">
        <v>6</v>
      </c>
      <c r="X1177">
        <v>0</v>
      </c>
      <c r="Y1177">
        <v>40</v>
      </c>
      <c r="Z1177">
        <v>24</v>
      </c>
      <c r="AA1177">
        <v>157</v>
      </c>
      <c r="AB1177">
        <v>88</v>
      </c>
      <c r="AC1177">
        <v>100</v>
      </c>
      <c r="AD1177">
        <v>20</v>
      </c>
      <c r="AE1177">
        <v>60</v>
      </c>
      <c r="AF1177">
        <v>14580</v>
      </c>
      <c r="AG1177">
        <v>187840</v>
      </c>
      <c r="AH1177">
        <v>50000</v>
      </c>
      <c r="AI1177">
        <v>0</v>
      </c>
      <c r="AJ1177">
        <v>100</v>
      </c>
      <c r="AK1177" t="s">
        <v>0</v>
      </c>
      <c r="AL1177">
        <v>0</v>
      </c>
      <c r="AM1177">
        <v>0</v>
      </c>
      <c r="AN1177">
        <v>0</v>
      </c>
      <c r="AO1177">
        <v>0</v>
      </c>
      <c r="AP1177">
        <v>0</v>
      </c>
      <c r="AQ1177">
        <v>0</v>
      </c>
      <c r="AR1177">
        <v>0</v>
      </c>
      <c r="AS1177">
        <v>0</v>
      </c>
      <c r="AT1177">
        <v>0</v>
      </c>
      <c r="AU1177">
        <v>0</v>
      </c>
      <c r="AV1177">
        <v>0</v>
      </c>
      <c r="AW1177">
        <v>0</v>
      </c>
      <c r="AX1177">
        <v>90731</v>
      </c>
      <c r="AY1177">
        <v>23</v>
      </c>
      <c r="AZ1177">
        <v>114</v>
      </c>
      <c r="BA1177">
        <v>3425</v>
      </c>
    </row>
    <row r="1178" spans="1:53" x14ac:dyDescent="0.4">
      <c r="A1178">
        <v>1222</v>
      </c>
      <c r="B1178" s="1">
        <v>43188</v>
      </c>
      <c r="C1178">
        <v>1</v>
      </c>
      <c r="D1178" s="1">
        <v>43188.291666666664</v>
      </c>
      <c r="E1178" s="1">
        <v>43188.40625</v>
      </c>
      <c r="F1178">
        <v>0</v>
      </c>
      <c r="G1178">
        <v>0</v>
      </c>
      <c r="H1178">
        <v>0</v>
      </c>
      <c r="I1178">
        <v>0</v>
      </c>
      <c r="J1178">
        <v>0</v>
      </c>
      <c r="K1178">
        <v>0</v>
      </c>
      <c r="L1178">
        <v>0</v>
      </c>
      <c r="M1178">
        <v>0</v>
      </c>
      <c r="N1178">
        <v>0</v>
      </c>
      <c r="O1178">
        <v>0</v>
      </c>
      <c r="P1178">
        <v>0</v>
      </c>
      <c r="Q1178">
        <v>0</v>
      </c>
      <c r="R1178">
        <v>0</v>
      </c>
      <c r="S1178">
        <v>0</v>
      </c>
      <c r="T1178">
        <v>0</v>
      </c>
      <c r="U1178">
        <v>0</v>
      </c>
      <c r="V1178">
        <v>0</v>
      </c>
      <c r="W1178">
        <v>0</v>
      </c>
      <c r="X1178">
        <v>0</v>
      </c>
      <c r="Y1178">
        <v>25</v>
      </c>
      <c r="Z1178">
        <v>18</v>
      </c>
      <c r="AA1178">
        <v>108</v>
      </c>
      <c r="AB1178">
        <v>82</v>
      </c>
      <c r="AC1178">
        <v>90</v>
      </c>
      <c r="AD1178">
        <v>19</v>
      </c>
      <c r="AE1178">
        <v>105</v>
      </c>
      <c r="AF1178">
        <v>0</v>
      </c>
      <c r="AG1178">
        <v>50000</v>
      </c>
      <c r="AH1178">
        <v>0</v>
      </c>
      <c r="AI1178">
        <v>50000</v>
      </c>
      <c r="AJ1178">
        <v>0</v>
      </c>
      <c r="AK1178" t="s">
        <v>6</v>
      </c>
      <c r="AL1178">
        <v>0</v>
      </c>
      <c r="AM1178">
        <v>0</v>
      </c>
      <c r="AN1178">
        <v>0</v>
      </c>
      <c r="AO1178">
        <v>0</v>
      </c>
      <c r="AP1178">
        <v>0</v>
      </c>
      <c r="AQ1178">
        <v>0</v>
      </c>
      <c r="AR1178">
        <v>0</v>
      </c>
      <c r="AS1178">
        <v>0</v>
      </c>
      <c r="AT1178">
        <v>0</v>
      </c>
      <c r="AU1178">
        <v>0</v>
      </c>
      <c r="AV1178">
        <v>0</v>
      </c>
      <c r="AW1178">
        <v>0</v>
      </c>
      <c r="AX1178">
        <v>0</v>
      </c>
      <c r="AY1178">
        <v>0</v>
      </c>
      <c r="AZ1178">
        <v>0</v>
      </c>
      <c r="BA1178">
        <v>0</v>
      </c>
    </row>
    <row r="1179" spans="1:53" x14ac:dyDescent="0.4">
      <c r="A1179">
        <v>1223</v>
      </c>
      <c r="B1179" s="1">
        <v>43188</v>
      </c>
      <c r="C1179">
        <v>2</v>
      </c>
      <c r="D1179" s="1">
        <v>43188.40625</v>
      </c>
      <c r="E1179" s="1">
        <v>43188.737500000003</v>
      </c>
      <c r="F1179">
        <v>40500</v>
      </c>
      <c r="G1179">
        <v>3560</v>
      </c>
      <c r="H1179">
        <v>0</v>
      </c>
      <c r="I1179">
        <v>0</v>
      </c>
      <c r="J1179">
        <v>0</v>
      </c>
      <c r="K1179">
        <v>0</v>
      </c>
      <c r="L1179">
        <v>0</v>
      </c>
      <c r="M1179">
        <v>3524</v>
      </c>
      <c r="N1179">
        <v>0</v>
      </c>
      <c r="O1179">
        <v>0</v>
      </c>
      <c r="P1179">
        <v>23760</v>
      </c>
      <c r="Q1179">
        <v>0</v>
      </c>
      <c r="R1179">
        <v>71344</v>
      </c>
      <c r="S1179">
        <v>0</v>
      </c>
      <c r="T1179">
        <v>0</v>
      </c>
      <c r="U1179">
        <v>0</v>
      </c>
      <c r="V1179">
        <v>3</v>
      </c>
      <c r="W1179">
        <v>3</v>
      </c>
      <c r="X1179">
        <v>0</v>
      </c>
      <c r="Y1179">
        <v>40</v>
      </c>
      <c r="Z1179">
        <v>31</v>
      </c>
      <c r="AA1179">
        <v>143</v>
      </c>
      <c r="AB1179">
        <v>83</v>
      </c>
      <c r="AC1179">
        <v>164</v>
      </c>
      <c r="AD1179">
        <v>17</v>
      </c>
      <c r="AE1179">
        <v>55</v>
      </c>
      <c r="AF1179">
        <v>616</v>
      </c>
      <c r="AG1179">
        <v>121346</v>
      </c>
      <c r="AH1179">
        <v>50000</v>
      </c>
      <c r="AI1179">
        <v>2</v>
      </c>
      <c r="AJ1179">
        <v>93</v>
      </c>
      <c r="AK1179" t="s">
        <v>20</v>
      </c>
      <c r="AL1179">
        <v>0</v>
      </c>
      <c r="AM1179">
        <v>0</v>
      </c>
      <c r="AN1179">
        <v>0</v>
      </c>
      <c r="AO1179">
        <v>0</v>
      </c>
      <c r="AP1179">
        <v>0</v>
      </c>
      <c r="AQ1179">
        <v>0</v>
      </c>
      <c r="AR1179">
        <v>0</v>
      </c>
      <c r="AS1179">
        <v>0</v>
      </c>
      <c r="AT1179">
        <v>0</v>
      </c>
      <c r="AU1179">
        <v>0</v>
      </c>
      <c r="AV1179">
        <v>0</v>
      </c>
      <c r="AW1179">
        <v>0</v>
      </c>
      <c r="AX1179">
        <v>1080</v>
      </c>
      <c r="AY1179">
        <v>51</v>
      </c>
      <c r="AZ1179">
        <v>119</v>
      </c>
      <c r="BA1179">
        <v>7489</v>
      </c>
    </row>
    <row r="1180" spans="1:53" x14ac:dyDescent="0.4">
      <c r="A1180">
        <v>1224</v>
      </c>
      <c r="B1180" s="1">
        <v>43188</v>
      </c>
      <c r="C1180">
        <v>3</v>
      </c>
      <c r="D1180" s="1">
        <v>43188.737500000003</v>
      </c>
      <c r="E1180" s="1">
        <v>43188.950694444444</v>
      </c>
      <c r="F1180">
        <v>47940</v>
      </c>
      <c r="G1180">
        <v>4320</v>
      </c>
      <c r="H1180">
        <v>0</v>
      </c>
      <c r="I1180">
        <v>0</v>
      </c>
      <c r="J1180">
        <v>0</v>
      </c>
      <c r="K1180">
        <v>0</v>
      </c>
      <c r="L1180">
        <v>0</v>
      </c>
      <c r="M1180">
        <v>4180</v>
      </c>
      <c r="N1180">
        <v>0</v>
      </c>
      <c r="O1180">
        <v>0</v>
      </c>
      <c r="P1180">
        <v>-21168</v>
      </c>
      <c r="Q1180">
        <v>0</v>
      </c>
      <c r="R1180">
        <v>35272</v>
      </c>
      <c r="S1180">
        <v>0</v>
      </c>
      <c r="T1180">
        <v>0</v>
      </c>
      <c r="U1180">
        <v>0</v>
      </c>
      <c r="V1180">
        <v>7</v>
      </c>
      <c r="W1180">
        <v>2</v>
      </c>
      <c r="X1180">
        <v>0</v>
      </c>
      <c r="Y1180">
        <v>37</v>
      </c>
      <c r="Z1180">
        <v>34</v>
      </c>
      <c r="AA1180">
        <v>160</v>
      </c>
      <c r="AB1180">
        <v>84</v>
      </c>
      <c r="AC1180">
        <v>167</v>
      </c>
      <c r="AD1180">
        <v>15</v>
      </c>
      <c r="AE1180">
        <v>55</v>
      </c>
      <c r="AF1180">
        <v>616</v>
      </c>
      <c r="AG1180">
        <v>156616</v>
      </c>
      <c r="AH1180">
        <v>50000</v>
      </c>
      <c r="AI1180">
        <v>0</v>
      </c>
      <c r="AJ1180">
        <v>108</v>
      </c>
      <c r="AK1180" t="s">
        <v>30</v>
      </c>
      <c r="AL1180">
        <v>0</v>
      </c>
      <c r="AM1180">
        <v>0</v>
      </c>
      <c r="AN1180">
        <v>0</v>
      </c>
      <c r="AO1180">
        <v>0</v>
      </c>
      <c r="AP1180">
        <v>0</v>
      </c>
      <c r="AQ1180">
        <v>0</v>
      </c>
      <c r="AR1180">
        <v>0</v>
      </c>
      <c r="AS1180">
        <v>0</v>
      </c>
      <c r="AT1180">
        <v>0</v>
      </c>
      <c r="AU1180">
        <v>0</v>
      </c>
      <c r="AV1180">
        <v>0</v>
      </c>
      <c r="AW1180">
        <v>0</v>
      </c>
      <c r="AX1180">
        <v>82242</v>
      </c>
      <c r="AY1180">
        <v>24</v>
      </c>
      <c r="AZ1180">
        <v>94</v>
      </c>
      <c r="BA1180">
        <v>3678</v>
      </c>
    </row>
    <row r="1181" spans="1:53" x14ac:dyDescent="0.4">
      <c r="A1181">
        <v>1225</v>
      </c>
      <c r="B1181" s="1">
        <v>43188</v>
      </c>
      <c r="C1181">
        <v>4</v>
      </c>
      <c r="D1181" s="1">
        <v>43188.950694444444</v>
      </c>
      <c r="E1181" s="1">
        <v>43189.13958333333</v>
      </c>
      <c r="F1181">
        <v>103770</v>
      </c>
      <c r="G1181">
        <v>3310</v>
      </c>
      <c r="H1181">
        <v>0</v>
      </c>
      <c r="I1181">
        <v>0</v>
      </c>
      <c r="J1181">
        <v>0</v>
      </c>
      <c r="K1181">
        <v>0</v>
      </c>
      <c r="L1181">
        <v>0</v>
      </c>
      <c r="M1181">
        <v>8566</v>
      </c>
      <c r="N1181">
        <v>0</v>
      </c>
      <c r="O1181">
        <v>0</v>
      </c>
      <c r="P1181">
        <v>6048</v>
      </c>
      <c r="Q1181">
        <v>0</v>
      </c>
      <c r="R1181">
        <v>121694</v>
      </c>
      <c r="S1181">
        <v>0</v>
      </c>
      <c r="T1181">
        <v>0</v>
      </c>
      <c r="U1181">
        <v>0</v>
      </c>
      <c r="V1181">
        <v>15</v>
      </c>
      <c r="W1181">
        <v>0</v>
      </c>
      <c r="X1181">
        <v>0</v>
      </c>
      <c r="Y1181">
        <v>51</v>
      </c>
      <c r="Z1181">
        <v>33</v>
      </c>
      <c r="AA1181">
        <v>161</v>
      </c>
      <c r="AB1181">
        <v>81</v>
      </c>
      <c r="AC1181">
        <v>174</v>
      </c>
      <c r="AD1181">
        <v>15</v>
      </c>
      <c r="AE1181">
        <v>51</v>
      </c>
      <c r="AF1181">
        <v>38794</v>
      </c>
      <c r="AG1181">
        <v>278310</v>
      </c>
      <c r="AH1181">
        <v>50000</v>
      </c>
      <c r="AI1181">
        <v>0</v>
      </c>
      <c r="AJ1181">
        <v>108</v>
      </c>
      <c r="AK1181" t="s">
        <v>30</v>
      </c>
      <c r="AL1181">
        <v>0</v>
      </c>
      <c r="AM1181">
        <v>0</v>
      </c>
      <c r="AN1181">
        <v>0</v>
      </c>
      <c r="AO1181">
        <v>0</v>
      </c>
      <c r="AP1181">
        <v>0</v>
      </c>
      <c r="AQ1181">
        <v>0</v>
      </c>
      <c r="AR1181">
        <v>0</v>
      </c>
      <c r="AS1181">
        <v>0</v>
      </c>
      <c r="AT1181">
        <v>0</v>
      </c>
      <c r="AU1181">
        <v>0</v>
      </c>
      <c r="AV1181">
        <v>0</v>
      </c>
      <c r="AW1181">
        <v>0</v>
      </c>
      <c r="AX1181">
        <v>10541</v>
      </c>
      <c r="AY1181">
        <v>6</v>
      </c>
      <c r="AZ1181">
        <v>11</v>
      </c>
      <c r="BA1181">
        <v>1775</v>
      </c>
    </row>
    <row r="1182" spans="1:53" x14ac:dyDescent="0.4">
      <c r="A1182">
        <v>1226</v>
      </c>
      <c r="B1182" s="1">
        <v>43189</v>
      </c>
      <c r="C1182">
        <v>1</v>
      </c>
      <c r="D1182" s="1">
        <v>43189.291666666664</v>
      </c>
      <c r="E1182" s="1">
        <v>43189.40625</v>
      </c>
      <c r="F1182">
        <v>0</v>
      </c>
      <c r="G1182">
        <v>0</v>
      </c>
      <c r="H1182">
        <v>0</v>
      </c>
      <c r="I1182">
        <v>0</v>
      </c>
      <c r="J1182">
        <v>0</v>
      </c>
      <c r="K1182">
        <v>0</v>
      </c>
      <c r="L1182">
        <v>0</v>
      </c>
      <c r="M1182">
        <v>0</v>
      </c>
      <c r="N1182">
        <v>0</v>
      </c>
      <c r="O1182">
        <v>0</v>
      </c>
      <c r="P1182">
        <v>0</v>
      </c>
      <c r="Q1182">
        <v>0</v>
      </c>
      <c r="R1182">
        <v>0</v>
      </c>
      <c r="S1182">
        <v>0</v>
      </c>
      <c r="T1182">
        <v>0</v>
      </c>
      <c r="U1182">
        <v>0</v>
      </c>
      <c r="V1182">
        <v>0</v>
      </c>
      <c r="W1182">
        <v>0</v>
      </c>
      <c r="X1182">
        <v>0</v>
      </c>
      <c r="Y1182">
        <v>25</v>
      </c>
      <c r="Z1182">
        <v>9</v>
      </c>
      <c r="AA1182">
        <v>152</v>
      </c>
      <c r="AB1182">
        <v>80</v>
      </c>
      <c r="AC1182">
        <v>118</v>
      </c>
      <c r="AD1182">
        <v>14</v>
      </c>
      <c r="AE1182">
        <v>50</v>
      </c>
      <c r="AF1182">
        <v>0</v>
      </c>
      <c r="AG1182">
        <v>50000</v>
      </c>
      <c r="AH1182">
        <v>0</v>
      </c>
      <c r="AI1182">
        <v>50000</v>
      </c>
      <c r="AJ1182">
        <v>0</v>
      </c>
      <c r="AK1182" t="s">
        <v>6</v>
      </c>
      <c r="AL1182">
        <v>0</v>
      </c>
      <c r="AM1182">
        <v>0</v>
      </c>
      <c r="AN1182">
        <v>0</v>
      </c>
      <c r="AO1182">
        <v>0</v>
      </c>
      <c r="AP1182">
        <v>0</v>
      </c>
      <c r="AQ1182">
        <v>0</v>
      </c>
      <c r="AR1182">
        <v>0</v>
      </c>
      <c r="AS1182">
        <v>0</v>
      </c>
      <c r="AT1182">
        <v>0</v>
      </c>
      <c r="AU1182">
        <v>0</v>
      </c>
      <c r="AV1182">
        <v>0</v>
      </c>
      <c r="AW1182">
        <v>0</v>
      </c>
      <c r="AX1182">
        <v>0</v>
      </c>
      <c r="AY1182">
        <v>0</v>
      </c>
      <c r="AZ1182">
        <v>0</v>
      </c>
      <c r="BA1182">
        <v>0</v>
      </c>
    </row>
    <row r="1183" spans="1:53" x14ac:dyDescent="0.4">
      <c r="A1183">
        <v>1227</v>
      </c>
      <c r="B1183" s="1">
        <v>43189</v>
      </c>
      <c r="C1183">
        <v>2</v>
      </c>
      <c r="D1183" s="1">
        <v>43189.40625</v>
      </c>
      <c r="E1183" s="1">
        <v>43189.736111111109</v>
      </c>
      <c r="F1183">
        <v>46500</v>
      </c>
      <c r="G1183">
        <v>4480</v>
      </c>
      <c r="H1183">
        <v>0</v>
      </c>
      <c r="I1183">
        <v>0</v>
      </c>
      <c r="J1183">
        <v>0</v>
      </c>
      <c r="K1183">
        <v>0</v>
      </c>
      <c r="L1183">
        <v>0</v>
      </c>
      <c r="M1183">
        <v>4078</v>
      </c>
      <c r="N1183">
        <v>0</v>
      </c>
      <c r="O1183">
        <v>0</v>
      </c>
      <c r="P1183">
        <v>22680</v>
      </c>
      <c r="Q1183">
        <v>0</v>
      </c>
      <c r="R1183">
        <v>77738</v>
      </c>
      <c r="S1183">
        <v>0</v>
      </c>
      <c r="T1183">
        <v>0</v>
      </c>
      <c r="U1183">
        <v>0</v>
      </c>
      <c r="V1183">
        <v>2</v>
      </c>
      <c r="W1183">
        <v>2</v>
      </c>
      <c r="X1183">
        <v>0</v>
      </c>
      <c r="Y1183">
        <v>52</v>
      </c>
      <c r="Z1183">
        <v>34</v>
      </c>
      <c r="AA1183">
        <v>218</v>
      </c>
      <c r="AB1183">
        <v>82</v>
      </c>
      <c r="AC1183">
        <v>270</v>
      </c>
      <c r="AD1183">
        <v>23</v>
      </c>
      <c r="AE1183">
        <v>53</v>
      </c>
      <c r="AF1183">
        <v>0</v>
      </c>
      <c r="AG1183">
        <v>127768</v>
      </c>
      <c r="AH1183">
        <v>50000</v>
      </c>
      <c r="AI1183">
        <v>30</v>
      </c>
      <c r="AJ1183">
        <v>96</v>
      </c>
      <c r="AK1183" t="s">
        <v>4</v>
      </c>
      <c r="AL1183">
        <v>0</v>
      </c>
      <c r="AM1183">
        <v>0</v>
      </c>
      <c r="AN1183">
        <v>0</v>
      </c>
      <c r="AO1183">
        <v>0</v>
      </c>
      <c r="AP1183">
        <v>0</v>
      </c>
      <c r="AQ1183">
        <v>0</v>
      </c>
      <c r="AR1183">
        <v>0</v>
      </c>
      <c r="AS1183">
        <v>0</v>
      </c>
      <c r="AT1183">
        <v>0</v>
      </c>
      <c r="AU1183">
        <v>0</v>
      </c>
      <c r="AV1183">
        <v>0</v>
      </c>
      <c r="AW1183">
        <v>0</v>
      </c>
      <c r="AX1183">
        <v>1274</v>
      </c>
      <c r="AY1183">
        <v>48</v>
      </c>
      <c r="AZ1183">
        <v>122</v>
      </c>
      <c r="BA1183">
        <v>7698</v>
      </c>
    </row>
    <row r="1184" spans="1:53" x14ac:dyDescent="0.4">
      <c r="A1184">
        <v>1228</v>
      </c>
      <c r="B1184" s="1">
        <v>43190</v>
      </c>
      <c r="C1184">
        <v>1</v>
      </c>
      <c r="D1184" s="1">
        <v>43190.291666666664</v>
      </c>
      <c r="E1184" s="1">
        <v>43190.405555555553</v>
      </c>
      <c r="F1184">
        <v>0</v>
      </c>
      <c r="G1184">
        <v>0</v>
      </c>
      <c r="H1184">
        <v>0</v>
      </c>
      <c r="I1184">
        <v>0</v>
      </c>
      <c r="J1184">
        <v>0</v>
      </c>
      <c r="K1184">
        <v>0</v>
      </c>
      <c r="L1184">
        <v>0</v>
      </c>
      <c r="M1184">
        <v>0</v>
      </c>
      <c r="N1184">
        <v>0</v>
      </c>
      <c r="O1184">
        <v>0</v>
      </c>
      <c r="P1184">
        <v>0</v>
      </c>
      <c r="Q1184">
        <v>0</v>
      </c>
      <c r="R1184">
        <v>0</v>
      </c>
      <c r="S1184">
        <v>0</v>
      </c>
      <c r="T1184">
        <v>0</v>
      </c>
      <c r="U1184">
        <v>0</v>
      </c>
      <c r="V1184">
        <v>0</v>
      </c>
      <c r="W1184">
        <v>0</v>
      </c>
      <c r="X1184">
        <v>0</v>
      </c>
      <c r="Y1184">
        <v>27</v>
      </c>
      <c r="Z1184">
        <v>9</v>
      </c>
      <c r="AA1184">
        <v>143</v>
      </c>
      <c r="AB1184">
        <v>50</v>
      </c>
      <c r="AC1184">
        <v>138</v>
      </c>
      <c r="AD1184">
        <v>27</v>
      </c>
      <c r="AE1184">
        <v>185</v>
      </c>
      <c r="AF1184">
        <v>0</v>
      </c>
      <c r="AG1184">
        <v>50000</v>
      </c>
      <c r="AH1184">
        <v>50000</v>
      </c>
      <c r="AI1184">
        <v>0</v>
      </c>
      <c r="AJ1184">
        <v>0</v>
      </c>
      <c r="AK1184" t="s">
        <v>6</v>
      </c>
      <c r="AL1184">
        <v>0</v>
      </c>
      <c r="AM1184">
        <v>0</v>
      </c>
      <c r="AN1184">
        <v>0</v>
      </c>
      <c r="AO1184">
        <v>0</v>
      </c>
      <c r="AP1184">
        <v>0</v>
      </c>
      <c r="AQ1184">
        <v>0</v>
      </c>
      <c r="AR1184">
        <v>0</v>
      </c>
      <c r="AS1184">
        <v>0</v>
      </c>
      <c r="AT1184">
        <v>0</v>
      </c>
      <c r="AU1184">
        <v>0</v>
      </c>
      <c r="AV1184">
        <v>0</v>
      </c>
      <c r="AW1184">
        <v>0</v>
      </c>
      <c r="AX1184">
        <v>0</v>
      </c>
      <c r="AY1184">
        <v>0</v>
      </c>
      <c r="AZ1184">
        <v>0</v>
      </c>
      <c r="BA1184">
        <v>0</v>
      </c>
    </row>
    <row r="1185" spans="1:53" x14ac:dyDescent="0.4">
      <c r="A1185">
        <v>1229</v>
      </c>
      <c r="B1185" s="1">
        <v>43190</v>
      </c>
      <c r="C1185">
        <v>2</v>
      </c>
      <c r="D1185" s="1">
        <v>43190.405555555553</v>
      </c>
      <c r="E1185" s="1">
        <v>43190.730555555558</v>
      </c>
      <c r="F1185">
        <v>39000</v>
      </c>
      <c r="G1185">
        <v>1360</v>
      </c>
      <c r="H1185">
        <v>0</v>
      </c>
      <c r="I1185">
        <v>0</v>
      </c>
      <c r="J1185">
        <v>0</v>
      </c>
      <c r="K1185">
        <v>0</v>
      </c>
      <c r="L1185">
        <v>0</v>
      </c>
      <c r="M1185">
        <v>3228</v>
      </c>
      <c r="N1185">
        <v>0</v>
      </c>
      <c r="O1185">
        <v>0</v>
      </c>
      <c r="P1185">
        <v>12420</v>
      </c>
      <c r="Q1185">
        <v>0</v>
      </c>
      <c r="R1185">
        <v>56008</v>
      </c>
      <c r="S1185">
        <v>0</v>
      </c>
      <c r="T1185">
        <v>0</v>
      </c>
      <c r="U1185">
        <v>0</v>
      </c>
      <c r="V1185">
        <v>1</v>
      </c>
      <c r="W1185">
        <v>2</v>
      </c>
      <c r="X1185">
        <v>0</v>
      </c>
      <c r="Y1185">
        <v>60</v>
      </c>
      <c r="Z1185">
        <v>25</v>
      </c>
      <c r="AA1185">
        <v>87</v>
      </c>
      <c r="AB1185">
        <v>47</v>
      </c>
      <c r="AC1185">
        <v>190</v>
      </c>
      <c r="AD1185">
        <v>31</v>
      </c>
      <c r="AE1185">
        <v>187</v>
      </c>
      <c r="AF1185">
        <v>216</v>
      </c>
      <c r="AG1185">
        <v>106008</v>
      </c>
      <c r="AH1185">
        <v>50000</v>
      </c>
      <c r="AI1185">
        <v>0</v>
      </c>
      <c r="AJ1185">
        <v>92</v>
      </c>
      <c r="AK1185" t="s">
        <v>22</v>
      </c>
      <c r="AL1185">
        <v>0</v>
      </c>
      <c r="AM1185">
        <v>0</v>
      </c>
      <c r="AN1185">
        <v>0</v>
      </c>
      <c r="AO1185">
        <v>0</v>
      </c>
      <c r="AP1185">
        <v>0</v>
      </c>
      <c r="AQ1185">
        <v>0</v>
      </c>
      <c r="AR1185">
        <v>0</v>
      </c>
      <c r="AS1185">
        <v>0</v>
      </c>
      <c r="AT1185">
        <v>0</v>
      </c>
      <c r="AU1185">
        <v>0</v>
      </c>
      <c r="AV1185">
        <v>0</v>
      </c>
      <c r="AW1185">
        <v>0</v>
      </c>
      <c r="AX1185">
        <v>-1469</v>
      </c>
      <c r="AY1185">
        <v>45</v>
      </c>
      <c r="AZ1185">
        <v>101</v>
      </c>
      <c r="BA1185">
        <v>6875</v>
      </c>
    </row>
    <row r="1186" spans="1:53" x14ac:dyDescent="0.4">
      <c r="A1186">
        <v>1230</v>
      </c>
      <c r="B1186" s="1">
        <v>43190</v>
      </c>
      <c r="C1186">
        <v>3</v>
      </c>
      <c r="D1186" s="1">
        <v>43190.730555555558</v>
      </c>
      <c r="E1186" s="1">
        <v>43190.95208333333</v>
      </c>
      <c r="F1186">
        <v>125180</v>
      </c>
      <c r="G1186">
        <v>4500</v>
      </c>
      <c r="H1186">
        <v>0</v>
      </c>
      <c r="I1186">
        <v>0</v>
      </c>
      <c r="J1186">
        <v>0</v>
      </c>
      <c r="K1186">
        <v>0</v>
      </c>
      <c r="L1186">
        <v>0</v>
      </c>
      <c r="M1186">
        <v>10373</v>
      </c>
      <c r="N1186">
        <v>0</v>
      </c>
      <c r="O1186">
        <v>0</v>
      </c>
      <c r="P1186">
        <v>-12420</v>
      </c>
      <c r="Q1186">
        <v>0</v>
      </c>
      <c r="R1186">
        <v>127633</v>
      </c>
      <c r="S1186">
        <v>0</v>
      </c>
      <c r="T1186">
        <v>0</v>
      </c>
      <c r="U1186">
        <v>0</v>
      </c>
      <c r="V1186">
        <v>10</v>
      </c>
      <c r="W1186">
        <v>2</v>
      </c>
      <c r="X1186">
        <v>0</v>
      </c>
      <c r="Y1186">
        <v>90</v>
      </c>
      <c r="Z1186">
        <v>23</v>
      </c>
      <c r="AA1186">
        <v>72</v>
      </c>
      <c r="AB1186">
        <v>46</v>
      </c>
      <c r="AC1186">
        <v>188</v>
      </c>
      <c r="AD1186">
        <v>30</v>
      </c>
      <c r="AE1186">
        <v>185</v>
      </c>
      <c r="AF1186">
        <v>10526</v>
      </c>
      <c r="AG1186">
        <v>233741</v>
      </c>
      <c r="AH1186">
        <v>50000</v>
      </c>
      <c r="AI1186">
        <v>100</v>
      </c>
      <c r="AJ1186">
        <v>100</v>
      </c>
      <c r="AK1186" t="s">
        <v>0</v>
      </c>
      <c r="AL1186">
        <v>0</v>
      </c>
      <c r="AM1186">
        <v>0</v>
      </c>
      <c r="AN1186">
        <v>0</v>
      </c>
      <c r="AO1186">
        <v>0</v>
      </c>
      <c r="AP1186">
        <v>0</v>
      </c>
      <c r="AQ1186">
        <v>0</v>
      </c>
      <c r="AR1186">
        <v>0</v>
      </c>
      <c r="AS1186">
        <v>0</v>
      </c>
      <c r="AT1186">
        <v>0</v>
      </c>
      <c r="AU1186">
        <v>0</v>
      </c>
      <c r="AV1186">
        <v>0</v>
      </c>
      <c r="AW1186">
        <v>0</v>
      </c>
      <c r="AX1186">
        <v>123303</v>
      </c>
      <c r="AY1186">
        <v>30</v>
      </c>
      <c r="AZ1186">
        <v>143</v>
      </c>
      <c r="BA1186">
        <v>3802</v>
      </c>
    </row>
    <row r="1187" spans="1:53" x14ac:dyDescent="0.4">
      <c r="A1187">
        <v>1231</v>
      </c>
      <c r="B1187" s="1">
        <v>43191</v>
      </c>
      <c r="C1187">
        <v>1</v>
      </c>
      <c r="D1187" s="1">
        <v>43191.291666666664</v>
      </c>
      <c r="E1187" s="1">
        <v>43191.408333333333</v>
      </c>
      <c r="F1187">
        <v>0</v>
      </c>
      <c r="G1187">
        <v>0</v>
      </c>
      <c r="H1187">
        <v>0</v>
      </c>
      <c r="I1187">
        <v>0</v>
      </c>
      <c r="J1187">
        <v>0</v>
      </c>
      <c r="K1187">
        <v>0</v>
      </c>
      <c r="L1187">
        <v>0</v>
      </c>
      <c r="M1187">
        <v>0</v>
      </c>
      <c r="N1187">
        <v>0</v>
      </c>
      <c r="O1187">
        <v>0</v>
      </c>
      <c r="P1187">
        <v>0</v>
      </c>
      <c r="Q1187">
        <v>0</v>
      </c>
      <c r="R1187">
        <v>0</v>
      </c>
      <c r="S1187">
        <v>0</v>
      </c>
      <c r="T1187">
        <v>0</v>
      </c>
      <c r="U1187">
        <v>0</v>
      </c>
      <c r="V1187">
        <v>0</v>
      </c>
      <c r="W1187">
        <v>0</v>
      </c>
      <c r="X1187">
        <v>0</v>
      </c>
      <c r="Y1187">
        <v>34</v>
      </c>
      <c r="Z1187">
        <v>10</v>
      </c>
      <c r="AA1187">
        <v>72</v>
      </c>
      <c r="AB1187">
        <v>45</v>
      </c>
      <c r="AC1187">
        <v>123</v>
      </c>
      <c r="AD1187">
        <v>30</v>
      </c>
      <c r="AE1187">
        <v>170</v>
      </c>
      <c r="AF1187">
        <v>0</v>
      </c>
      <c r="AG1187">
        <v>50000</v>
      </c>
      <c r="AH1187">
        <v>0</v>
      </c>
      <c r="AI1187">
        <v>50000</v>
      </c>
      <c r="AJ1187">
        <v>0</v>
      </c>
      <c r="AK1187" t="s">
        <v>6</v>
      </c>
      <c r="AL1187">
        <v>0</v>
      </c>
      <c r="AM1187">
        <v>0</v>
      </c>
      <c r="AN1187">
        <v>0</v>
      </c>
      <c r="AO1187">
        <v>0</v>
      </c>
      <c r="AP1187">
        <v>0</v>
      </c>
      <c r="AQ1187">
        <v>0</v>
      </c>
      <c r="AR1187">
        <v>0</v>
      </c>
      <c r="AS1187">
        <v>0</v>
      </c>
      <c r="AT1187">
        <v>0</v>
      </c>
      <c r="AU1187">
        <v>0</v>
      </c>
      <c r="AV1187">
        <v>0</v>
      </c>
      <c r="AW1187">
        <v>0</v>
      </c>
      <c r="AX1187">
        <v>0</v>
      </c>
      <c r="AY1187">
        <v>0</v>
      </c>
      <c r="AZ1187">
        <v>0</v>
      </c>
      <c r="BA1187">
        <v>0</v>
      </c>
    </row>
    <row r="1188" spans="1:53" x14ac:dyDescent="0.4">
      <c r="A1188">
        <v>1232</v>
      </c>
      <c r="B1188" s="1">
        <v>43191</v>
      </c>
      <c r="C1188">
        <v>2</v>
      </c>
      <c r="D1188" s="1">
        <v>43191.408333333333</v>
      </c>
      <c r="E1188" s="1">
        <v>43191.738888888889</v>
      </c>
      <c r="F1188">
        <v>41500</v>
      </c>
      <c r="G1188">
        <v>4460</v>
      </c>
      <c r="H1188">
        <v>0</v>
      </c>
      <c r="I1188">
        <v>0</v>
      </c>
      <c r="J1188">
        <v>0</v>
      </c>
      <c r="K1188">
        <v>0</v>
      </c>
      <c r="L1188">
        <v>0</v>
      </c>
      <c r="M1188">
        <v>3675</v>
      </c>
      <c r="N1188">
        <v>0</v>
      </c>
      <c r="O1188">
        <v>0</v>
      </c>
      <c r="P1188">
        <v>15120</v>
      </c>
      <c r="Q1188">
        <v>0</v>
      </c>
      <c r="R1188">
        <v>64755</v>
      </c>
      <c r="S1188">
        <v>0</v>
      </c>
      <c r="T1188">
        <v>0</v>
      </c>
      <c r="U1188">
        <v>0</v>
      </c>
      <c r="V1188">
        <v>3</v>
      </c>
      <c r="W1188">
        <v>3</v>
      </c>
      <c r="X1188">
        <v>0</v>
      </c>
      <c r="Y1188">
        <v>36</v>
      </c>
      <c r="Z1188">
        <v>30</v>
      </c>
      <c r="AA1188">
        <v>128</v>
      </c>
      <c r="AB1188">
        <v>62</v>
      </c>
      <c r="AC1188">
        <v>250</v>
      </c>
      <c r="AD1188">
        <v>37</v>
      </c>
      <c r="AE1188">
        <v>170</v>
      </c>
      <c r="AF1188">
        <v>0</v>
      </c>
      <c r="AG1188">
        <v>114755</v>
      </c>
      <c r="AH1188">
        <v>50000</v>
      </c>
      <c r="AI1188">
        <v>0</v>
      </c>
      <c r="AJ1188">
        <v>93</v>
      </c>
      <c r="AK1188" t="s">
        <v>20</v>
      </c>
      <c r="AL1188">
        <v>0</v>
      </c>
      <c r="AM1188">
        <v>0</v>
      </c>
      <c r="AN1188">
        <v>0</v>
      </c>
      <c r="AO1188">
        <v>0</v>
      </c>
      <c r="AP1188">
        <v>0</v>
      </c>
      <c r="AQ1188">
        <v>0</v>
      </c>
      <c r="AR1188">
        <v>0</v>
      </c>
      <c r="AS1188">
        <v>0</v>
      </c>
      <c r="AT1188">
        <v>0</v>
      </c>
      <c r="AU1188">
        <v>0</v>
      </c>
      <c r="AV1188">
        <v>0</v>
      </c>
      <c r="AW1188">
        <v>0</v>
      </c>
      <c r="AX1188">
        <v>691</v>
      </c>
      <c r="AY1188">
        <v>50</v>
      </c>
      <c r="AZ1188">
        <v>110</v>
      </c>
      <c r="BA1188">
        <v>7384</v>
      </c>
    </row>
    <row r="1189" spans="1:53" x14ac:dyDescent="0.4">
      <c r="A1189">
        <v>1233</v>
      </c>
      <c r="B1189" s="1">
        <v>43191</v>
      </c>
      <c r="C1189">
        <v>3</v>
      </c>
      <c r="D1189" s="1">
        <v>43191.738888888889</v>
      </c>
      <c r="E1189" s="1">
        <v>43191.952777777777</v>
      </c>
      <c r="F1189">
        <v>51840</v>
      </c>
      <c r="G1189">
        <v>2240</v>
      </c>
      <c r="H1189">
        <v>0</v>
      </c>
      <c r="I1189">
        <v>0</v>
      </c>
      <c r="J1189">
        <v>0</v>
      </c>
      <c r="K1189">
        <v>0</v>
      </c>
      <c r="L1189">
        <v>0</v>
      </c>
      <c r="M1189">
        <v>4326</v>
      </c>
      <c r="N1189">
        <v>0</v>
      </c>
      <c r="O1189">
        <v>0</v>
      </c>
      <c r="P1189">
        <v>10368</v>
      </c>
      <c r="Q1189">
        <v>0</v>
      </c>
      <c r="R1189">
        <v>68774</v>
      </c>
      <c r="S1189">
        <v>0</v>
      </c>
      <c r="T1189">
        <v>0</v>
      </c>
      <c r="U1189">
        <v>0</v>
      </c>
      <c r="V1189">
        <v>4</v>
      </c>
      <c r="W1189">
        <v>3</v>
      </c>
      <c r="X1189">
        <v>0</v>
      </c>
      <c r="Y1189">
        <v>70</v>
      </c>
      <c r="Z1189">
        <v>34</v>
      </c>
      <c r="AA1189">
        <v>135</v>
      </c>
      <c r="AB1189">
        <v>67</v>
      </c>
      <c r="AC1189">
        <v>275</v>
      </c>
      <c r="AD1189">
        <v>33</v>
      </c>
      <c r="AE1189">
        <v>164</v>
      </c>
      <c r="AF1189">
        <v>21600</v>
      </c>
      <c r="AG1189">
        <v>183529</v>
      </c>
      <c r="AH1189">
        <v>50000</v>
      </c>
      <c r="AI1189">
        <v>0</v>
      </c>
      <c r="AJ1189">
        <v>108</v>
      </c>
      <c r="AK1189" t="s">
        <v>30</v>
      </c>
      <c r="AL1189">
        <v>0</v>
      </c>
      <c r="AM1189">
        <v>0</v>
      </c>
      <c r="AN1189">
        <v>0</v>
      </c>
      <c r="AO1189">
        <v>0</v>
      </c>
      <c r="AP1189">
        <v>0</v>
      </c>
      <c r="AQ1189">
        <v>0</v>
      </c>
      <c r="AR1189">
        <v>0</v>
      </c>
      <c r="AS1189">
        <v>0</v>
      </c>
      <c r="AT1189">
        <v>0</v>
      </c>
      <c r="AU1189">
        <v>0</v>
      </c>
      <c r="AV1189">
        <v>0</v>
      </c>
      <c r="AW1189">
        <v>0</v>
      </c>
      <c r="AX1189">
        <v>16427</v>
      </c>
      <c r="AY1189">
        <v>20</v>
      </c>
      <c r="AZ1189">
        <v>67</v>
      </c>
      <c r="BA1189">
        <v>3441</v>
      </c>
    </row>
    <row r="1190" spans="1:53" x14ac:dyDescent="0.4">
      <c r="A1190">
        <v>1234</v>
      </c>
      <c r="B1190" s="1">
        <v>43191</v>
      </c>
      <c r="C1190">
        <v>4</v>
      </c>
      <c r="D1190" s="1">
        <v>43191.952777777777</v>
      </c>
      <c r="E1190" s="1">
        <v>43192.081250000003</v>
      </c>
      <c r="F1190">
        <v>73260</v>
      </c>
      <c r="G1190">
        <v>1580</v>
      </c>
      <c r="H1190">
        <v>0</v>
      </c>
      <c r="I1190">
        <v>0</v>
      </c>
      <c r="J1190">
        <v>0</v>
      </c>
      <c r="K1190">
        <v>0</v>
      </c>
      <c r="L1190">
        <v>0</v>
      </c>
      <c r="M1190">
        <v>5987</v>
      </c>
      <c r="N1190">
        <v>0</v>
      </c>
      <c r="O1190">
        <v>0</v>
      </c>
      <c r="P1190">
        <v>-14472</v>
      </c>
      <c r="Q1190">
        <v>0</v>
      </c>
      <c r="R1190">
        <v>66355</v>
      </c>
      <c r="S1190">
        <v>0</v>
      </c>
      <c r="T1190">
        <v>0</v>
      </c>
      <c r="U1190">
        <v>0</v>
      </c>
      <c r="V1190">
        <v>10</v>
      </c>
      <c r="W1190">
        <v>0</v>
      </c>
      <c r="X1190">
        <v>0</v>
      </c>
      <c r="Y1190">
        <v>87</v>
      </c>
      <c r="Z1190">
        <v>34</v>
      </c>
      <c r="AA1190">
        <v>136</v>
      </c>
      <c r="AB1190">
        <v>68</v>
      </c>
      <c r="AC1190">
        <v>264</v>
      </c>
      <c r="AD1190">
        <v>34</v>
      </c>
      <c r="AE1190">
        <v>154</v>
      </c>
      <c r="AF1190">
        <v>25920</v>
      </c>
      <c r="AG1190">
        <v>249884</v>
      </c>
      <c r="AH1190">
        <v>50000</v>
      </c>
      <c r="AI1190">
        <v>0</v>
      </c>
      <c r="AJ1190">
        <v>29</v>
      </c>
      <c r="AK1190" t="s">
        <v>28</v>
      </c>
      <c r="AL1190">
        <v>0</v>
      </c>
      <c r="AM1190">
        <v>0</v>
      </c>
      <c r="AN1190">
        <v>0</v>
      </c>
      <c r="AO1190">
        <v>0</v>
      </c>
      <c r="AP1190">
        <v>0</v>
      </c>
      <c r="AQ1190">
        <v>0</v>
      </c>
      <c r="AR1190">
        <v>0</v>
      </c>
      <c r="AS1190">
        <v>0</v>
      </c>
      <c r="AT1190">
        <v>0</v>
      </c>
      <c r="AU1190">
        <v>0</v>
      </c>
      <c r="AV1190">
        <v>0</v>
      </c>
      <c r="AW1190">
        <v>0</v>
      </c>
      <c r="AX1190">
        <v>7398</v>
      </c>
      <c r="AY1190">
        <v>8</v>
      </c>
      <c r="AZ1190">
        <v>25</v>
      </c>
      <c r="BA1190">
        <v>1172</v>
      </c>
    </row>
    <row r="1191" spans="1:53" x14ac:dyDescent="0.4">
      <c r="A1191">
        <v>1235</v>
      </c>
      <c r="B1191" s="1">
        <v>43192</v>
      </c>
      <c r="C1191">
        <v>1</v>
      </c>
      <c r="D1191" s="1">
        <v>43192.291666666664</v>
      </c>
      <c r="E1191" s="1">
        <v>43192.407638888886</v>
      </c>
      <c r="F1191">
        <v>0</v>
      </c>
      <c r="G1191">
        <v>0</v>
      </c>
      <c r="H1191">
        <v>0</v>
      </c>
      <c r="I1191">
        <v>0</v>
      </c>
      <c r="J1191">
        <v>0</v>
      </c>
      <c r="K1191">
        <v>0</v>
      </c>
      <c r="L1191">
        <v>0</v>
      </c>
      <c r="M1191">
        <v>0</v>
      </c>
      <c r="N1191">
        <v>0</v>
      </c>
      <c r="O1191">
        <v>0</v>
      </c>
      <c r="P1191">
        <v>0</v>
      </c>
      <c r="Q1191">
        <v>0</v>
      </c>
      <c r="R1191">
        <v>0</v>
      </c>
      <c r="S1191">
        <v>0</v>
      </c>
      <c r="T1191">
        <v>0</v>
      </c>
      <c r="U1191">
        <v>0</v>
      </c>
      <c r="V1191">
        <v>0</v>
      </c>
      <c r="W1191">
        <v>0</v>
      </c>
      <c r="X1191">
        <v>0</v>
      </c>
      <c r="Y1191">
        <v>28</v>
      </c>
      <c r="Z1191">
        <v>9</v>
      </c>
      <c r="AA1191">
        <v>133</v>
      </c>
      <c r="AB1191">
        <v>57</v>
      </c>
      <c r="AC1191">
        <v>103</v>
      </c>
      <c r="AD1191">
        <v>34</v>
      </c>
      <c r="AE1191">
        <v>150</v>
      </c>
      <c r="AF1191">
        <v>0</v>
      </c>
      <c r="AG1191">
        <v>50000</v>
      </c>
      <c r="AH1191">
        <v>0</v>
      </c>
      <c r="AI1191">
        <v>50000</v>
      </c>
      <c r="AJ1191">
        <v>0</v>
      </c>
      <c r="AK1191" t="s">
        <v>6</v>
      </c>
      <c r="AL1191">
        <v>0</v>
      </c>
      <c r="AM1191">
        <v>0</v>
      </c>
      <c r="AN1191">
        <v>0</v>
      </c>
      <c r="AO1191">
        <v>0</v>
      </c>
      <c r="AP1191">
        <v>0</v>
      </c>
      <c r="AQ1191">
        <v>0</v>
      </c>
      <c r="AR1191">
        <v>0</v>
      </c>
      <c r="AS1191">
        <v>0</v>
      </c>
      <c r="AT1191">
        <v>0</v>
      </c>
      <c r="AU1191">
        <v>0</v>
      </c>
      <c r="AV1191">
        <v>0</v>
      </c>
      <c r="AW1191">
        <v>0</v>
      </c>
      <c r="AX1191">
        <v>0</v>
      </c>
      <c r="AY1191">
        <v>0</v>
      </c>
      <c r="AZ1191">
        <v>0</v>
      </c>
      <c r="BA1191">
        <v>0</v>
      </c>
    </row>
    <row r="1192" spans="1:53" x14ac:dyDescent="0.4">
      <c r="A1192">
        <v>1236</v>
      </c>
      <c r="B1192" s="1">
        <v>43192</v>
      </c>
      <c r="C1192">
        <v>2</v>
      </c>
      <c r="D1192" s="1">
        <v>43192.407638888886</v>
      </c>
      <c r="E1192" s="1">
        <v>43192.734027777777</v>
      </c>
      <c r="F1192">
        <v>46500</v>
      </c>
      <c r="G1192">
        <v>5300</v>
      </c>
      <c r="H1192">
        <v>0</v>
      </c>
      <c r="I1192">
        <v>0</v>
      </c>
      <c r="J1192">
        <v>0</v>
      </c>
      <c r="K1192">
        <v>0</v>
      </c>
      <c r="L1192">
        <v>0</v>
      </c>
      <c r="M1192">
        <v>4142</v>
      </c>
      <c r="N1192">
        <v>0</v>
      </c>
      <c r="O1192">
        <v>0</v>
      </c>
      <c r="P1192">
        <v>18900</v>
      </c>
      <c r="Q1192">
        <v>0</v>
      </c>
      <c r="R1192">
        <v>74842</v>
      </c>
      <c r="S1192">
        <v>0</v>
      </c>
      <c r="T1192">
        <v>0</v>
      </c>
      <c r="U1192">
        <v>0</v>
      </c>
      <c r="V1192">
        <v>2</v>
      </c>
      <c r="W1192">
        <v>3</v>
      </c>
      <c r="X1192">
        <v>0</v>
      </c>
      <c r="Y1192">
        <v>42</v>
      </c>
      <c r="Z1192">
        <v>39</v>
      </c>
      <c r="AA1192">
        <v>218</v>
      </c>
      <c r="AB1192">
        <v>80</v>
      </c>
      <c r="AC1192">
        <v>218</v>
      </c>
      <c r="AD1192">
        <v>41</v>
      </c>
      <c r="AE1192">
        <v>157</v>
      </c>
      <c r="AF1192">
        <v>0</v>
      </c>
      <c r="AG1192">
        <v>124842</v>
      </c>
      <c r="AH1192">
        <v>50000</v>
      </c>
      <c r="AI1192">
        <v>0</v>
      </c>
      <c r="AJ1192">
        <v>92</v>
      </c>
      <c r="AK1192" t="s">
        <v>22</v>
      </c>
      <c r="AL1192">
        <v>0</v>
      </c>
      <c r="AM1192">
        <v>0</v>
      </c>
      <c r="AN1192">
        <v>0</v>
      </c>
      <c r="AO1192">
        <v>0</v>
      </c>
      <c r="AP1192">
        <v>0</v>
      </c>
      <c r="AQ1192">
        <v>0</v>
      </c>
      <c r="AR1192">
        <v>0</v>
      </c>
      <c r="AS1192">
        <v>0</v>
      </c>
      <c r="AT1192">
        <v>0</v>
      </c>
      <c r="AU1192">
        <v>0</v>
      </c>
      <c r="AV1192">
        <v>0</v>
      </c>
      <c r="AW1192">
        <v>0</v>
      </c>
      <c r="AX1192">
        <v>0</v>
      </c>
      <c r="AY1192">
        <v>50</v>
      </c>
      <c r="AZ1192">
        <v>117</v>
      </c>
      <c r="BA1192">
        <v>7703</v>
      </c>
    </row>
    <row r="1193" spans="1:53" x14ac:dyDescent="0.4">
      <c r="A1193">
        <v>1237</v>
      </c>
      <c r="B1193" s="1">
        <v>43193</v>
      </c>
      <c r="C1193">
        <v>1</v>
      </c>
      <c r="D1193" s="1">
        <v>43193.291666666664</v>
      </c>
      <c r="E1193" s="1">
        <v>43193.407638888886</v>
      </c>
      <c r="F1193">
        <v>0</v>
      </c>
      <c r="G1193">
        <v>0</v>
      </c>
      <c r="H1193">
        <v>0</v>
      </c>
      <c r="I1193">
        <v>0</v>
      </c>
      <c r="J1193">
        <v>0</v>
      </c>
      <c r="K1193">
        <v>0</v>
      </c>
      <c r="L1193">
        <v>0</v>
      </c>
      <c r="M1193">
        <v>0</v>
      </c>
      <c r="N1193">
        <v>0</v>
      </c>
      <c r="O1193">
        <v>0</v>
      </c>
      <c r="P1193">
        <v>0</v>
      </c>
      <c r="Q1193">
        <v>0</v>
      </c>
      <c r="R1193">
        <v>0</v>
      </c>
      <c r="S1193">
        <v>0</v>
      </c>
      <c r="T1193">
        <v>0</v>
      </c>
      <c r="U1193">
        <v>0</v>
      </c>
      <c r="V1193">
        <v>0</v>
      </c>
      <c r="W1193">
        <v>0</v>
      </c>
      <c r="X1193">
        <v>0</v>
      </c>
      <c r="Y1193">
        <v>25</v>
      </c>
      <c r="Z1193">
        <v>8</v>
      </c>
      <c r="AA1193">
        <v>152</v>
      </c>
      <c r="AB1193">
        <v>82</v>
      </c>
      <c r="AC1193">
        <v>136</v>
      </c>
      <c r="AD1193">
        <v>40</v>
      </c>
      <c r="AE1193">
        <v>140</v>
      </c>
      <c r="AF1193">
        <v>0</v>
      </c>
      <c r="AG1193">
        <v>50000</v>
      </c>
      <c r="AH1193">
        <v>0</v>
      </c>
      <c r="AI1193">
        <v>50000</v>
      </c>
      <c r="AJ1193">
        <v>0</v>
      </c>
      <c r="AK1193" t="s">
        <v>6</v>
      </c>
      <c r="AL1193">
        <v>0</v>
      </c>
      <c r="AM1193">
        <v>0</v>
      </c>
      <c r="AN1193">
        <v>0</v>
      </c>
      <c r="AO1193">
        <v>0</v>
      </c>
      <c r="AP1193">
        <v>0</v>
      </c>
      <c r="AQ1193">
        <v>0</v>
      </c>
      <c r="AR1193">
        <v>0</v>
      </c>
      <c r="AS1193">
        <v>0</v>
      </c>
      <c r="AT1193">
        <v>0</v>
      </c>
      <c r="AU1193">
        <v>0</v>
      </c>
      <c r="AV1193">
        <v>0</v>
      </c>
      <c r="AW1193">
        <v>0</v>
      </c>
      <c r="AX1193">
        <v>0</v>
      </c>
      <c r="AY1193">
        <v>0</v>
      </c>
      <c r="AZ1193">
        <v>0</v>
      </c>
      <c r="BA1193">
        <v>0</v>
      </c>
    </row>
    <row r="1194" spans="1:53" x14ac:dyDescent="0.4">
      <c r="A1194">
        <v>1238</v>
      </c>
      <c r="B1194" s="1">
        <v>43193</v>
      </c>
      <c r="C1194">
        <v>2</v>
      </c>
      <c r="D1194" s="1">
        <v>43193.407638888886</v>
      </c>
      <c r="E1194" s="1">
        <v>43193.724305555559</v>
      </c>
      <c r="F1194">
        <v>43500</v>
      </c>
      <c r="G1194">
        <v>3240</v>
      </c>
      <c r="H1194">
        <v>0</v>
      </c>
      <c r="I1194">
        <v>0</v>
      </c>
      <c r="J1194">
        <v>0</v>
      </c>
      <c r="K1194">
        <v>0</v>
      </c>
      <c r="L1194">
        <v>0</v>
      </c>
      <c r="M1194">
        <v>3738</v>
      </c>
      <c r="N1194">
        <v>0</v>
      </c>
      <c r="O1194">
        <v>0</v>
      </c>
      <c r="P1194">
        <v>14580</v>
      </c>
      <c r="Q1194">
        <v>0</v>
      </c>
      <c r="R1194">
        <v>65058</v>
      </c>
      <c r="S1194">
        <v>0</v>
      </c>
      <c r="T1194">
        <v>0</v>
      </c>
      <c r="U1194">
        <v>0</v>
      </c>
      <c r="V1194">
        <v>2</v>
      </c>
      <c r="W1194">
        <v>2</v>
      </c>
      <c r="X1194">
        <v>0</v>
      </c>
      <c r="Y1194">
        <v>49</v>
      </c>
      <c r="Z1194">
        <v>30</v>
      </c>
      <c r="AA1194">
        <v>131</v>
      </c>
      <c r="AB1194">
        <v>80</v>
      </c>
      <c r="AC1194">
        <v>207</v>
      </c>
      <c r="AD1194">
        <v>46</v>
      </c>
      <c r="AE1194">
        <v>144</v>
      </c>
      <c r="AF1194">
        <v>1514</v>
      </c>
      <c r="AG1194">
        <v>115058</v>
      </c>
      <c r="AH1194">
        <v>50000</v>
      </c>
      <c r="AI1194">
        <v>0</v>
      </c>
      <c r="AJ1194">
        <v>96</v>
      </c>
      <c r="AK1194" t="s">
        <v>4</v>
      </c>
      <c r="AL1194">
        <v>0</v>
      </c>
      <c r="AM1194">
        <v>0</v>
      </c>
      <c r="AN1194">
        <v>0</v>
      </c>
      <c r="AO1194">
        <v>0</v>
      </c>
      <c r="AP1194">
        <v>0</v>
      </c>
      <c r="AQ1194">
        <v>0</v>
      </c>
      <c r="AR1194">
        <v>0</v>
      </c>
      <c r="AS1194">
        <v>0</v>
      </c>
      <c r="AT1194">
        <v>0</v>
      </c>
      <c r="AU1194">
        <v>0</v>
      </c>
      <c r="AV1194">
        <v>0</v>
      </c>
      <c r="AW1194">
        <v>0</v>
      </c>
      <c r="AX1194">
        <v>-2160</v>
      </c>
      <c r="AY1194">
        <v>46</v>
      </c>
      <c r="AZ1194">
        <v>107</v>
      </c>
      <c r="BA1194">
        <v>7039</v>
      </c>
    </row>
    <row r="1195" spans="1:53" x14ac:dyDescent="0.4">
      <c r="A1195">
        <v>1239</v>
      </c>
      <c r="B1195" s="1">
        <v>43193</v>
      </c>
      <c r="C1195">
        <v>3</v>
      </c>
      <c r="D1195" s="1">
        <v>43193.724305555559</v>
      </c>
      <c r="E1195" s="1">
        <v>43193.959027777775</v>
      </c>
      <c r="F1195">
        <v>48350</v>
      </c>
      <c r="G1195">
        <v>380</v>
      </c>
      <c r="H1195">
        <v>0</v>
      </c>
      <c r="I1195">
        <v>0</v>
      </c>
      <c r="J1195">
        <v>0</v>
      </c>
      <c r="K1195">
        <v>0</v>
      </c>
      <c r="L1195">
        <v>0</v>
      </c>
      <c r="M1195">
        <v>3898</v>
      </c>
      <c r="N1195">
        <v>0</v>
      </c>
      <c r="O1195">
        <v>0</v>
      </c>
      <c r="P1195">
        <v>-14580</v>
      </c>
      <c r="Q1195">
        <v>0</v>
      </c>
      <c r="R1195">
        <v>38048</v>
      </c>
      <c r="S1195">
        <v>0</v>
      </c>
      <c r="T1195">
        <v>0</v>
      </c>
      <c r="U1195">
        <v>0</v>
      </c>
      <c r="V1195">
        <v>4</v>
      </c>
      <c r="W1195">
        <v>3</v>
      </c>
      <c r="X1195">
        <v>0</v>
      </c>
      <c r="Y1195">
        <v>53</v>
      </c>
      <c r="Z1195">
        <v>30</v>
      </c>
      <c r="AA1195">
        <v>152</v>
      </c>
      <c r="AB1195">
        <v>86</v>
      </c>
      <c r="AC1195">
        <v>225</v>
      </c>
      <c r="AD1195">
        <v>44</v>
      </c>
      <c r="AE1195">
        <v>142</v>
      </c>
      <c r="AF1195">
        <v>7994</v>
      </c>
      <c r="AG1195">
        <v>153106</v>
      </c>
      <c r="AH1195">
        <v>50000</v>
      </c>
      <c r="AI1195">
        <v>0</v>
      </c>
      <c r="AJ1195">
        <v>29</v>
      </c>
      <c r="AK1195" t="s">
        <v>28</v>
      </c>
      <c r="AL1195">
        <v>0</v>
      </c>
      <c r="AM1195">
        <v>0</v>
      </c>
      <c r="AN1195">
        <v>0</v>
      </c>
      <c r="AO1195">
        <v>0</v>
      </c>
      <c r="AP1195">
        <v>0</v>
      </c>
      <c r="AQ1195">
        <v>0</v>
      </c>
      <c r="AR1195">
        <v>0</v>
      </c>
      <c r="AS1195">
        <v>0</v>
      </c>
      <c r="AT1195">
        <v>0</v>
      </c>
      <c r="AU1195">
        <v>0</v>
      </c>
      <c r="AV1195">
        <v>0</v>
      </c>
      <c r="AW1195">
        <v>0</v>
      </c>
      <c r="AX1195">
        <v>4320</v>
      </c>
      <c r="AY1195">
        <v>12</v>
      </c>
      <c r="AZ1195">
        <v>35</v>
      </c>
      <c r="BA1195">
        <v>2615</v>
      </c>
    </row>
    <row r="1196" spans="1:53" x14ac:dyDescent="0.4">
      <c r="A1196">
        <v>1240</v>
      </c>
      <c r="B1196" s="1">
        <v>43193</v>
      </c>
      <c r="C1196">
        <v>4</v>
      </c>
      <c r="D1196" s="1">
        <v>43193.959027777775</v>
      </c>
      <c r="E1196" s="1">
        <v>43194.084722222222</v>
      </c>
      <c r="F1196">
        <v>3500</v>
      </c>
      <c r="G1196">
        <v>0</v>
      </c>
      <c r="H1196">
        <v>0</v>
      </c>
      <c r="I1196">
        <v>0</v>
      </c>
      <c r="J1196">
        <v>0</v>
      </c>
      <c r="K1196">
        <v>0</v>
      </c>
      <c r="L1196">
        <v>0</v>
      </c>
      <c r="M1196">
        <v>280</v>
      </c>
      <c r="N1196">
        <v>0</v>
      </c>
      <c r="O1196">
        <v>0</v>
      </c>
      <c r="P1196">
        <v>18274</v>
      </c>
      <c r="Q1196">
        <v>0</v>
      </c>
      <c r="R1196">
        <v>22054</v>
      </c>
      <c r="S1196">
        <v>0</v>
      </c>
      <c r="T1196">
        <v>0</v>
      </c>
      <c r="U1196">
        <v>0</v>
      </c>
      <c r="V1196">
        <v>6</v>
      </c>
      <c r="W1196">
        <v>2</v>
      </c>
      <c r="X1196">
        <v>0</v>
      </c>
      <c r="Y1196">
        <v>62</v>
      </c>
      <c r="Z1196">
        <v>27</v>
      </c>
      <c r="AA1196">
        <v>149</v>
      </c>
      <c r="AB1196">
        <v>86</v>
      </c>
      <c r="AC1196">
        <v>212</v>
      </c>
      <c r="AD1196">
        <v>42</v>
      </c>
      <c r="AE1196">
        <v>136</v>
      </c>
      <c r="AF1196">
        <v>7994</v>
      </c>
      <c r="AG1196">
        <v>175160</v>
      </c>
      <c r="AH1196">
        <v>50000</v>
      </c>
      <c r="AI1196">
        <v>0</v>
      </c>
      <c r="AJ1196">
        <v>29</v>
      </c>
      <c r="AK1196" t="s">
        <v>28</v>
      </c>
      <c r="AL1196">
        <v>0</v>
      </c>
      <c r="AM1196">
        <v>0</v>
      </c>
      <c r="AN1196">
        <v>0</v>
      </c>
      <c r="AO1196">
        <v>0</v>
      </c>
      <c r="AP1196">
        <v>0</v>
      </c>
      <c r="AQ1196">
        <v>0</v>
      </c>
      <c r="AR1196">
        <v>0</v>
      </c>
      <c r="AS1196">
        <v>0</v>
      </c>
      <c r="AT1196">
        <v>0</v>
      </c>
      <c r="AU1196">
        <v>0</v>
      </c>
      <c r="AV1196">
        <v>0</v>
      </c>
      <c r="AW1196">
        <v>0</v>
      </c>
      <c r="AX1196">
        <v>1166</v>
      </c>
      <c r="AY1196">
        <v>4</v>
      </c>
      <c r="AZ1196">
        <v>9</v>
      </c>
      <c r="BA1196">
        <v>548</v>
      </c>
    </row>
    <row r="1197" spans="1:53" x14ac:dyDescent="0.4">
      <c r="A1197">
        <v>1241</v>
      </c>
      <c r="B1197" s="1">
        <v>43194</v>
      </c>
      <c r="C1197">
        <v>1</v>
      </c>
      <c r="D1197" s="1">
        <v>43194.291666666664</v>
      </c>
      <c r="E1197" s="1">
        <v>43194.408333333333</v>
      </c>
      <c r="F1197">
        <v>0</v>
      </c>
      <c r="G1197">
        <v>0</v>
      </c>
      <c r="H1197">
        <v>0</v>
      </c>
      <c r="I1197">
        <v>0</v>
      </c>
      <c r="J1197">
        <v>0</v>
      </c>
      <c r="K1197">
        <v>0</v>
      </c>
      <c r="L1197">
        <v>0</v>
      </c>
      <c r="M1197">
        <v>0</v>
      </c>
      <c r="N1197">
        <v>0</v>
      </c>
      <c r="O1197">
        <v>0</v>
      </c>
      <c r="P1197">
        <v>0</v>
      </c>
      <c r="Q1197">
        <v>0</v>
      </c>
      <c r="R1197">
        <v>0</v>
      </c>
      <c r="S1197">
        <v>0</v>
      </c>
      <c r="T1197">
        <v>0</v>
      </c>
      <c r="U1197">
        <v>0</v>
      </c>
      <c r="V1197">
        <v>0</v>
      </c>
      <c r="W1197">
        <v>0</v>
      </c>
      <c r="X1197">
        <v>0</v>
      </c>
      <c r="Y1197">
        <v>25</v>
      </c>
      <c r="Z1197">
        <v>17</v>
      </c>
      <c r="AA1197">
        <v>100</v>
      </c>
      <c r="AB1197">
        <v>83</v>
      </c>
      <c r="AC1197">
        <v>201</v>
      </c>
      <c r="AD1197">
        <v>42</v>
      </c>
      <c r="AE1197">
        <v>130</v>
      </c>
      <c r="AF1197">
        <v>0</v>
      </c>
      <c r="AG1197">
        <v>50000</v>
      </c>
      <c r="AH1197">
        <v>0</v>
      </c>
      <c r="AI1197">
        <v>50000</v>
      </c>
      <c r="AJ1197">
        <v>0</v>
      </c>
      <c r="AK1197" t="s">
        <v>6</v>
      </c>
      <c r="AL1197">
        <v>0</v>
      </c>
      <c r="AM1197">
        <v>0</v>
      </c>
      <c r="AN1197">
        <v>0</v>
      </c>
      <c r="AO1197">
        <v>0</v>
      </c>
      <c r="AP1197">
        <v>0</v>
      </c>
      <c r="AQ1197">
        <v>0</v>
      </c>
      <c r="AR1197">
        <v>0</v>
      </c>
      <c r="AS1197">
        <v>0</v>
      </c>
      <c r="AT1197">
        <v>0</v>
      </c>
      <c r="AU1197">
        <v>0</v>
      </c>
      <c r="AV1197">
        <v>0</v>
      </c>
      <c r="AW1197">
        <v>0</v>
      </c>
      <c r="AX1197">
        <v>0</v>
      </c>
      <c r="AY1197">
        <v>0</v>
      </c>
      <c r="AZ1197">
        <v>0</v>
      </c>
      <c r="BA1197">
        <v>0</v>
      </c>
    </row>
    <row r="1198" spans="1:53" x14ac:dyDescent="0.4">
      <c r="A1198">
        <v>1242</v>
      </c>
      <c r="B1198" s="1">
        <v>43194</v>
      </c>
      <c r="C1198">
        <v>2</v>
      </c>
      <c r="D1198" s="1">
        <v>43194.408333333333</v>
      </c>
      <c r="E1198" s="1">
        <v>43194.758333333331</v>
      </c>
      <c r="F1198">
        <v>44500</v>
      </c>
      <c r="G1198">
        <v>4480</v>
      </c>
      <c r="H1198">
        <v>0</v>
      </c>
      <c r="I1198">
        <v>0</v>
      </c>
      <c r="J1198">
        <v>0</v>
      </c>
      <c r="K1198">
        <v>0</v>
      </c>
      <c r="L1198">
        <v>0</v>
      </c>
      <c r="M1198">
        <v>3917</v>
      </c>
      <c r="N1198">
        <v>0</v>
      </c>
      <c r="O1198">
        <v>0</v>
      </c>
      <c r="P1198">
        <v>21060</v>
      </c>
      <c r="Q1198">
        <v>0</v>
      </c>
      <c r="R1198">
        <v>73957</v>
      </c>
      <c r="S1198">
        <v>0</v>
      </c>
      <c r="T1198">
        <v>0</v>
      </c>
      <c r="U1198">
        <v>0</v>
      </c>
      <c r="V1198">
        <v>5</v>
      </c>
      <c r="W1198">
        <v>0</v>
      </c>
      <c r="X1198">
        <v>0</v>
      </c>
      <c r="Y1198">
        <v>36</v>
      </c>
      <c r="Z1198">
        <v>36</v>
      </c>
      <c r="AA1198">
        <v>99</v>
      </c>
      <c r="AB1198">
        <v>83</v>
      </c>
      <c r="AC1198">
        <v>272</v>
      </c>
      <c r="AD1198">
        <v>49</v>
      </c>
      <c r="AE1198">
        <v>140</v>
      </c>
      <c r="AF1198">
        <v>2802</v>
      </c>
      <c r="AG1198">
        <v>123957</v>
      </c>
      <c r="AH1198">
        <v>50000</v>
      </c>
      <c r="AI1198">
        <v>0</v>
      </c>
      <c r="AJ1198">
        <v>96</v>
      </c>
      <c r="AK1198" t="s">
        <v>4</v>
      </c>
      <c r="AL1198">
        <v>0</v>
      </c>
      <c r="AM1198">
        <v>0</v>
      </c>
      <c r="AN1198">
        <v>0</v>
      </c>
      <c r="AO1198">
        <v>0</v>
      </c>
      <c r="AP1198">
        <v>0</v>
      </c>
      <c r="AQ1198">
        <v>0</v>
      </c>
      <c r="AR1198">
        <v>0</v>
      </c>
      <c r="AS1198">
        <v>0</v>
      </c>
      <c r="AT1198">
        <v>0</v>
      </c>
      <c r="AU1198">
        <v>0</v>
      </c>
      <c r="AV1198">
        <v>0</v>
      </c>
      <c r="AW1198">
        <v>0</v>
      </c>
      <c r="AX1198">
        <v>3456</v>
      </c>
      <c r="AY1198">
        <v>50</v>
      </c>
      <c r="AZ1198">
        <v>125</v>
      </c>
      <c r="BA1198">
        <v>7638</v>
      </c>
    </row>
    <row r="1199" spans="1:53" x14ac:dyDescent="0.4">
      <c r="A1199">
        <v>1243</v>
      </c>
      <c r="B1199" s="1">
        <v>43194</v>
      </c>
      <c r="C1199">
        <v>3</v>
      </c>
      <c r="D1199" s="1">
        <v>43194.758333333331</v>
      </c>
      <c r="E1199" s="1">
        <v>43194.960416666669</v>
      </c>
      <c r="F1199">
        <v>46500</v>
      </c>
      <c r="G1199">
        <v>4260</v>
      </c>
      <c r="H1199">
        <v>0</v>
      </c>
      <c r="I1199">
        <v>0</v>
      </c>
      <c r="J1199">
        <v>1000</v>
      </c>
      <c r="K1199">
        <v>0</v>
      </c>
      <c r="L1199">
        <v>0</v>
      </c>
      <c r="M1199">
        <v>3980</v>
      </c>
      <c r="N1199">
        <v>0</v>
      </c>
      <c r="O1199">
        <v>0</v>
      </c>
      <c r="P1199">
        <v>-17928</v>
      </c>
      <c r="Q1199">
        <v>0</v>
      </c>
      <c r="R1199">
        <v>35812</v>
      </c>
      <c r="S1199">
        <v>0</v>
      </c>
      <c r="T1199">
        <v>0</v>
      </c>
      <c r="U1199">
        <v>0</v>
      </c>
      <c r="V1199">
        <v>5</v>
      </c>
      <c r="W1199">
        <v>0</v>
      </c>
      <c r="X1199">
        <v>0</v>
      </c>
      <c r="Y1199">
        <v>51</v>
      </c>
      <c r="Z1199">
        <v>34</v>
      </c>
      <c r="AA1199">
        <v>92</v>
      </c>
      <c r="AB1199">
        <v>80</v>
      </c>
      <c r="AC1199">
        <v>262</v>
      </c>
      <c r="AD1199">
        <v>48</v>
      </c>
      <c r="AE1199">
        <v>141</v>
      </c>
      <c r="AF1199">
        <v>25568</v>
      </c>
      <c r="AG1199">
        <v>159769</v>
      </c>
      <c r="AH1199">
        <v>50000</v>
      </c>
      <c r="AI1199">
        <v>0</v>
      </c>
      <c r="AJ1199">
        <v>100</v>
      </c>
      <c r="AK1199" t="s">
        <v>0</v>
      </c>
      <c r="AL1199">
        <v>0</v>
      </c>
      <c r="AM1199">
        <v>0</v>
      </c>
      <c r="AN1199">
        <v>0</v>
      </c>
      <c r="AO1199">
        <v>0</v>
      </c>
      <c r="AP1199">
        <v>0</v>
      </c>
      <c r="AQ1199">
        <v>0</v>
      </c>
      <c r="AR1199">
        <v>0</v>
      </c>
      <c r="AS1199">
        <v>0</v>
      </c>
      <c r="AT1199">
        <v>0</v>
      </c>
      <c r="AU1199">
        <v>0</v>
      </c>
      <c r="AV1199">
        <v>0</v>
      </c>
      <c r="AW1199">
        <v>0</v>
      </c>
      <c r="AX1199">
        <v>6058</v>
      </c>
      <c r="AY1199">
        <v>9</v>
      </c>
      <c r="AZ1199">
        <v>25</v>
      </c>
      <c r="BA1199">
        <v>1960</v>
      </c>
    </row>
    <row r="1200" spans="1:53" x14ac:dyDescent="0.4">
      <c r="A1200">
        <v>1244</v>
      </c>
      <c r="B1200" s="1">
        <v>43194</v>
      </c>
      <c r="C1200">
        <v>4</v>
      </c>
      <c r="D1200" s="1">
        <v>43194.960416666669</v>
      </c>
      <c r="E1200" s="1">
        <v>43195.073611111111</v>
      </c>
      <c r="F1200">
        <v>11260</v>
      </c>
      <c r="G1200">
        <v>830</v>
      </c>
      <c r="H1200">
        <v>0</v>
      </c>
      <c r="I1200">
        <v>0</v>
      </c>
      <c r="J1200">
        <v>0</v>
      </c>
      <c r="K1200">
        <v>0</v>
      </c>
      <c r="L1200">
        <v>0</v>
      </c>
      <c r="M1200">
        <v>967</v>
      </c>
      <c r="N1200">
        <v>0</v>
      </c>
      <c r="O1200">
        <v>0</v>
      </c>
      <c r="P1200">
        <v>1620</v>
      </c>
      <c r="Q1200">
        <v>0</v>
      </c>
      <c r="R1200">
        <v>14677</v>
      </c>
      <c r="S1200">
        <v>0</v>
      </c>
      <c r="T1200">
        <v>0</v>
      </c>
      <c r="U1200">
        <v>0</v>
      </c>
      <c r="V1200">
        <v>5</v>
      </c>
      <c r="W1200">
        <v>1</v>
      </c>
      <c r="X1200">
        <v>0</v>
      </c>
      <c r="Y1200">
        <v>60</v>
      </c>
      <c r="Z1200">
        <v>35</v>
      </c>
      <c r="AA1200">
        <v>93</v>
      </c>
      <c r="AB1200">
        <v>81</v>
      </c>
      <c r="AC1200">
        <v>264</v>
      </c>
      <c r="AD1200">
        <v>49</v>
      </c>
      <c r="AE1200">
        <v>143</v>
      </c>
      <c r="AF1200">
        <v>25568</v>
      </c>
      <c r="AG1200">
        <v>174446</v>
      </c>
      <c r="AH1200">
        <v>50000</v>
      </c>
      <c r="AI1200">
        <v>0</v>
      </c>
      <c r="AJ1200">
        <v>100</v>
      </c>
      <c r="AK1200" t="s">
        <v>0</v>
      </c>
      <c r="AL1200">
        <v>0</v>
      </c>
      <c r="AM1200">
        <v>0</v>
      </c>
      <c r="AN1200">
        <v>0</v>
      </c>
      <c r="AO1200">
        <v>0</v>
      </c>
      <c r="AP1200">
        <v>0</v>
      </c>
      <c r="AQ1200">
        <v>0</v>
      </c>
      <c r="AR1200">
        <v>0</v>
      </c>
      <c r="AS1200">
        <v>0</v>
      </c>
      <c r="AT1200">
        <v>0</v>
      </c>
      <c r="AU1200">
        <v>0</v>
      </c>
      <c r="AV1200">
        <v>0</v>
      </c>
      <c r="AW1200">
        <v>0</v>
      </c>
      <c r="AX1200">
        <v>0</v>
      </c>
      <c r="AY1200">
        <v>1</v>
      </c>
      <c r="AZ1200">
        <v>4</v>
      </c>
      <c r="BA1200">
        <v>323</v>
      </c>
    </row>
    <row r="1201" spans="1:53" x14ac:dyDescent="0.4">
      <c r="A1201">
        <v>1245</v>
      </c>
      <c r="B1201" s="1">
        <v>43195</v>
      </c>
      <c r="C1201">
        <v>1</v>
      </c>
      <c r="D1201" s="1">
        <v>43195.291666666664</v>
      </c>
      <c r="E1201" s="1">
        <v>43195.405555555553</v>
      </c>
      <c r="F1201">
        <v>0</v>
      </c>
      <c r="G1201">
        <v>0</v>
      </c>
      <c r="H1201">
        <v>0</v>
      </c>
      <c r="I1201">
        <v>0</v>
      </c>
      <c r="J1201">
        <v>0</v>
      </c>
      <c r="K1201">
        <v>0</v>
      </c>
      <c r="L1201">
        <v>0</v>
      </c>
      <c r="M1201">
        <v>0</v>
      </c>
      <c r="N1201">
        <v>0</v>
      </c>
      <c r="O1201">
        <v>0</v>
      </c>
      <c r="P1201">
        <v>0</v>
      </c>
      <c r="Q1201">
        <v>0</v>
      </c>
      <c r="R1201">
        <v>0</v>
      </c>
      <c r="S1201">
        <v>0</v>
      </c>
      <c r="T1201">
        <v>0</v>
      </c>
      <c r="U1201">
        <v>0</v>
      </c>
      <c r="V1201">
        <v>0</v>
      </c>
      <c r="W1201">
        <v>0</v>
      </c>
      <c r="X1201">
        <v>0</v>
      </c>
      <c r="Y1201">
        <v>31</v>
      </c>
      <c r="Z1201">
        <v>9</v>
      </c>
      <c r="AA1201">
        <v>100</v>
      </c>
      <c r="AB1201">
        <v>58</v>
      </c>
      <c r="AC1201">
        <v>111</v>
      </c>
      <c r="AD1201">
        <v>50</v>
      </c>
      <c r="AE1201">
        <v>140</v>
      </c>
      <c r="AF1201">
        <v>0</v>
      </c>
      <c r="AG1201">
        <v>49900</v>
      </c>
      <c r="AH1201">
        <v>0</v>
      </c>
      <c r="AI1201">
        <v>49900</v>
      </c>
      <c r="AJ1201">
        <v>0</v>
      </c>
      <c r="AK1201" t="s">
        <v>6</v>
      </c>
      <c r="AL1201">
        <v>0</v>
      </c>
      <c r="AM1201">
        <v>0</v>
      </c>
      <c r="AN1201">
        <v>0</v>
      </c>
      <c r="AO1201">
        <v>0</v>
      </c>
      <c r="AP1201">
        <v>0</v>
      </c>
      <c r="AQ1201">
        <v>0</v>
      </c>
      <c r="AR1201">
        <v>0</v>
      </c>
      <c r="AS1201">
        <v>0</v>
      </c>
      <c r="AT1201">
        <v>0</v>
      </c>
      <c r="AU1201">
        <v>0</v>
      </c>
      <c r="AV1201">
        <v>0</v>
      </c>
      <c r="AW1201">
        <v>0</v>
      </c>
      <c r="AX1201">
        <v>0</v>
      </c>
      <c r="AY1201">
        <v>0</v>
      </c>
      <c r="AZ1201">
        <v>0</v>
      </c>
      <c r="BA1201">
        <v>0</v>
      </c>
    </row>
    <row r="1202" spans="1:53" x14ac:dyDescent="0.4">
      <c r="A1202">
        <v>1246</v>
      </c>
      <c r="B1202" s="1">
        <v>43195</v>
      </c>
      <c r="C1202">
        <v>2</v>
      </c>
      <c r="D1202" s="1">
        <v>43195.405555555553</v>
      </c>
      <c r="E1202" s="1">
        <v>43195.732638888891</v>
      </c>
      <c r="F1202">
        <v>31000</v>
      </c>
      <c r="G1202">
        <v>0</v>
      </c>
      <c r="H1202">
        <v>0</v>
      </c>
      <c r="I1202">
        <v>0</v>
      </c>
      <c r="J1202">
        <v>0</v>
      </c>
      <c r="K1202">
        <v>0</v>
      </c>
      <c r="L1202">
        <v>0</v>
      </c>
      <c r="M1202">
        <v>2480</v>
      </c>
      <c r="N1202">
        <v>0</v>
      </c>
      <c r="O1202">
        <v>0</v>
      </c>
      <c r="P1202">
        <v>12420</v>
      </c>
      <c r="Q1202">
        <v>0</v>
      </c>
      <c r="R1202">
        <v>45900</v>
      </c>
      <c r="S1202">
        <v>0</v>
      </c>
      <c r="T1202">
        <v>0</v>
      </c>
      <c r="U1202">
        <v>0</v>
      </c>
      <c r="V1202">
        <v>0</v>
      </c>
      <c r="W1202">
        <v>1</v>
      </c>
      <c r="X1202">
        <v>0</v>
      </c>
      <c r="Y1202">
        <v>59</v>
      </c>
      <c r="Z1202">
        <v>33</v>
      </c>
      <c r="AA1202">
        <v>100</v>
      </c>
      <c r="AB1202">
        <v>54</v>
      </c>
      <c r="AC1202">
        <v>216</v>
      </c>
      <c r="AD1202">
        <v>60</v>
      </c>
      <c r="AE1202">
        <v>140</v>
      </c>
      <c r="AF1202">
        <v>0</v>
      </c>
      <c r="AG1202">
        <v>95800</v>
      </c>
      <c r="AH1202">
        <v>50000</v>
      </c>
      <c r="AI1202">
        <v>-100</v>
      </c>
      <c r="AJ1202">
        <v>96</v>
      </c>
      <c r="AK1202" t="s">
        <v>4</v>
      </c>
      <c r="AL1202">
        <v>0</v>
      </c>
      <c r="AM1202">
        <v>0</v>
      </c>
      <c r="AN1202">
        <v>0</v>
      </c>
      <c r="AO1202">
        <v>0</v>
      </c>
      <c r="AP1202">
        <v>0</v>
      </c>
      <c r="AQ1202">
        <v>0</v>
      </c>
      <c r="AR1202">
        <v>0</v>
      </c>
      <c r="AS1202">
        <v>0</v>
      </c>
      <c r="AT1202">
        <v>0</v>
      </c>
      <c r="AU1202">
        <v>0</v>
      </c>
      <c r="AV1202">
        <v>0</v>
      </c>
      <c r="AW1202">
        <v>0</v>
      </c>
      <c r="AX1202">
        <v>194</v>
      </c>
      <c r="AY1202">
        <v>43</v>
      </c>
      <c r="AZ1202">
        <v>85</v>
      </c>
      <c r="BA1202">
        <v>6478</v>
      </c>
    </row>
    <row r="1203" spans="1:53" x14ac:dyDescent="0.4">
      <c r="A1203">
        <v>1247</v>
      </c>
      <c r="B1203" s="1">
        <v>43195</v>
      </c>
      <c r="C1203">
        <v>3</v>
      </c>
      <c r="D1203" s="1">
        <v>43195.732638888891</v>
      </c>
      <c r="E1203" s="1">
        <v>43195.951388888891</v>
      </c>
      <c r="F1203">
        <v>21900</v>
      </c>
      <c r="G1203">
        <v>1180</v>
      </c>
      <c r="H1203">
        <v>0</v>
      </c>
      <c r="I1203">
        <v>0</v>
      </c>
      <c r="J1203">
        <v>200</v>
      </c>
      <c r="K1203">
        <v>0</v>
      </c>
      <c r="L1203">
        <v>0</v>
      </c>
      <c r="M1203">
        <v>1830</v>
      </c>
      <c r="N1203">
        <v>0</v>
      </c>
      <c r="O1203">
        <v>0</v>
      </c>
      <c r="P1203">
        <v>-7236</v>
      </c>
      <c r="Q1203">
        <v>0</v>
      </c>
      <c r="R1203">
        <v>17474</v>
      </c>
      <c r="S1203">
        <v>0</v>
      </c>
      <c r="T1203">
        <v>0</v>
      </c>
      <c r="U1203">
        <v>0</v>
      </c>
      <c r="V1203">
        <v>0</v>
      </c>
      <c r="W1203">
        <v>1</v>
      </c>
      <c r="X1203">
        <v>0</v>
      </c>
      <c r="Y1203">
        <v>75</v>
      </c>
      <c r="Z1203">
        <v>33</v>
      </c>
      <c r="AA1203">
        <v>93</v>
      </c>
      <c r="AB1203">
        <v>53</v>
      </c>
      <c r="AC1203">
        <v>224</v>
      </c>
      <c r="AD1203">
        <v>57</v>
      </c>
      <c r="AE1203">
        <v>139</v>
      </c>
      <c r="AF1203">
        <v>2160</v>
      </c>
      <c r="AG1203">
        <v>113274</v>
      </c>
      <c r="AH1203">
        <v>50000</v>
      </c>
      <c r="AI1203">
        <v>-100</v>
      </c>
      <c r="AJ1203">
        <v>84</v>
      </c>
      <c r="AK1203" t="s">
        <v>16</v>
      </c>
      <c r="AL1203">
        <v>0</v>
      </c>
      <c r="AM1203">
        <v>0</v>
      </c>
      <c r="AN1203">
        <v>0</v>
      </c>
      <c r="AO1203">
        <v>0</v>
      </c>
      <c r="AP1203">
        <v>0</v>
      </c>
      <c r="AQ1203">
        <v>0</v>
      </c>
      <c r="AR1203">
        <v>0</v>
      </c>
      <c r="AS1203">
        <v>0</v>
      </c>
      <c r="AT1203">
        <v>0</v>
      </c>
      <c r="AU1203">
        <v>0</v>
      </c>
      <c r="AV1203">
        <v>0</v>
      </c>
      <c r="AW1203">
        <v>0</v>
      </c>
      <c r="AX1203">
        <v>10800</v>
      </c>
      <c r="AY1203">
        <v>13</v>
      </c>
      <c r="AZ1203">
        <v>33</v>
      </c>
      <c r="BA1203">
        <v>1857</v>
      </c>
    </row>
    <row r="1204" spans="1:53" x14ac:dyDescent="0.4">
      <c r="A1204">
        <v>1248</v>
      </c>
      <c r="B1204" s="1">
        <v>43195</v>
      </c>
      <c r="C1204">
        <v>4</v>
      </c>
      <c r="D1204" s="1">
        <v>43195.951388888891</v>
      </c>
      <c r="E1204" s="1">
        <v>43196.072222222225</v>
      </c>
      <c r="F1204">
        <v>29650</v>
      </c>
      <c r="G1204">
        <v>0</v>
      </c>
      <c r="H1204">
        <v>0</v>
      </c>
      <c r="I1204">
        <v>0</v>
      </c>
      <c r="J1204">
        <v>0</v>
      </c>
      <c r="K1204">
        <v>0</v>
      </c>
      <c r="L1204">
        <v>0</v>
      </c>
      <c r="M1204">
        <v>2372</v>
      </c>
      <c r="N1204">
        <v>0</v>
      </c>
      <c r="O1204">
        <v>0</v>
      </c>
      <c r="P1204">
        <v>-216</v>
      </c>
      <c r="Q1204">
        <v>0</v>
      </c>
      <c r="R1204">
        <v>31806</v>
      </c>
      <c r="S1204">
        <v>0</v>
      </c>
      <c r="T1204">
        <v>0</v>
      </c>
      <c r="U1204">
        <v>0</v>
      </c>
      <c r="V1204">
        <v>2</v>
      </c>
      <c r="W1204">
        <v>0</v>
      </c>
      <c r="X1204">
        <v>0</v>
      </c>
      <c r="Y1204">
        <v>75</v>
      </c>
      <c r="Z1204">
        <v>31</v>
      </c>
      <c r="AA1204">
        <v>93</v>
      </c>
      <c r="AB1204">
        <v>54</v>
      </c>
      <c r="AC1204">
        <v>217</v>
      </c>
      <c r="AD1204">
        <v>58</v>
      </c>
      <c r="AE1204">
        <v>140</v>
      </c>
      <c r="AF1204">
        <v>19980</v>
      </c>
      <c r="AG1204">
        <v>145080</v>
      </c>
      <c r="AH1204">
        <v>50000</v>
      </c>
      <c r="AI1204">
        <v>-100</v>
      </c>
      <c r="AJ1204">
        <v>100</v>
      </c>
      <c r="AK1204" t="s">
        <v>0</v>
      </c>
      <c r="AL1204">
        <v>0</v>
      </c>
      <c r="AM1204">
        <v>0</v>
      </c>
      <c r="AN1204">
        <v>0</v>
      </c>
      <c r="AO1204">
        <v>0</v>
      </c>
      <c r="AP1204">
        <v>0</v>
      </c>
      <c r="AQ1204">
        <v>0</v>
      </c>
      <c r="AR1204">
        <v>0</v>
      </c>
      <c r="AS1204">
        <v>0</v>
      </c>
      <c r="AT1204">
        <v>0</v>
      </c>
      <c r="AU1204">
        <v>0</v>
      </c>
      <c r="AV1204">
        <v>0</v>
      </c>
      <c r="AW1204">
        <v>0</v>
      </c>
      <c r="AX1204">
        <v>3456</v>
      </c>
      <c r="AY1204">
        <v>2</v>
      </c>
      <c r="AZ1204">
        <v>10</v>
      </c>
      <c r="BA1204">
        <v>670</v>
      </c>
    </row>
    <row r="1205" spans="1:53" x14ac:dyDescent="0.4">
      <c r="A1205">
        <v>1249</v>
      </c>
      <c r="B1205" s="1">
        <v>43196</v>
      </c>
      <c r="C1205">
        <v>1</v>
      </c>
      <c r="D1205" s="1">
        <v>43196.291666666664</v>
      </c>
      <c r="E1205" s="1">
        <v>43196.409722222219</v>
      </c>
      <c r="F1205">
        <v>0</v>
      </c>
      <c r="G1205">
        <v>0</v>
      </c>
      <c r="H1205">
        <v>0</v>
      </c>
      <c r="I1205">
        <v>0</v>
      </c>
      <c r="J1205">
        <v>0</v>
      </c>
      <c r="K1205">
        <v>0</v>
      </c>
      <c r="L1205">
        <v>0</v>
      </c>
      <c r="M1205">
        <v>0</v>
      </c>
      <c r="N1205">
        <v>0</v>
      </c>
      <c r="O1205">
        <v>0</v>
      </c>
      <c r="P1205">
        <v>0</v>
      </c>
      <c r="Q1205">
        <v>0</v>
      </c>
      <c r="R1205">
        <v>0</v>
      </c>
      <c r="S1205">
        <v>0</v>
      </c>
      <c r="T1205">
        <v>0</v>
      </c>
      <c r="U1205">
        <v>0</v>
      </c>
      <c r="V1205">
        <v>0</v>
      </c>
      <c r="W1205">
        <v>0</v>
      </c>
      <c r="X1205">
        <v>0</v>
      </c>
      <c r="Y1205">
        <v>31</v>
      </c>
      <c r="Z1205">
        <v>9</v>
      </c>
      <c r="AA1205">
        <v>101</v>
      </c>
      <c r="AB1205">
        <v>50</v>
      </c>
      <c r="AC1205">
        <v>151</v>
      </c>
      <c r="AD1205">
        <v>50</v>
      </c>
      <c r="AE1205">
        <v>140</v>
      </c>
      <c r="AF1205">
        <v>0</v>
      </c>
      <c r="AG1205">
        <v>50000</v>
      </c>
      <c r="AH1205">
        <v>0</v>
      </c>
      <c r="AI1205">
        <v>50000</v>
      </c>
      <c r="AJ1205">
        <v>0</v>
      </c>
      <c r="AK1205" t="s">
        <v>6</v>
      </c>
      <c r="AL1205">
        <v>0</v>
      </c>
      <c r="AM1205">
        <v>0</v>
      </c>
      <c r="AN1205">
        <v>0</v>
      </c>
      <c r="AO1205">
        <v>0</v>
      </c>
      <c r="AP1205">
        <v>0</v>
      </c>
      <c r="AQ1205">
        <v>0</v>
      </c>
      <c r="AR1205">
        <v>0</v>
      </c>
      <c r="AS1205">
        <v>0</v>
      </c>
      <c r="AT1205">
        <v>0</v>
      </c>
      <c r="AU1205">
        <v>0</v>
      </c>
      <c r="AV1205">
        <v>0</v>
      </c>
      <c r="AW1205">
        <v>0</v>
      </c>
      <c r="AX1205">
        <v>0</v>
      </c>
      <c r="AY1205">
        <v>0</v>
      </c>
      <c r="AZ1205">
        <v>0</v>
      </c>
      <c r="BA1205">
        <v>0</v>
      </c>
    </row>
    <row r="1206" spans="1:53" x14ac:dyDescent="0.4">
      <c r="A1206">
        <v>1250</v>
      </c>
      <c r="B1206" s="1">
        <v>43196</v>
      </c>
      <c r="C1206">
        <v>2</v>
      </c>
      <c r="D1206" s="1">
        <v>43196.409722222219</v>
      </c>
      <c r="E1206" s="1">
        <v>43196.743750000001</v>
      </c>
      <c r="F1206">
        <v>17500</v>
      </c>
      <c r="G1206">
        <v>500</v>
      </c>
      <c r="H1206">
        <v>0</v>
      </c>
      <c r="I1206">
        <v>0</v>
      </c>
      <c r="J1206">
        <v>0</v>
      </c>
      <c r="K1206">
        <v>0</v>
      </c>
      <c r="L1206">
        <v>0</v>
      </c>
      <c r="M1206">
        <v>1440</v>
      </c>
      <c r="N1206">
        <v>0</v>
      </c>
      <c r="O1206">
        <v>0</v>
      </c>
      <c r="P1206">
        <v>11610</v>
      </c>
      <c r="Q1206">
        <v>0</v>
      </c>
      <c r="R1206">
        <v>31050</v>
      </c>
      <c r="S1206">
        <v>0</v>
      </c>
      <c r="T1206">
        <v>0</v>
      </c>
      <c r="U1206">
        <v>0</v>
      </c>
      <c r="V1206">
        <v>0</v>
      </c>
      <c r="W1206">
        <v>2</v>
      </c>
      <c r="X1206">
        <v>0</v>
      </c>
      <c r="Y1206">
        <v>42</v>
      </c>
      <c r="Z1206">
        <v>18</v>
      </c>
      <c r="AA1206">
        <v>123</v>
      </c>
      <c r="AB1206">
        <v>46</v>
      </c>
      <c r="AC1206">
        <v>218</v>
      </c>
      <c r="AD1206">
        <v>52</v>
      </c>
      <c r="AE1206">
        <v>144</v>
      </c>
      <c r="AF1206">
        <v>2866</v>
      </c>
      <c r="AG1206">
        <v>81050</v>
      </c>
      <c r="AH1206">
        <v>50000</v>
      </c>
      <c r="AI1206">
        <v>0</v>
      </c>
      <c r="AJ1206">
        <v>96</v>
      </c>
      <c r="AK1206" t="s">
        <v>4</v>
      </c>
      <c r="AL1206">
        <v>0</v>
      </c>
      <c r="AM1206">
        <v>0</v>
      </c>
      <c r="AN1206">
        <v>0</v>
      </c>
      <c r="AO1206">
        <v>0</v>
      </c>
      <c r="AP1206">
        <v>0</v>
      </c>
      <c r="AQ1206">
        <v>0</v>
      </c>
      <c r="AR1206">
        <v>0</v>
      </c>
      <c r="AS1206">
        <v>0</v>
      </c>
      <c r="AT1206">
        <v>0</v>
      </c>
      <c r="AU1206">
        <v>0</v>
      </c>
      <c r="AV1206">
        <v>0</v>
      </c>
      <c r="AW1206">
        <v>0</v>
      </c>
      <c r="AX1206">
        <v>-670</v>
      </c>
      <c r="AY1206">
        <v>31</v>
      </c>
      <c r="AZ1206">
        <v>57</v>
      </c>
      <c r="BA1206">
        <v>4230</v>
      </c>
    </row>
    <row r="1207" spans="1:53" x14ac:dyDescent="0.4">
      <c r="A1207">
        <v>1251</v>
      </c>
      <c r="B1207" s="1">
        <v>43196</v>
      </c>
      <c r="C1207">
        <v>3</v>
      </c>
      <c r="D1207" s="1">
        <v>43196.743750000001</v>
      </c>
      <c r="E1207" s="1">
        <v>43197.013888888891</v>
      </c>
      <c r="F1207">
        <v>272175</v>
      </c>
      <c r="G1207">
        <v>8810</v>
      </c>
      <c r="H1207">
        <v>0</v>
      </c>
      <c r="I1207">
        <v>0</v>
      </c>
      <c r="J1207">
        <v>0</v>
      </c>
      <c r="K1207">
        <v>0</v>
      </c>
      <c r="L1207">
        <v>0</v>
      </c>
      <c r="M1207">
        <v>22479</v>
      </c>
      <c r="N1207">
        <v>0</v>
      </c>
      <c r="O1207">
        <v>0</v>
      </c>
      <c r="P1207">
        <v>19278</v>
      </c>
      <c r="Q1207">
        <v>0</v>
      </c>
      <c r="R1207">
        <v>322742</v>
      </c>
      <c r="S1207">
        <v>0</v>
      </c>
      <c r="T1207">
        <v>0</v>
      </c>
      <c r="U1207">
        <v>0</v>
      </c>
      <c r="V1207">
        <v>14</v>
      </c>
      <c r="W1207">
        <v>3</v>
      </c>
      <c r="X1207">
        <v>0</v>
      </c>
      <c r="Y1207">
        <v>106</v>
      </c>
      <c r="Z1207">
        <v>12</v>
      </c>
      <c r="AA1207">
        <v>125</v>
      </c>
      <c r="AB1207">
        <v>46</v>
      </c>
      <c r="AC1207">
        <v>212</v>
      </c>
      <c r="AD1207">
        <v>51</v>
      </c>
      <c r="AE1207">
        <v>143</v>
      </c>
      <c r="AF1207">
        <v>119474</v>
      </c>
      <c r="AG1207">
        <v>403792</v>
      </c>
      <c r="AH1207">
        <v>50000</v>
      </c>
      <c r="AI1207">
        <v>0</v>
      </c>
      <c r="AJ1207">
        <v>108</v>
      </c>
      <c r="AK1207" t="s">
        <v>30</v>
      </c>
      <c r="AL1207">
        <v>0</v>
      </c>
      <c r="AM1207">
        <v>0</v>
      </c>
      <c r="AN1207">
        <v>0</v>
      </c>
      <c r="AO1207">
        <v>0</v>
      </c>
      <c r="AP1207">
        <v>0</v>
      </c>
      <c r="AQ1207">
        <v>0</v>
      </c>
      <c r="AR1207">
        <v>0</v>
      </c>
      <c r="AS1207">
        <v>0</v>
      </c>
      <c r="AT1207">
        <v>0</v>
      </c>
      <c r="AU1207">
        <v>0</v>
      </c>
      <c r="AV1207">
        <v>0</v>
      </c>
      <c r="AW1207">
        <v>0</v>
      </c>
      <c r="AX1207">
        <v>48447</v>
      </c>
      <c r="AY1207">
        <v>29</v>
      </c>
      <c r="AZ1207">
        <v>184</v>
      </c>
      <c r="BA1207">
        <v>4184</v>
      </c>
    </row>
    <row r="1208" spans="1:53" x14ac:dyDescent="0.4">
      <c r="A1208">
        <v>1252</v>
      </c>
      <c r="B1208" s="1">
        <v>43197</v>
      </c>
      <c r="C1208">
        <v>1</v>
      </c>
      <c r="D1208" s="1">
        <v>43197.291666666664</v>
      </c>
      <c r="E1208" s="1">
        <v>43197.741666666669</v>
      </c>
      <c r="F1208">
        <v>35750</v>
      </c>
      <c r="G1208">
        <v>880</v>
      </c>
      <c r="H1208">
        <v>0</v>
      </c>
      <c r="I1208">
        <v>0</v>
      </c>
      <c r="J1208">
        <v>0</v>
      </c>
      <c r="K1208">
        <v>0</v>
      </c>
      <c r="L1208">
        <v>0</v>
      </c>
      <c r="M1208">
        <v>2930</v>
      </c>
      <c r="N1208">
        <v>0</v>
      </c>
      <c r="O1208">
        <v>0</v>
      </c>
      <c r="P1208">
        <v>22410</v>
      </c>
      <c r="Q1208">
        <v>0</v>
      </c>
      <c r="R1208">
        <v>61970</v>
      </c>
      <c r="S1208">
        <v>0</v>
      </c>
      <c r="T1208">
        <v>0</v>
      </c>
      <c r="U1208">
        <v>0</v>
      </c>
      <c r="V1208">
        <v>1</v>
      </c>
      <c r="W1208">
        <v>2</v>
      </c>
      <c r="X1208">
        <v>0</v>
      </c>
      <c r="Y1208">
        <v>58</v>
      </c>
      <c r="Z1208">
        <v>22</v>
      </c>
      <c r="AA1208">
        <v>166</v>
      </c>
      <c r="AB1208">
        <v>54</v>
      </c>
      <c r="AC1208">
        <v>219</v>
      </c>
      <c r="AD1208">
        <v>48</v>
      </c>
      <c r="AE1208">
        <v>160</v>
      </c>
      <c r="AF1208">
        <v>1080</v>
      </c>
      <c r="AG1208">
        <v>111970</v>
      </c>
      <c r="AH1208">
        <v>50000</v>
      </c>
      <c r="AI1208">
        <v>0</v>
      </c>
      <c r="AJ1208">
        <v>93</v>
      </c>
      <c r="AK1208" t="s">
        <v>20</v>
      </c>
      <c r="AL1208">
        <v>0</v>
      </c>
      <c r="AM1208">
        <v>0</v>
      </c>
      <c r="AN1208">
        <v>0</v>
      </c>
      <c r="AO1208">
        <v>0</v>
      </c>
      <c r="AP1208">
        <v>0</v>
      </c>
      <c r="AQ1208">
        <v>0</v>
      </c>
      <c r="AR1208">
        <v>0</v>
      </c>
      <c r="AS1208">
        <v>0</v>
      </c>
      <c r="AT1208">
        <v>0</v>
      </c>
      <c r="AU1208">
        <v>0</v>
      </c>
      <c r="AV1208">
        <v>0</v>
      </c>
      <c r="AW1208">
        <v>0</v>
      </c>
      <c r="AX1208">
        <v>540</v>
      </c>
      <c r="AY1208">
        <v>51</v>
      </c>
      <c r="AZ1208">
        <v>111</v>
      </c>
      <c r="BA1208">
        <v>7610</v>
      </c>
    </row>
    <row r="1209" spans="1:53" x14ac:dyDescent="0.4">
      <c r="A1209">
        <v>1253</v>
      </c>
      <c r="B1209" s="1">
        <v>43198</v>
      </c>
      <c r="C1209">
        <v>1</v>
      </c>
      <c r="D1209" s="1">
        <v>43198.291666666664</v>
      </c>
      <c r="E1209" s="1">
        <v>43198.405555555553</v>
      </c>
      <c r="F1209">
        <v>0</v>
      </c>
      <c r="G1209">
        <v>0</v>
      </c>
      <c r="H1209">
        <v>0</v>
      </c>
      <c r="I1209">
        <v>0</v>
      </c>
      <c r="J1209">
        <v>0</v>
      </c>
      <c r="K1209">
        <v>0</v>
      </c>
      <c r="L1209">
        <v>0</v>
      </c>
      <c r="M1209">
        <v>0</v>
      </c>
      <c r="N1209">
        <v>0</v>
      </c>
      <c r="O1209">
        <v>0</v>
      </c>
      <c r="P1209">
        <v>0</v>
      </c>
      <c r="Q1209">
        <v>0</v>
      </c>
      <c r="R1209">
        <v>0</v>
      </c>
      <c r="S1209">
        <v>0</v>
      </c>
      <c r="T1209">
        <v>0</v>
      </c>
      <c r="U1209">
        <v>0</v>
      </c>
      <c r="V1209">
        <v>0</v>
      </c>
      <c r="W1209">
        <v>0</v>
      </c>
      <c r="X1209">
        <v>0</v>
      </c>
      <c r="Y1209">
        <v>29</v>
      </c>
      <c r="Z1209">
        <v>10</v>
      </c>
      <c r="AA1209">
        <v>125</v>
      </c>
      <c r="AB1209">
        <v>43</v>
      </c>
      <c r="AC1209">
        <v>106</v>
      </c>
      <c r="AD1209">
        <v>37</v>
      </c>
      <c r="AE1209">
        <v>105</v>
      </c>
      <c r="AF1209">
        <v>0</v>
      </c>
      <c r="AG1209">
        <v>50000</v>
      </c>
      <c r="AH1209">
        <v>0</v>
      </c>
      <c r="AI1209">
        <v>50000</v>
      </c>
      <c r="AJ1209">
        <v>0</v>
      </c>
      <c r="AK1209" t="s">
        <v>6</v>
      </c>
      <c r="AL1209">
        <v>0</v>
      </c>
      <c r="AM1209">
        <v>0</v>
      </c>
      <c r="AN1209">
        <v>0</v>
      </c>
      <c r="AO1209">
        <v>0</v>
      </c>
      <c r="AP1209">
        <v>0</v>
      </c>
      <c r="AQ1209">
        <v>0</v>
      </c>
      <c r="AR1209">
        <v>0</v>
      </c>
      <c r="AS1209">
        <v>0</v>
      </c>
      <c r="AT1209">
        <v>0</v>
      </c>
      <c r="AU1209">
        <v>0</v>
      </c>
      <c r="AV1209">
        <v>0</v>
      </c>
      <c r="AW1209">
        <v>0</v>
      </c>
      <c r="AX1209">
        <v>0</v>
      </c>
      <c r="AY1209">
        <v>0</v>
      </c>
      <c r="AZ1209">
        <v>0</v>
      </c>
      <c r="BA1209">
        <v>0</v>
      </c>
    </row>
    <row r="1210" spans="1:53" x14ac:dyDescent="0.4">
      <c r="A1210">
        <v>1254</v>
      </c>
      <c r="B1210" s="1">
        <v>43198</v>
      </c>
      <c r="C1210">
        <v>2</v>
      </c>
      <c r="D1210" s="1">
        <v>43198.405555555553</v>
      </c>
      <c r="E1210" s="1">
        <v>43198.739583333336</v>
      </c>
      <c r="F1210">
        <v>41500</v>
      </c>
      <c r="G1210">
        <v>4840</v>
      </c>
      <c r="H1210">
        <v>0</v>
      </c>
      <c r="I1210">
        <v>0</v>
      </c>
      <c r="J1210">
        <v>0</v>
      </c>
      <c r="K1210">
        <v>0</v>
      </c>
      <c r="L1210">
        <v>0</v>
      </c>
      <c r="M1210">
        <v>3705</v>
      </c>
      <c r="N1210">
        <v>0</v>
      </c>
      <c r="O1210">
        <v>0</v>
      </c>
      <c r="P1210">
        <v>25380</v>
      </c>
      <c r="Q1210">
        <v>0</v>
      </c>
      <c r="R1210">
        <v>75425</v>
      </c>
      <c r="S1210">
        <v>0</v>
      </c>
      <c r="T1210">
        <v>0</v>
      </c>
      <c r="U1210">
        <v>0</v>
      </c>
      <c r="V1210">
        <v>4</v>
      </c>
      <c r="W1210">
        <v>5</v>
      </c>
      <c r="X1210">
        <v>0</v>
      </c>
      <c r="Y1210">
        <v>30</v>
      </c>
      <c r="Z1210">
        <v>21</v>
      </c>
      <c r="AA1210">
        <v>152</v>
      </c>
      <c r="AB1210">
        <v>52</v>
      </c>
      <c r="AC1210">
        <v>180</v>
      </c>
      <c r="AD1210">
        <v>41</v>
      </c>
      <c r="AE1210">
        <v>120</v>
      </c>
      <c r="AF1210">
        <v>0</v>
      </c>
      <c r="AG1210">
        <v>125425</v>
      </c>
      <c r="AH1210">
        <v>50000</v>
      </c>
      <c r="AI1210">
        <v>0</v>
      </c>
      <c r="AJ1210">
        <v>92</v>
      </c>
      <c r="AK1210" t="s">
        <v>22</v>
      </c>
      <c r="AL1210">
        <v>0</v>
      </c>
      <c r="AM1210">
        <v>0</v>
      </c>
      <c r="AN1210">
        <v>0</v>
      </c>
      <c r="AO1210">
        <v>0</v>
      </c>
      <c r="AP1210">
        <v>0</v>
      </c>
      <c r="AQ1210">
        <v>0</v>
      </c>
      <c r="AR1210">
        <v>0</v>
      </c>
      <c r="AS1210">
        <v>0</v>
      </c>
      <c r="AT1210">
        <v>0</v>
      </c>
      <c r="AU1210">
        <v>0</v>
      </c>
      <c r="AV1210">
        <v>0</v>
      </c>
      <c r="AW1210">
        <v>0</v>
      </c>
      <c r="AX1210">
        <v>-540</v>
      </c>
      <c r="AY1210">
        <v>53</v>
      </c>
      <c r="AZ1210">
        <v>122</v>
      </c>
      <c r="BA1210">
        <v>7535</v>
      </c>
    </row>
    <row r="1211" spans="1:53" x14ac:dyDescent="0.4">
      <c r="A1211">
        <v>1255</v>
      </c>
      <c r="B1211" s="1">
        <v>43198</v>
      </c>
      <c r="C1211">
        <v>3</v>
      </c>
      <c r="D1211" s="1">
        <v>43198.739583333336</v>
      </c>
      <c r="E1211" s="1">
        <v>43198.954861111109</v>
      </c>
      <c r="F1211">
        <v>32040</v>
      </c>
      <c r="G1211">
        <v>500</v>
      </c>
      <c r="H1211">
        <v>0</v>
      </c>
      <c r="I1211">
        <v>0</v>
      </c>
      <c r="J1211">
        <v>0</v>
      </c>
      <c r="K1211">
        <v>0</v>
      </c>
      <c r="L1211">
        <v>0</v>
      </c>
      <c r="M1211">
        <v>2603</v>
      </c>
      <c r="N1211">
        <v>0</v>
      </c>
      <c r="O1211">
        <v>0</v>
      </c>
      <c r="P1211">
        <v>-25380</v>
      </c>
      <c r="Q1211">
        <v>0</v>
      </c>
      <c r="R1211">
        <v>9763</v>
      </c>
      <c r="S1211">
        <v>0</v>
      </c>
      <c r="T1211">
        <v>0</v>
      </c>
      <c r="U1211">
        <v>0</v>
      </c>
      <c r="V1211">
        <v>5</v>
      </c>
      <c r="W1211">
        <v>5</v>
      </c>
      <c r="X1211">
        <v>0</v>
      </c>
      <c r="Y1211">
        <v>30</v>
      </c>
      <c r="Z1211">
        <v>20</v>
      </c>
      <c r="AA1211">
        <v>150</v>
      </c>
      <c r="AB1211">
        <v>52</v>
      </c>
      <c r="AC1211">
        <v>173</v>
      </c>
      <c r="AD1211">
        <v>40</v>
      </c>
      <c r="AE1211">
        <v>118</v>
      </c>
      <c r="AF1211">
        <v>540</v>
      </c>
      <c r="AG1211">
        <v>135188</v>
      </c>
      <c r="AH1211">
        <v>50000</v>
      </c>
      <c r="AI1211">
        <v>0</v>
      </c>
      <c r="AJ1211">
        <v>99</v>
      </c>
      <c r="AK1211" t="s">
        <v>9</v>
      </c>
      <c r="AL1211">
        <v>0</v>
      </c>
      <c r="AM1211">
        <v>0</v>
      </c>
      <c r="AN1211">
        <v>0</v>
      </c>
      <c r="AO1211">
        <v>0</v>
      </c>
      <c r="AP1211">
        <v>0</v>
      </c>
      <c r="AQ1211">
        <v>0</v>
      </c>
      <c r="AR1211">
        <v>0</v>
      </c>
      <c r="AS1211">
        <v>0</v>
      </c>
      <c r="AT1211">
        <v>0</v>
      </c>
      <c r="AU1211">
        <v>0</v>
      </c>
      <c r="AV1211">
        <v>0</v>
      </c>
      <c r="AW1211">
        <v>0</v>
      </c>
      <c r="AX1211">
        <v>12333</v>
      </c>
      <c r="AY1211">
        <v>7</v>
      </c>
      <c r="AZ1211">
        <v>18</v>
      </c>
      <c r="BA1211">
        <v>2503</v>
      </c>
    </row>
    <row r="1212" spans="1:53" x14ac:dyDescent="0.4">
      <c r="A1212">
        <v>1256</v>
      </c>
      <c r="B1212" s="1">
        <v>43199</v>
      </c>
      <c r="C1212">
        <v>1</v>
      </c>
      <c r="D1212" s="1">
        <v>43199.291666666664</v>
      </c>
      <c r="E1212" s="1">
        <v>43199.447916666664</v>
      </c>
      <c r="F1212">
        <v>0</v>
      </c>
      <c r="G1212">
        <v>0</v>
      </c>
      <c r="H1212">
        <v>0</v>
      </c>
      <c r="I1212">
        <v>0</v>
      </c>
      <c r="J1212">
        <v>0</v>
      </c>
      <c r="K1212">
        <v>0</v>
      </c>
      <c r="L1212">
        <v>0</v>
      </c>
      <c r="M1212">
        <v>0</v>
      </c>
      <c r="N1212">
        <v>0</v>
      </c>
      <c r="O1212">
        <v>0</v>
      </c>
      <c r="P1212">
        <v>0</v>
      </c>
      <c r="Q1212">
        <v>0</v>
      </c>
      <c r="R1212">
        <v>0</v>
      </c>
      <c r="S1212">
        <v>0</v>
      </c>
      <c r="T1212">
        <v>0</v>
      </c>
      <c r="U1212">
        <v>0</v>
      </c>
      <c r="V1212">
        <v>0</v>
      </c>
      <c r="W1212">
        <v>0</v>
      </c>
      <c r="X1212">
        <v>0</v>
      </c>
      <c r="Y1212">
        <v>29</v>
      </c>
      <c r="Z1212">
        <v>8</v>
      </c>
      <c r="AA1212">
        <v>131</v>
      </c>
      <c r="AB1212">
        <v>50</v>
      </c>
      <c r="AC1212">
        <v>109</v>
      </c>
      <c r="AD1212">
        <v>40</v>
      </c>
      <c r="AE1212">
        <v>110</v>
      </c>
      <c r="AF1212">
        <v>0</v>
      </c>
      <c r="AG1212">
        <v>50000</v>
      </c>
      <c r="AH1212">
        <v>0</v>
      </c>
      <c r="AI1212">
        <v>50000</v>
      </c>
      <c r="AJ1212">
        <v>0</v>
      </c>
      <c r="AK1212" t="s">
        <v>6</v>
      </c>
      <c r="AL1212">
        <v>0</v>
      </c>
      <c r="AM1212">
        <v>0</v>
      </c>
      <c r="AN1212">
        <v>0</v>
      </c>
      <c r="AO1212">
        <v>0</v>
      </c>
      <c r="AP1212">
        <v>0</v>
      </c>
      <c r="AQ1212">
        <v>0</v>
      </c>
      <c r="AR1212">
        <v>0</v>
      </c>
      <c r="AS1212">
        <v>0</v>
      </c>
      <c r="AT1212">
        <v>0</v>
      </c>
      <c r="AU1212">
        <v>0</v>
      </c>
      <c r="AV1212">
        <v>0</v>
      </c>
      <c r="AW1212">
        <v>0</v>
      </c>
      <c r="AX1212">
        <v>0</v>
      </c>
      <c r="AY1212">
        <v>0</v>
      </c>
      <c r="AZ1212">
        <v>0</v>
      </c>
      <c r="BA1212">
        <v>0</v>
      </c>
    </row>
    <row r="1213" spans="1:53" x14ac:dyDescent="0.4">
      <c r="A1213">
        <v>1257</v>
      </c>
      <c r="B1213" s="1">
        <v>43199</v>
      </c>
      <c r="C1213">
        <v>2</v>
      </c>
      <c r="D1213" s="1">
        <v>43199.447916666664</v>
      </c>
      <c r="E1213" s="1">
        <v>43199.95</v>
      </c>
      <c r="F1213">
        <v>49900</v>
      </c>
      <c r="G1213">
        <v>1540</v>
      </c>
      <c r="H1213">
        <v>0</v>
      </c>
      <c r="I1213">
        <v>0</v>
      </c>
      <c r="J1213">
        <v>0</v>
      </c>
      <c r="K1213">
        <v>0</v>
      </c>
      <c r="L1213">
        <v>0</v>
      </c>
      <c r="M1213">
        <v>4115</v>
      </c>
      <c r="N1213">
        <v>0</v>
      </c>
      <c r="O1213">
        <v>0</v>
      </c>
      <c r="P1213">
        <v>9936</v>
      </c>
      <c r="Q1213">
        <v>0</v>
      </c>
      <c r="R1213">
        <v>65491</v>
      </c>
      <c r="S1213">
        <v>0</v>
      </c>
      <c r="T1213">
        <v>0</v>
      </c>
      <c r="U1213">
        <v>0</v>
      </c>
      <c r="V1213">
        <v>3</v>
      </c>
      <c r="W1213">
        <v>2</v>
      </c>
      <c r="X1213">
        <v>0</v>
      </c>
      <c r="Y1213">
        <v>45</v>
      </c>
      <c r="Z1213">
        <v>21</v>
      </c>
      <c r="AA1213">
        <v>153</v>
      </c>
      <c r="AB1213">
        <v>49</v>
      </c>
      <c r="AC1213">
        <v>192</v>
      </c>
      <c r="AD1213">
        <v>42</v>
      </c>
      <c r="AE1213">
        <v>111</v>
      </c>
      <c r="AF1213">
        <v>0</v>
      </c>
      <c r="AG1213">
        <v>115491</v>
      </c>
      <c r="AH1213">
        <v>50000</v>
      </c>
      <c r="AI1213">
        <v>0</v>
      </c>
      <c r="AJ1213">
        <v>106</v>
      </c>
      <c r="AK1213" t="s">
        <v>29</v>
      </c>
      <c r="AL1213">
        <v>0</v>
      </c>
      <c r="AM1213">
        <v>0</v>
      </c>
      <c r="AN1213">
        <v>0</v>
      </c>
      <c r="AO1213">
        <v>0</v>
      </c>
      <c r="AP1213">
        <v>0</v>
      </c>
      <c r="AQ1213">
        <v>0</v>
      </c>
      <c r="AR1213">
        <v>0</v>
      </c>
      <c r="AS1213">
        <v>0</v>
      </c>
      <c r="AT1213">
        <v>0</v>
      </c>
      <c r="AU1213">
        <v>0</v>
      </c>
      <c r="AV1213">
        <v>0</v>
      </c>
      <c r="AW1213">
        <v>0</v>
      </c>
      <c r="AX1213">
        <v>18408</v>
      </c>
      <c r="AY1213">
        <v>47</v>
      </c>
      <c r="AZ1213">
        <v>114</v>
      </c>
      <c r="BA1213">
        <v>6709</v>
      </c>
    </row>
    <row r="1214" spans="1:53" x14ac:dyDescent="0.4">
      <c r="A1214">
        <v>1258</v>
      </c>
      <c r="B1214" s="1">
        <v>43200</v>
      </c>
      <c r="C1214">
        <v>1</v>
      </c>
      <c r="D1214" s="1">
        <v>43200.291666666664</v>
      </c>
      <c r="E1214" s="1">
        <v>43200.451388888891</v>
      </c>
      <c r="F1214">
        <v>0</v>
      </c>
      <c r="G1214">
        <v>0</v>
      </c>
      <c r="H1214">
        <v>0</v>
      </c>
      <c r="I1214">
        <v>0</v>
      </c>
      <c r="J1214">
        <v>0</v>
      </c>
      <c r="K1214">
        <v>0</v>
      </c>
      <c r="L1214">
        <v>0</v>
      </c>
      <c r="M1214">
        <v>0</v>
      </c>
      <c r="N1214">
        <v>0</v>
      </c>
      <c r="O1214">
        <v>0</v>
      </c>
      <c r="P1214">
        <v>0</v>
      </c>
      <c r="Q1214">
        <v>0</v>
      </c>
      <c r="R1214">
        <v>0</v>
      </c>
      <c r="S1214">
        <v>0</v>
      </c>
      <c r="T1214">
        <v>0</v>
      </c>
      <c r="U1214">
        <v>0</v>
      </c>
      <c r="V1214">
        <v>0</v>
      </c>
      <c r="W1214">
        <v>0</v>
      </c>
      <c r="X1214">
        <v>0</v>
      </c>
      <c r="Y1214">
        <v>28</v>
      </c>
      <c r="Z1214">
        <v>9</v>
      </c>
      <c r="AA1214">
        <v>133</v>
      </c>
      <c r="AB1214">
        <v>50</v>
      </c>
      <c r="AC1214">
        <v>136</v>
      </c>
      <c r="AD1214">
        <v>44</v>
      </c>
      <c r="AE1214">
        <v>120</v>
      </c>
      <c r="AF1214">
        <v>0</v>
      </c>
      <c r="AG1214">
        <v>50000</v>
      </c>
      <c r="AH1214">
        <v>0</v>
      </c>
      <c r="AI1214">
        <v>50000</v>
      </c>
      <c r="AJ1214">
        <v>0</v>
      </c>
      <c r="AK1214" t="s">
        <v>6</v>
      </c>
      <c r="AL1214">
        <v>0</v>
      </c>
      <c r="AM1214">
        <v>0</v>
      </c>
      <c r="AN1214">
        <v>0</v>
      </c>
      <c r="AO1214">
        <v>0</v>
      </c>
      <c r="AP1214">
        <v>0</v>
      </c>
      <c r="AQ1214">
        <v>0</v>
      </c>
      <c r="AR1214">
        <v>0</v>
      </c>
      <c r="AS1214">
        <v>0</v>
      </c>
      <c r="AT1214">
        <v>0</v>
      </c>
      <c r="AU1214">
        <v>0</v>
      </c>
      <c r="AV1214">
        <v>0</v>
      </c>
      <c r="AW1214">
        <v>0</v>
      </c>
      <c r="AX1214">
        <v>0</v>
      </c>
      <c r="AY1214">
        <v>0</v>
      </c>
      <c r="AZ1214">
        <v>0</v>
      </c>
      <c r="BA1214">
        <v>0</v>
      </c>
    </row>
    <row r="1215" spans="1:53" x14ac:dyDescent="0.4">
      <c r="A1215">
        <v>1259</v>
      </c>
      <c r="B1215" s="1">
        <v>43200</v>
      </c>
      <c r="C1215">
        <v>2</v>
      </c>
      <c r="D1215" s="1">
        <v>43200.451388888891</v>
      </c>
      <c r="E1215" s="1">
        <v>43200.737500000003</v>
      </c>
      <c r="F1215">
        <v>10500</v>
      </c>
      <c r="G1215">
        <v>1060</v>
      </c>
      <c r="H1215">
        <v>0</v>
      </c>
      <c r="I1215">
        <v>0</v>
      </c>
      <c r="J1215">
        <v>0</v>
      </c>
      <c r="K1215">
        <v>0</v>
      </c>
      <c r="L1215">
        <v>0</v>
      </c>
      <c r="M1215">
        <v>924</v>
      </c>
      <c r="N1215">
        <v>0</v>
      </c>
      <c r="O1215">
        <v>0</v>
      </c>
      <c r="P1215">
        <v>9180</v>
      </c>
      <c r="Q1215">
        <v>0</v>
      </c>
      <c r="R1215">
        <v>21664</v>
      </c>
      <c r="S1215">
        <v>0</v>
      </c>
      <c r="T1215">
        <v>0</v>
      </c>
      <c r="U1215">
        <v>0</v>
      </c>
      <c r="V1215">
        <v>0</v>
      </c>
      <c r="W1215">
        <v>0</v>
      </c>
      <c r="X1215">
        <v>0</v>
      </c>
      <c r="Y1215">
        <v>41</v>
      </c>
      <c r="Z1215">
        <v>12</v>
      </c>
      <c r="AA1215">
        <v>138</v>
      </c>
      <c r="AB1215">
        <v>51</v>
      </c>
      <c r="AC1215">
        <v>171</v>
      </c>
      <c r="AD1215">
        <v>44</v>
      </c>
      <c r="AE1215">
        <v>116</v>
      </c>
      <c r="AF1215">
        <v>6268</v>
      </c>
      <c r="AG1215">
        <v>71664</v>
      </c>
      <c r="AH1215">
        <v>50000</v>
      </c>
      <c r="AI1215">
        <v>0</v>
      </c>
      <c r="AJ1215">
        <v>96</v>
      </c>
      <c r="AK1215" t="s">
        <v>4</v>
      </c>
      <c r="AL1215">
        <v>0</v>
      </c>
      <c r="AM1215">
        <v>0</v>
      </c>
      <c r="AN1215">
        <v>0</v>
      </c>
      <c r="AO1215">
        <v>0</v>
      </c>
      <c r="AP1215">
        <v>0</v>
      </c>
      <c r="AQ1215">
        <v>0</v>
      </c>
      <c r="AR1215">
        <v>0</v>
      </c>
      <c r="AS1215">
        <v>0</v>
      </c>
      <c r="AT1215">
        <v>0</v>
      </c>
      <c r="AU1215">
        <v>0</v>
      </c>
      <c r="AV1215">
        <v>0</v>
      </c>
      <c r="AW1215">
        <v>0</v>
      </c>
      <c r="AX1215">
        <v>4989</v>
      </c>
      <c r="AY1215">
        <v>22</v>
      </c>
      <c r="AZ1215">
        <v>37</v>
      </c>
      <c r="BA1215">
        <v>3163</v>
      </c>
    </row>
    <row r="1216" spans="1:53" x14ac:dyDescent="0.4">
      <c r="A1216">
        <v>1260</v>
      </c>
      <c r="B1216" s="1">
        <v>43200</v>
      </c>
      <c r="C1216">
        <v>3</v>
      </c>
      <c r="D1216" s="1">
        <v>43200.737500000003</v>
      </c>
      <c r="E1216" s="1">
        <v>43200.953472222223</v>
      </c>
      <c r="F1216">
        <v>18000</v>
      </c>
      <c r="G1216">
        <v>5000</v>
      </c>
      <c r="H1216">
        <v>0</v>
      </c>
      <c r="I1216">
        <v>0</v>
      </c>
      <c r="J1216">
        <v>0</v>
      </c>
      <c r="K1216">
        <v>0</v>
      </c>
      <c r="L1216">
        <v>0</v>
      </c>
      <c r="M1216">
        <v>1839</v>
      </c>
      <c r="N1216">
        <v>0</v>
      </c>
      <c r="O1216">
        <v>0</v>
      </c>
      <c r="P1216">
        <v>540</v>
      </c>
      <c r="Q1216">
        <v>0</v>
      </c>
      <c r="R1216">
        <v>25379</v>
      </c>
      <c r="S1216">
        <v>0</v>
      </c>
      <c r="T1216">
        <v>0</v>
      </c>
      <c r="U1216">
        <v>0</v>
      </c>
      <c r="V1216">
        <v>1</v>
      </c>
      <c r="W1216">
        <v>3</v>
      </c>
      <c r="X1216">
        <v>0</v>
      </c>
      <c r="Y1216">
        <v>40</v>
      </c>
      <c r="Z1216">
        <v>14</v>
      </c>
      <c r="AA1216">
        <v>137</v>
      </c>
      <c r="AB1216">
        <v>51</v>
      </c>
      <c r="AC1216">
        <v>167</v>
      </c>
      <c r="AD1216">
        <v>41</v>
      </c>
      <c r="AE1216">
        <v>110</v>
      </c>
      <c r="AF1216">
        <v>6808</v>
      </c>
      <c r="AG1216">
        <v>97043</v>
      </c>
      <c r="AH1216">
        <v>50000</v>
      </c>
      <c r="AI1216">
        <v>0</v>
      </c>
      <c r="AJ1216">
        <v>29</v>
      </c>
      <c r="AK1216" t="s">
        <v>28</v>
      </c>
      <c r="AL1216">
        <v>0</v>
      </c>
      <c r="AM1216">
        <v>0</v>
      </c>
      <c r="AN1216">
        <v>0</v>
      </c>
      <c r="AO1216">
        <v>0</v>
      </c>
      <c r="AP1216">
        <v>0</v>
      </c>
      <c r="AQ1216">
        <v>0</v>
      </c>
      <c r="AR1216">
        <v>0</v>
      </c>
      <c r="AS1216">
        <v>0</v>
      </c>
      <c r="AT1216">
        <v>0</v>
      </c>
      <c r="AU1216">
        <v>0</v>
      </c>
      <c r="AV1216">
        <v>0</v>
      </c>
      <c r="AW1216">
        <v>0</v>
      </c>
      <c r="AX1216">
        <v>8228</v>
      </c>
      <c r="AY1216">
        <v>11</v>
      </c>
      <c r="AZ1216">
        <v>27</v>
      </c>
      <c r="BA1216">
        <v>1383</v>
      </c>
    </row>
    <row r="1217" spans="1:53" x14ac:dyDescent="0.4">
      <c r="A1217">
        <v>1261</v>
      </c>
      <c r="B1217" s="1">
        <v>43201</v>
      </c>
      <c r="C1217">
        <v>1</v>
      </c>
      <c r="D1217" s="1">
        <v>43201.291666666664</v>
      </c>
      <c r="E1217" s="1">
        <v>43201.461111111108</v>
      </c>
      <c r="F1217">
        <v>0</v>
      </c>
      <c r="G1217">
        <v>0</v>
      </c>
      <c r="H1217">
        <v>0</v>
      </c>
      <c r="I1217">
        <v>0</v>
      </c>
      <c r="J1217">
        <v>0</v>
      </c>
      <c r="K1217">
        <v>0</v>
      </c>
      <c r="L1217">
        <v>0</v>
      </c>
      <c r="M1217">
        <v>0</v>
      </c>
      <c r="N1217">
        <v>0</v>
      </c>
      <c r="O1217">
        <v>0</v>
      </c>
      <c r="P1217">
        <v>1620</v>
      </c>
      <c r="Q1217">
        <v>0</v>
      </c>
      <c r="R1217">
        <v>1620</v>
      </c>
      <c r="S1217">
        <v>0</v>
      </c>
      <c r="T1217">
        <v>0</v>
      </c>
      <c r="U1217">
        <v>0</v>
      </c>
      <c r="V1217">
        <v>1</v>
      </c>
      <c r="W1217">
        <v>0</v>
      </c>
      <c r="X1217">
        <v>0</v>
      </c>
      <c r="Y1217">
        <v>18</v>
      </c>
      <c r="Z1217">
        <v>14</v>
      </c>
      <c r="AA1217">
        <v>123</v>
      </c>
      <c r="AB1217">
        <v>48</v>
      </c>
      <c r="AC1217">
        <v>162</v>
      </c>
      <c r="AD1217">
        <v>41</v>
      </c>
      <c r="AE1217">
        <v>95</v>
      </c>
      <c r="AF1217">
        <v>0</v>
      </c>
      <c r="AG1217">
        <v>51620</v>
      </c>
      <c r="AH1217">
        <v>50000</v>
      </c>
      <c r="AI1217">
        <v>0</v>
      </c>
      <c r="AJ1217">
        <v>96</v>
      </c>
      <c r="AK1217" t="s">
        <v>4</v>
      </c>
      <c r="AL1217">
        <v>0</v>
      </c>
      <c r="AM1217">
        <v>0</v>
      </c>
      <c r="AN1217">
        <v>0</v>
      </c>
      <c r="AO1217">
        <v>0</v>
      </c>
      <c r="AP1217">
        <v>0</v>
      </c>
      <c r="AQ1217">
        <v>0</v>
      </c>
      <c r="AR1217">
        <v>0</v>
      </c>
      <c r="AS1217">
        <v>0</v>
      </c>
      <c r="AT1217">
        <v>0</v>
      </c>
      <c r="AU1217">
        <v>0</v>
      </c>
      <c r="AV1217">
        <v>0</v>
      </c>
      <c r="AW1217">
        <v>0</v>
      </c>
      <c r="AX1217">
        <v>-1620</v>
      </c>
      <c r="AY1217">
        <v>2</v>
      </c>
      <c r="AZ1217">
        <v>3</v>
      </c>
      <c r="BA1217">
        <v>5</v>
      </c>
    </row>
    <row r="1218" spans="1:53" x14ac:dyDescent="0.4">
      <c r="A1218">
        <v>1262</v>
      </c>
      <c r="B1218" s="1">
        <v>43201</v>
      </c>
      <c r="C1218">
        <v>2</v>
      </c>
      <c r="D1218" s="1">
        <v>43201.461111111108</v>
      </c>
      <c r="E1218" s="1">
        <v>43201.738888888889</v>
      </c>
      <c r="F1218">
        <v>13500</v>
      </c>
      <c r="G1218">
        <v>1140</v>
      </c>
      <c r="H1218">
        <v>0</v>
      </c>
      <c r="I1218">
        <v>0</v>
      </c>
      <c r="J1218">
        <v>0</v>
      </c>
      <c r="K1218">
        <v>0</v>
      </c>
      <c r="L1218">
        <v>0</v>
      </c>
      <c r="M1218">
        <v>1171</v>
      </c>
      <c r="N1218">
        <v>0</v>
      </c>
      <c r="O1218">
        <v>0</v>
      </c>
      <c r="P1218">
        <v>8100</v>
      </c>
      <c r="Q1218">
        <v>0</v>
      </c>
      <c r="R1218">
        <v>23911</v>
      </c>
      <c r="S1218">
        <v>0</v>
      </c>
      <c r="T1218">
        <v>0</v>
      </c>
      <c r="U1218">
        <v>0</v>
      </c>
      <c r="V1218">
        <v>1</v>
      </c>
      <c r="W1218">
        <v>1</v>
      </c>
      <c r="X1218">
        <v>0</v>
      </c>
      <c r="Y1218">
        <v>24</v>
      </c>
      <c r="Z1218">
        <v>19</v>
      </c>
      <c r="AA1218">
        <v>122</v>
      </c>
      <c r="AB1218">
        <v>49</v>
      </c>
      <c r="AC1218">
        <v>205</v>
      </c>
      <c r="AD1218">
        <v>45</v>
      </c>
      <c r="AE1218">
        <v>106</v>
      </c>
      <c r="AF1218">
        <v>0</v>
      </c>
      <c r="AG1218">
        <v>65531</v>
      </c>
      <c r="AH1218">
        <v>50000</v>
      </c>
      <c r="AI1218">
        <v>-10000</v>
      </c>
      <c r="AJ1218">
        <v>96</v>
      </c>
      <c r="AK1218" t="s">
        <v>4</v>
      </c>
      <c r="AL1218">
        <v>0</v>
      </c>
      <c r="AM1218">
        <v>0</v>
      </c>
      <c r="AN1218">
        <v>0</v>
      </c>
      <c r="AO1218">
        <v>0</v>
      </c>
      <c r="AP1218">
        <v>0</v>
      </c>
      <c r="AQ1218">
        <v>0</v>
      </c>
      <c r="AR1218">
        <v>0</v>
      </c>
      <c r="AS1218">
        <v>0</v>
      </c>
      <c r="AT1218">
        <v>0</v>
      </c>
      <c r="AU1218">
        <v>0</v>
      </c>
      <c r="AV1218">
        <v>0</v>
      </c>
      <c r="AW1218">
        <v>0</v>
      </c>
      <c r="AX1218">
        <v>1338</v>
      </c>
      <c r="AY1218">
        <v>27</v>
      </c>
      <c r="AZ1218">
        <v>42</v>
      </c>
      <c r="BA1218">
        <v>3827</v>
      </c>
    </row>
    <row r="1219" spans="1:53" x14ac:dyDescent="0.4">
      <c r="A1219">
        <v>1263</v>
      </c>
      <c r="B1219" s="1">
        <v>43201</v>
      </c>
      <c r="C1219">
        <v>3</v>
      </c>
      <c r="D1219" s="1">
        <v>43201.738888888889</v>
      </c>
      <c r="E1219" s="1">
        <v>43201.948611111111</v>
      </c>
      <c r="F1219">
        <v>30000</v>
      </c>
      <c r="G1219">
        <v>1740</v>
      </c>
      <c r="H1219">
        <v>0</v>
      </c>
      <c r="I1219">
        <v>0</v>
      </c>
      <c r="J1219">
        <v>0</v>
      </c>
      <c r="K1219">
        <v>0</v>
      </c>
      <c r="L1219">
        <v>0</v>
      </c>
      <c r="M1219">
        <v>2538</v>
      </c>
      <c r="N1219">
        <v>0</v>
      </c>
      <c r="O1219">
        <v>0</v>
      </c>
      <c r="P1219">
        <v>-5832</v>
      </c>
      <c r="Q1219">
        <v>0</v>
      </c>
      <c r="R1219">
        <v>28446</v>
      </c>
      <c r="S1219">
        <v>0</v>
      </c>
      <c r="T1219">
        <v>0</v>
      </c>
      <c r="U1219">
        <v>0</v>
      </c>
      <c r="V1219">
        <v>2</v>
      </c>
      <c r="W1219">
        <v>3</v>
      </c>
      <c r="X1219">
        <v>0</v>
      </c>
      <c r="Y1219">
        <v>37</v>
      </c>
      <c r="Z1219">
        <v>18</v>
      </c>
      <c r="AA1219">
        <v>120</v>
      </c>
      <c r="AB1219">
        <v>51</v>
      </c>
      <c r="AC1219">
        <v>216</v>
      </c>
      <c r="AD1219">
        <v>44</v>
      </c>
      <c r="AE1219">
        <v>107</v>
      </c>
      <c r="AF1219">
        <v>5940</v>
      </c>
      <c r="AG1219">
        <v>103977</v>
      </c>
      <c r="AH1219">
        <v>50000</v>
      </c>
      <c r="AI1219">
        <v>0</v>
      </c>
      <c r="AJ1219">
        <v>84</v>
      </c>
      <c r="AK1219" t="s">
        <v>16</v>
      </c>
      <c r="AL1219">
        <v>0</v>
      </c>
      <c r="AM1219">
        <v>0</v>
      </c>
      <c r="AN1219">
        <v>0</v>
      </c>
      <c r="AO1219">
        <v>0</v>
      </c>
      <c r="AP1219">
        <v>0</v>
      </c>
      <c r="AQ1219">
        <v>0</v>
      </c>
      <c r="AR1219">
        <v>0</v>
      </c>
      <c r="AS1219">
        <v>0</v>
      </c>
      <c r="AT1219">
        <v>0</v>
      </c>
      <c r="AU1219">
        <v>0</v>
      </c>
      <c r="AV1219">
        <v>0</v>
      </c>
      <c r="AW1219">
        <v>0</v>
      </c>
      <c r="AX1219">
        <v>8240</v>
      </c>
      <c r="AY1219">
        <v>10</v>
      </c>
      <c r="AZ1219">
        <v>27</v>
      </c>
      <c r="BA1219">
        <v>1463</v>
      </c>
    </row>
    <row r="1220" spans="1:53" x14ac:dyDescent="0.4">
      <c r="A1220">
        <v>1264</v>
      </c>
      <c r="B1220" s="1">
        <v>43202</v>
      </c>
      <c r="C1220">
        <v>1</v>
      </c>
      <c r="D1220" s="1">
        <v>43202.291666666664</v>
      </c>
      <c r="E1220" s="1">
        <v>43202.446527777778</v>
      </c>
      <c r="F1220">
        <v>0</v>
      </c>
      <c r="G1220">
        <v>0</v>
      </c>
      <c r="H1220">
        <v>0</v>
      </c>
      <c r="I1220">
        <v>0</v>
      </c>
      <c r="J1220">
        <v>0</v>
      </c>
      <c r="K1220">
        <v>0</v>
      </c>
      <c r="L1220">
        <v>0</v>
      </c>
      <c r="M1220">
        <v>0</v>
      </c>
      <c r="N1220">
        <v>0</v>
      </c>
      <c r="O1220">
        <v>0</v>
      </c>
      <c r="P1220">
        <v>0</v>
      </c>
      <c r="Q1220">
        <v>0</v>
      </c>
      <c r="R1220">
        <v>0</v>
      </c>
      <c r="S1220">
        <v>0</v>
      </c>
      <c r="T1220">
        <v>0</v>
      </c>
      <c r="U1220">
        <v>0</v>
      </c>
      <c r="V1220">
        <v>0</v>
      </c>
      <c r="W1220">
        <v>0</v>
      </c>
      <c r="X1220">
        <v>0</v>
      </c>
      <c r="Y1220">
        <v>27</v>
      </c>
      <c r="Z1220">
        <v>15</v>
      </c>
      <c r="AA1220">
        <v>111</v>
      </c>
      <c r="AB1220">
        <v>50</v>
      </c>
      <c r="AC1220">
        <v>157</v>
      </c>
      <c r="AD1220">
        <v>43</v>
      </c>
      <c r="AE1220">
        <v>115</v>
      </c>
      <c r="AF1220">
        <v>0</v>
      </c>
      <c r="AG1220">
        <v>50000</v>
      </c>
      <c r="AH1220">
        <v>0</v>
      </c>
      <c r="AI1220">
        <v>50000</v>
      </c>
      <c r="AJ1220">
        <v>0</v>
      </c>
      <c r="AK1220" t="s">
        <v>6</v>
      </c>
      <c r="AL1220">
        <v>0</v>
      </c>
      <c r="AM1220">
        <v>0</v>
      </c>
      <c r="AN1220">
        <v>0</v>
      </c>
      <c r="AO1220">
        <v>0</v>
      </c>
      <c r="AP1220">
        <v>0</v>
      </c>
      <c r="AQ1220">
        <v>0</v>
      </c>
      <c r="AR1220">
        <v>0</v>
      </c>
      <c r="AS1220">
        <v>0</v>
      </c>
      <c r="AT1220">
        <v>0</v>
      </c>
      <c r="AU1220">
        <v>0</v>
      </c>
      <c r="AV1220">
        <v>0</v>
      </c>
      <c r="AW1220">
        <v>0</v>
      </c>
      <c r="AX1220">
        <v>0</v>
      </c>
      <c r="AY1220">
        <v>0</v>
      </c>
      <c r="AZ1220">
        <v>0</v>
      </c>
      <c r="BA1220">
        <v>0</v>
      </c>
    </row>
    <row r="1221" spans="1:53" x14ac:dyDescent="0.4">
      <c r="A1221">
        <v>1265</v>
      </c>
      <c r="B1221" s="1">
        <v>43202</v>
      </c>
      <c r="C1221">
        <v>2</v>
      </c>
      <c r="D1221" s="1">
        <v>43202.446527777778</v>
      </c>
      <c r="E1221" s="1">
        <v>43202.734027777777</v>
      </c>
      <c r="F1221">
        <v>17000</v>
      </c>
      <c r="G1221">
        <v>0</v>
      </c>
      <c r="H1221">
        <v>0</v>
      </c>
      <c r="I1221">
        <v>0</v>
      </c>
      <c r="J1221">
        <v>0</v>
      </c>
      <c r="K1221">
        <v>0</v>
      </c>
      <c r="L1221">
        <v>0</v>
      </c>
      <c r="M1221">
        <v>1360</v>
      </c>
      <c r="N1221">
        <v>0</v>
      </c>
      <c r="O1221">
        <v>0</v>
      </c>
      <c r="P1221">
        <v>9180</v>
      </c>
      <c r="Q1221">
        <v>0</v>
      </c>
      <c r="R1221">
        <v>27540</v>
      </c>
      <c r="S1221">
        <v>0</v>
      </c>
      <c r="T1221">
        <v>0</v>
      </c>
      <c r="U1221">
        <v>0</v>
      </c>
      <c r="V1221">
        <v>0</v>
      </c>
      <c r="W1221">
        <v>1</v>
      </c>
      <c r="X1221">
        <v>0</v>
      </c>
      <c r="Y1221">
        <v>43</v>
      </c>
      <c r="Z1221">
        <v>24</v>
      </c>
      <c r="AA1221">
        <v>108</v>
      </c>
      <c r="AB1221">
        <v>45</v>
      </c>
      <c r="AC1221">
        <v>165</v>
      </c>
      <c r="AD1221">
        <v>48</v>
      </c>
      <c r="AE1221">
        <v>112</v>
      </c>
      <c r="AF1221">
        <v>2488</v>
      </c>
      <c r="AG1221">
        <v>77540</v>
      </c>
      <c r="AH1221">
        <v>50000</v>
      </c>
      <c r="AI1221">
        <v>0</v>
      </c>
      <c r="AJ1221">
        <v>96</v>
      </c>
      <c r="AK1221" t="s">
        <v>4</v>
      </c>
      <c r="AL1221">
        <v>0</v>
      </c>
      <c r="AM1221">
        <v>0</v>
      </c>
      <c r="AN1221">
        <v>0</v>
      </c>
      <c r="AO1221">
        <v>0</v>
      </c>
      <c r="AP1221">
        <v>0</v>
      </c>
      <c r="AQ1221">
        <v>0</v>
      </c>
      <c r="AR1221">
        <v>0</v>
      </c>
      <c r="AS1221">
        <v>0</v>
      </c>
      <c r="AT1221">
        <v>0</v>
      </c>
      <c r="AU1221">
        <v>0</v>
      </c>
      <c r="AV1221">
        <v>0</v>
      </c>
      <c r="AW1221">
        <v>0</v>
      </c>
      <c r="AX1221">
        <v>0</v>
      </c>
      <c r="AY1221">
        <v>32</v>
      </c>
      <c r="AZ1221">
        <v>51</v>
      </c>
      <c r="BA1221">
        <v>4521</v>
      </c>
    </row>
    <row r="1222" spans="1:53" x14ac:dyDescent="0.4">
      <c r="A1222">
        <v>1266</v>
      </c>
      <c r="B1222" s="1">
        <v>43202</v>
      </c>
      <c r="C1222">
        <v>3</v>
      </c>
      <c r="D1222" s="1">
        <v>43202.734027777777</v>
      </c>
      <c r="E1222" s="1">
        <v>43202.957638888889</v>
      </c>
      <c r="F1222">
        <v>31400</v>
      </c>
      <c r="G1222">
        <v>1260</v>
      </c>
      <c r="H1222">
        <v>0</v>
      </c>
      <c r="I1222">
        <v>0</v>
      </c>
      <c r="J1222">
        <v>0</v>
      </c>
      <c r="K1222">
        <v>0</v>
      </c>
      <c r="L1222">
        <v>0</v>
      </c>
      <c r="M1222">
        <v>2613</v>
      </c>
      <c r="N1222">
        <v>0</v>
      </c>
      <c r="O1222">
        <v>0</v>
      </c>
      <c r="P1222">
        <v>-9180</v>
      </c>
      <c r="Q1222">
        <v>0</v>
      </c>
      <c r="R1222">
        <v>26093</v>
      </c>
      <c r="S1222">
        <v>0</v>
      </c>
      <c r="T1222">
        <v>0</v>
      </c>
      <c r="U1222">
        <v>0</v>
      </c>
      <c r="V1222">
        <v>2</v>
      </c>
      <c r="W1222">
        <v>1</v>
      </c>
      <c r="X1222">
        <v>0</v>
      </c>
      <c r="Y1222">
        <v>46</v>
      </c>
      <c r="Z1222">
        <v>27</v>
      </c>
      <c r="AA1222">
        <v>104</v>
      </c>
      <c r="AB1222">
        <v>44</v>
      </c>
      <c r="AC1222">
        <v>154</v>
      </c>
      <c r="AD1222">
        <v>47</v>
      </c>
      <c r="AE1222">
        <v>110</v>
      </c>
      <c r="AF1222">
        <v>4648</v>
      </c>
      <c r="AG1222">
        <v>103633</v>
      </c>
      <c r="AH1222">
        <v>50000</v>
      </c>
      <c r="AI1222">
        <v>0</v>
      </c>
      <c r="AJ1222">
        <v>100</v>
      </c>
      <c r="AK1222" t="s">
        <v>0</v>
      </c>
      <c r="AL1222">
        <v>0</v>
      </c>
      <c r="AM1222">
        <v>0</v>
      </c>
      <c r="AN1222">
        <v>0</v>
      </c>
      <c r="AO1222">
        <v>0</v>
      </c>
      <c r="AP1222">
        <v>0</v>
      </c>
      <c r="AQ1222">
        <v>0</v>
      </c>
      <c r="AR1222">
        <v>0</v>
      </c>
      <c r="AS1222">
        <v>0</v>
      </c>
      <c r="AT1222">
        <v>0</v>
      </c>
      <c r="AU1222">
        <v>0</v>
      </c>
      <c r="AV1222">
        <v>0</v>
      </c>
      <c r="AW1222">
        <v>0</v>
      </c>
      <c r="AX1222">
        <v>22982</v>
      </c>
      <c r="AY1222">
        <v>16</v>
      </c>
      <c r="AZ1222">
        <v>52</v>
      </c>
      <c r="BA1222">
        <v>2204</v>
      </c>
    </row>
    <row r="1223" spans="1:53" x14ac:dyDescent="0.4">
      <c r="A1223">
        <v>1267</v>
      </c>
      <c r="B1223" s="1">
        <v>43202</v>
      </c>
      <c r="C1223">
        <v>4</v>
      </c>
      <c r="D1223" s="1">
        <v>43202.957638888889</v>
      </c>
      <c r="E1223" s="1">
        <v>43203.080555555556</v>
      </c>
      <c r="F1223">
        <v>38120</v>
      </c>
      <c r="G1223">
        <v>0</v>
      </c>
      <c r="H1223">
        <v>0</v>
      </c>
      <c r="I1223">
        <v>0</v>
      </c>
      <c r="J1223">
        <v>0</v>
      </c>
      <c r="K1223">
        <v>0</v>
      </c>
      <c r="L1223">
        <v>0</v>
      </c>
      <c r="M1223">
        <v>3049</v>
      </c>
      <c r="N1223">
        <v>0</v>
      </c>
      <c r="O1223">
        <v>0</v>
      </c>
      <c r="P1223">
        <v>14148</v>
      </c>
      <c r="Q1223">
        <v>0</v>
      </c>
      <c r="R1223">
        <v>55317</v>
      </c>
      <c r="S1223">
        <v>0</v>
      </c>
      <c r="T1223">
        <v>0</v>
      </c>
      <c r="U1223">
        <v>0</v>
      </c>
      <c r="V1223">
        <v>5</v>
      </c>
      <c r="W1223">
        <v>4</v>
      </c>
      <c r="X1223">
        <v>0</v>
      </c>
      <c r="Y1223">
        <v>44</v>
      </c>
      <c r="Z1223">
        <v>26</v>
      </c>
      <c r="AA1223">
        <v>85</v>
      </c>
      <c r="AB1223">
        <v>39</v>
      </c>
      <c r="AC1223">
        <v>141</v>
      </c>
      <c r="AD1223">
        <v>44</v>
      </c>
      <c r="AE1223">
        <v>102</v>
      </c>
      <c r="AF1223">
        <v>19768</v>
      </c>
      <c r="AG1223">
        <v>158950</v>
      </c>
      <c r="AH1223">
        <v>50000</v>
      </c>
      <c r="AI1223">
        <v>0</v>
      </c>
      <c r="AJ1223">
        <v>100</v>
      </c>
      <c r="AK1223" t="s">
        <v>0</v>
      </c>
      <c r="AL1223">
        <v>0</v>
      </c>
      <c r="AM1223">
        <v>0</v>
      </c>
      <c r="AN1223">
        <v>0</v>
      </c>
      <c r="AO1223">
        <v>0</v>
      </c>
      <c r="AP1223">
        <v>0</v>
      </c>
      <c r="AQ1223">
        <v>0</v>
      </c>
      <c r="AR1223">
        <v>0</v>
      </c>
      <c r="AS1223">
        <v>0</v>
      </c>
      <c r="AT1223">
        <v>0</v>
      </c>
      <c r="AU1223">
        <v>0</v>
      </c>
      <c r="AV1223">
        <v>0</v>
      </c>
      <c r="AW1223">
        <v>0</v>
      </c>
      <c r="AX1223">
        <v>2614</v>
      </c>
      <c r="AY1223">
        <v>4</v>
      </c>
      <c r="AZ1223">
        <v>11</v>
      </c>
      <c r="BA1223">
        <v>627</v>
      </c>
    </row>
    <row r="1224" spans="1:53" x14ac:dyDescent="0.4">
      <c r="A1224">
        <v>1268</v>
      </c>
      <c r="B1224" s="1">
        <v>43203</v>
      </c>
      <c r="C1224">
        <v>1</v>
      </c>
      <c r="D1224" s="1">
        <v>43203.291666666664</v>
      </c>
      <c r="E1224" s="1">
        <v>43203.45416666667</v>
      </c>
      <c r="F1224">
        <v>0</v>
      </c>
      <c r="G1224">
        <v>0</v>
      </c>
      <c r="H1224">
        <v>0</v>
      </c>
      <c r="I1224">
        <v>0</v>
      </c>
      <c r="J1224">
        <v>0</v>
      </c>
      <c r="K1224">
        <v>0</v>
      </c>
      <c r="L1224">
        <v>0</v>
      </c>
      <c r="M1224">
        <v>0</v>
      </c>
      <c r="N1224">
        <v>0</v>
      </c>
      <c r="O1224">
        <v>0</v>
      </c>
      <c r="P1224">
        <v>0</v>
      </c>
      <c r="Q1224">
        <v>0</v>
      </c>
      <c r="R1224">
        <v>0</v>
      </c>
      <c r="S1224">
        <v>0</v>
      </c>
      <c r="T1224">
        <v>0</v>
      </c>
      <c r="U1224">
        <v>0</v>
      </c>
      <c r="V1224">
        <v>0</v>
      </c>
      <c r="W1224">
        <v>0</v>
      </c>
      <c r="X1224">
        <v>0</v>
      </c>
      <c r="Y1224">
        <v>33</v>
      </c>
      <c r="Z1224">
        <v>8</v>
      </c>
      <c r="AA1224">
        <v>95</v>
      </c>
      <c r="AB1224">
        <v>37</v>
      </c>
      <c r="AC1224">
        <v>134</v>
      </c>
      <c r="AD1224">
        <v>43</v>
      </c>
      <c r="AE1224">
        <v>95</v>
      </c>
      <c r="AF1224">
        <v>0</v>
      </c>
      <c r="AG1224">
        <v>50000</v>
      </c>
      <c r="AH1224">
        <v>0</v>
      </c>
      <c r="AI1224">
        <v>50000</v>
      </c>
      <c r="AJ1224">
        <v>0</v>
      </c>
      <c r="AK1224" t="s">
        <v>6</v>
      </c>
      <c r="AL1224">
        <v>0</v>
      </c>
      <c r="AM1224">
        <v>0</v>
      </c>
      <c r="AN1224">
        <v>0</v>
      </c>
      <c r="AO1224">
        <v>0</v>
      </c>
      <c r="AP1224">
        <v>0</v>
      </c>
      <c r="AQ1224">
        <v>0</v>
      </c>
      <c r="AR1224">
        <v>0</v>
      </c>
      <c r="AS1224">
        <v>0</v>
      </c>
      <c r="AT1224">
        <v>0</v>
      </c>
      <c r="AU1224">
        <v>0</v>
      </c>
      <c r="AV1224">
        <v>0</v>
      </c>
      <c r="AW1224">
        <v>0</v>
      </c>
      <c r="AX1224">
        <v>0</v>
      </c>
      <c r="AY1224">
        <v>0</v>
      </c>
      <c r="AZ1224">
        <v>0</v>
      </c>
      <c r="BA1224">
        <v>0</v>
      </c>
    </row>
    <row r="1225" spans="1:53" x14ac:dyDescent="0.4">
      <c r="A1225">
        <v>1269</v>
      </c>
      <c r="B1225" s="1">
        <v>43203</v>
      </c>
      <c r="C1225">
        <v>2</v>
      </c>
      <c r="D1225" s="1">
        <v>43203.45416666667</v>
      </c>
      <c r="E1225" s="1">
        <v>43203.748611111114</v>
      </c>
      <c r="F1225">
        <v>17500</v>
      </c>
      <c r="G1225">
        <v>1560</v>
      </c>
      <c r="H1225">
        <v>0</v>
      </c>
      <c r="I1225">
        <v>0</v>
      </c>
      <c r="J1225">
        <v>0</v>
      </c>
      <c r="K1225">
        <v>0</v>
      </c>
      <c r="L1225">
        <v>0</v>
      </c>
      <c r="M1225">
        <v>1524</v>
      </c>
      <c r="N1225">
        <v>0</v>
      </c>
      <c r="O1225">
        <v>0</v>
      </c>
      <c r="P1225">
        <v>15660</v>
      </c>
      <c r="Q1225">
        <v>0</v>
      </c>
      <c r="R1225">
        <v>36244</v>
      </c>
      <c r="S1225">
        <v>0</v>
      </c>
      <c r="T1225">
        <v>0</v>
      </c>
      <c r="U1225">
        <v>0</v>
      </c>
      <c r="V1225">
        <v>2</v>
      </c>
      <c r="W1225">
        <v>0</v>
      </c>
      <c r="X1225">
        <v>0</v>
      </c>
      <c r="Y1225">
        <v>39</v>
      </c>
      <c r="Z1225">
        <v>22</v>
      </c>
      <c r="AA1225">
        <v>92</v>
      </c>
      <c r="AB1225">
        <v>44</v>
      </c>
      <c r="AC1225">
        <v>141</v>
      </c>
      <c r="AD1225">
        <v>44</v>
      </c>
      <c r="AE1225">
        <v>95</v>
      </c>
      <c r="AF1225">
        <v>3119</v>
      </c>
      <c r="AG1225">
        <v>86244</v>
      </c>
      <c r="AH1225">
        <v>50000</v>
      </c>
      <c r="AI1225">
        <v>0</v>
      </c>
      <c r="AJ1225">
        <v>102</v>
      </c>
      <c r="AK1225" t="s">
        <v>8</v>
      </c>
      <c r="AL1225">
        <v>0</v>
      </c>
      <c r="AM1225">
        <v>0</v>
      </c>
      <c r="AN1225">
        <v>0</v>
      </c>
      <c r="AO1225">
        <v>0</v>
      </c>
      <c r="AP1225">
        <v>0</v>
      </c>
      <c r="AQ1225">
        <v>0</v>
      </c>
      <c r="AR1225">
        <v>0</v>
      </c>
      <c r="AS1225">
        <v>0</v>
      </c>
      <c r="AT1225">
        <v>0</v>
      </c>
      <c r="AU1225">
        <v>0</v>
      </c>
      <c r="AV1225">
        <v>0</v>
      </c>
      <c r="AW1225">
        <v>0</v>
      </c>
      <c r="AX1225">
        <v>712</v>
      </c>
      <c r="AY1225">
        <v>34</v>
      </c>
      <c r="AZ1225">
        <v>62</v>
      </c>
      <c r="BA1225">
        <v>4463</v>
      </c>
    </row>
    <row r="1226" spans="1:53" x14ac:dyDescent="0.4">
      <c r="A1226">
        <v>1270</v>
      </c>
      <c r="B1226" s="1">
        <v>43204</v>
      </c>
      <c r="C1226">
        <v>1</v>
      </c>
      <c r="D1226" s="1">
        <v>43204.291666666664</v>
      </c>
      <c r="E1226" s="1">
        <v>43204.40625</v>
      </c>
      <c r="F1226">
        <v>0</v>
      </c>
      <c r="G1226">
        <v>0</v>
      </c>
      <c r="H1226">
        <v>0</v>
      </c>
      <c r="I1226">
        <v>0</v>
      </c>
      <c r="J1226">
        <v>0</v>
      </c>
      <c r="K1226">
        <v>0</v>
      </c>
      <c r="L1226">
        <v>0</v>
      </c>
      <c r="M1226">
        <v>0</v>
      </c>
      <c r="N1226">
        <v>0</v>
      </c>
      <c r="O1226">
        <v>0</v>
      </c>
      <c r="P1226">
        <v>0</v>
      </c>
      <c r="Q1226">
        <v>0</v>
      </c>
      <c r="R1226">
        <v>0</v>
      </c>
      <c r="S1226">
        <v>0</v>
      </c>
      <c r="T1226">
        <v>0</v>
      </c>
      <c r="U1226">
        <v>0</v>
      </c>
      <c r="V1226">
        <v>0</v>
      </c>
      <c r="W1226">
        <v>0</v>
      </c>
      <c r="X1226">
        <v>0</v>
      </c>
      <c r="Y1226">
        <v>28</v>
      </c>
      <c r="Z1226">
        <v>23</v>
      </c>
      <c r="AA1226">
        <v>72</v>
      </c>
      <c r="AB1226">
        <v>38</v>
      </c>
      <c r="AC1226">
        <v>111</v>
      </c>
      <c r="AD1226">
        <v>40</v>
      </c>
      <c r="AE1226">
        <v>90</v>
      </c>
      <c r="AF1226">
        <v>0</v>
      </c>
      <c r="AG1226">
        <v>50000</v>
      </c>
      <c r="AH1226">
        <v>50000</v>
      </c>
      <c r="AI1226">
        <v>0</v>
      </c>
      <c r="AJ1226">
        <v>0</v>
      </c>
      <c r="AK1226" t="s">
        <v>6</v>
      </c>
      <c r="AL1226">
        <v>0</v>
      </c>
      <c r="AM1226">
        <v>0</v>
      </c>
      <c r="AN1226">
        <v>0</v>
      </c>
      <c r="AO1226">
        <v>0</v>
      </c>
      <c r="AP1226">
        <v>0</v>
      </c>
      <c r="AQ1226">
        <v>0</v>
      </c>
      <c r="AR1226">
        <v>0</v>
      </c>
      <c r="AS1226">
        <v>0</v>
      </c>
      <c r="AT1226">
        <v>0</v>
      </c>
      <c r="AU1226">
        <v>0</v>
      </c>
      <c r="AV1226">
        <v>0</v>
      </c>
      <c r="AW1226">
        <v>0</v>
      </c>
      <c r="AX1226">
        <v>0</v>
      </c>
      <c r="AY1226">
        <v>0</v>
      </c>
      <c r="AZ1226">
        <v>0</v>
      </c>
      <c r="BA1226">
        <v>0</v>
      </c>
    </row>
    <row r="1227" spans="1:53" x14ac:dyDescent="0.4">
      <c r="A1227">
        <v>1271</v>
      </c>
      <c r="B1227" s="1">
        <v>43204</v>
      </c>
      <c r="C1227">
        <v>2</v>
      </c>
      <c r="D1227" s="1">
        <v>43204.40625</v>
      </c>
      <c r="E1227" s="1">
        <v>43204.741666666669</v>
      </c>
      <c r="F1227">
        <v>37000</v>
      </c>
      <c r="G1227">
        <v>3540</v>
      </c>
      <c r="H1227">
        <v>0</v>
      </c>
      <c r="I1227">
        <v>0</v>
      </c>
      <c r="J1227">
        <v>0</v>
      </c>
      <c r="K1227">
        <v>0</v>
      </c>
      <c r="L1227">
        <v>0</v>
      </c>
      <c r="M1227">
        <v>3243</v>
      </c>
      <c r="N1227">
        <v>0</v>
      </c>
      <c r="O1227">
        <v>0</v>
      </c>
      <c r="P1227">
        <v>16740</v>
      </c>
      <c r="Q1227">
        <v>0</v>
      </c>
      <c r="R1227">
        <v>60523</v>
      </c>
      <c r="S1227">
        <v>0</v>
      </c>
      <c r="T1227">
        <v>0</v>
      </c>
      <c r="U1227">
        <v>0</v>
      </c>
      <c r="V1227">
        <v>4</v>
      </c>
      <c r="W1227">
        <v>1</v>
      </c>
      <c r="X1227">
        <v>0</v>
      </c>
      <c r="Y1227">
        <v>36</v>
      </c>
      <c r="Z1227">
        <v>43</v>
      </c>
      <c r="AA1227">
        <v>49</v>
      </c>
      <c r="AB1227">
        <v>34</v>
      </c>
      <c r="AC1227">
        <v>114</v>
      </c>
      <c r="AD1227">
        <v>40</v>
      </c>
      <c r="AE1227">
        <v>83</v>
      </c>
      <c r="AF1227">
        <v>0</v>
      </c>
      <c r="AG1227">
        <v>110523</v>
      </c>
      <c r="AH1227">
        <v>50000</v>
      </c>
      <c r="AI1227">
        <v>0</v>
      </c>
      <c r="AJ1227">
        <v>84</v>
      </c>
      <c r="AK1227" t="s">
        <v>16</v>
      </c>
      <c r="AL1227">
        <v>0</v>
      </c>
      <c r="AM1227">
        <v>0</v>
      </c>
      <c r="AN1227">
        <v>0</v>
      </c>
      <c r="AO1227">
        <v>0</v>
      </c>
      <c r="AP1227">
        <v>0</v>
      </c>
      <c r="AQ1227">
        <v>0</v>
      </c>
      <c r="AR1227">
        <v>0</v>
      </c>
      <c r="AS1227">
        <v>0</v>
      </c>
      <c r="AT1227">
        <v>0</v>
      </c>
      <c r="AU1227">
        <v>0</v>
      </c>
      <c r="AV1227">
        <v>0</v>
      </c>
      <c r="AW1227">
        <v>0</v>
      </c>
      <c r="AX1227">
        <v>561</v>
      </c>
      <c r="AY1227">
        <v>51</v>
      </c>
      <c r="AZ1227">
        <v>106</v>
      </c>
      <c r="BA1227">
        <v>7124</v>
      </c>
    </row>
    <row r="1228" spans="1:53" x14ac:dyDescent="0.4">
      <c r="A1228">
        <v>1272</v>
      </c>
      <c r="B1228" s="1">
        <v>43205</v>
      </c>
      <c r="C1228">
        <v>1</v>
      </c>
      <c r="D1228" s="1">
        <v>43205.291666666664</v>
      </c>
      <c r="E1228" s="1">
        <v>43205.410416666666</v>
      </c>
      <c r="F1228">
        <v>0</v>
      </c>
      <c r="G1228">
        <v>0</v>
      </c>
      <c r="H1228">
        <v>0</v>
      </c>
      <c r="I1228">
        <v>0</v>
      </c>
      <c r="J1228">
        <v>0</v>
      </c>
      <c r="K1228">
        <v>0</v>
      </c>
      <c r="L1228">
        <v>0</v>
      </c>
      <c r="M1228">
        <v>0</v>
      </c>
      <c r="N1228">
        <v>0</v>
      </c>
      <c r="O1228">
        <v>0</v>
      </c>
      <c r="P1228">
        <v>0</v>
      </c>
      <c r="Q1228">
        <v>0</v>
      </c>
      <c r="R1228">
        <v>0</v>
      </c>
      <c r="S1228">
        <v>0</v>
      </c>
      <c r="T1228">
        <v>0</v>
      </c>
      <c r="U1228">
        <v>0</v>
      </c>
      <c r="V1228">
        <v>0</v>
      </c>
      <c r="W1228">
        <v>0</v>
      </c>
      <c r="X1228">
        <v>0</v>
      </c>
      <c r="Y1228">
        <v>35</v>
      </c>
      <c r="Z1228">
        <v>11</v>
      </c>
      <c r="AA1228">
        <v>72</v>
      </c>
      <c r="AB1228">
        <v>25</v>
      </c>
      <c r="AC1228">
        <v>81</v>
      </c>
      <c r="AD1228">
        <v>36</v>
      </c>
      <c r="AE1228">
        <v>60</v>
      </c>
      <c r="AF1228">
        <v>0</v>
      </c>
      <c r="AG1228">
        <v>50000</v>
      </c>
      <c r="AH1228">
        <v>50000</v>
      </c>
      <c r="AI1228">
        <v>0</v>
      </c>
      <c r="AJ1228">
        <v>0</v>
      </c>
      <c r="AK1228" t="s">
        <v>6</v>
      </c>
      <c r="AL1228">
        <v>0</v>
      </c>
      <c r="AM1228">
        <v>0</v>
      </c>
      <c r="AN1228">
        <v>0</v>
      </c>
      <c r="AO1228">
        <v>0</v>
      </c>
      <c r="AP1228">
        <v>0</v>
      </c>
      <c r="AQ1228">
        <v>0</v>
      </c>
      <c r="AR1228">
        <v>0</v>
      </c>
      <c r="AS1228">
        <v>0</v>
      </c>
      <c r="AT1228">
        <v>0</v>
      </c>
      <c r="AU1228">
        <v>0</v>
      </c>
      <c r="AV1228">
        <v>0</v>
      </c>
      <c r="AW1228">
        <v>0</v>
      </c>
      <c r="AX1228">
        <v>0</v>
      </c>
      <c r="AY1228">
        <v>0</v>
      </c>
      <c r="AZ1228">
        <v>0</v>
      </c>
      <c r="BA1228">
        <v>0</v>
      </c>
    </row>
    <row r="1229" spans="1:53" x14ac:dyDescent="0.4">
      <c r="A1229">
        <v>1273</v>
      </c>
      <c r="B1229" s="1">
        <v>43205</v>
      </c>
      <c r="C1229">
        <v>2</v>
      </c>
      <c r="D1229" s="1">
        <v>43205.410416666666</v>
      </c>
      <c r="E1229" s="1">
        <v>43205.749305555553</v>
      </c>
      <c r="F1229">
        <v>48250</v>
      </c>
      <c r="G1229">
        <v>5840</v>
      </c>
      <c r="H1229">
        <v>0</v>
      </c>
      <c r="I1229">
        <v>0</v>
      </c>
      <c r="J1229">
        <v>0</v>
      </c>
      <c r="K1229">
        <v>0</v>
      </c>
      <c r="L1229">
        <v>0</v>
      </c>
      <c r="M1229">
        <v>4326</v>
      </c>
      <c r="N1229">
        <v>0</v>
      </c>
      <c r="O1229">
        <v>0</v>
      </c>
      <c r="P1229">
        <v>11340</v>
      </c>
      <c r="Q1229">
        <v>0</v>
      </c>
      <c r="R1229">
        <v>69756</v>
      </c>
      <c r="S1229">
        <v>0</v>
      </c>
      <c r="T1229">
        <v>0</v>
      </c>
      <c r="U1229">
        <v>0</v>
      </c>
      <c r="V1229">
        <v>2</v>
      </c>
      <c r="W1229">
        <v>0</v>
      </c>
      <c r="X1229">
        <v>0</v>
      </c>
      <c r="Y1229">
        <v>63</v>
      </c>
      <c r="Z1229">
        <v>43</v>
      </c>
      <c r="AA1229">
        <v>101</v>
      </c>
      <c r="AB1229">
        <v>35</v>
      </c>
      <c r="AC1229">
        <v>177</v>
      </c>
      <c r="AD1229">
        <v>43</v>
      </c>
      <c r="AE1229">
        <v>71</v>
      </c>
      <c r="AF1229">
        <v>1350</v>
      </c>
      <c r="AG1229">
        <v>119756</v>
      </c>
      <c r="AH1229">
        <v>50000</v>
      </c>
      <c r="AI1229">
        <v>0</v>
      </c>
      <c r="AJ1229">
        <v>92</v>
      </c>
      <c r="AK1229" t="s">
        <v>22</v>
      </c>
      <c r="AL1229">
        <v>0</v>
      </c>
      <c r="AM1229">
        <v>0</v>
      </c>
      <c r="AN1229">
        <v>0</v>
      </c>
      <c r="AO1229">
        <v>0</v>
      </c>
      <c r="AP1229">
        <v>0</v>
      </c>
      <c r="AQ1229">
        <v>0</v>
      </c>
      <c r="AR1229">
        <v>0</v>
      </c>
      <c r="AS1229">
        <v>0</v>
      </c>
      <c r="AT1229">
        <v>0</v>
      </c>
      <c r="AU1229">
        <v>0</v>
      </c>
      <c r="AV1229">
        <v>0</v>
      </c>
      <c r="AW1229">
        <v>0</v>
      </c>
      <c r="AX1229">
        <v>-1080</v>
      </c>
      <c r="AY1229">
        <v>47</v>
      </c>
      <c r="AZ1229">
        <v>109</v>
      </c>
      <c r="BA1229">
        <v>7546</v>
      </c>
    </row>
    <row r="1230" spans="1:53" x14ac:dyDescent="0.4">
      <c r="A1230">
        <v>1274</v>
      </c>
      <c r="B1230" s="1">
        <v>43205</v>
      </c>
      <c r="C1230">
        <v>3</v>
      </c>
      <c r="D1230" s="1">
        <v>43205.749305555553</v>
      </c>
      <c r="E1230" s="1">
        <v>43205.957638888889</v>
      </c>
      <c r="F1230">
        <v>53460</v>
      </c>
      <c r="G1230">
        <v>1180</v>
      </c>
      <c r="H1230">
        <v>0</v>
      </c>
      <c r="I1230">
        <v>0</v>
      </c>
      <c r="J1230">
        <v>0</v>
      </c>
      <c r="K1230">
        <v>0</v>
      </c>
      <c r="L1230">
        <v>0</v>
      </c>
      <c r="M1230">
        <v>4370</v>
      </c>
      <c r="N1230">
        <v>0</v>
      </c>
      <c r="O1230">
        <v>0</v>
      </c>
      <c r="P1230">
        <v>5832</v>
      </c>
      <c r="Q1230">
        <v>0</v>
      </c>
      <c r="R1230">
        <v>64842</v>
      </c>
      <c r="S1230">
        <v>0</v>
      </c>
      <c r="T1230">
        <v>0</v>
      </c>
      <c r="U1230">
        <v>0</v>
      </c>
      <c r="V1230">
        <v>5</v>
      </c>
      <c r="W1230">
        <v>2</v>
      </c>
      <c r="X1230">
        <v>0</v>
      </c>
      <c r="Y1230">
        <v>69</v>
      </c>
      <c r="Z1230">
        <v>43</v>
      </c>
      <c r="AA1230">
        <v>86</v>
      </c>
      <c r="AB1230">
        <v>35</v>
      </c>
      <c r="AC1230">
        <v>172</v>
      </c>
      <c r="AD1230">
        <v>44</v>
      </c>
      <c r="AE1230">
        <v>68</v>
      </c>
      <c r="AF1230">
        <v>21740</v>
      </c>
      <c r="AG1230">
        <v>184598</v>
      </c>
      <c r="AH1230">
        <v>50000</v>
      </c>
      <c r="AI1230">
        <v>0</v>
      </c>
      <c r="AJ1230">
        <v>99</v>
      </c>
      <c r="AK1230" t="s">
        <v>9</v>
      </c>
      <c r="AL1230">
        <v>0</v>
      </c>
      <c r="AM1230">
        <v>0</v>
      </c>
      <c r="AN1230">
        <v>0</v>
      </c>
      <c r="AO1230">
        <v>0</v>
      </c>
      <c r="AP1230">
        <v>0</v>
      </c>
      <c r="AQ1230">
        <v>0</v>
      </c>
      <c r="AR1230">
        <v>0</v>
      </c>
      <c r="AS1230">
        <v>0</v>
      </c>
      <c r="AT1230">
        <v>0</v>
      </c>
      <c r="AU1230">
        <v>0</v>
      </c>
      <c r="AV1230">
        <v>0</v>
      </c>
      <c r="AW1230">
        <v>0</v>
      </c>
      <c r="AX1230">
        <v>15218</v>
      </c>
      <c r="AY1230">
        <v>15</v>
      </c>
      <c r="AZ1230">
        <v>54</v>
      </c>
      <c r="BA1230">
        <v>2251</v>
      </c>
    </row>
    <row r="1231" spans="1:53" x14ac:dyDescent="0.4">
      <c r="A1231">
        <v>1275</v>
      </c>
      <c r="B1231" s="1">
        <v>43206</v>
      </c>
      <c r="C1231">
        <v>1</v>
      </c>
      <c r="D1231" s="1">
        <v>43206.291666666664</v>
      </c>
      <c r="E1231" s="1">
        <v>43206.447916666664</v>
      </c>
      <c r="F1231">
        <v>0</v>
      </c>
      <c r="G1231">
        <v>0</v>
      </c>
      <c r="H1231">
        <v>0</v>
      </c>
      <c r="I1231">
        <v>0</v>
      </c>
      <c r="J1231">
        <v>0</v>
      </c>
      <c r="K1231">
        <v>0</v>
      </c>
      <c r="L1231">
        <v>0</v>
      </c>
      <c r="M1231">
        <v>0</v>
      </c>
      <c r="N1231">
        <v>0</v>
      </c>
      <c r="O1231">
        <v>0</v>
      </c>
      <c r="P1231">
        <v>0</v>
      </c>
      <c r="Q1231">
        <v>0</v>
      </c>
      <c r="R1231">
        <v>0</v>
      </c>
      <c r="S1231">
        <v>0</v>
      </c>
      <c r="T1231">
        <v>0</v>
      </c>
      <c r="U1231">
        <v>0</v>
      </c>
      <c r="V1231">
        <v>0</v>
      </c>
      <c r="W1231">
        <v>0</v>
      </c>
      <c r="X1231">
        <v>0</v>
      </c>
      <c r="Y1231">
        <v>25</v>
      </c>
      <c r="Z1231">
        <v>24</v>
      </c>
      <c r="AA1231">
        <v>100</v>
      </c>
      <c r="AB1231">
        <v>33</v>
      </c>
      <c r="AC1231">
        <v>107</v>
      </c>
      <c r="AD1231">
        <v>44</v>
      </c>
      <c r="AE1231">
        <v>60</v>
      </c>
      <c r="AF1231">
        <v>0</v>
      </c>
      <c r="AG1231">
        <v>50000</v>
      </c>
      <c r="AH1231">
        <v>0</v>
      </c>
      <c r="AI1231">
        <v>50000</v>
      </c>
      <c r="AJ1231">
        <v>0</v>
      </c>
      <c r="AK1231" t="s">
        <v>6</v>
      </c>
      <c r="AL1231">
        <v>0</v>
      </c>
      <c r="AM1231">
        <v>0</v>
      </c>
      <c r="AN1231">
        <v>0</v>
      </c>
      <c r="AO1231">
        <v>0</v>
      </c>
      <c r="AP1231">
        <v>0</v>
      </c>
      <c r="AQ1231">
        <v>0</v>
      </c>
      <c r="AR1231">
        <v>0</v>
      </c>
      <c r="AS1231">
        <v>0</v>
      </c>
      <c r="AT1231">
        <v>0</v>
      </c>
      <c r="AU1231">
        <v>0</v>
      </c>
      <c r="AV1231">
        <v>0</v>
      </c>
      <c r="AW1231">
        <v>0</v>
      </c>
      <c r="AX1231">
        <v>0</v>
      </c>
      <c r="AY1231">
        <v>0</v>
      </c>
      <c r="AZ1231">
        <v>0</v>
      </c>
      <c r="BA1231">
        <v>0</v>
      </c>
    </row>
    <row r="1232" spans="1:53" x14ac:dyDescent="0.4">
      <c r="A1232">
        <v>1276</v>
      </c>
      <c r="B1232" s="1">
        <v>43206</v>
      </c>
      <c r="C1232">
        <v>2</v>
      </c>
      <c r="D1232" s="1">
        <v>43206.447916666664</v>
      </c>
      <c r="E1232" s="1">
        <v>43206.759027777778</v>
      </c>
      <c r="F1232">
        <v>15500</v>
      </c>
      <c r="G1232">
        <v>0</v>
      </c>
      <c r="H1232">
        <v>0</v>
      </c>
      <c r="I1232">
        <v>0</v>
      </c>
      <c r="J1232">
        <v>0</v>
      </c>
      <c r="K1232">
        <v>0</v>
      </c>
      <c r="L1232">
        <v>0</v>
      </c>
      <c r="M1232">
        <v>1240</v>
      </c>
      <c r="N1232">
        <v>0</v>
      </c>
      <c r="O1232">
        <v>0</v>
      </c>
      <c r="P1232">
        <v>8100</v>
      </c>
      <c r="Q1232">
        <v>0</v>
      </c>
      <c r="R1232">
        <v>24840</v>
      </c>
      <c r="S1232">
        <v>0</v>
      </c>
      <c r="T1232">
        <v>0</v>
      </c>
      <c r="U1232">
        <v>0</v>
      </c>
      <c r="V1232">
        <v>1</v>
      </c>
      <c r="W1232">
        <v>0</v>
      </c>
      <c r="X1232">
        <v>0</v>
      </c>
      <c r="Y1232">
        <v>30</v>
      </c>
      <c r="Z1232">
        <v>43</v>
      </c>
      <c r="AA1232">
        <v>98</v>
      </c>
      <c r="AB1232">
        <v>34</v>
      </c>
      <c r="AC1232">
        <v>155</v>
      </c>
      <c r="AD1232">
        <v>46</v>
      </c>
      <c r="AE1232">
        <v>60</v>
      </c>
      <c r="AF1232">
        <v>0</v>
      </c>
      <c r="AG1232">
        <v>74840</v>
      </c>
      <c r="AH1232">
        <v>50000</v>
      </c>
      <c r="AI1232">
        <v>0</v>
      </c>
      <c r="AJ1232">
        <v>106</v>
      </c>
      <c r="AK1232" t="s">
        <v>29</v>
      </c>
      <c r="AL1232">
        <v>0</v>
      </c>
      <c r="AM1232">
        <v>0</v>
      </c>
      <c r="AN1232">
        <v>0</v>
      </c>
      <c r="AO1232">
        <v>0</v>
      </c>
      <c r="AP1232">
        <v>0</v>
      </c>
      <c r="AQ1232">
        <v>0</v>
      </c>
      <c r="AR1232">
        <v>0</v>
      </c>
      <c r="AS1232">
        <v>0</v>
      </c>
      <c r="AT1232">
        <v>0</v>
      </c>
      <c r="AU1232">
        <v>0</v>
      </c>
      <c r="AV1232">
        <v>0</v>
      </c>
      <c r="AW1232">
        <v>0</v>
      </c>
      <c r="AX1232">
        <v>0</v>
      </c>
      <c r="AY1232">
        <v>31</v>
      </c>
      <c r="AZ1232">
        <v>46</v>
      </c>
      <c r="BA1232">
        <v>4088</v>
      </c>
    </row>
    <row r="1233" spans="1:53" x14ac:dyDescent="0.4">
      <c r="A1233">
        <v>1277</v>
      </c>
      <c r="B1233" s="1">
        <v>43206</v>
      </c>
      <c r="C1233">
        <v>3</v>
      </c>
      <c r="D1233" s="1">
        <v>43206.759027777778</v>
      </c>
      <c r="E1233" s="1">
        <v>43206.956250000003</v>
      </c>
      <c r="F1233">
        <v>19000</v>
      </c>
      <c r="G1233">
        <v>1640</v>
      </c>
      <c r="H1233">
        <v>0</v>
      </c>
      <c r="I1233">
        <v>0</v>
      </c>
      <c r="J1233">
        <v>0</v>
      </c>
      <c r="K1233">
        <v>0</v>
      </c>
      <c r="L1233">
        <v>0</v>
      </c>
      <c r="M1233">
        <v>1651</v>
      </c>
      <c r="N1233">
        <v>0</v>
      </c>
      <c r="O1233">
        <v>0</v>
      </c>
      <c r="P1233">
        <v>-3132</v>
      </c>
      <c r="Q1233">
        <v>0</v>
      </c>
      <c r="R1233">
        <v>19159</v>
      </c>
      <c r="S1233">
        <v>0</v>
      </c>
      <c r="T1233">
        <v>0</v>
      </c>
      <c r="U1233">
        <v>0</v>
      </c>
      <c r="V1233">
        <v>4</v>
      </c>
      <c r="W1233">
        <v>0</v>
      </c>
      <c r="X1233">
        <v>0</v>
      </c>
      <c r="Y1233">
        <v>20</v>
      </c>
      <c r="Z1233">
        <v>41</v>
      </c>
      <c r="AA1233">
        <v>95</v>
      </c>
      <c r="AB1233">
        <v>33</v>
      </c>
      <c r="AC1233">
        <v>147</v>
      </c>
      <c r="AD1233">
        <v>46</v>
      </c>
      <c r="AE1233">
        <v>57</v>
      </c>
      <c r="AF1233">
        <v>0</v>
      </c>
      <c r="AG1233">
        <v>93407</v>
      </c>
      <c r="AH1233">
        <v>50000</v>
      </c>
      <c r="AI1233">
        <v>-592</v>
      </c>
      <c r="AJ1233">
        <v>99</v>
      </c>
      <c r="AK1233" t="s">
        <v>9</v>
      </c>
      <c r="AL1233">
        <v>0</v>
      </c>
      <c r="AM1233">
        <v>0</v>
      </c>
      <c r="AN1233">
        <v>0</v>
      </c>
      <c r="AO1233">
        <v>0</v>
      </c>
      <c r="AP1233">
        <v>0</v>
      </c>
      <c r="AQ1233">
        <v>0</v>
      </c>
      <c r="AR1233">
        <v>0</v>
      </c>
      <c r="AS1233">
        <v>0</v>
      </c>
      <c r="AT1233">
        <v>0</v>
      </c>
      <c r="AU1233">
        <v>0</v>
      </c>
      <c r="AV1233">
        <v>0</v>
      </c>
      <c r="AW1233">
        <v>0</v>
      </c>
      <c r="AX1233">
        <v>3391</v>
      </c>
      <c r="AY1233">
        <v>10</v>
      </c>
      <c r="AZ1233">
        <v>19</v>
      </c>
      <c r="BA1233">
        <v>1848</v>
      </c>
    </row>
    <row r="1234" spans="1:53" x14ac:dyDescent="0.4">
      <c r="A1234">
        <v>1278</v>
      </c>
      <c r="B1234" s="1">
        <v>43207</v>
      </c>
      <c r="C1234">
        <v>1</v>
      </c>
      <c r="D1234" s="1">
        <v>43207.291666666664</v>
      </c>
      <c r="E1234" s="1">
        <v>43207.447916666664</v>
      </c>
      <c r="F1234">
        <v>0</v>
      </c>
      <c r="G1234">
        <v>0</v>
      </c>
      <c r="H1234">
        <v>0</v>
      </c>
      <c r="I1234">
        <v>0</v>
      </c>
      <c r="J1234">
        <v>0</v>
      </c>
      <c r="K1234">
        <v>0</v>
      </c>
      <c r="L1234">
        <v>0</v>
      </c>
      <c r="M1234">
        <v>0</v>
      </c>
      <c r="N1234">
        <v>0</v>
      </c>
      <c r="O1234">
        <v>0</v>
      </c>
      <c r="P1234">
        <v>0</v>
      </c>
      <c r="Q1234">
        <v>0</v>
      </c>
      <c r="R1234">
        <v>0</v>
      </c>
      <c r="S1234">
        <v>0</v>
      </c>
      <c r="T1234">
        <v>0</v>
      </c>
      <c r="U1234">
        <v>0</v>
      </c>
      <c r="V1234">
        <v>1</v>
      </c>
      <c r="W1234">
        <v>0</v>
      </c>
      <c r="X1234">
        <v>0</v>
      </c>
      <c r="Y1234">
        <v>22</v>
      </c>
      <c r="Z1234">
        <v>11</v>
      </c>
      <c r="AA1234">
        <v>94</v>
      </c>
      <c r="AB1234">
        <v>30</v>
      </c>
      <c r="AC1234">
        <v>132</v>
      </c>
      <c r="AD1234">
        <v>46</v>
      </c>
      <c r="AE1234">
        <v>50</v>
      </c>
      <c r="AF1234">
        <v>0</v>
      </c>
      <c r="AG1234">
        <v>50000</v>
      </c>
      <c r="AH1234">
        <v>0</v>
      </c>
      <c r="AI1234">
        <v>50000</v>
      </c>
      <c r="AJ1234">
        <v>0</v>
      </c>
      <c r="AK1234" t="s">
        <v>6</v>
      </c>
      <c r="AL1234">
        <v>0</v>
      </c>
      <c r="AM1234">
        <v>0</v>
      </c>
      <c r="AN1234">
        <v>0</v>
      </c>
      <c r="AO1234">
        <v>0</v>
      </c>
      <c r="AP1234">
        <v>0</v>
      </c>
      <c r="AQ1234">
        <v>0</v>
      </c>
      <c r="AR1234">
        <v>0</v>
      </c>
      <c r="AS1234">
        <v>0</v>
      </c>
      <c r="AT1234">
        <v>0</v>
      </c>
      <c r="AU1234">
        <v>0</v>
      </c>
      <c r="AV1234">
        <v>0</v>
      </c>
      <c r="AW1234">
        <v>0</v>
      </c>
      <c r="AX1234">
        <v>0</v>
      </c>
      <c r="AY1234">
        <v>0</v>
      </c>
      <c r="AZ1234">
        <v>0</v>
      </c>
      <c r="BA1234">
        <v>0</v>
      </c>
    </row>
    <row r="1235" spans="1:53" x14ac:dyDescent="0.4">
      <c r="A1235">
        <v>1279</v>
      </c>
      <c r="B1235" s="1">
        <v>43207</v>
      </c>
      <c r="C1235">
        <v>2</v>
      </c>
      <c r="D1235" s="1">
        <v>43207.447916666664</v>
      </c>
      <c r="E1235" s="1">
        <v>43207.728472222225</v>
      </c>
      <c r="F1235">
        <v>7500</v>
      </c>
      <c r="G1235">
        <v>1060</v>
      </c>
      <c r="H1235">
        <v>0</v>
      </c>
      <c r="I1235">
        <v>0</v>
      </c>
      <c r="J1235">
        <v>0</v>
      </c>
      <c r="K1235">
        <v>0</v>
      </c>
      <c r="L1235">
        <v>0</v>
      </c>
      <c r="M1235">
        <v>684</v>
      </c>
      <c r="N1235">
        <v>0</v>
      </c>
      <c r="O1235">
        <v>0</v>
      </c>
      <c r="P1235">
        <v>5940</v>
      </c>
      <c r="Q1235">
        <v>0</v>
      </c>
      <c r="R1235">
        <v>15184</v>
      </c>
      <c r="S1235">
        <v>0</v>
      </c>
      <c r="T1235">
        <v>0</v>
      </c>
      <c r="U1235">
        <v>0</v>
      </c>
      <c r="V1235">
        <v>2</v>
      </c>
      <c r="W1235">
        <v>0</v>
      </c>
      <c r="X1235">
        <v>0</v>
      </c>
      <c r="Y1235">
        <v>21</v>
      </c>
      <c r="Z1235">
        <v>18</v>
      </c>
      <c r="AA1235">
        <v>118</v>
      </c>
      <c r="AB1235">
        <v>31</v>
      </c>
      <c r="AC1235">
        <v>154</v>
      </c>
      <c r="AD1235">
        <v>48</v>
      </c>
      <c r="AE1235">
        <v>54</v>
      </c>
      <c r="AF1235">
        <v>0</v>
      </c>
      <c r="AG1235">
        <v>65184</v>
      </c>
      <c r="AH1235">
        <v>50000</v>
      </c>
      <c r="AI1235">
        <v>0</v>
      </c>
      <c r="AJ1235">
        <v>96</v>
      </c>
      <c r="AK1235" t="s">
        <v>4</v>
      </c>
      <c r="AL1235">
        <v>0</v>
      </c>
      <c r="AM1235">
        <v>0</v>
      </c>
      <c r="AN1235">
        <v>0</v>
      </c>
      <c r="AO1235">
        <v>0</v>
      </c>
      <c r="AP1235">
        <v>0</v>
      </c>
      <c r="AQ1235">
        <v>0</v>
      </c>
      <c r="AR1235">
        <v>0</v>
      </c>
      <c r="AS1235">
        <v>0</v>
      </c>
      <c r="AT1235">
        <v>0</v>
      </c>
      <c r="AU1235">
        <v>0</v>
      </c>
      <c r="AV1235">
        <v>0</v>
      </c>
      <c r="AW1235">
        <v>0</v>
      </c>
      <c r="AX1235">
        <v>0</v>
      </c>
      <c r="AY1235">
        <v>17</v>
      </c>
      <c r="AZ1235">
        <v>26</v>
      </c>
      <c r="BA1235">
        <v>2207</v>
      </c>
    </row>
    <row r="1236" spans="1:53" x14ac:dyDescent="0.4">
      <c r="A1236">
        <v>1280</v>
      </c>
      <c r="B1236" s="1">
        <v>43207</v>
      </c>
      <c r="C1236">
        <v>3</v>
      </c>
      <c r="D1236" s="1">
        <v>43207.728472222225</v>
      </c>
      <c r="E1236" s="1">
        <v>43207.946527777778</v>
      </c>
      <c r="F1236">
        <v>18900</v>
      </c>
      <c r="G1236">
        <v>1380</v>
      </c>
      <c r="H1236">
        <v>0</v>
      </c>
      <c r="I1236">
        <v>0</v>
      </c>
      <c r="J1236">
        <v>0</v>
      </c>
      <c r="K1236">
        <v>0</v>
      </c>
      <c r="L1236">
        <v>0</v>
      </c>
      <c r="M1236">
        <v>1622</v>
      </c>
      <c r="N1236">
        <v>0</v>
      </c>
      <c r="O1236">
        <v>0</v>
      </c>
      <c r="P1236">
        <v>-3348</v>
      </c>
      <c r="Q1236">
        <v>0</v>
      </c>
      <c r="R1236">
        <v>18554</v>
      </c>
      <c r="S1236">
        <v>0</v>
      </c>
      <c r="T1236">
        <v>0</v>
      </c>
      <c r="U1236">
        <v>0</v>
      </c>
      <c r="V1236">
        <v>3</v>
      </c>
      <c r="W1236">
        <v>0</v>
      </c>
      <c r="X1236">
        <v>0</v>
      </c>
      <c r="Y1236">
        <v>26</v>
      </c>
      <c r="Z1236">
        <v>18</v>
      </c>
      <c r="AA1236">
        <v>134</v>
      </c>
      <c r="AB1236">
        <v>36</v>
      </c>
      <c r="AC1236">
        <v>161</v>
      </c>
      <c r="AD1236">
        <v>47</v>
      </c>
      <c r="AE1236">
        <v>53</v>
      </c>
      <c r="AF1236">
        <v>1640</v>
      </c>
      <c r="AG1236">
        <v>83738</v>
      </c>
      <c r="AH1236">
        <v>50000</v>
      </c>
      <c r="AI1236">
        <v>0</v>
      </c>
      <c r="AJ1236">
        <v>29</v>
      </c>
      <c r="AK1236" t="s">
        <v>28</v>
      </c>
      <c r="AL1236">
        <v>0</v>
      </c>
      <c r="AM1236">
        <v>0</v>
      </c>
      <c r="AN1236">
        <v>0</v>
      </c>
      <c r="AO1236">
        <v>0</v>
      </c>
      <c r="AP1236">
        <v>0</v>
      </c>
      <c r="AQ1236">
        <v>0</v>
      </c>
      <c r="AR1236">
        <v>0</v>
      </c>
      <c r="AS1236">
        <v>0</v>
      </c>
      <c r="AT1236">
        <v>0</v>
      </c>
      <c r="AU1236">
        <v>0</v>
      </c>
      <c r="AV1236">
        <v>0</v>
      </c>
      <c r="AW1236">
        <v>0</v>
      </c>
      <c r="AX1236">
        <v>45117</v>
      </c>
      <c r="AY1236">
        <v>16</v>
      </c>
      <c r="AZ1236">
        <v>47</v>
      </c>
      <c r="BA1236">
        <v>2086</v>
      </c>
    </row>
    <row r="1237" spans="1:53" x14ac:dyDescent="0.4">
      <c r="A1237">
        <v>1281</v>
      </c>
      <c r="B1237" s="1">
        <v>43208</v>
      </c>
      <c r="C1237">
        <v>1</v>
      </c>
      <c r="D1237" s="1">
        <v>43208.291666666664</v>
      </c>
      <c r="E1237" s="1">
        <v>43208.451388888891</v>
      </c>
      <c r="F1237">
        <v>0</v>
      </c>
      <c r="G1237">
        <v>0</v>
      </c>
      <c r="H1237">
        <v>0</v>
      </c>
      <c r="I1237">
        <v>0</v>
      </c>
      <c r="J1237">
        <v>0</v>
      </c>
      <c r="K1237">
        <v>0</v>
      </c>
      <c r="L1237">
        <v>0</v>
      </c>
      <c r="M1237">
        <v>0</v>
      </c>
      <c r="N1237">
        <v>0</v>
      </c>
      <c r="O1237">
        <v>0</v>
      </c>
      <c r="P1237">
        <v>0</v>
      </c>
      <c r="Q1237">
        <v>0</v>
      </c>
      <c r="R1237">
        <v>0</v>
      </c>
      <c r="S1237">
        <v>0</v>
      </c>
      <c r="T1237">
        <v>0</v>
      </c>
      <c r="U1237">
        <v>0</v>
      </c>
      <c r="V1237">
        <v>0</v>
      </c>
      <c r="W1237">
        <v>0</v>
      </c>
      <c r="X1237">
        <v>0</v>
      </c>
      <c r="Y1237">
        <v>25</v>
      </c>
      <c r="Z1237">
        <v>19</v>
      </c>
      <c r="AA1237">
        <v>123</v>
      </c>
      <c r="AB1237">
        <v>36</v>
      </c>
      <c r="AC1237">
        <v>113</v>
      </c>
      <c r="AD1237">
        <v>45</v>
      </c>
      <c r="AE1237">
        <v>45</v>
      </c>
      <c r="AF1237">
        <v>0</v>
      </c>
      <c r="AG1237">
        <v>50000</v>
      </c>
      <c r="AH1237">
        <v>0</v>
      </c>
      <c r="AI1237">
        <v>50000</v>
      </c>
      <c r="AJ1237">
        <v>0</v>
      </c>
      <c r="AK1237" t="s">
        <v>6</v>
      </c>
      <c r="AL1237">
        <v>0</v>
      </c>
      <c r="AM1237">
        <v>0</v>
      </c>
      <c r="AN1237">
        <v>0</v>
      </c>
      <c r="AO1237">
        <v>0</v>
      </c>
      <c r="AP1237">
        <v>0</v>
      </c>
      <c r="AQ1237">
        <v>0</v>
      </c>
      <c r="AR1237">
        <v>0</v>
      </c>
      <c r="AS1237">
        <v>0</v>
      </c>
      <c r="AT1237">
        <v>0</v>
      </c>
      <c r="AU1237">
        <v>0</v>
      </c>
      <c r="AV1237">
        <v>0</v>
      </c>
      <c r="AW1237">
        <v>0</v>
      </c>
      <c r="AX1237">
        <v>0</v>
      </c>
      <c r="AY1237">
        <v>0</v>
      </c>
      <c r="AZ1237">
        <v>0</v>
      </c>
      <c r="BA1237">
        <v>0</v>
      </c>
    </row>
    <row r="1238" spans="1:53" x14ac:dyDescent="0.4">
      <c r="A1238">
        <v>1282</v>
      </c>
      <c r="B1238" s="1">
        <v>43208</v>
      </c>
      <c r="C1238">
        <v>2</v>
      </c>
      <c r="D1238" s="1">
        <v>43208.451388888891</v>
      </c>
      <c r="E1238" s="1">
        <v>43208.723611111112</v>
      </c>
      <c r="F1238">
        <v>10000</v>
      </c>
      <c r="G1238">
        <v>0</v>
      </c>
      <c r="H1238">
        <v>0</v>
      </c>
      <c r="I1238">
        <v>0</v>
      </c>
      <c r="J1238">
        <v>0</v>
      </c>
      <c r="K1238">
        <v>0</v>
      </c>
      <c r="L1238">
        <v>0</v>
      </c>
      <c r="M1238">
        <v>800</v>
      </c>
      <c r="N1238">
        <v>0</v>
      </c>
      <c r="O1238">
        <v>0</v>
      </c>
      <c r="P1238">
        <v>18900</v>
      </c>
      <c r="Q1238">
        <v>0</v>
      </c>
      <c r="R1238">
        <v>29700</v>
      </c>
      <c r="S1238">
        <v>0</v>
      </c>
      <c r="T1238">
        <v>0</v>
      </c>
      <c r="U1238">
        <v>0</v>
      </c>
      <c r="V1238">
        <v>1</v>
      </c>
      <c r="W1238">
        <v>0</v>
      </c>
      <c r="X1238">
        <v>0</v>
      </c>
      <c r="Y1238">
        <v>40</v>
      </c>
      <c r="Z1238">
        <v>31</v>
      </c>
      <c r="AA1238">
        <v>102</v>
      </c>
      <c r="AB1238">
        <v>26</v>
      </c>
      <c r="AC1238">
        <v>135</v>
      </c>
      <c r="AD1238">
        <v>45</v>
      </c>
      <c r="AE1238">
        <v>45</v>
      </c>
      <c r="AF1238">
        <v>1080</v>
      </c>
      <c r="AG1238">
        <v>79700</v>
      </c>
      <c r="AH1238">
        <v>50000</v>
      </c>
      <c r="AI1238">
        <v>0</v>
      </c>
      <c r="AJ1238">
        <v>96</v>
      </c>
      <c r="AK1238" t="s">
        <v>4</v>
      </c>
      <c r="AL1238">
        <v>0</v>
      </c>
      <c r="AM1238">
        <v>0</v>
      </c>
      <c r="AN1238">
        <v>0</v>
      </c>
      <c r="AO1238">
        <v>0</v>
      </c>
      <c r="AP1238">
        <v>0</v>
      </c>
      <c r="AQ1238">
        <v>0</v>
      </c>
      <c r="AR1238">
        <v>0</v>
      </c>
      <c r="AS1238">
        <v>0</v>
      </c>
      <c r="AT1238">
        <v>0</v>
      </c>
      <c r="AU1238">
        <v>0</v>
      </c>
      <c r="AV1238">
        <v>0</v>
      </c>
      <c r="AW1238">
        <v>0</v>
      </c>
      <c r="AX1238">
        <v>1166</v>
      </c>
      <c r="AY1238">
        <v>28</v>
      </c>
      <c r="AZ1238">
        <v>55</v>
      </c>
      <c r="BA1238">
        <v>3396</v>
      </c>
    </row>
    <row r="1239" spans="1:53" x14ac:dyDescent="0.4">
      <c r="A1239">
        <v>1283</v>
      </c>
      <c r="B1239" s="1">
        <v>43208</v>
      </c>
      <c r="C1239">
        <v>3</v>
      </c>
      <c r="D1239" s="1">
        <v>43208.723611111112</v>
      </c>
      <c r="E1239" s="1">
        <v>43208.950694444444</v>
      </c>
      <c r="F1239">
        <v>48200</v>
      </c>
      <c r="G1239">
        <v>1080</v>
      </c>
      <c r="H1239">
        <v>0</v>
      </c>
      <c r="I1239">
        <v>0</v>
      </c>
      <c r="J1239">
        <v>0</v>
      </c>
      <c r="K1239">
        <v>0</v>
      </c>
      <c r="L1239">
        <v>0</v>
      </c>
      <c r="M1239">
        <v>3942</v>
      </c>
      <c r="N1239">
        <v>0</v>
      </c>
      <c r="O1239">
        <v>0</v>
      </c>
      <c r="P1239">
        <v>-12852</v>
      </c>
      <c r="Q1239">
        <v>0</v>
      </c>
      <c r="R1239">
        <v>40370</v>
      </c>
      <c r="S1239">
        <v>0</v>
      </c>
      <c r="T1239">
        <v>0</v>
      </c>
      <c r="U1239">
        <v>0</v>
      </c>
      <c r="V1239">
        <v>2</v>
      </c>
      <c r="W1239">
        <v>2</v>
      </c>
      <c r="X1239">
        <v>0</v>
      </c>
      <c r="Y1239">
        <v>61</v>
      </c>
      <c r="Z1239">
        <v>31</v>
      </c>
      <c r="AA1239">
        <v>100</v>
      </c>
      <c r="AB1239">
        <v>25</v>
      </c>
      <c r="AC1239">
        <v>150</v>
      </c>
      <c r="AD1239">
        <v>47</v>
      </c>
      <c r="AE1239">
        <v>45</v>
      </c>
      <c r="AF1239">
        <v>1080</v>
      </c>
      <c r="AG1239">
        <v>120610</v>
      </c>
      <c r="AH1239">
        <v>50000</v>
      </c>
      <c r="AI1239">
        <v>540</v>
      </c>
      <c r="AJ1239">
        <v>108</v>
      </c>
      <c r="AK1239" t="s">
        <v>30</v>
      </c>
      <c r="AL1239">
        <v>0</v>
      </c>
      <c r="AM1239">
        <v>0</v>
      </c>
      <c r="AN1239">
        <v>0</v>
      </c>
      <c r="AO1239">
        <v>0</v>
      </c>
      <c r="AP1239">
        <v>0</v>
      </c>
      <c r="AQ1239">
        <v>0</v>
      </c>
      <c r="AR1239">
        <v>0</v>
      </c>
      <c r="AS1239">
        <v>0</v>
      </c>
      <c r="AT1239">
        <v>0</v>
      </c>
      <c r="AU1239">
        <v>0</v>
      </c>
      <c r="AV1239">
        <v>0</v>
      </c>
      <c r="AW1239">
        <v>0</v>
      </c>
      <c r="AX1239">
        <v>37802</v>
      </c>
      <c r="AY1239">
        <v>21</v>
      </c>
      <c r="AZ1239">
        <v>68</v>
      </c>
      <c r="BA1239">
        <v>3492</v>
      </c>
    </row>
    <row r="1240" spans="1:53" x14ac:dyDescent="0.4">
      <c r="A1240">
        <v>1284</v>
      </c>
      <c r="B1240" s="1">
        <v>43208</v>
      </c>
      <c r="C1240">
        <v>4</v>
      </c>
      <c r="D1240" s="1">
        <v>43208.950694444444</v>
      </c>
      <c r="E1240" s="1">
        <v>43209.073611111111</v>
      </c>
      <c r="F1240">
        <v>57740</v>
      </c>
      <c r="G1240">
        <v>2060</v>
      </c>
      <c r="H1240">
        <v>0</v>
      </c>
      <c r="I1240">
        <v>0</v>
      </c>
      <c r="J1240">
        <v>0</v>
      </c>
      <c r="K1240">
        <v>1000</v>
      </c>
      <c r="L1240">
        <v>0</v>
      </c>
      <c r="M1240">
        <v>4864</v>
      </c>
      <c r="N1240">
        <v>0</v>
      </c>
      <c r="O1240">
        <v>0</v>
      </c>
      <c r="P1240">
        <v>0</v>
      </c>
      <c r="Q1240">
        <v>0</v>
      </c>
      <c r="R1240">
        <v>65664</v>
      </c>
      <c r="S1240">
        <v>0</v>
      </c>
      <c r="T1240">
        <v>0</v>
      </c>
      <c r="U1240">
        <v>0</v>
      </c>
      <c r="V1240">
        <v>6</v>
      </c>
      <c r="W1240">
        <v>5</v>
      </c>
      <c r="X1240">
        <v>0</v>
      </c>
      <c r="Y1240">
        <v>59</v>
      </c>
      <c r="Z1240">
        <v>30</v>
      </c>
      <c r="AA1240">
        <v>98</v>
      </c>
      <c r="AB1240">
        <v>24</v>
      </c>
      <c r="AC1240">
        <v>142</v>
      </c>
      <c r="AD1240">
        <v>47</v>
      </c>
      <c r="AE1240">
        <v>39</v>
      </c>
      <c r="AF1240">
        <v>14040</v>
      </c>
      <c r="AG1240">
        <v>185734</v>
      </c>
      <c r="AH1240">
        <v>50000</v>
      </c>
      <c r="AI1240">
        <v>0</v>
      </c>
      <c r="AJ1240">
        <v>100</v>
      </c>
      <c r="AK1240" t="s">
        <v>0</v>
      </c>
      <c r="AL1240">
        <v>0</v>
      </c>
      <c r="AM1240">
        <v>0</v>
      </c>
      <c r="AN1240">
        <v>0</v>
      </c>
      <c r="AO1240">
        <v>0</v>
      </c>
      <c r="AP1240">
        <v>0</v>
      </c>
      <c r="AQ1240">
        <v>0</v>
      </c>
      <c r="AR1240">
        <v>0</v>
      </c>
      <c r="AS1240">
        <v>0</v>
      </c>
      <c r="AT1240">
        <v>0</v>
      </c>
      <c r="AU1240">
        <v>0</v>
      </c>
      <c r="AV1240">
        <v>0</v>
      </c>
      <c r="AW1240">
        <v>0</v>
      </c>
      <c r="AX1240">
        <v>0</v>
      </c>
      <c r="AY1240">
        <v>3</v>
      </c>
      <c r="AZ1240">
        <v>9</v>
      </c>
      <c r="BA1240">
        <v>717</v>
      </c>
    </row>
    <row r="1241" spans="1:53" x14ac:dyDescent="0.4">
      <c r="A1241">
        <v>1285</v>
      </c>
      <c r="B1241" s="1">
        <v>43209</v>
      </c>
      <c r="C1241">
        <v>1</v>
      </c>
      <c r="D1241" s="1">
        <v>43209.291666666664</v>
      </c>
      <c r="E1241" s="1">
        <v>43209.442361111112</v>
      </c>
      <c r="F1241">
        <v>0</v>
      </c>
      <c r="G1241">
        <v>0</v>
      </c>
      <c r="H1241">
        <v>0</v>
      </c>
      <c r="I1241">
        <v>0</v>
      </c>
      <c r="J1241">
        <v>0</v>
      </c>
      <c r="K1241">
        <v>0</v>
      </c>
      <c r="L1241">
        <v>0</v>
      </c>
      <c r="M1241">
        <v>0</v>
      </c>
      <c r="N1241">
        <v>0</v>
      </c>
      <c r="O1241">
        <v>0</v>
      </c>
      <c r="P1241">
        <v>0</v>
      </c>
      <c r="Q1241">
        <v>0</v>
      </c>
      <c r="R1241">
        <v>0</v>
      </c>
      <c r="S1241">
        <v>0</v>
      </c>
      <c r="T1241">
        <v>0</v>
      </c>
      <c r="U1241">
        <v>0</v>
      </c>
      <c r="V1241">
        <v>0</v>
      </c>
      <c r="W1241">
        <v>0</v>
      </c>
      <c r="X1241">
        <v>0</v>
      </c>
      <c r="Y1241">
        <v>33</v>
      </c>
      <c r="Z1241">
        <v>10</v>
      </c>
      <c r="AA1241">
        <v>92</v>
      </c>
      <c r="AB1241">
        <v>23</v>
      </c>
      <c r="AC1241">
        <v>137</v>
      </c>
      <c r="AD1241">
        <v>48</v>
      </c>
      <c r="AE1241">
        <v>40</v>
      </c>
      <c r="AF1241">
        <v>0</v>
      </c>
      <c r="AG1241">
        <v>50000</v>
      </c>
      <c r="AH1241">
        <v>0</v>
      </c>
      <c r="AI1241">
        <v>50000</v>
      </c>
      <c r="AJ1241">
        <v>0</v>
      </c>
      <c r="AK1241" t="s">
        <v>6</v>
      </c>
      <c r="AL1241">
        <v>0</v>
      </c>
      <c r="AM1241">
        <v>0</v>
      </c>
      <c r="AN1241">
        <v>0</v>
      </c>
      <c r="AO1241">
        <v>0</v>
      </c>
      <c r="AP1241">
        <v>0</v>
      </c>
      <c r="AQ1241">
        <v>0</v>
      </c>
      <c r="AR1241">
        <v>0</v>
      </c>
      <c r="AS1241">
        <v>0</v>
      </c>
      <c r="AT1241">
        <v>0</v>
      </c>
      <c r="AU1241">
        <v>0</v>
      </c>
      <c r="AV1241">
        <v>0</v>
      </c>
      <c r="AW1241">
        <v>0</v>
      </c>
      <c r="AX1241">
        <v>0</v>
      </c>
      <c r="AY1241">
        <v>0</v>
      </c>
      <c r="AZ1241">
        <v>0</v>
      </c>
      <c r="BA1241">
        <v>0</v>
      </c>
    </row>
    <row r="1242" spans="1:53" x14ac:dyDescent="0.4">
      <c r="A1242">
        <v>1286</v>
      </c>
      <c r="B1242" s="1">
        <v>43209</v>
      </c>
      <c r="C1242">
        <v>2</v>
      </c>
      <c r="D1242" s="1">
        <v>43209.442361111112</v>
      </c>
      <c r="E1242" s="1">
        <v>43209.739583333336</v>
      </c>
      <c r="F1242">
        <v>13500</v>
      </c>
      <c r="G1242">
        <v>1340</v>
      </c>
      <c r="H1242">
        <v>0</v>
      </c>
      <c r="I1242">
        <v>0</v>
      </c>
      <c r="J1242">
        <v>0</v>
      </c>
      <c r="K1242">
        <v>0</v>
      </c>
      <c r="L1242">
        <v>0</v>
      </c>
      <c r="M1242">
        <v>1187</v>
      </c>
      <c r="N1242">
        <v>0</v>
      </c>
      <c r="O1242">
        <v>0</v>
      </c>
      <c r="P1242">
        <v>11340</v>
      </c>
      <c r="Q1242">
        <v>0</v>
      </c>
      <c r="R1242">
        <v>27367</v>
      </c>
      <c r="S1242">
        <v>0</v>
      </c>
      <c r="T1242">
        <v>0</v>
      </c>
      <c r="U1242">
        <v>0</v>
      </c>
      <c r="V1242">
        <v>0</v>
      </c>
      <c r="W1242">
        <v>0</v>
      </c>
      <c r="X1242">
        <v>0</v>
      </c>
      <c r="Y1242">
        <v>58</v>
      </c>
      <c r="Z1242">
        <v>15</v>
      </c>
      <c r="AA1242">
        <v>86</v>
      </c>
      <c r="AB1242">
        <v>23</v>
      </c>
      <c r="AC1242">
        <v>184</v>
      </c>
      <c r="AD1242">
        <v>48</v>
      </c>
      <c r="AE1242">
        <v>37</v>
      </c>
      <c r="AF1242">
        <v>0</v>
      </c>
      <c r="AG1242">
        <v>77367</v>
      </c>
      <c r="AH1242">
        <v>50000</v>
      </c>
      <c r="AI1242">
        <v>0</v>
      </c>
      <c r="AJ1242">
        <v>96</v>
      </c>
      <c r="AK1242" t="s">
        <v>4</v>
      </c>
      <c r="AL1242">
        <v>0</v>
      </c>
      <c r="AM1242">
        <v>0</v>
      </c>
      <c r="AN1242">
        <v>0</v>
      </c>
      <c r="AO1242">
        <v>0</v>
      </c>
      <c r="AP1242">
        <v>0</v>
      </c>
      <c r="AQ1242">
        <v>0</v>
      </c>
      <c r="AR1242">
        <v>0</v>
      </c>
      <c r="AS1242">
        <v>0</v>
      </c>
      <c r="AT1242">
        <v>0</v>
      </c>
      <c r="AU1242">
        <v>0</v>
      </c>
      <c r="AV1242">
        <v>0</v>
      </c>
      <c r="AW1242">
        <v>0</v>
      </c>
      <c r="AX1242">
        <v>-1620</v>
      </c>
      <c r="AY1242">
        <v>32</v>
      </c>
      <c r="AZ1242">
        <v>48</v>
      </c>
      <c r="BA1242">
        <v>3875</v>
      </c>
    </row>
    <row r="1243" spans="1:53" x14ac:dyDescent="0.4">
      <c r="A1243">
        <v>1287</v>
      </c>
      <c r="B1243" s="1">
        <v>43209</v>
      </c>
      <c r="C1243">
        <v>3</v>
      </c>
      <c r="D1243" s="1">
        <v>43209.739583333336</v>
      </c>
      <c r="E1243" s="1">
        <v>43210.033333333333</v>
      </c>
      <c r="F1243">
        <v>95360</v>
      </c>
      <c r="G1243">
        <v>2240</v>
      </c>
      <c r="H1243">
        <v>0</v>
      </c>
      <c r="I1243">
        <v>0</v>
      </c>
      <c r="J1243">
        <v>0</v>
      </c>
      <c r="K1243">
        <v>0</v>
      </c>
      <c r="L1243">
        <v>0</v>
      </c>
      <c r="M1243">
        <v>7807</v>
      </c>
      <c r="N1243">
        <v>0</v>
      </c>
      <c r="O1243">
        <v>0</v>
      </c>
      <c r="P1243">
        <v>-5832</v>
      </c>
      <c r="Q1243">
        <v>0</v>
      </c>
      <c r="R1243">
        <v>99575</v>
      </c>
      <c r="S1243">
        <v>0</v>
      </c>
      <c r="T1243">
        <v>0</v>
      </c>
      <c r="U1243">
        <v>0</v>
      </c>
      <c r="V1243">
        <v>11</v>
      </c>
      <c r="W1243">
        <v>0</v>
      </c>
      <c r="X1243">
        <v>0</v>
      </c>
      <c r="Y1243">
        <v>18</v>
      </c>
      <c r="Z1243">
        <v>11</v>
      </c>
      <c r="AA1243">
        <v>71</v>
      </c>
      <c r="AB1243">
        <v>23</v>
      </c>
      <c r="AC1243">
        <v>196</v>
      </c>
      <c r="AD1243">
        <v>49</v>
      </c>
      <c r="AE1243">
        <v>47</v>
      </c>
      <c r="AF1243">
        <v>32940</v>
      </c>
      <c r="AG1243">
        <v>176942</v>
      </c>
      <c r="AH1243">
        <v>50000</v>
      </c>
      <c r="AI1243">
        <v>0</v>
      </c>
      <c r="AJ1243">
        <v>100</v>
      </c>
      <c r="AK1243" t="s">
        <v>0</v>
      </c>
      <c r="AL1243">
        <v>0</v>
      </c>
      <c r="AM1243">
        <v>0</v>
      </c>
      <c r="AN1243">
        <v>0</v>
      </c>
      <c r="AO1243">
        <v>0</v>
      </c>
      <c r="AP1243">
        <v>0</v>
      </c>
      <c r="AQ1243">
        <v>0</v>
      </c>
      <c r="AR1243">
        <v>0</v>
      </c>
      <c r="AS1243">
        <v>0</v>
      </c>
      <c r="AT1243">
        <v>0</v>
      </c>
      <c r="AU1243">
        <v>0</v>
      </c>
      <c r="AV1243">
        <v>0</v>
      </c>
      <c r="AW1243">
        <v>0</v>
      </c>
      <c r="AX1243">
        <v>6026</v>
      </c>
      <c r="AY1243">
        <v>20</v>
      </c>
      <c r="AZ1243">
        <v>65</v>
      </c>
      <c r="BA1243">
        <v>3830</v>
      </c>
    </row>
    <row r="1244" spans="1:53" x14ac:dyDescent="0.4">
      <c r="A1244">
        <v>1288</v>
      </c>
      <c r="B1244" s="1">
        <v>43210</v>
      </c>
      <c r="C1244">
        <v>1</v>
      </c>
      <c r="D1244" s="1">
        <v>43210.291666666664</v>
      </c>
      <c r="E1244" s="1">
        <v>43210.444444444445</v>
      </c>
      <c r="F1244">
        <v>0</v>
      </c>
      <c r="G1244">
        <v>0</v>
      </c>
      <c r="H1244">
        <v>0</v>
      </c>
      <c r="I1244">
        <v>0</v>
      </c>
      <c r="J1244">
        <v>0</v>
      </c>
      <c r="K1244">
        <v>0</v>
      </c>
      <c r="L1244">
        <v>0</v>
      </c>
      <c r="M1244">
        <v>0</v>
      </c>
      <c r="N1244">
        <v>0</v>
      </c>
      <c r="O1244">
        <v>0</v>
      </c>
      <c r="P1244">
        <v>0</v>
      </c>
      <c r="Q1244">
        <v>0</v>
      </c>
      <c r="R1244">
        <v>0</v>
      </c>
      <c r="S1244">
        <v>0</v>
      </c>
      <c r="T1244">
        <v>0</v>
      </c>
      <c r="U1244">
        <v>0</v>
      </c>
      <c r="V1244">
        <v>1</v>
      </c>
      <c r="W1244">
        <v>0</v>
      </c>
      <c r="X1244">
        <v>0</v>
      </c>
      <c r="Y1244">
        <v>26</v>
      </c>
      <c r="Z1244">
        <v>8</v>
      </c>
      <c r="AA1244">
        <v>71</v>
      </c>
      <c r="AB1244">
        <v>23</v>
      </c>
      <c r="AC1244">
        <v>147</v>
      </c>
      <c r="AD1244">
        <v>48</v>
      </c>
      <c r="AE1244">
        <v>40</v>
      </c>
      <c r="AF1244">
        <v>0</v>
      </c>
      <c r="AG1244">
        <v>50000</v>
      </c>
      <c r="AH1244">
        <v>0</v>
      </c>
      <c r="AI1244">
        <v>50000</v>
      </c>
      <c r="AJ1244">
        <v>0</v>
      </c>
      <c r="AK1244" t="s">
        <v>6</v>
      </c>
      <c r="AL1244">
        <v>0</v>
      </c>
      <c r="AM1244">
        <v>0</v>
      </c>
      <c r="AN1244">
        <v>0</v>
      </c>
      <c r="AO1244">
        <v>0</v>
      </c>
      <c r="AP1244">
        <v>0</v>
      </c>
      <c r="AQ1244">
        <v>0</v>
      </c>
      <c r="AR1244">
        <v>0</v>
      </c>
      <c r="AS1244">
        <v>0</v>
      </c>
      <c r="AT1244">
        <v>0</v>
      </c>
      <c r="AU1244">
        <v>0</v>
      </c>
      <c r="AV1244">
        <v>0</v>
      </c>
      <c r="AW1244">
        <v>0</v>
      </c>
      <c r="AX1244">
        <v>0</v>
      </c>
      <c r="AY1244">
        <v>0</v>
      </c>
      <c r="AZ1244">
        <v>0</v>
      </c>
      <c r="BA1244">
        <v>0</v>
      </c>
    </row>
    <row r="1245" spans="1:53" x14ac:dyDescent="0.4">
      <c r="A1245">
        <v>1289</v>
      </c>
      <c r="B1245" s="1">
        <v>43210</v>
      </c>
      <c r="C1245">
        <v>2</v>
      </c>
      <c r="D1245" s="1">
        <v>43210.444444444445</v>
      </c>
      <c r="E1245" s="1">
        <v>43210.745138888888</v>
      </c>
      <c r="F1245">
        <v>18000</v>
      </c>
      <c r="G1245">
        <v>880</v>
      </c>
      <c r="H1245">
        <v>0</v>
      </c>
      <c r="I1245">
        <v>0</v>
      </c>
      <c r="J1245">
        <v>0</v>
      </c>
      <c r="K1245">
        <v>0</v>
      </c>
      <c r="L1245">
        <v>0</v>
      </c>
      <c r="M1245">
        <v>1510</v>
      </c>
      <c r="N1245">
        <v>0</v>
      </c>
      <c r="O1245">
        <v>0</v>
      </c>
      <c r="P1245">
        <v>15660</v>
      </c>
      <c r="Q1245">
        <v>0</v>
      </c>
      <c r="R1245">
        <v>36050</v>
      </c>
      <c r="S1245">
        <v>0</v>
      </c>
      <c r="T1245">
        <v>0</v>
      </c>
      <c r="U1245">
        <v>0</v>
      </c>
      <c r="V1245">
        <v>2</v>
      </c>
      <c r="W1245">
        <v>1</v>
      </c>
      <c r="X1245">
        <v>0</v>
      </c>
      <c r="Y1245">
        <v>46</v>
      </c>
      <c r="Z1245">
        <v>2</v>
      </c>
      <c r="AA1245">
        <v>73</v>
      </c>
      <c r="AB1245">
        <v>19</v>
      </c>
      <c r="AC1245">
        <v>187</v>
      </c>
      <c r="AD1245">
        <v>48</v>
      </c>
      <c r="AE1245">
        <v>40</v>
      </c>
      <c r="AF1245">
        <v>3650</v>
      </c>
      <c r="AG1245">
        <v>86050</v>
      </c>
      <c r="AH1245">
        <v>50000</v>
      </c>
      <c r="AI1245">
        <v>0</v>
      </c>
      <c r="AJ1245">
        <v>96</v>
      </c>
      <c r="AK1245" t="s">
        <v>4</v>
      </c>
      <c r="AL1245">
        <v>0</v>
      </c>
      <c r="AM1245">
        <v>0</v>
      </c>
      <c r="AN1245">
        <v>0</v>
      </c>
      <c r="AO1245">
        <v>0</v>
      </c>
      <c r="AP1245">
        <v>0</v>
      </c>
      <c r="AQ1245">
        <v>0</v>
      </c>
      <c r="AR1245">
        <v>0</v>
      </c>
      <c r="AS1245">
        <v>0</v>
      </c>
      <c r="AT1245">
        <v>0</v>
      </c>
      <c r="AU1245">
        <v>0</v>
      </c>
      <c r="AV1245">
        <v>0</v>
      </c>
      <c r="AW1245">
        <v>0</v>
      </c>
      <c r="AX1245">
        <v>1576</v>
      </c>
      <c r="AY1245">
        <v>37</v>
      </c>
      <c r="AZ1245">
        <v>63</v>
      </c>
      <c r="BA1245">
        <v>5086</v>
      </c>
    </row>
    <row r="1246" spans="1:53" x14ac:dyDescent="0.4">
      <c r="A1246">
        <v>1290</v>
      </c>
      <c r="B1246" s="1">
        <v>43211</v>
      </c>
      <c r="C1246">
        <v>1</v>
      </c>
      <c r="D1246" s="1">
        <v>43211.291666666664</v>
      </c>
      <c r="E1246" s="1">
        <v>43211.413888888892</v>
      </c>
      <c r="F1246">
        <v>0</v>
      </c>
      <c r="G1246">
        <v>0</v>
      </c>
      <c r="H1246">
        <v>0</v>
      </c>
      <c r="I1246">
        <v>0</v>
      </c>
      <c r="J1246">
        <v>0</v>
      </c>
      <c r="K1246">
        <v>0</v>
      </c>
      <c r="L1246">
        <v>0</v>
      </c>
      <c r="M1246">
        <v>0</v>
      </c>
      <c r="N1246">
        <v>0</v>
      </c>
      <c r="O1246">
        <v>0</v>
      </c>
      <c r="P1246">
        <v>0</v>
      </c>
      <c r="Q1246">
        <v>0</v>
      </c>
      <c r="R1246">
        <v>0</v>
      </c>
      <c r="S1246">
        <v>0</v>
      </c>
      <c r="T1246">
        <v>0</v>
      </c>
      <c r="U1246">
        <v>0</v>
      </c>
      <c r="V1246">
        <v>0</v>
      </c>
      <c r="W1246">
        <v>0</v>
      </c>
      <c r="X1246">
        <v>0</v>
      </c>
      <c r="Y1246">
        <v>44</v>
      </c>
      <c r="Z1246">
        <v>0</v>
      </c>
      <c r="AA1246">
        <v>35</v>
      </c>
      <c r="AB1246">
        <v>13</v>
      </c>
      <c r="AC1246">
        <v>150</v>
      </c>
      <c r="AD1246">
        <v>46</v>
      </c>
      <c r="AE1246">
        <v>120</v>
      </c>
      <c r="AF1246">
        <v>0</v>
      </c>
      <c r="AG1246">
        <v>50000</v>
      </c>
      <c r="AH1246">
        <v>0</v>
      </c>
      <c r="AI1246">
        <v>50000</v>
      </c>
      <c r="AJ1246">
        <v>0</v>
      </c>
      <c r="AK1246" t="s">
        <v>6</v>
      </c>
      <c r="AL1246">
        <v>0</v>
      </c>
      <c r="AM1246">
        <v>0</v>
      </c>
      <c r="AN1246">
        <v>0</v>
      </c>
      <c r="AO1246">
        <v>0</v>
      </c>
      <c r="AP1246">
        <v>0</v>
      </c>
      <c r="AQ1246">
        <v>0</v>
      </c>
      <c r="AR1246">
        <v>0</v>
      </c>
      <c r="AS1246">
        <v>0</v>
      </c>
      <c r="AT1246">
        <v>0</v>
      </c>
      <c r="AU1246">
        <v>0</v>
      </c>
      <c r="AV1246">
        <v>0</v>
      </c>
      <c r="AW1246">
        <v>0</v>
      </c>
      <c r="AX1246">
        <v>0</v>
      </c>
      <c r="AY1246">
        <v>0</v>
      </c>
      <c r="AZ1246">
        <v>0</v>
      </c>
      <c r="BA1246">
        <v>0</v>
      </c>
    </row>
    <row r="1247" spans="1:53" x14ac:dyDescent="0.4">
      <c r="A1247">
        <v>1291</v>
      </c>
      <c r="B1247" s="1">
        <v>43211</v>
      </c>
      <c r="C1247">
        <v>2</v>
      </c>
      <c r="D1247" s="1">
        <v>43211.413888888892</v>
      </c>
      <c r="E1247" s="1">
        <v>43211.744444444441</v>
      </c>
      <c r="F1247">
        <v>41500</v>
      </c>
      <c r="G1247">
        <v>2000</v>
      </c>
      <c r="H1247">
        <v>0</v>
      </c>
      <c r="I1247">
        <v>0</v>
      </c>
      <c r="J1247">
        <v>0</v>
      </c>
      <c r="K1247">
        <v>0</v>
      </c>
      <c r="L1247">
        <v>0</v>
      </c>
      <c r="M1247">
        <v>3480</v>
      </c>
      <c r="N1247">
        <v>0</v>
      </c>
      <c r="O1247">
        <v>0</v>
      </c>
      <c r="P1247">
        <v>14040</v>
      </c>
      <c r="Q1247">
        <v>0</v>
      </c>
      <c r="R1247">
        <v>61020</v>
      </c>
      <c r="S1247">
        <v>0</v>
      </c>
      <c r="T1247">
        <v>0</v>
      </c>
      <c r="U1247">
        <v>0</v>
      </c>
      <c r="V1247">
        <v>1</v>
      </c>
      <c r="W1247">
        <v>1</v>
      </c>
      <c r="X1247">
        <v>0</v>
      </c>
      <c r="Y1247">
        <v>79</v>
      </c>
      <c r="Z1247">
        <v>20</v>
      </c>
      <c r="AA1247">
        <v>35</v>
      </c>
      <c r="AB1247">
        <v>16</v>
      </c>
      <c r="AC1247">
        <v>232</v>
      </c>
      <c r="AD1247">
        <v>54</v>
      </c>
      <c r="AE1247">
        <v>130</v>
      </c>
      <c r="AF1247">
        <v>0</v>
      </c>
      <c r="AG1247">
        <v>111020</v>
      </c>
      <c r="AH1247">
        <v>50000</v>
      </c>
      <c r="AI1247">
        <v>0</v>
      </c>
      <c r="AJ1247">
        <v>96</v>
      </c>
      <c r="AK1247" t="s">
        <v>4</v>
      </c>
      <c r="AL1247">
        <v>0</v>
      </c>
      <c r="AM1247">
        <v>0</v>
      </c>
      <c r="AN1247">
        <v>0</v>
      </c>
      <c r="AO1247">
        <v>0</v>
      </c>
      <c r="AP1247">
        <v>0</v>
      </c>
      <c r="AQ1247">
        <v>0</v>
      </c>
      <c r="AR1247">
        <v>0</v>
      </c>
      <c r="AS1247">
        <v>0</v>
      </c>
      <c r="AT1247">
        <v>0</v>
      </c>
      <c r="AU1247">
        <v>0</v>
      </c>
      <c r="AV1247">
        <v>0</v>
      </c>
      <c r="AW1247">
        <v>0</v>
      </c>
      <c r="AX1247">
        <v>669</v>
      </c>
      <c r="AY1247">
        <v>46</v>
      </c>
      <c r="AZ1247">
        <v>105</v>
      </c>
      <c r="BA1247">
        <v>7411</v>
      </c>
    </row>
    <row r="1248" spans="1:53" x14ac:dyDescent="0.4">
      <c r="A1248">
        <v>1292</v>
      </c>
      <c r="B1248" s="1">
        <v>43212</v>
      </c>
      <c r="C1248">
        <v>1</v>
      </c>
      <c r="D1248" s="1">
        <v>43212.291666666664</v>
      </c>
      <c r="E1248" s="1">
        <v>43212.404166666667</v>
      </c>
      <c r="F1248">
        <v>0</v>
      </c>
      <c r="G1248">
        <v>0</v>
      </c>
      <c r="H1248">
        <v>0</v>
      </c>
      <c r="I1248">
        <v>0</v>
      </c>
      <c r="J1248">
        <v>0</v>
      </c>
      <c r="K1248">
        <v>0</v>
      </c>
      <c r="L1248">
        <v>0</v>
      </c>
      <c r="M1248">
        <v>0</v>
      </c>
      <c r="N1248">
        <v>0</v>
      </c>
      <c r="O1248">
        <v>0</v>
      </c>
      <c r="P1248">
        <v>0</v>
      </c>
      <c r="Q1248">
        <v>0</v>
      </c>
      <c r="R1248">
        <v>0</v>
      </c>
      <c r="S1248">
        <v>0</v>
      </c>
      <c r="T1248">
        <v>0</v>
      </c>
      <c r="U1248">
        <v>0</v>
      </c>
      <c r="V1248">
        <v>0</v>
      </c>
      <c r="W1248">
        <v>0</v>
      </c>
      <c r="X1248">
        <v>0</v>
      </c>
      <c r="Y1248">
        <v>33</v>
      </c>
      <c r="Z1248">
        <v>16</v>
      </c>
      <c r="AA1248">
        <v>67</v>
      </c>
      <c r="AB1248">
        <v>10</v>
      </c>
      <c r="AC1248">
        <v>145</v>
      </c>
      <c r="AD1248">
        <v>48</v>
      </c>
      <c r="AE1248">
        <v>110</v>
      </c>
      <c r="AF1248">
        <v>0</v>
      </c>
      <c r="AG1248">
        <v>50000</v>
      </c>
      <c r="AH1248">
        <v>50000</v>
      </c>
      <c r="AI1248">
        <v>0</v>
      </c>
      <c r="AJ1248">
        <v>0</v>
      </c>
      <c r="AK1248" t="s">
        <v>6</v>
      </c>
      <c r="AL1248">
        <v>0</v>
      </c>
      <c r="AM1248">
        <v>0</v>
      </c>
      <c r="AN1248">
        <v>0</v>
      </c>
      <c r="AO1248">
        <v>0</v>
      </c>
      <c r="AP1248">
        <v>0</v>
      </c>
      <c r="AQ1248">
        <v>0</v>
      </c>
      <c r="AR1248">
        <v>0</v>
      </c>
      <c r="AS1248">
        <v>0</v>
      </c>
      <c r="AT1248">
        <v>0</v>
      </c>
      <c r="AU1248">
        <v>0</v>
      </c>
      <c r="AV1248">
        <v>0</v>
      </c>
      <c r="AW1248">
        <v>0</v>
      </c>
      <c r="AX1248">
        <v>0</v>
      </c>
      <c r="AY1248">
        <v>0</v>
      </c>
      <c r="AZ1248">
        <v>0</v>
      </c>
      <c r="BA1248">
        <v>0</v>
      </c>
    </row>
    <row r="1249" spans="1:53" x14ac:dyDescent="0.4">
      <c r="A1249">
        <v>1293</v>
      </c>
      <c r="B1249" s="1">
        <v>43212</v>
      </c>
      <c r="C1249">
        <v>2</v>
      </c>
      <c r="D1249" s="1">
        <v>43212.404166666667</v>
      </c>
      <c r="E1249" s="1">
        <v>43212.749305555553</v>
      </c>
      <c r="F1249">
        <v>41500</v>
      </c>
      <c r="G1249">
        <v>3020</v>
      </c>
      <c r="H1249">
        <v>0</v>
      </c>
      <c r="I1249">
        <v>0</v>
      </c>
      <c r="J1249">
        <v>0</v>
      </c>
      <c r="K1249">
        <v>0</v>
      </c>
      <c r="L1249">
        <v>0</v>
      </c>
      <c r="M1249">
        <v>3561</v>
      </c>
      <c r="N1249">
        <v>0</v>
      </c>
      <c r="O1249">
        <v>0</v>
      </c>
      <c r="P1249">
        <v>16470</v>
      </c>
      <c r="Q1249">
        <v>0</v>
      </c>
      <c r="R1249">
        <v>64551</v>
      </c>
      <c r="S1249">
        <v>0</v>
      </c>
      <c r="T1249">
        <v>0</v>
      </c>
      <c r="U1249">
        <v>0</v>
      </c>
      <c r="V1249">
        <v>1</v>
      </c>
      <c r="W1249">
        <v>3</v>
      </c>
      <c r="X1249">
        <v>0</v>
      </c>
      <c r="Y1249">
        <v>55</v>
      </c>
      <c r="Z1249">
        <v>43</v>
      </c>
      <c r="AA1249">
        <v>71</v>
      </c>
      <c r="AB1249">
        <v>6</v>
      </c>
      <c r="AC1249">
        <v>211</v>
      </c>
      <c r="AD1249">
        <v>51</v>
      </c>
      <c r="AE1249">
        <v>106</v>
      </c>
      <c r="AF1249">
        <v>3180</v>
      </c>
      <c r="AG1249">
        <v>114551</v>
      </c>
      <c r="AH1249">
        <v>50000</v>
      </c>
      <c r="AI1249">
        <v>0</v>
      </c>
      <c r="AJ1249">
        <v>99</v>
      </c>
      <c r="AK1249" t="s">
        <v>9</v>
      </c>
      <c r="AL1249">
        <v>0</v>
      </c>
      <c r="AM1249">
        <v>0</v>
      </c>
      <c r="AN1249">
        <v>0</v>
      </c>
      <c r="AO1249">
        <v>0</v>
      </c>
      <c r="AP1249">
        <v>0</v>
      </c>
      <c r="AQ1249">
        <v>0</v>
      </c>
      <c r="AR1249">
        <v>0</v>
      </c>
      <c r="AS1249">
        <v>0</v>
      </c>
      <c r="AT1249">
        <v>0</v>
      </c>
      <c r="AU1249">
        <v>0</v>
      </c>
      <c r="AV1249">
        <v>0</v>
      </c>
      <c r="AW1249">
        <v>0</v>
      </c>
      <c r="AX1249">
        <v>0</v>
      </c>
      <c r="AY1249">
        <v>46</v>
      </c>
      <c r="AZ1249">
        <v>110</v>
      </c>
      <c r="BA1249">
        <v>6961</v>
      </c>
    </row>
    <row r="1250" spans="1:53" x14ac:dyDescent="0.4">
      <c r="A1250">
        <v>1294</v>
      </c>
      <c r="B1250" s="1">
        <v>43212</v>
      </c>
      <c r="C1250">
        <v>3</v>
      </c>
      <c r="D1250" s="1">
        <v>43212.749305555553</v>
      </c>
      <c r="E1250" s="1">
        <v>43212.957638888889</v>
      </c>
      <c r="F1250">
        <v>83770</v>
      </c>
      <c r="G1250">
        <v>2670</v>
      </c>
      <c r="H1250">
        <v>0</v>
      </c>
      <c r="I1250">
        <v>0</v>
      </c>
      <c r="J1250">
        <v>0</v>
      </c>
      <c r="K1250">
        <v>0</v>
      </c>
      <c r="L1250">
        <v>0</v>
      </c>
      <c r="M1250">
        <v>6915</v>
      </c>
      <c r="N1250">
        <v>0</v>
      </c>
      <c r="O1250">
        <v>0</v>
      </c>
      <c r="P1250">
        <v>-9990</v>
      </c>
      <c r="Q1250">
        <v>0</v>
      </c>
      <c r="R1250">
        <v>83365</v>
      </c>
      <c r="S1250">
        <v>0</v>
      </c>
      <c r="T1250">
        <v>0</v>
      </c>
      <c r="U1250">
        <v>0</v>
      </c>
      <c r="V1250">
        <v>5</v>
      </c>
      <c r="W1250">
        <v>5</v>
      </c>
      <c r="X1250">
        <v>0</v>
      </c>
      <c r="Y1250">
        <v>67</v>
      </c>
      <c r="Z1250">
        <v>47</v>
      </c>
      <c r="AA1250">
        <v>65</v>
      </c>
      <c r="AB1250">
        <v>4</v>
      </c>
      <c r="AC1250">
        <v>190</v>
      </c>
      <c r="AD1250">
        <v>50</v>
      </c>
      <c r="AE1250">
        <v>104</v>
      </c>
      <c r="AF1250">
        <v>23462</v>
      </c>
      <c r="AG1250">
        <v>197916</v>
      </c>
      <c r="AH1250">
        <v>50000</v>
      </c>
      <c r="AI1250">
        <v>0</v>
      </c>
      <c r="AJ1250">
        <v>108</v>
      </c>
      <c r="AK1250" t="s">
        <v>30</v>
      </c>
      <c r="AL1250">
        <v>0</v>
      </c>
      <c r="AM1250">
        <v>0</v>
      </c>
      <c r="AN1250">
        <v>0</v>
      </c>
      <c r="AO1250">
        <v>0</v>
      </c>
      <c r="AP1250">
        <v>0</v>
      </c>
      <c r="AQ1250">
        <v>0</v>
      </c>
      <c r="AR1250">
        <v>0</v>
      </c>
      <c r="AS1250">
        <v>0</v>
      </c>
      <c r="AT1250">
        <v>0</v>
      </c>
      <c r="AU1250">
        <v>0</v>
      </c>
      <c r="AV1250">
        <v>0</v>
      </c>
      <c r="AW1250">
        <v>0</v>
      </c>
      <c r="AX1250">
        <v>34052</v>
      </c>
      <c r="AY1250">
        <v>19</v>
      </c>
      <c r="AZ1250">
        <v>75</v>
      </c>
      <c r="BA1250">
        <v>2983</v>
      </c>
    </row>
    <row r="1251" spans="1:53" x14ac:dyDescent="0.4">
      <c r="A1251">
        <v>1295</v>
      </c>
      <c r="B1251" s="1">
        <v>43213</v>
      </c>
      <c r="C1251">
        <v>1</v>
      </c>
      <c r="D1251" s="1">
        <v>43213.291666666664</v>
      </c>
      <c r="E1251" s="1">
        <v>43213.448611111111</v>
      </c>
      <c r="F1251">
        <v>0</v>
      </c>
      <c r="G1251">
        <v>0</v>
      </c>
      <c r="H1251">
        <v>0</v>
      </c>
      <c r="I1251">
        <v>0</v>
      </c>
      <c r="J1251">
        <v>0</v>
      </c>
      <c r="K1251">
        <v>0</v>
      </c>
      <c r="L1251">
        <v>0</v>
      </c>
      <c r="M1251">
        <v>0</v>
      </c>
      <c r="N1251">
        <v>0</v>
      </c>
      <c r="O1251">
        <v>0</v>
      </c>
      <c r="P1251">
        <v>0</v>
      </c>
      <c r="Q1251">
        <v>0</v>
      </c>
      <c r="R1251">
        <v>0</v>
      </c>
      <c r="S1251">
        <v>0</v>
      </c>
      <c r="T1251">
        <v>0</v>
      </c>
      <c r="U1251">
        <v>0</v>
      </c>
      <c r="V1251">
        <v>0</v>
      </c>
      <c r="W1251">
        <v>0</v>
      </c>
      <c r="X1251">
        <v>0</v>
      </c>
      <c r="Y1251">
        <v>37</v>
      </c>
      <c r="Z1251">
        <v>12</v>
      </c>
      <c r="AA1251">
        <v>55</v>
      </c>
      <c r="AB1251">
        <v>1</v>
      </c>
      <c r="AC1251">
        <v>111</v>
      </c>
      <c r="AD1251">
        <v>51</v>
      </c>
      <c r="AE1251">
        <v>85</v>
      </c>
      <c r="AF1251">
        <v>0</v>
      </c>
      <c r="AG1251">
        <v>50000</v>
      </c>
      <c r="AH1251">
        <v>0</v>
      </c>
      <c r="AI1251">
        <v>50000</v>
      </c>
      <c r="AJ1251">
        <v>0</v>
      </c>
      <c r="AK1251" t="s">
        <v>6</v>
      </c>
      <c r="AL1251">
        <v>0</v>
      </c>
      <c r="AM1251">
        <v>0</v>
      </c>
      <c r="AN1251">
        <v>0</v>
      </c>
      <c r="AO1251">
        <v>0</v>
      </c>
      <c r="AP1251">
        <v>0</v>
      </c>
      <c r="AQ1251">
        <v>0</v>
      </c>
      <c r="AR1251">
        <v>0</v>
      </c>
      <c r="AS1251">
        <v>0</v>
      </c>
      <c r="AT1251">
        <v>0</v>
      </c>
      <c r="AU1251">
        <v>0</v>
      </c>
      <c r="AV1251">
        <v>0</v>
      </c>
      <c r="AW1251">
        <v>0</v>
      </c>
      <c r="AX1251">
        <v>0</v>
      </c>
      <c r="AY1251">
        <v>0</v>
      </c>
      <c r="AZ1251">
        <v>0</v>
      </c>
      <c r="BA1251">
        <v>0</v>
      </c>
    </row>
    <row r="1252" spans="1:53" x14ac:dyDescent="0.4">
      <c r="A1252">
        <v>1296</v>
      </c>
      <c r="B1252" s="1">
        <v>43213</v>
      </c>
      <c r="C1252">
        <v>2</v>
      </c>
      <c r="D1252" s="1">
        <v>43213.448611111111</v>
      </c>
      <c r="E1252" s="1">
        <v>43213.779861111114</v>
      </c>
      <c r="F1252">
        <v>42500</v>
      </c>
      <c r="G1252">
        <v>5360</v>
      </c>
      <c r="H1252">
        <v>0</v>
      </c>
      <c r="I1252">
        <v>0</v>
      </c>
      <c r="J1252">
        <v>0</v>
      </c>
      <c r="K1252">
        <v>0</v>
      </c>
      <c r="L1252">
        <v>0</v>
      </c>
      <c r="M1252">
        <v>3828</v>
      </c>
      <c r="N1252">
        <v>0</v>
      </c>
      <c r="O1252">
        <v>0</v>
      </c>
      <c r="P1252">
        <v>11232</v>
      </c>
      <c r="Q1252">
        <v>0</v>
      </c>
      <c r="R1252">
        <v>62920</v>
      </c>
      <c r="S1252">
        <v>0</v>
      </c>
      <c r="T1252">
        <v>0</v>
      </c>
      <c r="U1252">
        <v>0</v>
      </c>
      <c r="V1252">
        <v>0</v>
      </c>
      <c r="W1252">
        <v>2</v>
      </c>
      <c r="X1252">
        <v>0</v>
      </c>
      <c r="Y1252">
        <v>80</v>
      </c>
      <c r="Z1252">
        <v>23</v>
      </c>
      <c r="AA1252">
        <v>85</v>
      </c>
      <c r="AB1252">
        <v>12</v>
      </c>
      <c r="AC1252">
        <v>193</v>
      </c>
      <c r="AD1252">
        <v>60</v>
      </c>
      <c r="AE1252">
        <v>90</v>
      </c>
      <c r="AF1252">
        <v>0</v>
      </c>
      <c r="AG1252">
        <v>112920</v>
      </c>
      <c r="AH1252">
        <v>50000</v>
      </c>
      <c r="AI1252">
        <v>0</v>
      </c>
      <c r="AJ1252">
        <v>99</v>
      </c>
      <c r="AK1252" t="s">
        <v>9</v>
      </c>
      <c r="AL1252">
        <v>0</v>
      </c>
      <c r="AM1252">
        <v>0</v>
      </c>
      <c r="AN1252">
        <v>0</v>
      </c>
      <c r="AO1252">
        <v>0</v>
      </c>
      <c r="AP1252">
        <v>0</v>
      </c>
      <c r="AQ1252">
        <v>0</v>
      </c>
      <c r="AR1252">
        <v>0</v>
      </c>
      <c r="AS1252">
        <v>0</v>
      </c>
      <c r="AT1252">
        <v>0</v>
      </c>
      <c r="AU1252">
        <v>0</v>
      </c>
      <c r="AV1252">
        <v>0</v>
      </c>
      <c r="AW1252">
        <v>0</v>
      </c>
      <c r="AX1252">
        <v>-2182</v>
      </c>
      <c r="AY1252">
        <v>40</v>
      </c>
      <c r="AZ1252">
        <v>95</v>
      </c>
      <c r="BA1252">
        <v>5795</v>
      </c>
    </row>
    <row r="1253" spans="1:53" x14ac:dyDescent="0.4">
      <c r="A1253">
        <v>1297</v>
      </c>
      <c r="B1253" s="1">
        <v>43214</v>
      </c>
      <c r="C1253">
        <v>1</v>
      </c>
      <c r="D1253" s="1">
        <v>43214.291666666664</v>
      </c>
      <c r="E1253" s="1">
        <v>43214.448611111111</v>
      </c>
      <c r="F1253">
        <v>0</v>
      </c>
      <c r="G1253">
        <v>0</v>
      </c>
      <c r="H1253">
        <v>0</v>
      </c>
      <c r="I1253">
        <v>0</v>
      </c>
      <c r="J1253">
        <v>0</v>
      </c>
      <c r="K1253">
        <v>0</v>
      </c>
      <c r="L1253">
        <v>0</v>
      </c>
      <c r="M1253">
        <v>0</v>
      </c>
      <c r="N1253">
        <v>0</v>
      </c>
      <c r="O1253">
        <v>0</v>
      </c>
      <c r="P1253">
        <v>0</v>
      </c>
      <c r="Q1253">
        <v>0</v>
      </c>
      <c r="R1253">
        <v>0</v>
      </c>
      <c r="S1253">
        <v>0</v>
      </c>
      <c r="T1253">
        <v>0</v>
      </c>
      <c r="U1253">
        <v>0</v>
      </c>
      <c r="V1253">
        <v>0</v>
      </c>
      <c r="W1253">
        <v>0</v>
      </c>
      <c r="X1253">
        <v>0</v>
      </c>
      <c r="Y1253">
        <v>34</v>
      </c>
      <c r="Z1253">
        <v>13</v>
      </c>
      <c r="AA1253">
        <v>71</v>
      </c>
      <c r="AB1253">
        <v>13</v>
      </c>
      <c r="AC1253">
        <v>137</v>
      </c>
      <c r="AD1253">
        <v>61</v>
      </c>
      <c r="AE1253">
        <v>75</v>
      </c>
      <c r="AF1253">
        <v>0</v>
      </c>
      <c r="AG1253">
        <v>50000</v>
      </c>
      <c r="AH1253">
        <v>0</v>
      </c>
      <c r="AI1253">
        <v>50000</v>
      </c>
      <c r="AJ1253">
        <v>0</v>
      </c>
      <c r="AK1253" t="s">
        <v>6</v>
      </c>
      <c r="AL1253">
        <v>0</v>
      </c>
      <c r="AM1253">
        <v>0</v>
      </c>
      <c r="AN1253">
        <v>0</v>
      </c>
      <c r="AO1253">
        <v>0</v>
      </c>
      <c r="AP1253">
        <v>0</v>
      </c>
      <c r="AQ1253">
        <v>0</v>
      </c>
      <c r="AR1253">
        <v>0</v>
      </c>
      <c r="AS1253">
        <v>0</v>
      </c>
      <c r="AT1253">
        <v>0</v>
      </c>
      <c r="AU1253">
        <v>0</v>
      </c>
      <c r="AV1253">
        <v>0</v>
      </c>
      <c r="AW1253">
        <v>0</v>
      </c>
      <c r="AX1253">
        <v>0</v>
      </c>
      <c r="AY1253">
        <v>0</v>
      </c>
      <c r="AZ1253">
        <v>0</v>
      </c>
      <c r="BA1253">
        <v>0</v>
      </c>
    </row>
    <row r="1254" spans="1:53" x14ac:dyDescent="0.4">
      <c r="A1254">
        <v>1298</v>
      </c>
      <c r="B1254" s="1">
        <v>43214</v>
      </c>
      <c r="C1254">
        <v>2</v>
      </c>
      <c r="D1254" s="1">
        <v>43214.448611111111</v>
      </c>
      <c r="E1254" s="1">
        <v>43214.768055555556</v>
      </c>
      <c r="F1254">
        <v>13500</v>
      </c>
      <c r="G1254">
        <v>2210</v>
      </c>
      <c r="H1254">
        <v>0</v>
      </c>
      <c r="I1254">
        <v>0</v>
      </c>
      <c r="J1254">
        <v>0</v>
      </c>
      <c r="K1254">
        <v>0</v>
      </c>
      <c r="L1254">
        <v>0</v>
      </c>
      <c r="M1254">
        <v>1258</v>
      </c>
      <c r="N1254">
        <v>0</v>
      </c>
      <c r="O1254">
        <v>0</v>
      </c>
      <c r="P1254">
        <v>17388</v>
      </c>
      <c r="Q1254">
        <v>0</v>
      </c>
      <c r="R1254">
        <v>34356</v>
      </c>
      <c r="S1254">
        <v>0</v>
      </c>
      <c r="T1254">
        <v>0</v>
      </c>
      <c r="U1254">
        <v>0</v>
      </c>
      <c r="V1254">
        <v>1</v>
      </c>
      <c r="W1254">
        <v>1</v>
      </c>
      <c r="X1254">
        <v>0</v>
      </c>
      <c r="Y1254">
        <v>50</v>
      </c>
      <c r="Z1254">
        <v>16</v>
      </c>
      <c r="AA1254">
        <v>60</v>
      </c>
      <c r="AB1254">
        <v>12</v>
      </c>
      <c r="AC1254">
        <v>150</v>
      </c>
      <c r="AD1254">
        <v>62</v>
      </c>
      <c r="AE1254">
        <v>63</v>
      </c>
      <c r="AF1254">
        <v>2883</v>
      </c>
      <c r="AG1254">
        <v>84356</v>
      </c>
      <c r="AH1254">
        <v>50000</v>
      </c>
      <c r="AI1254">
        <v>0</v>
      </c>
      <c r="AJ1254">
        <v>96</v>
      </c>
      <c r="AK1254" t="s">
        <v>4</v>
      </c>
      <c r="AL1254">
        <v>0</v>
      </c>
      <c r="AM1254">
        <v>0</v>
      </c>
      <c r="AN1254">
        <v>0</v>
      </c>
      <c r="AO1254">
        <v>0</v>
      </c>
      <c r="AP1254">
        <v>0</v>
      </c>
      <c r="AQ1254">
        <v>0</v>
      </c>
      <c r="AR1254">
        <v>0</v>
      </c>
      <c r="AS1254">
        <v>0</v>
      </c>
      <c r="AT1254">
        <v>0</v>
      </c>
      <c r="AU1254">
        <v>0</v>
      </c>
      <c r="AV1254">
        <v>0</v>
      </c>
      <c r="AW1254">
        <v>0</v>
      </c>
      <c r="AX1254">
        <v>-2420</v>
      </c>
      <c r="AY1254">
        <v>32</v>
      </c>
      <c r="AZ1254">
        <v>55</v>
      </c>
      <c r="BA1254">
        <v>4133</v>
      </c>
    </row>
    <row r="1255" spans="1:53" x14ac:dyDescent="0.4">
      <c r="A1255">
        <v>1299</v>
      </c>
      <c r="B1255" s="1">
        <v>43214</v>
      </c>
      <c r="C1255">
        <v>3</v>
      </c>
      <c r="D1255" s="1">
        <v>43214.768055555556</v>
      </c>
      <c r="E1255" s="1">
        <v>43214.979861111111</v>
      </c>
      <c r="F1255">
        <v>65140</v>
      </c>
      <c r="G1255">
        <v>10350</v>
      </c>
      <c r="H1255">
        <v>0</v>
      </c>
      <c r="I1255">
        <v>0</v>
      </c>
      <c r="J1255">
        <v>0</v>
      </c>
      <c r="K1255">
        <v>0</v>
      </c>
      <c r="L1255">
        <v>0</v>
      </c>
      <c r="M1255">
        <v>6037</v>
      </c>
      <c r="N1255">
        <v>0</v>
      </c>
      <c r="O1255">
        <v>0</v>
      </c>
      <c r="P1255">
        <v>23857</v>
      </c>
      <c r="Q1255">
        <v>0</v>
      </c>
      <c r="R1255">
        <v>105384</v>
      </c>
      <c r="S1255">
        <v>0</v>
      </c>
      <c r="T1255">
        <v>0</v>
      </c>
      <c r="U1255">
        <v>0</v>
      </c>
      <c r="V1255">
        <v>12</v>
      </c>
      <c r="W1255">
        <v>0</v>
      </c>
      <c r="X1255">
        <v>0</v>
      </c>
      <c r="Y1255">
        <v>33</v>
      </c>
      <c r="Z1255">
        <v>17</v>
      </c>
      <c r="AA1255">
        <v>65</v>
      </c>
      <c r="AB1255">
        <v>10</v>
      </c>
      <c r="AC1255">
        <v>152</v>
      </c>
      <c r="AD1255">
        <v>62</v>
      </c>
      <c r="AE1255">
        <v>57</v>
      </c>
      <c r="AF1255">
        <v>19353</v>
      </c>
      <c r="AG1255">
        <v>189740</v>
      </c>
      <c r="AH1255">
        <v>50000</v>
      </c>
      <c r="AI1255">
        <v>0</v>
      </c>
      <c r="AJ1255">
        <v>100</v>
      </c>
      <c r="AK1255" t="s">
        <v>0</v>
      </c>
      <c r="AL1255">
        <v>0</v>
      </c>
      <c r="AM1255">
        <v>0</v>
      </c>
      <c r="AN1255">
        <v>0</v>
      </c>
      <c r="AO1255">
        <v>0</v>
      </c>
      <c r="AP1255">
        <v>0</v>
      </c>
      <c r="AQ1255">
        <v>0</v>
      </c>
      <c r="AR1255">
        <v>0</v>
      </c>
      <c r="AS1255">
        <v>0</v>
      </c>
      <c r="AT1255">
        <v>0</v>
      </c>
      <c r="AU1255">
        <v>0</v>
      </c>
      <c r="AV1255">
        <v>0</v>
      </c>
      <c r="AW1255">
        <v>0</v>
      </c>
      <c r="AX1255">
        <v>24840</v>
      </c>
      <c r="AY1255">
        <v>16</v>
      </c>
      <c r="AZ1255">
        <v>71</v>
      </c>
      <c r="BA1255">
        <v>2578</v>
      </c>
    </row>
    <row r="1256" spans="1:53" x14ac:dyDescent="0.4">
      <c r="A1256">
        <v>1300</v>
      </c>
      <c r="B1256" s="1">
        <v>43214</v>
      </c>
      <c r="C1256">
        <v>4</v>
      </c>
      <c r="D1256" s="1">
        <v>43214.979861111111</v>
      </c>
      <c r="E1256" s="1">
        <v>43215.082638888889</v>
      </c>
      <c r="F1256">
        <v>62840</v>
      </c>
      <c r="G1256">
        <v>350</v>
      </c>
      <c r="H1256">
        <v>0</v>
      </c>
      <c r="I1256">
        <v>0</v>
      </c>
      <c r="J1256">
        <v>0</v>
      </c>
      <c r="K1256">
        <v>0</v>
      </c>
      <c r="L1256">
        <v>0</v>
      </c>
      <c r="M1256">
        <v>5055</v>
      </c>
      <c r="N1256">
        <v>0</v>
      </c>
      <c r="O1256">
        <v>0</v>
      </c>
      <c r="P1256">
        <v>-26881</v>
      </c>
      <c r="Q1256">
        <v>0</v>
      </c>
      <c r="R1256">
        <v>41364</v>
      </c>
      <c r="S1256">
        <v>0</v>
      </c>
      <c r="T1256">
        <v>0</v>
      </c>
      <c r="U1256">
        <v>0</v>
      </c>
      <c r="V1256">
        <v>15</v>
      </c>
      <c r="W1256">
        <v>1</v>
      </c>
      <c r="X1256">
        <v>0</v>
      </c>
      <c r="Y1256">
        <v>40</v>
      </c>
      <c r="Z1256">
        <v>15</v>
      </c>
      <c r="AA1256">
        <v>70</v>
      </c>
      <c r="AB1256">
        <v>8</v>
      </c>
      <c r="AC1256">
        <v>149</v>
      </c>
      <c r="AD1256">
        <v>61</v>
      </c>
      <c r="AE1256">
        <v>56</v>
      </c>
      <c r="AF1256">
        <v>19353</v>
      </c>
      <c r="AG1256">
        <v>231104</v>
      </c>
      <c r="AH1256">
        <v>50000</v>
      </c>
      <c r="AI1256">
        <v>0</v>
      </c>
      <c r="AJ1256">
        <v>100</v>
      </c>
      <c r="AK1256" t="s">
        <v>0</v>
      </c>
      <c r="AL1256">
        <v>0</v>
      </c>
      <c r="AM1256">
        <v>0</v>
      </c>
      <c r="AN1256">
        <v>0</v>
      </c>
      <c r="AO1256">
        <v>0</v>
      </c>
      <c r="AP1256">
        <v>0</v>
      </c>
      <c r="AQ1256">
        <v>0</v>
      </c>
      <c r="AR1256">
        <v>0</v>
      </c>
      <c r="AS1256">
        <v>0</v>
      </c>
      <c r="AT1256">
        <v>0</v>
      </c>
      <c r="AU1256">
        <v>0</v>
      </c>
      <c r="AV1256">
        <v>0</v>
      </c>
      <c r="AW1256">
        <v>0</v>
      </c>
      <c r="AX1256">
        <v>1490</v>
      </c>
      <c r="AY1256">
        <v>5</v>
      </c>
      <c r="AZ1256">
        <v>11</v>
      </c>
      <c r="BA1256">
        <v>579</v>
      </c>
    </row>
    <row r="1257" spans="1:53" x14ac:dyDescent="0.4">
      <c r="A1257">
        <v>1301</v>
      </c>
      <c r="B1257" s="1">
        <v>43215</v>
      </c>
      <c r="C1257">
        <v>1</v>
      </c>
      <c r="D1257" s="1">
        <v>43215.291666666664</v>
      </c>
      <c r="E1257" s="1">
        <v>43215.45</v>
      </c>
      <c r="F1257">
        <v>0</v>
      </c>
      <c r="G1257">
        <v>0</v>
      </c>
      <c r="H1257">
        <v>0</v>
      </c>
      <c r="I1257">
        <v>0</v>
      </c>
      <c r="J1257">
        <v>0</v>
      </c>
      <c r="K1257">
        <v>0</v>
      </c>
      <c r="L1257">
        <v>0</v>
      </c>
      <c r="M1257">
        <v>0</v>
      </c>
      <c r="N1257">
        <v>0</v>
      </c>
      <c r="O1257">
        <v>0</v>
      </c>
      <c r="P1257">
        <v>0</v>
      </c>
      <c r="Q1257">
        <v>0</v>
      </c>
      <c r="R1257">
        <v>0</v>
      </c>
      <c r="S1257">
        <v>0</v>
      </c>
      <c r="T1257">
        <v>0</v>
      </c>
      <c r="U1257">
        <v>0</v>
      </c>
      <c r="V1257">
        <v>0</v>
      </c>
      <c r="W1257">
        <v>0</v>
      </c>
      <c r="X1257">
        <v>0</v>
      </c>
      <c r="Y1257">
        <v>35</v>
      </c>
      <c r="Z1257">
        <v>13</v>
      </c>
      <c r="AA1257">
        <v>62</v>
      </c>
      <c r="AB1257">
        <v>9</v>
      </c>
      <c r="AC1257">
        <v>149</v>
      </c>
      <c r="AD1257">
        <v>63</v>
      </c>
      <c r="AE1257">
        <v>45</v>
      </c>
      <c r="AF1257">
        <v>0</v>
      </c>
      <c r="AG1257">
        <v>50000</v>
      </c>
      <c r="AH1257">
        <v>0</v>
      </c>
      <c r="AI1257">
        <v>50000</v>
      </c>
      <c r="AJ1257">
        <v>0</v>
      </c>
      <c r="AK1257" t="s">
        <v>6</v>
      </c>
      <c r="AL1257">
        <v>0</v>
      </c>
      <c r="AM1257">
        <v>0</v>
      </c>
      <c r="AN1257">
        <v>0</v>
      </c>
      <c r="AO1257">
        <v>0</v>
      </c>
      <c r="AP1257">
        <v>0</v>
      </c>
      <c r="AQ1257">
        <v>0</v>
      </c>
      <c r="AR1257">
        <v>0</v>
      </c>
      <c r="AS1257">
        <v>0</v>
      </c>
      <c r="AT1257">
        <v>0</v>
      </c>
      <c r="AU1257">
        <v>0</v>
      </c>
      <c r="AV1257">
        <v>0</v>
      </c>
      <c r="AW1257">
        <v>0</v>
      </c>
      <c r="AX1257">
        <v>0</v>
      </c>
      <c r="AY1257">
        <v>0</v>
      </c>
      <c r="AZ1257">
        <v>0</v>
      </c>
      <c r="BA1257">
        <v>0</v>
      </c>
    </row>
    <row r="1258" spans="1:53" x14ac:dyDescent="0.4">
      <c r="A1258">
        <v>1302</v>
      </c>
      <c r="B1258" s="1">
        <v>43215</v>
      </c>
      <c r="C1258">
        <v>2</v>
      </c>
      <c r="D1258" s="1">
        <v>43215.45</v>
      </c>
      <c r="E1258" s="1">
        <v>43215.734027777777</v>
      </c>
      <c r="F1258">
        <v>14500</v>
      </c>
      <c r="G1258">
        <v>0</v>
      </c>
      <c r="H1258">
        <v>0</v>
      </c>
      <c r="I1258">
        <v>0</v>
      </c>
      <c r="J1258">
        <v>0</v>
      </c>
      <c r="K1258">
        <v>0</v>
      </c>
      <c r="L1258">
        <v>0</v>
      </c>
      <c r="M1258">
        <v>1160</v>
      </c>
      <c r="N1258">
        <v>0</v>
      </c>
      <c r="O1258">
        <v>0</v>
      </c>
      <c r="P1258">
        <v>9720</v>
      </c>
      <c r="Q1258">
        <v>0</v>
      </c>
      <c r="R1258">
        <v>25380</v>
      </c>
      <c r="S1258">
        <v>0</v>
      </c>
      <c r="T1258">
        <v>0</v>
      </c>
      <c r="U1258">
        <v>0</v>
      </c>
      <c r="V1258">
        <v>1</v>
      </c>
      <c r="W1258">
        <v>0</v>
      </c>
      <c r="X1258">
        <v>0</v>
      </c>
      <c r="Y1258">
        <v>39</v>
      </c>
      <c r="Z1258">
        <v>30</v>
      </c>
      <c r="AA1258">
        <v>79</v>
      </c>
      <c r="AB1258">
        <v>8</v>
      </c>
      <c r="AC1258">
        <v>164</v>
      </c>
      <c r="AD1258">
        <v>63</v>
      </c>
      <c r="AE1258">
        <v>45</v>
      </c>
      <c r="AF1258">
        <v>1080</v>
      </c>
      <c r="AG1258">
        <v>75380</v>
      </c>
      <c r="AH1258">
        <v>50000</v>
      </c>
      <c r="AI1258">
        <v>0</v>
      </c>
      <c r="AJ1258">
        <v>96</v>
      </c>
      <c r="AK1258" t="s">
        <v>4</v>
      </c>
      <c r="AL1258">
        <v>0</v>
      </c>
      <c r="AM1258">
        <v>0</v>
      </c>
      <c r="AN1258">
        <v>0</v>
      </c>
      <c r="AO1258">
        <v>0</v>
      </c>
      <c r="AP1258">
        <v>0</v>
      </c>
      <c r="AQ1258">
        <v>0</v>
      </c>
      <c r="AR1258">
        <v>0</v>
      </c>
      <c r="AS1258">
        <v>0</v>
      </c>
      <c r="AT1258">
        <v>0</v>
      </c>
      <c r="AU1258">
        <v>0</v>
      </c>
      <c r="AV1258">
        <v>0</v>
      </c>
      <c r="AW1258">
        <v>0</v>
      </c>
      <c r="AX1258">
        <v>734</v>
      </c>
      <c r="AY1258">
        <v>27</v>
      </c>
      <c r="AZ1258">
        <v>46</v>
      </c>
      <c r="BA1258">
        <v>4183</v>
      </c>
    </row>
    <row r="1259" spans="1:53" x14ac:dyDescent="0.4">
      <c r="A1259">
        <v>1303</v>
      </c>
      <c r="B1259" s="1">
        <v>43215</v>
      </c>
      <c r="C1259">
        <v>3</v>
      </c>
      <c r="D1259" s="1">
        <v>43215.734027777777</v>
      </c>
      <c r="E1259" s="1">
        <v>43215.947222222225</v>
      </c>
      <c r="F1259">
        <v>27900</v>
      </c>
      <c r="G1259">
        <v>680</v>
      </c>
      <c r="H1259">
        <v>0</v>
      </c>
      <c r="I1259">
        <v>0</v>
      </c>
      <c r="J1259">
        <v>0</v>
      </c>
      <c r="K1259">
        <v>0</v>
      </c>
      <c r="L1259">
        <v>0</v>
      </c>
      <c r="M1259">
        <v>2286</v>
      </c>
      <c r="N1259">
        <v>0</v>
      </c>
      <c r="O1259">
        <v>0</v>
      </c>
      <c r="P1259">
        <v>-2376</v>
      </c>
      <c r="Q1259">
        <v>0</v>
      </c>
      <c r="R1259">
        <v>28490</v>
      </c>
      <c r="S1259">
        <v>0</v>
      </c>
      <c r="T1259">
        <v>0</v>
      </c>
      <c r="U1259">
        <v>0</v>
      </c>
      <c r="V1259">
        <v>4</v>
      </c>
      <c r="W1259">
        <v>0</v>
      </c>
      <c r="X1259">
        <v>0</v>
      </c>
      <c r="Y1259">
        <v>40</v>
      </c>
      <c r="Z1259">
        <v>30</v>
      </c>
      <c r="AA1259">
        <v>57</v>
      </c>
      <c r="AB1259">
        <v>4</v>
      </c>
      <c r="AC1259">
        <v>152</v>
      </c>
      <c r="AD1259">
        <v>64</v>
      </c>
      <c r="AE1259">
        <v>50</v>
      </c>
      <c r="AF1259">
        <v>1080</v>
      </c>
      <c r="AG1259">
        <v>103870</v>
      </c>
      <c r="AH1259">
        <v>50000</v>
      </c>
      <c r="AI1259">
        <v>0</v>
      </c>
      <c r="AJ1259">
        <v>70</v>
      </c>
      <c r="AK1259" t="s">
        <v>25</v>
      </c>
      <c r="AL1259">
        <v>0</v>
      </c>
      <c r="AM1259">
        <v>0</v>
      </c>
      <c r="AN1259">
        <v>0</v>
      </c>
      <c r="AO1259">
        <v>0</v>
      </c>
      <c r="AP1259">
        <v>0</v>
      </c>
      <c r="AQ1259">
        <v>0</v>
      </c>
      <c r="AR1259">
        <v>0</v>
      </c>
      <c r="AS1259">
        <v>0</v>
      </c>
      <c r="AT1259">
        <v>0</v>
      </c>
      <c r="AU1259">
        <v>0</v>
      </c>
      <c r="AV1259">
        <v>0</v>
      </c>
      <c r="AW1259">
        <v>0</v>
      </c>
      <c r="AX1259">
        <v>29700</v>
      </c>
      <c r="AY1259">
        <v>16</v>
      </c>
      <c r="AZ1259">
        <v>47</v>
      </c>
      <c r="BA1259">
        <v>1958</v>
      </c>
    </row>
    <row r="1260" spans="1:53" x14ac:dyDescent="0.4">
      <c r="A1260">
        <v>1304</v>
      </c>
      <c r="B1260" s="1">
        <v>43215</v>
      </c>
      <c r="C1260">
        <v>4</v>
      </c>
      <c r="D1260" s="1">
        <v>43215.947222222225</v>
      </c>
      <c r="E1260" s="1">
        <v>43216.07708333333</v>
      </c>
      <c r="F1260">
        <v>47800</v>
      </c>
      <c r="G1260">
        <v>0</v>
      </c>
      <c r="H1260">
        <v>0</v>
      </c>
      <c r="I1260">
        <v>0</v>
      </c>
      <c r="J1260">
        <v>0</v>
      </c>
      <c r="K1260">
        <v>0</v>
      </c>
      <c r="L1260">
        <v>0</v>
      </c>
      <c r="M1260">
        <v>3824</v>
      </c>
      <c r="N1260">
        <v>0</v>
      </c>
      <c r="O1260">
        <v>0</v>
      </c>
      <c r="P1260">
        <v>972</v>
      </c>
      <c r="Q1260">
        <v>0</v>
      </c>
      <c r="R1260">
        <v>52596</v>
      </c>
      <c r="S1260">
        <v>0</v>
      </c>
      <c r="T1260">
        <v>0</v>
      </c>
      <c r="U1260">
        <v>0</v>
      </c>
      <c r="V1260">
        <v>8</v>
      </c>
      <c r="W1260">
        <v>0</v>
      </c>
      <c r="X1260">
        <v>0</v>
      </c>
      <c r="Y1260">
        <v>38</v>
      </c>
      <c r="Z1260">
        <v>30</v>
      </c>
      <c r="AA1260">
        <v>50</v>
      </c>
      <c r="AB1260">
        <v>7</v>
      </c>
      <c r="AC1260">
        <v>154</v>
      </c>
      <c r="AD1260">
        <v>65</v>
      </c>
      <c r="AE1260">
        <v>51</v>
      </c>
      <c r="AF1260">
        <v>16200</v>
      </c>
      <c r="AG1260">
        <v>156466</v>
      </c>
      <c r="AH1260">
        <v>50000</v>
      </c>
      <c r="AI1260">
        <v>0</v>
      </c>
      <c r="AJ1260">
        <v>100</v>
      </c>
      <c r="AK1260" t="s">
        <v>0</v>
      </c>
      <c r="AL1260">
        <v>0</v>
      </c>
      <c r="AM1260">
        <v>0</v>
      </c>
      <c r="AN1260">
        <v>0</v>
      </c>
      <c r="AO1260">
        <v>0</v>
      </c>
      <c r="AP1260">
        <v>0</v>
      </c>
      <c r="AQ1260">
        <v>0</v>
      </c>
      <c r="AR1260">
        <v>0</v>
      </c>
      <c r="AS1260">
        <v>0</v>
      </c>
      <c r="AT1260">
        <v>0</v>
      </c>
      <c r="AU1260">
        <v>0</v>
      </c>
      <c r="AV1260">
        <v>0</v>
      </c>
      <c r="AW1260">
        <v>0</v>
      </c>
      <c r="AX1260">
        <v>8737</v>
      </c>
      <c r="AY1260">
        <v>7</v>
      </c>
      <c r="AZ1260">
        <v>16</v>
      </c>
      <c r="BA1260">
        <v>829</v>
      </c>
    </row>
    <row r="1261" spans="1:53" x14ac:dyDescent="0.4">
      <c r="A1261">
        <v>1305</v>
      </c>
      <c r="B1261" s="1">
        <v>43216</v>
      </c>
      <c r="C1261">
        <v>1</v>
      </c>
      <c r="D1261" s="1">
        <v>43216.291666666664</v>
      </c>
      <c r="E1261" s="1">
        <v>43216.445833333331</v>
      </c>
      <c r="F1261">
        <v>0</v>
      </c>
      <c r="G1261">
        <v>0</v>
      </c>
      <c r="H1261">
        <v>0</v>
      </c>
      <c r="I1261">
        <v>0</v>
      </c>
      <c r="J1261">
        <v>0</v>
      </c>
      <c r="K1261">
        <v>0</v>
      </c>
      <c r="L1261">
        <v>0</v>
      </c>
      <c r="M1261">
        <v>0</v>
      </c>
      <c r="N1261">
        <v>0</v>
      </c>
      <c r="O1261">
        <v>0</v>
      </c>
      <c r="P1261">
        <v>0</v>
      </c>
      <c r="Q1261">
        <v>0</v>
      </c>
      <c r="R1261">
        <v>0</v>
      </c>
      <c r="S1261">
        <v>0</v>
      </c>
      <c r="T1261">
        <v>0</v>
      </c>
      <c r="U1261">
        <v>0</v>
      </c>
      <c r="V1261">
        <v>0</v>
      </c>
      <c r="W1261">
        <v>0</v>
      </c>
      <c r="X1261">
        <v>0</v>
      </c>
      <c r="Y1261">
        <v>32</v>
      </c>
      <c r="Z1261">
        <v>20</v>
      </c>
      <c r="AA1261">
        <v>60</v>
      </c>
      <c r="AB1261">
        <v>9</v>
      </c>
      <c r="AC1261">
        <v>118</v>
      </c>
      <c r="AD1261">
        <v>65</v>
      </c>
      <c r="AE1261">
        <v>45</v>
      </c>
      <c r="AF1261">
        <v>0</v>
      </c>
      <c r="AG1261">
        <v>50000</v>
      </c>
      <c r="AH1261">
        <v>0</v>
      </c>
      <c r="AI1261">
        <v>50000</v>
      </c>
      <c r="AJ1261">
        <v>0</v>
      </c>
      <c r="AK1261" t="s">
        <v>6</v>
      </c>
      <c r="AL1261">
        <v>0</v>
      </c>
      <c r="AM1261">
        <v>0</v>
      </c>
      <c r="AN1261">
        <v>0</v>
      </c>
      <c r="AO1261">
        <v>0</v>
      </c>
      <c r="AP1261">
        <v>0</v>
      </c>
      <c r="AQ1261">
        <v>0</v>
      </c>
      <c r="AR1261">
        <v>0</v>
      </c>
      <c r="AS1261">
        <v>0</v>
      </c>
      <c r="AT1261">
        <v>0</v>
      </c>
      <c r="AU1261">
        <v>0</v>
      </c>
      <c r="AV1261">
        <v>0</v>
      </c>
      <c r="AW1261">
        <v>0</v>
      </c>
      <c r="AX1261">
        <v>0</v>
      </c>
      <c r="AY1261">
        <v>0</v>
      </c>
      <c r="AZ1261">
        <v>0</v>
      </c>
      <c r="BA1261">
        <v>0</v>
      </c>
    </row>
    <row r="1262" spans="1:53" x14ac:dyDescent="0.4">
      <c r="A1262">
        <v>1306</v>
      </c>
      <c r="B1262" s="1">
        <v>43216</v>
      </c>
      <c r="C1262">
        <v>2</v>
      </c>
      <c r="D1262" s="1">
        <v>43216.445833333331</v>
      </c>
      <c r="E1262" s="1">
        <v>43216.723611111112</v>
      </c>
      <c r="F1262">
        <v>9000</v>
      </c>
      <c r="G1262">
        <v>1180</v>
      </c>
      <c r="H1262">
        <v>0</v>
      </c>
      <c r="I1262">
        <v>0</v>
      </c>
      <c r="J1262">
        <v>0</v>
      </c>
      <c r="K1262">
        <v>0</v>
      </c>
      <c r="L1262">
        <v>0</v>
      </c>
      <c r="M1262">
        <v>814</v>
      </c>
      <c r="N1262">
        <v>0</v>
      </c>
      <c r="O1262">
        <v>0</v>
      </c>
      <c r="P1262">
        <v>9720</v>
      </c>
      <c r="Q1262">
        <v>0</v>
      </c>
      <c r="R1262">
        <v>20714</v>
      </c>
      <c r="S1262">
        <v>0</v>
      </c>
      <c r="T1262">
        <v>0</v>
      </c>
      <c r="U1262">
        <v>0</v>
      </c>
      <c r="V1262">
        <v>0</v>
      </c>
      <c r="W1262">
        <v>0</v>
      </c>
      <c r="X1262">
        <v>0</v>
      </c>
      <c r="Y1262">
        <v>53</v>
      </c>
      <c r="Z1262">
        <v>24</v>
      </c>
      <c r="AA1262">
        <v>41</v>
      </c>
      <c r="AB1262">
        <v>0</v>
      </c>
      <c r="AC1262">
        <v>120</v>
      </c>
      <c r="AD1262">
        <v>65</v>
      </c>
      <c r="AE1262">
        <v>89</v>
      </c>
      <c r="AF1262">
        <v>0</v>
      </c>
      <c r="AG1262">
        <v>70714</v>
      </c>
      <c r="AH1262">
        <v>50000</v>
      </c>
      <c r="AI1262">
        <v>0</v>
      </c>
      <c r="AJ1262">
        <v>96</v>
      </c>
      <c r="AK1262" t="s">
        <v>4</v>
      </c>
      <c r="AL1262">
        <v>0</v>
      </c>
      <c r="AM1262">
        <v>0</v>
      </c>
      <c r="AN1262">
        <v>0</v>
      </c>
      <c r="AO1262">
        <v>0</v>
      </c>
      <c r="AP1262">
        <v>0</v>
      </c>
      <c r="AQ1262">
        <v>0</v>
      </c>
      <c r="AR1262">
        <v>0</v>
      </c>
      <c r="AS1262">
        <v>0</v>
      </c>
      <c r="AT1262">
        <v>0</v>
      </c>
      <c r="AU1262">
        <v>0</v>
      </c>
      <c r="AV1262">
        <v>0</v>
      </c>
      <c r="AW1262">
        <v>0</v>
      </c>
      <c r="AX1262">
        <v>0</v>
      </c>
      <c r="AY1262">
        <v>20</v>
      </c>
      <c r="AZ1262">
        <v>36</v>
      </c>
      <c r="BA1262">
        <v>2381</v>
      </c>
    </row>
    <row r="1263" spans="1:53" x14ac:dyDescent="0.4">
      <c r="A1263">
        <v>1307</v>
      </c>
      <c r="B1263" s="1">
        <v>43216</v>
      </c>
      <c r="C1263">
        <v>3</v>
      </c>
      <c r="D1263" s="1">
        <v>43216.723611111112</v>
      </c>
      <c r="E1263" s="1">
        <v>43216.959027777775</v>
      </c>
      <c r="F1263">
        <v>46700</v>
      </c>
      <c r="G1263">
        <v>1180</v>
      </c>
      <c r="H1263">
        <v>0</v>
      </c>
      <c r="I1263">
        <v>0</v>
      </c>
      <c r="J1263">
        <v>0</v>
      </c>
      <c r="K1263">
        <v>0</v>
      </c>
      <c r="L1263">
        <v>0</v>
      </c>
      <c r="M1263">
        <v>3830</v>
      </c>
      <c r="N1263">
        <v>0</v>
      </c>
      <c r="O1263">
        <v>0</v>
      </c>
      <c r="P1263">
        <v>11880</v>
      </c>
      <c r="Q1263">
        <v>0</v>
      </c>
      <c r="R1263">
        <v>63590</v>
      </c>
      <c r="S1263">
        <v>0</v>
      </c>
      <c r="T1263">
        <v>0</v>
      </c>
      <c r="U1263">
        <v>0</v>
      </c>
      <c r="V1263">
        <v>2</v>
      </c>
      <c r="W1263">
        <v>4</v>
      </c>
      <c r="X1263">
        <v>0</v>
      </c>
      <c r="Y1263">
        <v>43</v>
      </c>
      <c r="Z1263">
        <v>26</v>
      </c>
      <c r="AA1263">
        <v>47</v>
      </c>
      <c r="AB1263">
        <v>0</v>
      </c>
      <c r="AC1263">
        <v>123</v>
      </c>
      <c r="AD1263">
        <v>63</v>
      </c>
      <c r="AE1263">
        <v>36</v>
      </c>
      <c r="AF1263">
        <v>31968</v>
      </c>
      <c r="AG1263">
        <v>134249</v>
      </c>
      <c r="AH1263">
        <v>50000</v>
      </c>
      <c r="AI1263">
        <v>-55</v>
      </c>
      <c r="AJ1263">
        <v>92</v>
      </c>
      <c r="AK1263" t="s">
        <v>22</v>
      </c>
      <c r="AL1263">
        <v>0</v>
      </c>
      <c r="AM1263">
        <v>0</v>
      </c>
      <c r="AN1263">
        <v>0</v>
      </c>
      <c r="AO1263">
        <v>0</v>
      </c>
      <c r="AP1263">
        <v>0</v>
      </c>
      <c r="AQ1263">
        <v>0</v>
      </c>
      <c r="AR1263">
        <v>0</v>
      </c>
      <c r="AS1263">
        <v>0</v>
      </c>
      <c r="AT1263">
        <v>0</v>
      </c>
      <c r="AU1263">
        <v>0</v>
      </c>
      <c r="AV1263">
        <v>0</v>
      </c>
      <c r="AW1263">
        <v>0</v>
      </c>
      <c r="AX1263">
        <v>44334</v>
      </c>
      <c r="AY1263">
        <v>27</v>
      </c>
      <c r="AZ1263">
        <v>87</v>
      </c>
      <c r="BA1263">
        <v>3729</v>
      </c>
    </row>
    <row r="1264" spans="1:53" x14ac:dyDescent="0.4">
      <c r="A1264">
        <v>1308</v>
      </c>
      <c r="B1264" s="1">
        <v>43217</v>
      </c>
      <c r="C1264">
        <v>1</v>
      </c>
      <c r="D1264" s="1">
        <v>43217.291666666664</v>
      </c>
      <c r="E1264" s="1">
        <v>43217.448611111111</v>
      </c>
      <c r="F1264">
        <v>0</v>
      </c>
      <c r="G1264">
        <v>0</v>
      </c>
      <c r="H1264">
        <v>0</v>
      </c>
      <c r="I1264">
        <v>0</v>
      </c>
      <c r="J1264">
        <v>0</v>
      </c>
      <c r="K1264">
        <v>0</v>
      </c>
      <c r="L1264">
        <v>0</v>
      </c>
      <c r="M1264">
        <v>0</v>
      </c>
      <c r="N1264">
        <v>0</v>
      </c>
      <c r="O1264">
        <v>0</v>
      </c>
      <c r="P1264">
        <v>0</v>
      </c>
      <c r="Q1264">
        <v>0</v>
      </c>
      <c r="R1264">
        <v>0</v>
      </c>
      <c r="S1264">
        <v>0</v>
      </c>
      <c r="T1264">
        <v>0</v>
      </c>
      <c r="U1264">
        <v>0</v>
      </c>
      <c r="V1264">
        <v>0</v>
      </c>
      <c r="W1264">
        <v>0</v>
      </c>
      <c r="X1264">
        <v>0</v>
      </c>
      <c r="Y1264">
        <v>34</v>
      </c>
      <c r="Z1264">
        <v>23</v>
      </c>
      <c r="AA1264">
        <v>30</v>
      </c>
      <c r="AB1264">
        <v>0</v>
      </c>
      <c r="AC1264">
        <v>116</v>
      </c>
      <c r="AD1264">
        <v>62</v>
      </c>
      <c r="AE1264">
        <v>30</v>
      </c>
      <c r="AF1264">
        <v>0</v>
      </c>
      <c r="AG1264">
        <v>50000</v>
      </c>
      <c r="AH1264">
        <v>0</v>
      </c>
      <c r="AI1264">
        <v>50000</v>
      </c>
      <c r="AJ1264">
        <v>0</v>
      </c>
      <c r="AK1264" t="s">
        <v>6</v>
      </c>
      <c r="AL1264">
        <v>0</v>
      </c>
      <c r="AM1264">
        <v>0</v>
      </c>
      <c r="AN1264">
        <v>0</v>
      </c>
      <c r="AO1264">
        <v>0</v>
      </c>
      <c r="AP1264">
        <v>0</v>
      </c>
      <c r="AQ1264">
        <v>0</v>
      </c>
      <c r="AR1264">
        <v>0</v>
      </c>
      <c r="AS1264">
        <v>0</v>
      </c>
      <c r="AT1264">
        <v>0</v>
      </c>
      <c r="AU1264">
        <v>0</v>
      </c>
      <c r="AV1264">
        <v>0</v>
      </c>
      <c r="AW1264">
        <v>0</v>
      </c>
      <c r="AX1264">
        <v>0</v>
      </c>
      <c r="AY1264">
        <v>0</v>
      </c>
      <c r="AZ1264">
        <v>0</v>
      </c>
      <c r="BA1264">
        <v>0</v>
      </c>
    </row>
    <row r="1265" spans="1:53" x14ac:dyDescent="0.4">
      <c r="A1265">
        <v>1309</v>
      </c>
      <c r="B1265" s="1">
        <v>43217</v>
      </c>
      <c r="C1265">
        <v>2</v>
      </c>
      <c r="D1265" s="1">
        <v>43217.448611111111</v>
      </c>
      <c r="E1265" s="1">
        <v>43217.727777777778</v>
      </c>
      <c r="F1265">
        <v>16500</v>
      </c>
      <c r="G1265">
        <v>1000</v>
      </c>
      <c r="H1265">
        <v>0</v>
      </c>
      <c r="I1265">
        <v>0</v>
      </c>
      <c r="J1265">
        <v>0</v>
      </c>
      <c r="K1265">
        <v>0</v>
      </c>
      <c r="L1265">
        <v>0</v>
      </c>
      <c r="M1265">
        <v>1400</v>
      </c>
      <c r="N1265">
        <v>0</v>
      </c>
      <c r="O1265">
        <v>0</v>
      </c>
      <c r="P1265">
        <v>11880</v>
      </c>
      <c r="Q1265">
        <v>0</v>
      </c>
      <c r="R1265">
        <v>30780</v>
      </c>
      <c r="S1265">
        <v>0</v>
      </c>
      <c r="T1265">
        <v>0</v>
      </c>
      <c r="U1265">
        <v>0</v>
      </c>
      <c r="V1265">
        <v>1</v>
      </c>
      <c r="W1265">
        <v>3</v>
      </c>
      <c r="X1265">
        <v>0</v>
      </c>
      <c r="Y1265">
        <v>24</v>
      </c>
      <c r="Z1265">
        <v>42</v>
      </c>
      <c r="AA1265">
        <v>66</v>
      </c>
      <c r="AB1265">
        <v>11</v>
      </c>
      <c r="AC1265">
        <v>139</v>
      </c>
      <c r="AD1265">
        <v>61</v>
      </c>
      <c r="AE1265">
        <v>31</v>
      </c>
      <c r="AF1265">
        <v>1904</v>
      </c>
      <c r="AG1265">
        <v>80780</v>
      </c>
      <c r="AH1265">
        <v>50000</v>
      </c>
      <c r="AI1265">
        <v>0</v>
      </c>
      <c r="AJ1265">
        <v>96</v>
      </c>
      <c r="AK1265" t="s">
        <v>4</v>
      </c>
      <c r="AL1265">
        <v>0</v>
      </c>
      <c r="AM1265">
        <v>0</v>
      </c>
      <c r="AN1265">
        <v>0</v>
      </c>
      <c r="AO1265">
        <v>0</v>
      </c>
      <c r="AP1265">
        <v>0</v>
      </c>
      <c r="AQ1265">
        <v>0</v>
      </c>
      <c r="AR1265">
        <v>0</v>
      </c>
      <c r="AS1265">
        <v>0</v>
      </c>
      <c r="AT1265">
        <v>0</v>
      </c>
      <c r="AU1265">
        <v>0</v>
      </c>
      <c r="AV1265">
        <v>0</v>
      </c>
      <c r="AW1265">
        <v>0</v>
      </c>
      <c r="AX1265">
        <v>0</v>
      </c>
      <c r="AY1265">
        <v>30</v>
      </c>
      <c r="AZ1265">
        <v>55</v>
      </c>
      <c r="BA1265">
        <v>3807</v>
      </c>
    </row>
    <row r="1266" spans="1:53" x14ac:dyDescent="0.4">
      <c r="A1266">
        <v>1310</v>
      </c>
      <c r="B1266" s="1">
        <v>43217</v>
      </c>
      <c r="C1266">
        <v>3</v>
      </c>
      <c r="D1266" s="1">
        <v>43217.727777777778</v>
      </c>
      <c r="E1266" s="1">
        <v>43218.168749999997</v>
      </c>
      <c r="F1266">
        <v>300260</v>
      </c>
      <c r="G1266">
        <v>13460</v>
      </c>
      <c r="H1266">
        <v>0</v>
      </c>
      <c r="I1266">
        <v>0</v>
      </c>
      <c r="J1266">
        <v>3600</v>
      </c>
      <c r="K1266">
        <v>5000</v>
      </c>
      <c r="L1266">
        <v>0</v>
      </c>
      <c r="M1266">
        <v>25208</v>
      </c>
      <c r="N1266">
        <v>0</v>
      </c>
      <c r="O1266">
        <v>0</v>
      </c>
      <c r="P1266">
        <v>68558</v>
      </c>
      <c r="Q1266">
        <v>0</v>
      </c>
      <c r="R1266">
        <v>408886</v>
      </c>
      <c r="S1266">
        <v>0</v>
      </c>
      <c r="T1266">
        <v>0</v>
      </c>
      <c r="U1266">
        <v>0</v>
      </c>
      <c r="V1266">
        <v>23</v>
      </c>
      <c r="W1266">
        <v>16</v>
      </c>
      <c r="X1266">
        <v>0</v>
      </c>
      <c r="Y1266">
        <v>91</v>
      </c>
      <c r="Z1266">
        <v>43</v>
      </c>
      <c r="AA1266">
        <v>37</v>
      </c>
      <c r="AB1266">
        <v>14</v>
      </c>
      <c r="AC1266">
        <v>163</v>
      </c>
      <c r="AD1266">
        <v>60</v>
      </c>
      <c r="AE1266">
        <v>4</v>
      </c>
      <c r="AF1266">
        <v>58832</v>
      </c>
      <c r="AG1266">
        <v>487666</v>
      </c>
      <c r="AH1266">
        <v>50000</v>
      </c>
      <c r="AI1266">
        <v>-2000</v>
      </c>
      <c r="AJ1266">
        <v>100</v>
      </c>
      <c r="AK1266" t="s">
        <v>0</v>
      </c>
      <c r="AL1266">
        <v>0</v>
      </c>
      <c r="AM1266">
        <v>0</v>
      </c>
      <c r="AN1266">
        <v>0</v>
      </c>
      <c r="AO1266">
        <v>0</v>
      </c>
      <c r="AP1266">
        <v>0</v>
      </c>
      <c r="AQ1266">
        <v>0</v>
      </c>
      <c r="AR1266">
        <v>0</v>
      </c>
      <c r="AS1266">
        <v>0</v>
      </c>
      <c r="AT1266">
        <v>0</v>
      </c>
      <c r="AU1266">
        <v>0</v>
      </c>
      <c r="AV1266">
        <v>0</v>
      </c>
      <c r="AW1266">
        <v>0</v>
      </c>
      <c r="AX1266">
        <v>48286</v>
      </c>
      <c r="AY1266">
        <v>55</v>
      </c>
      <c r="AZ1266">
        <v>220</v>
      </c>
      <c r="BA1266">
        <v>9528</v>
      </c>
    </row>
    <row r="1267" spans="1:53" x14ac:dyDescent="0.4">
      <c r="A1267">
        <v>1311</v>
      </c>
      <c r="B1267" s="1">
        <v>43218</v>
      </c>
      <c r="C1267">
        <v>1</v>
      </c>
      <c r="D1267" s="1">
        <v>43218.291666666664</v>
      </c>
      <c r="E1267" s="1">
        <v>43218.409722222219</v>
      </c>
      <c r="F1267">
        <v>0</v>
      </c>
      <c r="G1267">
        <v>0</v>
      </c>
      <c r="H1267">
        <v>0</v>
      </c>
      <c r="I1267">
        <v>0</v>
      </c>
      <c r="J1267">
        <v>0</v>
      </c>
      <c r="K1267">
        <v>0</v>
      </c>
      <c r="L1267">
        <v>0</v>
      </c>
      <c r="M1267">
        <v>0</v>
      </c>
      <c r="N1267">
        <v>0</v>
      </c>
      <c r="O1267">
        <v>0</v>
      </c>
      <c r="P1267">
        <v>0</v>
      </c>
      <c r="Q1267">
        <v>0</v>
      </c>
      <c r="R1267">
        <v>0</v>
      </c>
      <c r="S1267">
        <v>0</v>
      </c>
      <c r="T1267">
        <v>0</v>
      </c>
      <c r="U1267">
        <v>0</v>
      </c>
      <c r="V1267">
        <v>0</v>
      </c>
      <c r="W1267">
        <v>0</v>
      </c>
      <c r="X1267">
        <v>0</v>
      </c>
      <c r="Y1267">
        <v>19</v>
      </c>
      <c r="Z1267">
        <v>21</v>
      </c>
      <c r="AA1267">
        <v>158</v>
      </c>
      <c r="AB1267">
        <v>64</v>
      </c>
      <c r="AC1267">
        <v>112</v>
      </c>
      <c r="AD1267">
        <v>57</v>
      </c>
      <c r="AE1267">
        <v>95</v>
      </c>
      <c r="AF1267">
        <v>0</v>
      </c>
      <c r="AG1267">
        <v>50000</v>
      </c>
      <c r="AH1267">
        <v>50000</v>
      </c>
      <c r="AI1267">
        <v>0</v>
      </c>
      <c r="AJ1267">
        <v>0</v>
      </c>
      <c r="AK1267" t="s">
        <v>6</v>
      </c>
      <c r="AL1267">
        <v>0</v>
      </c>
      <c r="AM1267">
        <v>0</v>
      </c>
      <c r="AN1267">
        <v>0</v>
      </c>
      <c r="AO1267">
        <v>0</v>
      </c>
      <c r="AP1267">
        <v>0</v>
      </c>
      <c r="AQ1267">
        <v>0</v>
      </c>
      <c r="AR1267">
        <v>0</v>
      </c>
      <c r="AS1267">
        <v>0</v>
      </c>
      <c r="AT1267">
        <v>0</v>
      </c>
      <c r="AU1267">
        <v>0</v>
      </c>
      <c r="AV1267">
        <v>0</v>
      </c>
      <c r="AW1267">
        <v>0</v>
      </c>
      <c r="AX1267">
        <v>0</v>
      </c>
      <c r="AY1267">
        <v>0</v>
      </c>
      <c r="AZ1267">
        <v>0</v>
      </c>
      <c r="BA1267">
        <v>0</v>
      </c>
    </row>
    <row r="1268" spans="1:53" x14ac:dyDescent="0.4">
      <c r="A1268">
        <v>1312</v>
      </c>
      <c r="B1268" s="1">
        <v>43218</v>
      </c>
      <c r="C1268">
        <v>2</v>
      </c>
      <c r="D1268" s="1">
        <v>43218.409722222219</v>
      </c>
      <c r="E1268" s="1">
        <v>43218.74722222222</v>
      </c>
      <c r="F1268">
        <v>41250</v>
      </c>
      <c r="G1268">
        <v>3120</v>
      </c>
      <c r="H1268">
        <v>0</v>
      </c>
      <c r="I1268">
        <v>0</v>
      </c>
      <c r="J1268">
        <v>0</v>
      </c>
      <c r="K1268">
        <v>0</v>
      </c>
      <c r="L1268">
        <v>0</v>
      </c>
      <c r="M1268">
        <v>3548</v>
      </c>
      <c r="N1268">
        <v>0</v>
      </c>
      <c r="O1268">
        <v>0</v>
      </c>
      <c r="P1268">
        <v>17820</v>
      </c>
      <c r="Q1268">
        <v>0</v>
      </c>
      <c r="R1268">
        <v>65738</v>
      </c>
      <c r="S1268">
        <v>0</v>
      </c>
      <c r="T1268">
        <v>0</v>
      </c>
      <c r="U1268">
        <v>0</v>
      </c>
      <c r="V1268">
        <v>1</v>
      </c>
      <c r="W1268">
        <v>3</v>
      </c>
      <c r="X1268">
        <v>0</v>
      </c>
      <c r="Y1268">
        <v>57</v>
      </c>
      <c r="Z1268">
        <v>26</v>
      </c>
      <c r="AA1268">
        <v>132</v>
      </c>
      <c r="AB1268">
        <v>69</v>
      </c>
      <c r="AC1268">
        <v>134</v>
      </c>
      <c r="AD1268">
        <v>56</v>
      </c>
      <c r="AE1268">
        <v>90</v>
      </c>
      <c r="AF1268">
        <v>2648</v>
      </c>
      <c r="AG1268">
        <v>116008</v>
      </c>
      <c r="AH1268">
        <v>50000</v>
      </c>
      <c r="AI1268">
        <v>270</v>
      </c>
      <c r="AJ1268">
        <v>92</v>
      </c>
      <c r="AK1268" t="s">
        <v>22</v>
      </c>
      <c r="AL1268">
        <v>0</v>
      </c>
      <c r="AM1268">
        <v>0</v>
      </c>
      <c r="AN1268">
        <v>0</v>
      </c>
      <c r="AO1268">
        <v>0</v>
      </c>
      <c r="AP1268">
        <v>0</v>
      </c>
      <c r="AQ1268">
        <v>0</v>
      </c>
      <c r="AR1268">
        <v>0</v>
      </c>
      <c r="AS1268">
        <v>0</v>
      </c>
      <c r="AT1268">
        <v>0</v>
      </c>
      <c r="AU1268">
        <v>0</v>
      </c>
      <c r="AV1268">
        <v>0</v>
      </c>
      <c r="AW1268">
        <v>0</v>
      </c>
      <c r="AX1268">
        <v>1144</v>
      </c>
      <c r="AY1268">
        <v>49</v>
      </c>
      <c r="AZ1268">
        <v>114</v>
      </c>
      <c r="BA1268">
        <v>7600</v>
      </c>
    </row>
    <row r="1269" spans="1:53" x14ac:dyDescent="0.4">
      <c r="A1269">
        <v>1313</v>
      </c>
      <c r="B1269" s="1">
        <v>43219</v>
      </c>
      <c r="C1269">
        <v>1</v>
      </c>
      <c r="D1269" s="1">
        <v>43219.291666666664</v>
      </c>
      <c r="E1269" s="1">
        <v>43219.40902777778</v>
      </c>
      <c r="F1269">
        <v>0</v>
      </c>
      <c r="G1269">
        <v>0</v>
      </c>
      <c r="H1269">
        <v>0</v>
      </c>
      <c r="I1269">
        <v>0</v>
      </c>
      <c r="J1269">
        <v>0</v>
      </c>
      <c r="K1269">
        <v>0</v>
      </c>
      <c r="L1269">
        <v>0</v>
      </c>
      <c r="M1269">
        <v>0</v>
      </c>
      <c r="N1269">
        <v>0</v>
      </c>
      <c r="O1269">
        <v>0</v>
      </c>
      <c r="P1269">
        <v>0</v>
      </c>
      <c r="Q1269">
        <v>0</v>
      </c>
      <c r="R1269">
        <v>0</v>
      </c>
      <c r="S1269">
        <v>0</v>
      </c>
      <c r="T1269">
        <v>0</v>
      </c>
      <c r="U1269">
        <v>0</v>
      </c>
      <c r="V1269">
        <v>0</v>
      </c>
      <c r="W1269">
        <v>0</v>
      </c>
      <c r="X1269">
        <v>0</v>
      </c>
      <c r="Y1269">
        <v>35</v>
      </c>
      <c r="Z1269">
        <v>8</v>
      </c>
      <c r="AA1269">
        <v>74</v>
      </c>
      <c r="AB1269">
        <v>50</v>
      </c>
      <c r="AC1269">
        <v>75</v>
      </c>
      <c r="AD1269">
        <v>55</v>
      </c>
      <c r="AE1269">
        <v>75</v>
      </c>
      <c r="AF1269">
        <v>0</v>
      </c>
      <c r="AG1269">
        <v>50000</v>
      </c>
      <c r="AH1269">
        <v>0</v>
      </c>
      <c r="AI1269">
        <v>50000</v>
      </c>
      <c r="AJ1269">
        <v>0</v>
      </c>
      <c r="AK1269" t="s">
        <v>6</v>
      </c>
      <c r="AL1269">
        <v>0</v>
      </c>
      <c r="AM1269">
        <v>0</v>
      </c>
      <c r="AN1269">
        <v>0</v>
      </c>
      <c r="AO1269">
        <v>0</v>
      </c>
      <c r="AP1269">
        <v>0</v>
      </c>
      <c r="AQ1269">
        <v>0</v>
      </c>
      <c r="AR1269">
        <v>0</v>
      </c>
      <c r="AS1269">
        <v>0</v>
      </c>
      <c r="AT1269">
        <v>0</v>
      </c>
      <c r="AU1269">
        <v>0</v>
      </c>
      <c r="AV1269">
        <v>0</v>
      </c>
      <c r="AW1269">
        <v>0</v>
      </c>
      <c r="AX1269">
        <v>0</v>
      </c>
      <c r="AY1269">
        <v>0</v>
      </c>
      <c r="AZ1269">
        <v>0</v>
      </c>
      <c r="BA1269">
        <v>0</v>
      </c>
    </row>
    <row r="1270" spans="1:53" x14ac:dyDescent="0.4">
      <c r="A1270">
        <v>1314</v>
      </c>
      <c r="B1270" s="1">
        <v>43219</v>
      </c>
      <c r="C1270">
        <v>2</v>
      </c>
      <c r="D1270" s="1">
        <v>43219.40902777778</v>
      </c>
      <c r="E1270" s="1">
        <v>43219.730555555558</v>
      </c>
      <c r="F1270">
        <v>41250</v>
      </c>
      <c r="G1270">
        <v>4520</v>
      </c>
      <c r="H1270">
        <v>0</v>
      </c>
      <c r="I1270">
        <v>0</v>
      </c>
      <c r="J1270">
        <v>0</v>
      </c>
      <c r="K1270">
        <v>0</v>
      </c>
      <c r="L1270">
        <v>0</v>
      </c>
      <c r="M1270">
        <v>3660</v>
      </c>
      <c r="N1270">
        <v>0</v>
      </c>
      <c r="O1270">
        <v>0</v>
      </c>
      <c r="P1270">
        <v>31320</v>
      </c>
      <c r="Q1270">
        <v>0</v>
      </c>
      <c r="R1270">
        <v>80750</v>
      </c>
      <c r="S1270">
        <v>0</v>
      </c>
      <c r="T1270">
        <v>0</v>
      </c>
      <c r="U1270">
        <v>0</v>
      </c>
      <c r="V1270">
        <v>2</v>
      </c>
      <c r="W1270">
        <v>4</v>
      </c>
      <c r="X1270">
        <v>0</v>
      </c>
      <c r="Y1270">
        <v>70</v>
      </c>
      <c r="Z1270">
        <v>20</v>
      </c>
      <c r="AA1270">
        <v>62</v>
      </c>
      <c r="AB1270">
        <v>48</v>
      </c>
      <c r="AC1270">
        <v>179</v>
      </c>
      <c r="AD1270">
        <v>56</v>
      </c>
      <c r="AE1270">
        <v>80</v>
      </c>
      <c r="AF1270">
        <v>0</v>
      </c>
      <c r="AG1270">
        <v>130750</v>
      </c>
      <c r="AH1270">
        <v>50000</v>
      </c>
      <c r="AI1270">
        <v>0</v>
      </c>
      <c r="AJ1270">
        <v>96</v>
      </c>
      <c r="AK1270" t="s">
        <v>4</v>
      </c>
      <c r="AL1270">
        <v>0</v>
      </c>
      <c r="AM1270">
        <v>0</v>
      </c>
      <c r="AN1270">
        <v>0</v>
      </c>
      <c r="AO1270">
        <v>0</v>
      </c>
      <c r="AP1270">
        <v>0</v>
      </c>
      <c r="AQ1270">
        <v>0</v>
      </c>
      <c r="AR1270">
        <v>0</v>
      </c>
      <c r="AS1270">
        <v>0</v>
      </c>
      <c r="AT1270">
        <v>0</v>
      </c>
      <c r="AU1270">
        <v>0</v>
      </c>
      <c r="AV1270">
        <v>0</v>
      </c>
      <c r="AW1270">
        <v>0</v>
      </c>
      <c r="AX1270">
        <v>-2290</v>
      </c>
      <c r="AY1270">
        <v>55</v>
      </c>
      <c r="AZ1270">
        <v>136</v>
      </c>
      <c r="BA1270">
        <v>7484</v>
      </c>
    </row>
    <row r="1271" spans="1:53" x14ac:dyDescent="0.4">
      <c r="A1271">
        <v>1315</v>
      </c>
      <c r="B1271" s="1">
        <v>43219</v>
      </c>
      <c r="C1271">
        <v>3</v>
      </c>
      <c r="D1271" s="1">
        <v>43219.730555555558</v>
      </c>
      <c r="E1271" s="1">
        <v>43219.965277777781</v>
      </c>
      <c r="F1271">
        <v>89620</v>
      </c>
      <c r="G1271">
        <v>2160</v>
      </c>
      <c r="H1271">
        <v>0</v>
      </c>
      <c r="I1271">
        <v>0</v>
      </c>
      <c r="J1271">
        <v>800</v>
      </c>
      <c r="K1271">
        <v>0</v>
      </c>
      <c r="L1271">
        <v>0</v>
      </c>
      <c r="M1271">
        <v>7278</v>
      </c>
      <c r="N1271">
        <v>0</v>
      </c>
      <c r="O1271">
        <v>0</v>
      </c>
      <c r="P1271">
        <v>-31320</v>
      </c>
      <c r="Q1271">
        <v>0</v>
      </c>
      <c r="R1271">
        <v>66938</v>
      </c>
      <c r="S1271">
        <v>0</v>
      </c>
      <c r="T1271">
        <v>0</v>
      </c>
      <c r="U1271">
        <v>0</v>
      </c>
      <c r="V1271">
        <v>5</v>
      </c>
      <c r="W1271">
        <v>8</v>
      </c>
      <c r="X1271">
        <v>0</v>
      </c>
      <c r="Y1271">
        <v>85</v>
      </c>
      <c r="Z1271">
        <v>25</v>
      </c>
      <c r="AA1271">
        <v>58</v>
      </c>
      <c r="AB1271">
        <v>46</v>
      </c>
      <c r="AC1271">
        <v>175</v>
      </c>
      <c r="AD1271">
        <v>55</v>
      </c>
      <c r="AE1271">
        <v>63</v>
      </c>
      <c r="AF1271">
        <v>0</v>
      </c>
      <c r="AG1271">
        <v>197688</v>
      </c>
      <c r="AH1271">
        <v>50000</v>
      </c>
      <c r="AI1271">
        <v>0</v>
      </c>
      <c r="AJ1271">
        <v>99</v>
      </c>
      <c r="AK1271" t="s">
        <v>9</v>
      </c>
      <c r="AL1271">
        <v>0</v>
      </c>
      <c r="AM1271">
        <v>0</v>
      </c>
      <c r="AN1271">
        <v>0</v>
      </c>
      <c r="AO1271">
        <v>0</v>
      </c>
      <c r="AP1271">
        <v>0</v>
      </c>
      <c r="AQ1271">
        <v>0</v>
      </c>
      <c r="AR1271">
        <v>0</v>
      </c>
      <c r="AS1271">
        <v>0</v>
      </c>
      <c r="AT1271">
        <v>0</v>
      </c>
      <c r="AU1271">
        <v>0</v>
      </c>
      <c r="AV1271">
        <v>0</v>
      </c>
      <c r="AW1271">
        <v>0</v>
      </c>
      <c r="AX1271">
        <v>81043</v>
      </c>
      <c r="AY1271">
        <v>28</v>
      </c>
      <c r="AZ1271">
        <v>98</v>
      </c>
      <c r="BA1271">
        <v>4876</v>
      </c>
    </row>
    <row r="1272" spans="1:53" x14ac:dyDescent="0.4">
      <c r="A1272">
        <v>1316</v>
      </c>
      <c r="B1272" s="1">
        <v>43220</v>
      </c>
      <c r="C1272">
        <v>1</v>
      </c>
      <c r="D1272" s="1">
        <v>43220.291666666664</v>
      </c>
      <c r="E1272" s="1">
        <v>43220.408333333333</v>
      </c>
      <c r="F1272">
        <v>0</v>
      </c>
      <c r="G1272">
        <v>0</v>
      </c>
      <c r="H1272">
        <v>0</v>
      </c>
      <c r="I1272">
        <v>0</v>
      </c>
      <c r="J1272">
        <v>0</v>
      </c>
      <c r="K1272">
        <v>0</v>
      </c>
      <c r="L1272">
        <v>0</v>
      </c>
      <c r="M1272">
        <v>0</v>
      </c>
      <c r="N1272">
        <v>0</v>
      </c>
      <c r="O1272">
        <v>0</v>
      </c>
      <c r="P1272">
        <v>0</v>
      </c>
      <c r="Q1272">
        <v>0</v>
      </c>
      <c r="R1272">
        <v>0</v>
      </c>
      <c r="S1272">
        <v>0</v>
      </c>
      <c r="T1272">
        <v>0</v>
      </c>
      <c r="U1272">
        <v>0</v>
      </c>
      <c r="V1272">
        <v>0</v>
      </c>
      <c r="W1272">
        <v>0</v>
      </c>
      <c r="X1272">
        <v>0</v>
      </c>
      <c r="Y1272">
        <v>35</v>
      </c>
      <c r="Z1272">
        <v>14</v>
      </c>
      <c r="AA1272">
        <v>45</v>
      </c>
      <c r="AB1272">
        <v>37</v>
      </c>
      <c r="AC1272">
        <v>133</v>
      </c>
      <c r="AD1272">
        <v>53</v>
      </c>
      <c r="AE1272">
        <v>55</v>
      </c>
      <c r="AF1272">
        <v>0</v>
      </c>
      <c r="AG1272">
        <v>50000</v>
      </c>
      <c r="AH1272">
        <v>0</v>
      </c>
      <c r="AI1272">
        <v>50000</v>
      </c>
      <c r="AJ1272">
        <v>0</v>
      </c>
      <c r="AK1272" t="s">
        <v>6</v>
      </c>
      <c r="AL1272">
        <v>0</v>
      </c>
      <c r="AM1272">
        <v>0</v>
      </c>
      <c r="AN1272">
        <v>0</v>
      </c>
      <c r="AO1272">
        <v>0</v>
      </c>
      <c r="AP1272">
        <v>0</v>
      </c>
      <c r="AQ1272">
        <v>0</v>
      </c>
      <c r="AR1272">
        <v>0</v>
      </c>
      <c r="AS1272">
        <v>0</v>
      </c>
      <c r="AT1272">
        <v>0</v>
      </c>
      <c r="AU1272">
        <v>0</v>
      </c>
      <c r="AV1272">
        <v>0</v>
      </c>
      <c r="AW1272">
        <v>0</v>
      </c>
      <c r="AX1272">
        <v>0</v>
      </c>
      <c r="AY1272">
        <v>0</v>
      </c>
      <c r="AZ1272">
        <v>0</v>
      </c>
      <c r="BA1272">
        <v>0</v>
      </c>
    </row>
    <row r="1273" spans="1:53" x14ac:dyDescent="0.4">
      <c r="A1273">
        <v>1317</v>
      </c>
      <c r="B1273" s="1">
        <v>43220</v>
      </c>
      <c r="C1273">
        <v>2</v>
      </c>
      <c r="D1273" s="1">
        <v>43220.408333333333</v>
      </c>
      <c r="E1273" s="1">
        <v>43220.76458333333</v>
      </c>
      <c r="F1273">
        <v>58750</v>
      </c>
      <c r="G1273">
        <v>5080</v>
      </c>
      <c r="H1273">
        <v>0</v>
      </c>
      <c r="I1273">
        <v>0</v>
      </c>
      <c r="J1273">
        <v>0</v>
      </c>
      <c r="K1273">
        <v>0</v>
      </c>
      <c r="L1273">
        <v>0</v>
      </c>
      <c r="M1273">
        <v>5104</v>
      </c>
      <c r="N1273">
        <v>0</v>
      </c>
      <c r="O1273">
        <v>0</v>
      </c>
      <c r="P1273">
        <v>14580</v>
      </c>
      <c r="Q1273">
        <v>0</v>
      </c>
      <c r="R1273">
        <v>83514</v>
      </c>
      <c r="S1273">
        <v>0</v>
      </c>
      <c r="T1273">
        <v>0</v>
      </c>
      <c r="U1273">
        <v>0</v>
      </c>
      <c r="V1273">
        <v>3</v>
      </c>
      <c r="W1273">
        <v>3</v>
      </c>
      <c r="X1273">
        <v>0</v>
      </c>
      <c r="Y1273">
        <v>53</v>
      </c>
      <c r="Z1273">
        <v>40</v>
      </c>
      <c r="AA1273">
        <v>111</v>
      </c>
      <c r="AB1273">
        <v>30</v>
      </c>
      <c r="AC1273">
        <v>252</v>
      </c>
      <c r="AD1273">
        <v>68</v>
      </c>
      <c r="AE1273">
        <v>54</v>
      </c>
      <c r="AF1273">
        <v>0</v>
      </c>
      <c r="AG1273">
        <v>133514</v>
      </c>
      <c r="AH1273">
        <v>50000</v>
      </c>
      <c r="AI1273">
        <v>0</v>
      </c>
      <c r="AJ1273">
        <v>106</v>
      </c>
      <c r="AK1273" t="s">
        <v>29</v>
      </c>
      <c r="AL1273">
        <v>0</v>
      </c>
      <c r="AM1273">
        <v>0</v>
      </c>
      <c r="AN1273">
        <v>0</v>
      </c>
      <c r="AO1273">
        <v>0</v>
      </c>
      <c r="AP1273">
        <v>0</v>
      </c>
      <c r="AQ1273">
        <v>0</v>
      </c>
      <c r="AR1273">
        <v>0</v>
      </c>
      <c r="AS1273">
        <v>0</v>
      </c>
      <c r="AT1273">
        <v>0</v>
      </c>
      <c r="AU1273">
        <v>0</v>
      </c>
      <c r="AV1273">
        <v>0</v>
      </c>
      <c r="AW1273">
        <v>0</v>
      </c>
      <c r="AX1273">
        <v>3110</v>
      </c>
      <c r="AY1273">
        <v>49</v>
      </c>
      <c r="AZ1273">
        <v>133</v>
      </c>
      <c r="BA1273">
        <v>7656</v>
      </c>
    </row>
    <row r="1274" spans="1:53" x14ac:dyDescent="0.4">
      <c r="A1274">
        <v>1318</v>
      </c>
      <c r="B1274" s="1">
        <v>43220</v>
      </c>
      <c r="C1274">
        <v>3</v>
      </c>
      <c r="D1274" s="1">
        <v>43220.76458333333</v>
      </c>
      <c r="E1274" s="1">
        <v>43220.964583333334</v>
      </c>
      <c r="F1274">
        <v>84550</v>
      </c>
      <c r="G1274">
        <v>6670</v>
      </c>
      <c r="H1274">
        <v>0</v>
      </c>
      <c r="I1274">
        <v>0</v>
      </c>
      <c r="J1274">
        <v>0</v>
      </c>
      <c r="K1274">
        <v>0</v>
      </c>
      <c r="L1274">
        <v>0</v>
      </c>
      <c r="M1274">
        <v>7297</v>
      </c>
      <c r="N1274">
        <v>0</v>
      </c>
      <c r="O1274">
        <v>0</v>
      </c>
      <c r="P1274">
        <v>22356</v>
      </c>
      <c r="Q1274">
        <v>0</v>
      </c>
      <c r="R1274">
        <v>120873</v>
      </c>
      <c r="S1274">
        <v>0</v>
      </c>
      <c r="T1274">
        <v>0</v>
      </c>
      <c r="U1274">
        <v>0</v>
      </c>
      <c r="V1274">
        <v>10</v>
      </c>
      <c r="W1274">
        <v>7</v>
      </c>
      <c r="X1274">
        <v>0</v>
      </c>
      <c r="Y1274">
        <v>81</v>
      </c>
      <c r="Z1274">
        <v>41</v>
      </c>
      <c r="AA1274">
        <v>115</v>
      </c>
      <c r="AB1274">
        <v>30</v>
      </c>
      <c r="AC1274">
        <v>245</v>
      </c>
      <c r="AD1274">
        <v>67</v>
      </c>
      <c r="AE1274">
        <v>55</v>
      </c>
      <c r="AF1274">
        <v>1427</v>
      </c>
      <c r="AG1274">
        <v>253767</v>
      </c>
      <c r="AH1274">
        <v>50000</v>
      </c>
      <c r="AI1274">
        <v>-620</v>
      </c>
      <c r="AJ1274">
        <v>99</v>
      </c>
      <c r="AK1274" t="s">
        <v>9</v>
      </c>
      <c r="AL1274">
        <v>0</v>
      </c>
      <c r="AM1274">
        <v>0</v>
      </c>
      <c r="AN1274">
        <v>0</v>
      </c>
      <c r="AO1274">
        <v>0</v>
      </c>
      <c r="AP1274">
        <v>0</v>
      </c>
      <c r="AQ1274">
        <v>0</v>
      </c>
      <c r="AR1274">
        <v>0</v>
      </c>
      <c r="AS1274">
        <v>0</v>
      </c>
      <c r="AT1274">
        <v>0</v>
      </c>
      <c r="AU1274">
        <v>0</v>
      </c>
      <c r="AV1274">
        <v>0</v>
      </c>
      <c r="AW1274">
        <v>0</v>
      </c>
      <c r="AX1274">
        <v>-8835</v>
      </c>
      <c r="AY1274">
        <v>23</v>
      </c>
      <c r="AZ1274">
        <v>68</v>
      </c>
      <c r="BA1274">
        <v>3407</v>
      </c>
    </row>
    <row r="1275" spans="1:53" x14ac:dyDescent="0.4">
      <c r="A1275">
        <v>1319</v>
      </c>
      <c r="B1275" s="1">
        <v>43221</v>
      </c>
      <c r="C1275">
        <v>1</v>
      </c>
      <c r="D1275" s="1">
        <v>43221.291666666664</v>
      </c>
      <c r="E1275" s="1">
        <v>43221.446527777778</v>
      </c>
      <c r="F1275">
        <v>0</v>
      </c>
      <c r="G1275">
        <v>0</v>
      </c>
      <c r="H1275">
        <v>0</v>
      </c>
      <c r="I1275">
        <v>0</v>
      </c>
      <c r="J1275">
        <v>0</v>
      </c>
      <c r="K1275">
        <v>0</v>
      </c>
      <c r="L1275">
        <v>0</v>
      </c>
      <c r="M1275">
        <v>0</v>
      </c>
      <c r="N1275">
        <v>0</v>
      </c>
      <c r="O1275">
        <v>0</v>
      </c>
      <c r="P1275">
        <v>0</v>
      </c>
      <c r="Q1275">
        <v>0</v>
      </c>
      <c r="R1275">
        <v>0</v>
      </c>
      <c r="S1275">
        <v>0</v>
      </c>
      <c r="T1275">
        <v>0</v>
      </c>
      <c r="U1275">
        <v>0</v>
      </c>
      <c r="V1275">
        <v>0</v>
      </c>
      <c r="W1275">
        <v>0</v>
      </c>
      <c r="X1275">
        <v>0</v>
      </c>
      <c r="Y1275">
        <v>31</v>
      </c>
      <c r="Z1275">
        <v>12</v>
      </c>
      <c r="AA1275">
        <v>95</v>
      </c>
      <c r="AB1275">
        <v>32</v>
      </c>
      <c r="AC1275">
        <v>154</v>
      </c>
      <c r="AD1275">
        <v>63</v>
      </c>
      <c r="AE1275">
        <v>45</v>
      </c>
      <c r="AF1275">
        <v>0</v>
      </c>
      <c r="AG1275">
        <v>50000</v>
      </c>
      <c r="AH1275">
        <v>0</v>
      </c>
      <c r="AI1275">
        <v>50000</v>
      </c>
      <c r="AJ1275">
        <v>0</v>
      </c>
      <c r="AK1275" t="s">
        <v>6</v>
      </c>
      <c r="AL1275">
        <v>0</v>
      </c>
      <c r="AM1275">
        <v>0</v>
      </c>
      <c r="AN1275">
        <v>0</v>
      </c>
      <c r="AO1275">
        <v>0</v>
      </c>
      <c r="AP1275">
        <v>0</v>
      </c>
      <c r="AQ1275">
        <v>0</v>
      </c>
      <c r="AR1275">
        <v>0</v>
      </c>
      <c r="AS1275">
        <v>0</v>
      </c>
      <c r="AT1275">
        <v>0</v>
      </c>
      <c r="AU1275">
        <v>0</v>
      </c>
      <c r="AV1275">
        <v>0</v>
      </c>
      <c r="AW1275">
        <v>0</v>
      </c>
      <c r="AX1275">
        <v>0</v>
      </c>
      <c r="AY1275">
        <v>0</v>
      </c>
      <c r="AZ1275">
        <v>0</v>
      </c>
      <c r="BA1275">
        <v>0</v>
      </c>
    </row>
    <row r="1276" spans="1:53" x14ac:dyDescent="0.4">
      <c r="A1276">
        <v>1320</v>
      </c>
      <c r="B1276" s="1">
        <v>43221</v>
      </c>
      <c r="C1276">
        <v>2</v>
      </c>
      <c r="D1276" s="1">
        <v>43221.446527777778</v>
      </c>
      <c r="E1276" s="1">
        <v>43221.74722222222</v>
      </c>
      <c r="F1276">
        <v>17000</v>
      </c>
      <c r="G1276">
        <v>1060</v>
      </c>
      <c r="H1276">
        <v>0</v>
      </c>
      <c r="I1276">
        <v>0</v>
      </c>
      <c r="J1276">
        <v>0</v>
      </c>
      <c r="K1276">
        <v>0</v>
      </c>
      <c r="L1276">
        <v>0</v>
      </c>
      <c r="M1276">
        <v>1444</v>
      </c>
      <c r="N1276">
        <v>0</v>
      </c>
      <c r="O1276">
        <v>0</v>
      </c>
      <c r="P1276">
        <v>22140</v>
      </c>
      <c r="Q1276">
        <v>0</v>
      </c>
      <c r="R1276">
        <v>41644</v>
      </c>
      <c r="S1276">
        <v>0</v>
      </c>
      <c r="T1276">
        <v>0</v>
      </c>
      <c r="U1276">
        <v>0</v>
      </c>
      <c r="V1276">
        <v>1</v>
      </c>
      <c r="W1276">
        <v>2</v>
      </c>
      <c r="X1276">
        <v>0</v>
      </c>
      <c r="Y1276">
        <v>43</v>
      </c>
      <c r="Z1276">
        <v>24</v>
      </c>
      <c r="AA1276">
        <v>124</v>
      </c>
      <c r="AB1276">
        <v>32</v>
      </c>
      <c r="AC1276">
        <v>228</v>
      </c>
      <c r="AD1276">
        <v>64</v>
      </c>
      <c r="AE1276">
        <v>44</v>
      </c>
      <c r="AF1276">
        <v>0</v>
      </c>
      <c r="AG1276">
        <v>91644</v>
      </c>
      <c r="AH1276">
        <v>50000</v>
      </c>
      <c r="AI1276">
        <v>0</v>
      </c>
      <c r="AJ1276">
        <v>96</v>
      </c>
      <c r="AK1276" t="s">
        <v>4</v>
      </c>
      <c r="AL1276">
        <v>0</v>
      </c>
      <c r="AM1276">
        <v>0</v>
      </c>
      <c r="AN1276">
        <v>0</v>
      </c>
      <c r="AO1276">
        <v>0</v>
      </c>
      <c r="AP1276">
        <v>0</v>
      </c>
      <c r="AQ1276">
        <v>0</v>
      </c>
      <c r="AR1276">
        <v>0</v>
      </c>
      <c r="AS1276">
        <v>0</v>
      </c>
      <c r="AT1276">
        <v>0</v>
      </c>
      <c r="AU1276">
        <v>0</v>
      </c>
      <c r="AV1276">
        <v>0</v>
      </c>
      <c r="AW1276">
        <v>0</v>
      </c>
      <c r="AX1276">
        <v>-2506</v>
      </c>
      <c r="AY1276">
        <v>41</v>
      </c>
      <c r="AZ1276">
        <v>75</v>
      </c>
      <c r="BA1276">
        <v>5309</v>
      </c>
    </row>
    <row r="1277" spans="1:53" x14ac:dyDescent="0.4">
      <c r="A1277">
        <v>1321</v>
      </c>
      <c r="B1277" s="1">
        <v>43221</v>
      </c>
      <c r="C1277">
        <v>3</v>
      </c>
      <c r="D1277" s="1">
        <v>43221.74722222222</v>
      </c>
      <c r="E1277" s="1">
        <v>43221.95208333333</v>
      </c>
      <c r="F1277">
        <v>83240</v>
      </c>
      <c r="G1277">
        <v>2680</v>
      </c>
      <c r="H1277">
        <v>0</v>
      </c>
      <c r="I1277">
        <v>0</v>
      </c>
      <c r="J1277">
        <v>0</v>
      </c>
      <c r="K1277">
        <v>0</v>
      </c>
      <c r="L1277">
        <v>0</v>
      </c>
      <c r="M1277">
        <v>6874</v>
      </c>
      <c r="N1277">
        <v>0</v>
      </c>
      <c r="O1277">
        <v>0</v>
      </c>
      <c r="P1277">
        <v>-5292</v>
      </c>
      <c r="Q1277">
        <v>0</v>
      </c>
      <c r="R1277">
        <v>87502</v>
      </c>
      <c r="S1277">
        <v>0</v>
      </c>
      <c r="T1277">
        <v>0</v>
      </c>
      <c r="U1277">
        <v>0</v>
      </c>
      <c r="V1277">
        <v>7</v>
      </c>
      <c r="W1277">
        <v>5</v>
      </c>
      <c r="X1277">
        <v>0</v>
      </c>
      <c r="Y1277">
        <v>43</v>
      </c>
      <c r="Z1277">
        <v>28</v>
      </c>
      <c r="AA1277">
        <v>139</v>
      </c>
      <c r="AB1277">
        <v>36</v>
      </c>
      <c r="AC1277">
        <v>238</v>
      </c>
      <c r="AD1277">
        <v>63</v>
      </c>
      <c r="AE1277">
        <v>48</v>
      </c>
      <c r="AF1277">
        <v>8703</v>
      </c>
      <c r="AG1277">
        <v>179146</v>
      </c>
      <c r="AH1277">
        <v>50000</v>
      </c>
      <c r="AI1277">
        <v>0</v>
      </c>
      <c r="AJ1277">
        <v>99</v>
      </c>
      <c r="AK1277" t="s">
        <v>9</v>
      </c>
      <c r="AL1277">
        <v>0</v>
      </c>
      <c r="AM1277">
        <v>0</v>
      </c>
      <c r="AN1277">
        <v>0</v>
      </c>
      <c r="AO1277">
        <v>0</v>
      </c>
      <c r="AP1277">
        <v>0</v>
      </c>
      <c r="AQ1277">
        <v>0</v>
      </c>
      <c r="AR1277">
        <v>0</v>
      </c>
      <c r="AS1277">
        <v>0</v>
      </c>
      <c r="AT1277">
        <v>0</v>
      </c>
      <c r="AU1277">
        <v>0</v>
      </c>
      <c r="AV1277">
        <v>0</v>
      </c>
      <c r="AW1277">
        <v>0</v>
      </c>
      <c r="AX1277">
        <v>21039</v>
      </c>
      <c r="AY1277">
        <v>28</v>
      </c>
      <c r="AZ1277">
        <v>75</v>
      </c>
      <c r="BA1277">
        <v>4372</v>
      </c>
    </row>
    <row r="1278" spans="1:53" x14ac:dyDescent="0.4">
      <c r="A1278">
        <v>1322</v>
      </c>
      <c r="B1278" s="1">
        <v>43221</v>
      </c>
      <c r="C1278">
        <v>4</v>
      </c>
      <c r="D1278" s="1">
        <v>43221.95208333333</v>
      </c>
      <c r="E1278" s="1">
        <v>43222.099305555559</v>
      </c>
      <c r="F1278">
        <v>44140</v>
      </c>
      <c r="G1278">
        <v>500</v>
      </c>
      <c r="H1278">
        <v>0</v>
      </c>
      <c r="I1278">
        <v>0</v>
      </c>
      <c r="J1278">
        <v>0</v>
      </c>
      <c r="K1278">
        <v>0</v>
      </c>
      <c r="L1278">
        <v>0</v>
      </c>
      <c r="M1278">
        <v>3571</v>
      </c>
      <c r="N1278">
        <v>0</v>
      </c>
      <c r="O1278">
        <v>0</v>
      </c>
      <c r="P1278">
        <v>14256</v>
      </c>
      <c r="Q1278">
        <v>0</v>
      </c>
      <c r="R1278">
        <v>62467</v>
      </c>
      <c r="S1278">
        <v>0</v>
      </c>
      <c r="T1278">
        <v>0</v>
      </c>
      <c r="U1278">
        <v>0</v>
      </c>
      <c r="V1278">
        <v>13</v>
      </c>
      <c r="W1278">
        <v>2</v>
      </c>
      <c r="X1278">
        <v>0</v>
      </c>
      <c r="Y1278">
        <v>57</v>
      </c>
      <c r="Z1278">
        <v>32</v>
      </c>
      <c r="AA1278">
        <v>140</v>
      </c>
      <c r="AB1278">
        <v>34</v>
      </c>
      <c r="AC1278">
        <v>223</v>
      </c>
      <c r="AD1278">
        <v>62</v>
      </c>
      <c r="AE1278">
        <v>50</v>
      </c>
      <c r="AF1278">
        <v>10323</v>
      </c>
      <c r="AG1278">
        <v>241613</v>
      </c>
      <c r="AH1278">
        <v>50000</v>
      </c>
      <c r="AI1278">
        <v>0</v>
      </c>
      <c r="AJ1278">
        <v>100</v>
      </c>
      <c r="AK1278" t="s">
        <v>0</v>
      </c>
      <c r="AL1278">
        <v>0</v>
      </c>
      <c r="AM1278">
        <v>0</v>
      </c>
      <c r="AN1278">
        <v>0</v>
      </c>
      <c r="AO1278">
        <v>0</v>
      </c>
      <c r="AP1278">
        <v>0</v>
      </c>
      <c r="AQ1278">
        <v>0</v>
      </c>
      <c r="AR1278">
        <v>0</v>
      </c>
      <c r="AS1278">
        <v>0</v>
      </c>
      <c r="AT1278">
        <v>0</v>
      </c>
      <c r="AU1278">
        <v>0</v>
      </c>
      <c r="AV1278">
        <v>0</v>
      </c>
      <c r="AW1278">
        <v>0</v>
      </c>
      <c r="AX1278">
        <v>5032</v>
      </c>
      <c r="AY1278">
        <v>9</v>
      </c>
      <c r="AZ1278">
        <v>26</v>
      </c>
      <c r="BA1278">
        <v>1316</v>
      </c>
    </row>
    <row r="1279" spans="1:53" x14ac:dyDescent="0.4">
      <c r="A1279">
        <v>1323</v>
      </c>
      <c r="B1279" s="1">
        <v>43222</v>
      </c>
      <c r="C1279">
        <v>1</v>
      </c>
      <c r="D1279" s="1">
        <v>43222.291666666664</v>
      </c>
      <c r="E1279" s="1">
        <v>43222.447916666664</v>
      </c>
      <c r="F1279">
        <v>0</v>
      </c>
      <c r="G1279">
        <v>0</v>
      </c>
      <c r="H1279">
        <v>0</v>
      </c>
      <c r="I1279">
        <v>0</v>
      </c>
      <c r="J1279">
        <v>0</v>
      </c>
      <c r="K1279">
        <v>0</v>
      </c>
      <c r="L1279">
        <v>0</v>
      </c>
      <c r="M1279">
        <v>0</v>
      </c>
      <c r="N1279">
        <v>0</v>
      </c>
      <c r="O1279">
        <v>0</v>
      </c>
      <c r="P1279">
        <v>0</v>
      </c>
      <c r="Q1279">
        <v>0</v>
      </c>
      <c r="R1279">
        <v>0</v>
      </c>
      <c r="S1279">
        <v>0</v>
      </c>
      <c r="T1279">
        <v>0</v>
      </c>
      <c r="U1279">
        <v>0</v>
      </c>
      <c r="V1279">
        <v>0</v>
      </c>
      <c r="W1279">
        <v>0</v>
      </c>
      <c r="X1279">
        <v>0</v>
      </c>
      <c r="Y1279">
        <v>25</v>
      </c>
      <c r="Z1279">
        <v>26</v>
      </c>
      <c r="AA1279">
        <v>88</v>
      </c>
      <c r="AB1279">
        <v>34</v>
      </c>
      <c r="AC1279">
        <v>114</v>
      </c>
      <c r="AD1279">
        <v>64</v>
      </c>
      <c r="AE1279">
        <v>40</v>
      </c>
      <c r="AF1279">
        <v>0</v>
      </c>
      <c r="AG1279">
        <v>50000</v>
      </c>
      <c r="AH1279">
        <v>0</v>
      </c>
      <c r="AI1279">
        <v>50000</v>
      </c>
      <c r="AJ1279">
        <v>0</v>
      </c>
      <c r="AK1279" t="s">
        <v>6</v>
      </c>
      <c r="AL1279">
        <v>0</v>
      </c>
      <c r="AM1279">
        <v>0</v>
      </c>
      <c r="AN1279">
        <v>0</v>
      </c>
      <c r="AO1279">
        <v>0</v>
      </c>
      <c r="AP1279">
        <v>0</v>
      </c>
      <c r="AQ1279">
        <v>0</v>
      </c>
      <c r="AR1279">
        <v>0</v>
      </c>
      <c r="AS1279">
        <v>0</v>
      </c>
      <c r="AT1279">
        <v>0</v>
      </c>
      <c r="AU1279">
        <v>0</v>
      </c>
      <c r="AV1279">
        <v>0</v>
      </c>
      <c r="AW1279">
        <v>0</v>
      </c>
      <c r="AX1279">
        <v>0</v>
      </c>
      <c r="AY1279">
        <v>0</v>
      </c>
      <c r="AZ1279">
        <v>0</v>
      </c>
      <c r="BA1279">
        <v>0</v>
      </c>
    </row>
    <row r="1280" spans="1:53" x14ac:dyDescent="0.4">
      <c r="A1280">
        <v>1324</v>
      </c>
      <c r="B1280" s="1">
        <v>43222</v>
      </c>
      <c r="C1280">
        <v>2</v>
      </c>
      <c r="D1280" s="1">
        <v>43222.447916666664</v>
      </c>
      <c r="E1280" s="1">
        <v>43222.757638888892</v>
      </c>
      <c r="F1280">
        <v>26500</v>
      </c>
      <c r="G1280">
        <v>1680</v>
      </c>
      <c r="H1280">
        <v>0</v>
      </c>
      <c r="I1280">
        <v>0</v>
      </c>
      <c r="J1280">
        <v>0</v>
      </c>
      <c r="K1280">
        <v>0</v>
      </c>
      <c r="L1280">
        <v>0</v>
      </c>
      <c r="M1280">
        <v>2254</v>
      </c>
      <c r="N1280">
        <v>0</v>
      </c>
      <c r="O1280">
        <v>0</v>
      </c>
      <c r="P1280">
        <v>16200</v>
      </c>
      <c r="Q1280">
        <v>0</v>
      </c>
      <c r="R1280">
        <v>46634</v>
      </c>
      <c r="S1280">
        <v>0</v>
      </c>
      <c r="T1280">
        <v>0</v>
      </c>
      <c r="U1280">
        <v>0</v>
      </c>
      <c r="V1280">
        <v>2</v>
      </c>
      <c r="W1280">
        <v>5</v>
      </c>
      <c r="X1280">
        <v>0</v>
      </c>
      <c r="Y1280">
        <v>21</v>
      </c>
      <c r="Z1280">
        <v>35</v>
      </c>
      <c r="AA1280">
        <v>91</v>
      </c>
      <c r="AB1280">
        <v>34</v>
      </c>
      <c r="AC1280">
        <v>197</v>
      </c>
      <c r="AD1280">
        <v>64</v>
      </c>
      <c r="AE1280">
        <v>44</v>
      </c>
      <c r="AF1280">
        <v>0</v>
      </c>
      <c r="AG1280">
        <v>96634</v>
      </c>
      <c r="AH1280">
        <v>50000</v>
      </c>
      <c r="AI1280">
        <v>0</v>
      </c>
      <c r="AJ1280">
        <v>99</v>
      </c>
      <c r="AK1280" t="s">
        <v>9</v>
      </c>
      <c r="AL1280">
        <v>0</v>
      </c>
      <c r="AM1280">
        <v>0</v>
      </c>
      <c r="AN1280">
        <v>0</v>
      </c>
      <c r="AO1280">
        <v>0</v>
      </c>
      <c r="AP1280">
        <v>0</v>
      </c>
      <c r="AQ1280">
        <v>0</v>
      </c>
      <c r="AR1280">
        <v>0</v>
      </c>
      <c r="AS1280">
        <v>0</v>
      </c>
      <c r="AT1280">
        <v>0</v>
      </c>
      <c r="AU1280">
        <v>0</v>
      </c>
      <c r="AV1280">
        <v>0</v>
      </c>
      <c r="AW1280">
        <v>0</v>
      </c>
      <c r="AX1280">
        <v>1814</v>
      </c>
      <c r="AY1280">
        <v>38</v>
      </c>
      <c r="AZ1280">
        <v>80</v>
      </c>
      <c r="BA1280">
        <v>5981</v>
      </c>
    </row>
    <row r="1281" spans="1:53" x14ac:dyDescent="0.4">
      <c r="A1281">
        <v>1325</v>
      </c>
      <c r="B1281" s="1">
        <v>43223</v>
      </c>
      <c r="C1281">
        <v>1</v>
      </c>
      <c r="D1281" s="1">
        <v>43223.291666666664</v>
      </c>
      <c r="E1281" s="1">
        <v>43223.408333333333</v>
      </c>
      <c r="F1281">
        <v>0</v>
      </c>
      <c r="G1281">
        <v>0</v>
      </c>
      <c r="H1281">
        <v>0</v>
      </c>
      <c r="I1281">
        <v>0</v>
      </c>
      <c r="J1281">
        <v>0</v>
      </c>
      <c r="K1281">
        <v>0</v>
      </c>
      <c r="L1281">
        <v>0</v>
      </c>
      <c r="M1281">
        <v>0</v>
      </c>
      <c r="N1281">
        <v>0</v>
      </c>
      <c r="O1281">
        <v>0</v>
      </c>
      <c r="P1281">
        <v>0</v>
      </c>
      <c r="Q1281">
        <v>0</v>
      </c>
      <c r="R1281">
        <v>0</v>
      </c>
      <c r="S1281">
        <v>0</v>
      </c>
      <c r="T1281">
        <v>0</v>
      </c>
      <c r="U1281">
        <v>0</v>
      </c>
      <c r="V1281">
        <v>0</v>
      </c>
      <c r="W1281">
        <v>0</v>
      </c>
      <c r="X1281">
        <v>0</v>
      </c>
      <c r="Y1281">
        <v>33</v>
      </c>
      <c r="Z1281">
        <v>15</v>
      </c>
      <c r="AA1281">
        <v>67</v>
      </c>
      <c r="AB1281">
        <v>22</v>
      </c>
      <c r="AC1281">
        <v>140</v>
      </c>
      <c r="AD1281">
        <v>56</v>
      </c>
      <c r="AE1281">
        <v>20</v>
      </c>
      <c r="AF1281">
        <v>0</v>
      </c>
      <c r="AG1281">
        <v>50000</v>
      </c>
      <c r="AH1281">
        <v>0</v>
      </c>
      <c r="AI1281">
        <v>50000</v>
      </c>
      <c r="AJ1281">
        <v>0</v>
      </c>
      <c r="AK1281" t="s">
        <v>6</v>
      </c>
      <c r="AL1281">
        <v>0</v>
      </c>
      <c r="AM1281">
        <v>0</v>
      </c>
      <c r="AN1281">
        <v>0</v>
      </c>
      <c r="AO1281">
        <v>0</v>
      </c>
      <c r="AP1281">
        <v>0</v>
      </c>
      <c r="AQ1281">
        <v>0</v>
      </c>
      <c r="AR1281">
        <v>0</v>
      </c>
      <c r="AS1281">
        <v>0</v>
      </c>
      <c r="AT1281">
        <v>0</v>
      </c>
      <c r="AU1281">
        <v>0</v>
      </c>
      <c r="AV1281">
        <v>0</v>
      </c>
      <c r="AW1281">
        <v>0</v>
      </c>
      <c r="AX1281">
        <v>0</v>
      </c>
      <c r="AY1281">
        <v>0</v>
      </c>
      <c r="AZ1281">
        <v>0</v>
      </c>
      <c r="BA1281">
        <v>0</v>
      </c>
    </row>
    <row r="1282" spans="1:53" x14ac:dyDescent="0.4">
      <c r="A1282">
        <v>1326</v>
      </c>
      <c r="B1282" s="1">
        <v>43223</v>
      </c>
      <c r="C1282">
        <v>2</v>
      </c>
      <c r="D1282" s="1">
        <v>43223.408333333333</v>
      </c>
      <c r="E1282" s="1">
        <v>43223.740972222222</v>
      </c>
      <c r="F1282">
        <v>49000</v>
      </c>
      <c r="G1282">
        <v>2440</v>
      </c>
      <c r="H1282">
        <v>0</v>
      </c>
      <c r="I1282">
        <v>0</v>
      </c>
      <c r="J1282">
        <v>0</v>
      </c>
      <c r="K1282">
        <v>0</v>
      </c>
      <c r="L1282">
        <v>0</v>
      </c>
      <c r="M1282">
        <v>4114</v>
      </c>
      <c r="N1282">
        <v>0</v>
      </c>
      <c r="O1282">
        <v>0</v>
      </c>
      <c r="P1282">
        <v>17280</v>
      </c>
      <c r="Q1282">
        <v>0</v>
      </c>
      <c r="R1282">
        <v>72834</v>
      </c>
      <c r="S1282">
        <v>0</v>
      </c>
      <c r="T1282">
        <v>0</v>
      </c>
      <c r="U1282">
        <v>0</v>
      </c>
      <c r="V1282">
        <v>1</v>
      </c>
      <c r="W1282">
        <v>3</v>
      </c>
      <c r="X1282">
        <v>0</v>
      </c>
      <c r="Y1282">
        <v>67</v>
      </c>
      <c r="Z1282">
        <v>29</v>
      </c>
      <c r="AA1282">
        <v>94</v>
      </c>
      <c r="AB1282">
        <v>20</v>
      </c>
      <c r="AC1282">
        <v>187</v>
      </c>
      <c r="AD1282">
        <v>66</v>
      </c>
      <c r="AE1282">
        <v>29</v>
      </c>
      <c r="AF1282">
        <v>3705</v>
      </c>
      <c r="AG1282">
        <v>122834</v>
      </c>
      <c r="AH1282">
        <v>50000</v>
      </c>
      <c r="AI1282">
        <v>0</v>
      </c>
      <c r="AJ1282">
        <v>96</v>
      </c>
      <c r="AK1282" t="s">
        <v>4</v>
      </c>
      <c r="AL1282">
        <v>0</v>
      </c>
      <c r="AM1282">
        <v>0</v>
      </c>
      <c r="AN1282">
        <v>0</v>
      </c>
      <c r="AO1282">
        <v>0</v>
      </c>
      <c r="AP1282">
        <v>0</v>
      </c>
      <c r="AQ1282">
        <v>0</v>
      </c>
      <c r="AR1282">
        <v>0</v>
      </c>
      <c r="AS1282">
        <v>0</v>
      </c>
      <c r="AT1282">
        <v>0</v>
      </c>
      <c r="AU1282">
        <v>0</v>
      </c>
      <c r="AV1282">
        <v>0</v>
      </c>
      <c r="AW1282">
        <v>0</v>
      </c>
      <c r="AX1282">
        <v>-346</v>
      </c>
      <c r="AY1282">
        <v>52</v>
      </c>
      <c r="AZ1282">
        <v>119</v>
      </c>
      <c r="BA1282">
        <v>7790</v>
      </c>
    </row>
    <row r="1283" spans="1:53" x14ac:dyDescent="0.4">
      <c r="A1283">
        <v>1327</v>
      </c>
      <c r="B1283" s="1">
        <v>43224</v>
      </c>
      <c r="C1283">
        <v>1</v>
      </c>
      <c r="D1283" s="1">
        <v>43224.291666666664</v>
      </c>
      <c r="E1283" s="1">
        <v>43224.411805555559</v>
      </c>
      <c r="F1283">
        <v>0</v>
      </c>
      <c r="G1283">
        <v>0</v>
      </c>
      <c r="H1283">
        <v>0</v>
      </c>
      <c r="I1283">
        <v>0</v>
      </c>
      <c r="J1283">
        <v>0</v>
      </c>
      <c r="K1283">
        <v>0</v>
      </c>
      <c r="L1283">
        <v>0</v>
      </c>
      <c r="M1283">
        <v>0</v>
      </c>
      <c r="N1283">
        <v>0</v>
      </c>
      <c r="O1283">
        <v>0</v>
      </c>
      <c r="P1283">
        <v>0</v>
      </c>
      <c r="Q1283">
        <v>0</v>
      </c>
      <c r="R1283">
        <v>0</v>
      </c>
      <c r="S1283">
        <v>0</v>
      </c>
      <c r="T1283">
        <v>0</v>
      </c>
      <c r="U1283">
        <v>0</v>
      </c>
      <c r="V1283">
        <v>0</v>
      </c>
      <c r="W1283">
        <v>0</v>
      </c>
      <c r="X1283">
        <v>0</v>
      </c>
      <c r="Y1283">
        <v>32</v>
      </c>
      <c r="Z1283">
        <v>17</v>
      </c>
      <c r="AA1283">
        <v>74</v>
      </c>
      <c r="AB1283">
        <v>14</v>
      </c>
      <c r="AC1283">
        <v>101</v>
      </c>
      <c r="AD1283">
        <v>70</v>
      </c>
      <c r="AE1283">
        <v>40</v>
      </c>
      <c r="AF1283">
        <v>0</v>
      </c>
      <c r="AG1283">
        <v>50000</v>
      </c>
      <c r="AH1283">
        <v>0</v>
      </c>
      <c r="AI1283">
        <v>50000</v>
      </c>
      <c r="AJ1283">
        <v>0</v>
      </c>
      <c r="AK1283" t="s">
        <v>6</v>
      </c>
      <c r="AL1283">
        <v>0</v>
      </c>
      <c r="AM1283">
        <v>0</v>
      </c>
      <c r="AN1283">
        <v>0</v>
      </c>
      <c r="AO1283">
        <v>0</v>
      </c>
      <c r="AP1283">
        <v>0</v>
      </c>
      <c r="AQ1283">
        <v>0</v>
      </c>
      <c r="AR1283">
        <v>0</v>
      </c>
      <c r="AS1283">
        <v>0</v>
      </c>
      <c r="AT1283">
        <v>0</v>
      </c>
      <c r="AU1283">
        <v>0</v>
      </c>
      <c r="AV1283">
        <v>0</v>
      </c>
      <c r="AW1283">
        <v>0</v>
      </c>
      <c r="AX1283">
        <v>0</v>
      </c>
      <c r="AY1283">
        <v>0</v>
      </c>
      <c r="AZ1283">
        <v>0</v>
      </c>
      <c r="BA1283">
        <v>0</v>
      </c>
    </row>
    <row r="1284" spans="1:53" x14ac:dyDescent="0.4">
      <c r="A1284">
        <v>1328</v>
      </c>
      <c r="B1284" s="1">
        <v>43224</v>
      </c>
      <c r="C1284">
        <v>2</v>
      </c>
      <c r="D1284" s="1">
        <v>43224.411805555559</v>
      </c>
      <c r="E1284" s="1">
        <v>43224.72152777778</v>
      </c>
      <c r="F1284">
        <v>38750</v>
      </c>
      <c r="G1284">
        <v>4070</v>
      </c>
      <c r="H1284">
        <v>0</v>
      </c>
      <c r="I1284">
        <v>0</v>
      </c>
      <c r="J1284">
        <v>0</v>
      </c>
      <c r="K1284">
        <v>0</v>
      </c>
      <c r="L1284">
        <v>0</v>
      </c>
      <c r="M1284">
        <v>3425</v>
      </c>
      <c r="N1284">
        <v>0</v>
      </c>
      <c r="O1284">
        <v>0</v>
      </c>
      <c r="P1284">
        <v>23760</v>
      </c>
      <c r="Q1284">
        <v>0</v>
      </c>
      <c r="R1284">
        <v>70005</v>
      </c>
      <c r="S1284">
        <v>0</v>
      </c>
      <c r="T1284">
        <v>0</v>
      </c>
      <c r="U1284">
        <v>0</v>
      </c>
      <c r="V1284">
        <v>2</v>
      </c>
      <c r="W1284">
        <v>3</v>
      </c>
      <c r="X1284">
        <v>0</v>
      </c>
      <c r="Y1284">
        <v>46</v>
      </c>
      <c r="Z1284">
        <v>46</v>
      </c>
      <c r="AA1284">
        <v>102</v>
      </c>
      <c r="AB1284">
        <v>21</v>
      </c>
      <c r="AC1284">
        <v>191</v>
      </c>
      <c r="AD1284">
        <v>73</v>
      </c>
      <c r="AE1284">
        <v>50</v>
      </c>
      <c r="AF1284">
        <v>2430</v>
      </c>
      <c r="AG1284">
        <v>120005</v>
      </c>
      <c r="AH1284">
        <v>50000</v>
      </c>
      <c r="AI1284">
        <v>0</v>
      </c>
      <c r="AJ1284">
        <v>96</v>
      </c>
      <c r="AK1284" t="s">
        <v>4</v>
      </c>
      <c r="AL1284">
        <v>0</v>
      </c>
      <c r="AM1284">
        <v>0</v>
      </c>
      <c r="AN1284">
        <v>0</v>
      </c>
      <c r="AO1284">
        <v>0</v>
      </c>
      <c r="AP1284">
        <v>0</v>
      </c>
      <c r="AQ1284">
        <v>0</v>
      </c>
      <c r="AR1284">
        <v>0</v>
      </c>
      <c r="AS1284">
        <v>0</v>
      </c>
      <c r="AT1284">
        <v>0</v>
      </c>
      <c r="AU1284">
        <v>0</v>
      </c>
      <c r="AV1284">
        <v>0</v>
      </c>
      <c r="AW1284">
        <v>0</v>
      </c>
      <c r="AX1284">
        <v>0</v>
      </c>
      <c r="AY1284">
        <v>46</v>
      </c>
      <c r="AZ1284">
        <v>107</v>
      </c>
      <c r="BA1284">
        <v>7441</v>
      </c>
    </row>
    <row r="1285" spans="1:53" x14ac:dyDescent="0.4">
      <c r="A1285">
        <v>1329</v>
      </c>
      <c r="B1285" s="1">
        <v>43225</v>
      </c>
      <c r="C1285">
        <v>1</v>
      </c>
      <c r="D1285" s="1">
        <v>43225.291666666664</v>
      </c>
      <c r="E1285" s="1">
        <v>43225.406944444447</v>
      </c>
      <c r="F1285">
        <v>0</v>
      </c>
      <c r="G1285">
        <v>0</v>
      </c>
      <c r="H1285">
        <v>0</v>
      </c>
      <c r="I1285">
        <v>0</v>
      </c>
      <c r="J1285">
        <v>0</v>
      </c>
      <c r="K1285">
        <v>0</v>
      </c>
      <c r="L1285">
        <v>0</v>
      </c>
      <c r="M1285">
        <v>0</v>
      </c>
      <c r="N1285">
        <v>0</v>
      </c>
      <c r="O1285">
        <v>0</v>
      </c>
      <c r="P1285">
        <v>0</v>
      </c>
      <c r="Q1285">
        <v>0</v>
      </c>
      <c r="R1285">
        <v>0</v>
      </c>
      <c r="S1285">
        <v>0</v>
      </c>
      <c r="T1285">
        <v>0</v>
      </c>
      <c r="U1285">
        <v>0</v>
      </c>
      <c r="V1285">
        <v>0</v>
      </c>
      <c r="W1285">
        <v>0</v>
      </c>
      <c r="X1285">
        <v>0</v>
      </c>
      <c r="Y1285">
        <v>31</v>
      </c>
      <c r="Z1285">
        <v>13</v>
      </c>
      <c r="AA1285">
        <v>94</v>
      </c>
      <c r="AB1285">
        <v>28</v>
      </c>
      <c r="AC1285">
        <v>133</v>
      </c>
      <c r="AD1285">
        <v>67</v>
      </c>
      <c r="AE1285">
        <v>35</v>
      </c>
      <c r="AF1285">
        <v>0</v>
      </c>
      <c r="AG1285">
        <v>50000</v>
      </c>
      <c r="AH1285">
        <v>50000</v>
      </c>
      <c r="AI1285">
        <v>0</v>
      </c>
      <c r="AJ1285">
        <v>0</v>
      </c>
      <c r="AK1285" t="s">
        <v>6</v>
      </c>
      <c r="AL1285">
        <v>0</v>
      </c>
      <c r="AM1285">
        <v>0</v>
      </c>
      <c r="AN1285">
        <v>0</v>
      </c>
      <c r="AO1285">
        <v>0</v>
      </c>
      <c r="AP1285">
        <v>0</v>
      </c>
      <c r="AQ1285">
        <v>0</v>
      </c>
      <c r="AR1285">
        <v>0</v>
      </c>
      <c r="AS1285">
        <v>0</v>
      </c>
      <c r="AT1285">
        <v>0</v>
      </c>
      <c r="AU1285">
        <v>0</v>
      </c>
      <c r="AV1285">
        <v>0</v>
      </c>
      <c r="AW1285">
        <v>0</v>
      </c>
      <c r="AX1285">
        <v>0</v>
      </c>
      <c r="AY1285">
        <v>0</v>
      </c>
      <c r="AZ1285">
        <v>0</v>
      </c>
      <c r="BA1285">
        <v>0</v>
      </c>
    </row>
    <row r="1286" spans="1:53" x14ac:dyDescent="0.4">
      <c r="A1286">
        <v>1330</v>
      </c>
      <c r="B1286" s="1">
        <v>43225</v>
      </c>
      <c r="C1286">
        <v>2</v>
      </c>
      <c r="D1286" s="1">
        <v>43225.406944444447</v>
      </c>
      <c r="E1286" s="1">
        <v>43225.740277777775</v>
      </c>
      <c r="F1286">
        <v>44500</v>
      </c>
      <c r="G1286">
        <v>3060</v>
      </c>
      <c r="H1286">
        <v>0</v>
      </c>
      <c r="I1286">
        <v>0</v>
      </c>
      <c r="J1286">
        <v>0</v>
      </c>
      <c r="K1286">
        <v>0</v>
      </c>
      <c r="L1286">
        <v>0</v>
      </c>
      <c r="M1286">
        <v>3804</v>
      </c>
      <c r="N1286">
        <v>0</v>
      </c>
      <c r="O1286">
        <v>0</v>
      </c>
      <c r="P1286">
        <v>25920</v>
      </c>
      <c r="Q1286">
        <v>0</v>
      </c>
      <c r="R1286">
        <v>77284</v>
      </c>
      <c r="S1286">
        <v>0</v>
      </c>
      <c r="T1286">
        <v>0</v>
      </c>
      <c r="U1286">
        <v>0</v>
      </c>
      <c r="V1286">
        <v>2</v>
      </c>
      <c r="W1286">
        <v>3</v>
      </c>
      <c r="X1286">
        <v>0</v>
      </c>
      <c r="Y1286">
        <v>54</v>
      </c>
      <c r="Z1286">
        <v>36</v>
      </c>
      <c r="AA1286">
        <v>122</v>
      </c>
      <c r="AB1286">
        <v>40</v>
      </c>
      <c r="AC1286">
        <v>189</v>
      </c>
      <c r="AD1286">
        <v>70</v>
      </c>
      <c r="AE1286">
        <v>26</v>
      </c>
      <c r="AF1286">
        <v>3818</v>
      </c>
      <c r="AG1286">
        <v>127284</v>
      </c>
      <c r="AH1286">
        <v>50000</v>
      </c>
      <c r="AI1286">
        <v>0</v>
      </c>
      <c r="AJ1286">
        <v>92</v>
      </c>
      <c r="AK1286" t="s">
        <v>22</v>
      </c>
      <c r="AL1286">
        <v>0</v>
      </c>
      <c r="AM1286">
        <v>0</v>
      </c>
      <c r="AN1286">
        <v>0</v>
      </c>
      <c r="AO1286">
        <v>0</v>
      </c>
      <c r="AP1286">
        <v>0</v>
      </c>
      <c r="AQ1286">
        <v>0</v>
      </c>
      <c r="AR1286">
        <v>0</v>
      </c>
      <c r="AS1286">
        <v>0</v>
      </c>
      <c r="AT1286">
        <v>0</v>
      </c>
      <c r="AU1286">
        <v>0</v>
      </c>
      <c r="AV1286">
        <v>0</v>
      </c>
      <c r="AW1286">
        <v>0</v>
      </c>
      <c r="AX1286">
        <v>734</v>
      </c>
      <c r="AY1286">
        <v>54</v>
      </c>
      <c r="AZ1286">
        <v>133</v>
      </c>
      <c r="BA1286">
        <v>7507</v>
      </c>
    </row>
    <row r="1287" spans="1:53" x14ac:dyDescent="0.4">
      <c r="A1287">
        <v>1331</v>
      </c>
      <c r="B1287" s="1">
        <v>43225</v>
      </c>
      <c r="C1287">
        <v>3</v>
      </c>
      <c r="D1287" s="1">
        <v>43225.740277777775</v>
      </c>
      <c r="E1287" s="1">
        <v>43225.977083333331</v>
      </c>
      <c r="F1287">
        <v>89000</v>
      </c>
      <c r="G1287">
        <v>4130</v>
      </c>
      <c r="H1287">
        <v>0</v>
      </c>
      <c r="I1287">
        <v>0</v>
      </c>
      <c r="J1287">
        <v>500</v>
      </c>
      <c r="K1287">
        <v>0</v>
      </c>
      <c r="L1287">
        <v>0</v>
      </c>
      <c r="M1287">
        <v>7410</v>
      </c>
      <c r="N1287">
        <v>0</v>
      </c>
      <c r="O1287">
        <v>0</v>
      </c>
      <c r="P1287">
        <v>5643</v>
      </c>
      <c r="Q1287">
        <v>0</v>
      </c>
      <c r="R1287">
        <v>105683</v>
      </c>
      <c r="S1287">
        <v>0</v>
      </c>
      <c r="T1287">
        <v>0</v>
      </c>
      <c r="U1287">
        <v>0</v>
      </c>
      <c r="V1287">
        <v>12</v>
      </c>
      <c r="W1287">
        <v>6</v>
      </c>
      <c r="X1287">
        <v>0</v>
      </c>
      <c r="Y1287">
        <v>44</v>
      </c>
      <c r="Z1287">
        <v>37</v>
      </c>
      <c r="AA1287">
        <v>121</v>
      </c>
      <c r="AB1287">
        <v>41</v>
      </c>
      <c r="AC1287">
        <v>212</v>
      </c>
      <c r="AD1287">
        <v>70</v>
      </c>
      <c r="AE1287">
        <v>29</v>
      </c>
      <c r="AF1287">
        <v>3818</v>
      </c>
      <c r="AG1287">
        <v>232967</v>
      </c>
      <c r="AH1287">
        <v>50000</v>
      </c>
      <c r="AI1287">
        <v>0</v>
      </c>
      <c r="AJ1287">
        <v>100</v>
      </c>
      <c r="AK1287" t="s">
        <v>0</v>
      </c>
      <c r="AL1287">
        <v>0</v>
      </c>
      <c r="AM1287">
        <v>0</v>
      </c>
      <c r="AN1287">
        <v>0</v>
      </c>
      <c r="AO1287">
        <v>0</v>
      </c>
      <c r="AP1287">
        <v>0</v>
      </c>
      <c r="AQ1287">
        <v>0</v>
      </c>
      <c r="AR1287">
        <v>0</v>
      </c>
      <c r="AS1287">
        <v>0</v>
      </c>
      <c r="AT1287">
        <v>0</v>
      </c>
      <c r="AU1287">
        <v>0</v>
      </c>
      <c r="AV1287">
        <v>0</v>
      </c>
      <c r="AW1287">
        <v>0</v>
      </c>
      <c r="AX1287">
        <v>47956</v>
      </c>
      <c r="AY1287">
        <v>27</v>
      </c>
      <c r="AZ1287">
        <v>97</v>
      </c>
      <c r="BA1287">
        <v>4431</v>
      </c>
    </row>
    <row r="1288" spans="1:53" x14ac:dyDescent="0.4">
      <c r="A1288">
        <v>1332</v>
      </c>
      <c r="B1288" s="1">
        <v>43226</v>
      </c>
      <c r="C1288">
        <v>1</v>
      </c>
      <c r="D1288" s="1">
        <v>43226.291666666664</v>
      </c>
      <c r="E1288" s="1">
        <v>43226.410416666666</v>
      </c>
      <c r="F1288">
        <v>0</v>
      </c>
      <c r="G1288">
        <v>0</v>
      </c>
      <c r="H1288">
        <v>0</v>
      </c>
      <c r="I1288">
        <v>0</v>
      </c>
      <c r="J1288">
        <v>0</v>
      </c>
      <c r="K1288">
        <v>0</v>
      </c>
      <c r="L1288">
        <v>0</v>
      </c>
      <c r="M1288">
        <v>0</v>
      </c>
      <c r="N1288">
        <v>0</v>
      </c>
      <c r="O1288">
        <v>0</v>
      </c>
      <c r="P1288">
        <v>0</v>
      </c>
      <c r="Q1288">
        <v>0</v>
      </c>
      <c r="R1288">
        <v>0</v>
      </c>
      <c r="S1288">
        <v>0</v>
      </c>
      <c r="T1288">
        <v>0</v>
      </c>
      <c r="U1288">
        <v>0</v>
      </c>
      <c r="V1288">
        <v>0</v>
      </c>
      <c r="W1288">
        <v>0</v>
      </c>
      <c r="X1288">
        <v>0</v>
      </c>
      <c r="Y1288">
        <v>28</v>
      </c>
      <c r="Z1288">
        <v>10</v>
      </c>
      <c r="AA1288">
        <v>136</v>
      </c>
      <c r="AB1288">
        <v>37</v>
      </c>
      <c r="AC1288">
        <v>120</v>
      </c>
      <c r="AD1288">
        <v>64</v>
      </c>
      <c r="AE1288">
        <v>30</v>
      </c>
      <c r="AF1288">
        <v>0</v>
      </c>
      <c r="AG1288">
        <v>50000</v>
      </c>
      <c r="AH1288">
        <v>0</v>
      </c>
      <c r="AI1288">
        <v>50000</v>
      </c>
      <c r="AJ1288">
        <v>0</v>
      </c>
      <c r="AK1288" t="s">
        <v>6</v>
      </c>
      <c r="AL1288">
        <v>0</v>
      </c>
      <c r="AM1288">
        <v>0</v>
      </c>
      <c r="AN1288">
        <v>0</v>
      </c>
      <c r="AO1288">
        <v>0</v>
      </c>
      <c r="AP1288">
        <v>0</v>
      </c>
      <c r="AQ1288">
        <v>0</v>
      </c>
      <c r="AR1288">
        <v>0</v>
      </c>
      <c r="AS1288">
        <v>0</v>
      </c>
      <c r="AT1288">
        <v>0</v>
      </c>
      <c r="AU1288">
        <v>0</v>
      </c>
      <c r="AV1288">
        <v>0</v>
      </c>
      <c r="AW1288">
        <v>0</v>
      </c>
      <c r="AX1288">
        <v>0</v>
      </c>
      <c r="AY1288">
        <v>0</v>
      </c>
      <c r="AZ1288">
        <v>0</v>
      </c>
      <c r="BA1288">
        <v>0</v>
      </c>
    </row>
    <row r="1289" spans="1:53" x14ac:dyDescent="0.4">
      <c r="A1289">
        <v>1333</v>
      </c>
      <c r="B1289" s="1">
        <v>43226</v>
      </c>
      <c r="C1289">
        <v>2</v>
      </c>
      <c r="D1289" s="1">
        <v>43226.410416666666</v>
      </c>
      <c r="E1289" s="1">
        <v>43226.754861111112</v>
      </c>
      <c r="F1289">
        <v>47750</v>
      </c>
      <c r="G1289">
        <v>4200</v>
      </c>
      <c r="H1289">
        <v>0</v>
      </c>
      <c r="I1289">
        <v>0</v>
      </c>
      <c r="J1289">
        <v>0</v>
      </c>
      <c r="K1289">
        <v>0</v>
      </c>
      <c r="L1289">
        <v>0</v>
      </c>
      <c r="M1289">
        <v>4155</v>
      </c>
      <c r="N1289">
        <v>0</v>
      </c>
      <c r="O1289">
        <v>0</v>
      </c>
      <c r="P1289">
        <v>22140</v>
      </c>
      <c r="Q1289">
        <v>0</v>
      </c>
      <c r="R1289">
        <v>78245</v>
      </c>
      <c r="S1289">
        <v>0</v>
      </c>
      <c r="T1289">
        <v>0</v>
      </c>
      <c r="U1289">
        <v>0</v>
      </c>
      <c r="V1289">
        <v>4</v>
      </c>
      <c r="W1289">
        <v>0</v>
      </c>
      <c r="X1289">
        <v>0</v>
      </c>
      <c r="Y1289">
        <v>53</v>
      </c>
      <c r="Z1289">
        <v>21</v>
      </c>
      <c r="AA1289">
        <v>157</v>
      </c>
      <c r="AB1289">
        <v>41</v>
      </c>
      <c r="AC1289">
        <v>155</v>
      </c>
      <c r="AD1289">
        <v>68</v>
      </c>
      <c r="AE1289">
        <v>41</v>
      </c>
      <c r="AF1289">
        <v>5064</v>
      </c>
      <c r="AG1289">
        <v>128245</v>
      </c>
      <c r="AH1289">
        <v>50000</v>
      </c>
      <c r="AI1289">
        <v>0</v>
      </c>
      <c r="AJ1289">
        <v>92</v>
      </c>
      <c r="AK1289" t="s">
        <v>22</v>
      </c>
      <c r="AL1289">
        <v>0</v>
      </c>
      <c r="AM1289">
        <v>0</v>
      </c>
      <c r="AN1289">
        <v>0</v>
      </c>
      <c r="AO1289">
        <v>0</v>
      </c>
      <c r="AP1289">
        <v>0</v>
      </c>
      <c r="AQ1289">
        <v>0</v>
      </c>
      <c r="AR1289">
        <v>0</v>
      </c>
      <c r="AS1289">
        <v>0</v>
      </c>
      <c r="AT1289">
        <v>0</v>
      </c>
      <c r="AU1289">
        <v>0</v>
      </c>
      <c r="AV1289">
        <v>0</v>
      </c>
      <c r="AW1289">
        <v>0</v>
      </c>
      <c r="AX1289">
        <v>8974</v>
      </c>
      <c r="AY1289">
        <v>52</v>
      </c>
      <c r="AZ1289">
        <v>132</v>
      </c>
      <c r="BA1289">
        <v>7489</v>
      </c>
    </row>
    <row r="1290" spans="1:53" x14ac:dyDescent="0.4">
      <c r="A1290">
        <v>1334</v>
      </c>
      <c r="B1290" s="1">
        <v>43227</v>
      </c>
      <c r="C1290">
        <v>1</v>
      </c>
      <c r="D1290" s="1">
        <v>43227.291666666664</v>
      </c>
      <c r="E1290" s="1">
        <v>43227.45416666667</v>
      </c>
      <c r="F1290">
        <v>0</v>
      </c>
      <c r="G1290">
        <v>0</v>
      </c>
      <c r="H1290">
        <v>0</v>
      </c>
      <c r="I1290">
        <v>0</v>
      </c>
      <c r="J1290">
        <v>0</v>
      </c>
      <c r="K1290">
        <v>0</v>
      </c>
      <c r="L1290">
        <v>0</v>
      </c>
      <c r="M1290">
        <v>0</v>
      </c>
      <c r="N1290">
        <v>0</v>
      </c>
      <c r="O1290">
        <v>0</v>
      </c>
      <c r="P1290">
        <v>0</v>
      </c>
      <c r="Q1290">
        <v>0</v>
      </c>
      <c r="R1290">
        <v>0</v>
      </c>
      <c r="S1290">
        <v>0</v>
      </c>
      <c r="T1290">
        <v>0</v>
      </c>
      <c r="U1290">
        <v>0</v>
      </c>
      <c r="V1290">
        <v>0</v>
      </c>
      <c r="W1290">
        <v>0</v>
      </c>
      <c r="X1290">
        <v>0</v>
      </c>
      <c r="Y1290">
        <v>25</v>
      </c>
      <c r="Z1290">
        <v>16</v>
      </c>
      <c r="AA1290">
        <v>136</v>
      </c>
      <c r="AB1290">
        <v>36</v>
      </c>
      <c r="AC1290">
        <v>127</v>
      </c>
      <c r="AD1290">
        <v>60</v>
      </c>
      <c r="AE1290">
        <v>30</v>
      </c>
      <c r="AF1290">
        <v>0</v>
      </c>
      <c r="AG1290">
        <v>50000</v>
      </c>
      <c r="AH1290">
        <v>0</v>
      </c>
      <c r="AI1290">
        <v>50000</v>
      </c>
      <c r="AJ1290">
        <v>0</v>
      </c>
      <c r="AK1290" t="s">
        <v>6</v>
      </c>
      <c r="AL1290">
        <v>0</v>
      </c>
      <c r="AM1290">
        <v>0</v>
      </c>
      <c r="AN1290">
        <v>0</v>
      </c>
      <c r="AO1290">
        <v>0</v>
      </c>
      <c r="AP1290">
        <v>0</v>
      </c>
      <c r="AQ1290">
        <v>0</v>
      </c>
      <c r="AR1290">
        <v>0</v>
      </c>
      <c r="AS1290">
        <v>0</v>
      </c>
      <c r="AT1290">
        <v>0</v>
      </c>
      <c r="AU1290">
        <v>0</v>
      </c>
      <c r="AV1290">
        <v>0</v>
      </c>
      <c r="AW1290">
        <v>0</v>
      </c>
      <c r="AX1290">
        <v>0</v>
      </c>
      <c r="AY1290">
        <v>0</v>
      </c>
      <c r="AZ1290">
        <v>0</v>
      </c>
      <c r="BA1290">
        <v>0</v>
      </c>
    </row>
    <row r="1291" spans="1:53" x14ac:dyDescent="0.4">
      <c r="A1291">
        <v>1335</v>
      </c>
      <c r="B1291" s="1">
        <v>43227</v>
      </c>
      <c r="C1291">
        <v>2</v>
      </c>
      <c r="D1291" s="1">
        <v>43227.45416666667</v>
      </c>
      <c r="E1291" s="1">
        <v>43227.731944444444</v>
      </c>
      <c r="F1291">
        <v>10000</v>
      </c>
      <c r="G1291">
        <v>1220</v>
      </c>
      <c r="H1291">
        <v>0</v>
      </c>
      <c r="I1291">
        <v>0</v>
      </c>
      <c r="J1291">
        <v>0</v>
      </c>
      <c r="K1291">
        <v>0</v>
      </c>
      <c r="L1291">
        <v>0</v>
      </c>
      <c r="M1291">
        <v>897</v>
      </c>
      <c r="N1291">
        <v>0</v>
      </c>
      <c r="O1291">
        <v>0</v>
      </c>
      <c r="P1291">
        <v>8640</v>
      </c>
      <c r="Q1291">
        <v>0</v>
      </c>
      <c r="R1291">
        <v>20757</v>
      </c>
      <c r="S1291">
        <v>0</v>
      </c>
      <c r="T1291">
        <v>0</v>
      </c>
      <c r="U1291">
        <v>0</v>
      </c>
      <c r="V1291">
        <v>0</v>
      </c>
      <c r="W1291">
        <v>0</v>
      </c>
      <c r="X1291">
        <v>0</v>
      </c>
      <c r="Y1291">
        <v>44</v>
      </c>
      <c r="Z1291">
        <v>16</v>
      </c>
      <c r="AA1291">
        <v>138</v>
      </c>
      <c r="AB1291">
        <v>30</v>
      </c>
      <c r="AC1291">
        <v>122</v>
      </c>
      <c r="AD1291">
        <v>62</v>
      </c>
      <c r="AE1291">
        <v>31</v>
      </c>
      <c r="AF1291">
        <v>1896</v>
      </c>
      <c r="AG1291">
        <v>70757</v>
      </c>
      <c r="AH1291">
        <v>50000</v>
      </c>
      <c r="AI1291">
        <v>0</v>
      </c>
      <c r="AJ1291">
        <v>96</v>
      </c>
      <c r="AK1291" t="s">
        <v>4</v>
      </c>
      <c r="AL1291">
        <v>0</v>
      </c>
      <c r="AM1291">
        <v>0</v>
      </c>
      <c r="AN1291">
        <v>0</v>
      </c>
      <c r="AO1291">
        <v>0</v>
      </c>
      <c r="AP1291">
        <v>0</v>
      </c>
      <c r="AQ1291">
        <v>0</v>
      </c>
      <c r="AR1291">
        <v>0</v>
      </c>
      <c r="AS1291">
        <v>0</v>
      </c>
      <c r="AT1291">
        <v>0</v>
      </c>
      <c r="AU1291">
        <v>0</v>
      </c>
      <c r="AV1291">
        <v>0</v>
      </c>
      <c r="AW1291">
        <v>0</v>
      </c>
      <c r="AX1291">
        <v>-540</v>
      </c>
      <c r="AY1291">
        <v>25</v>
      </c>
      <c r="AZ1291">
        <v>36</v>
      </c>
      <c r="BA1291">
        <v>3307</v>
      </c>
    </row>
    <row r="1292" spans="1:53" x14ac:dyDescent="0.4">
      <c r="A1292">
        <v>1336</v>
      </c>
      <c r="B1292" s="1">
        <v>43227</v>
      </c>
      <c r="C1292">
        <v>3</v>
      </c>
      <c r="D1292" s="1">
        <v>43227.731944444444</v>
      </c>
      <c r="E1292" s="1">
        <v>43227.942361111112</v>
      </c>
      <c r="F1292">
        <v>16400</v>
      </c>
      <c r="G1292">
        <v>1000</v>
      </c>
      <c r="H1292">
        <v>0</v>
      </c>
      <c r="I1292">
        <v>0</v>
      </c>
      <c r="J1292">
        <v>0</v>
      </c>
      <c r="K1292">
        <v>0</v>
      </c>
      <c r="L1292">
        <v>0</v>
      </c>
      <c r="M1292">
        <v>1392</v>
      </c>
      <c r="N1292">
        <v>0</v>
      </c>
      <c r="O1292">
        <v>0</v>
      </c>
      <c r="P1292">
        <v>-8640</v>
      </c>
      <c r="Q1292">
        <v>0</v>
      </c>
      <c r="R1292">
        <v>10152</v>
      </c>
      <c r="S1292">
        <v>0</v>
      </c>
      <c r="T1292">
        <v>0</v>
      </c>
      <c r="U1292">
        <v>0</v>
      </c>
      <c r="V1292">
        <v>0</v>
      </c>
      <c r="W1292">
        <v>1</v>
      </c>
      <c r="X1292">
        <v>0</v>
      </c>
      <c r="Y1292">
        <v>47</v>
      </c>
      <c r="Z1292">
        <v>17</v>
      </c>
      <c r="AA1292">
        <v>155</v>
      </c>
      <c r="AB1292">
        <v>29</v>
      </c>
      <c r="AC1292">
        <v>122</v>
      </c>
      <c r="AD1292">
        <v>64</v>
      </c>
      <c r="AE1292">
        <v>23</v>
      </c>
      <c r="AF1292">
        <v>1896</v>
      </c>
      <c r="AG1292">
        <v>80909</v>
      </c>
      <c r="AH1292">
        <v>50000</v>
      </c>
      <c r="AI1292">
        <v>0</v>
      </c>
      <c r="AJ1292">
        <v>106</v>
      </c>
      <c r="AK1292" t="s">
        <v>29</v>
      </c>
      <c r="AL1292">
        <v>0</v>
      </c>
      <c r="AM1292">
        <v>0</v>
      </c>
      <c r="AN1292">
        <v>0</v>
      </c>
      <c r="AO1292">
        <v>0</v>
      </c>
      <c r="AP1292">
        <v>0</v>
      </c>
      <c r="AQ1292">
        <v>0</v>
      </c>
      <c r="AR1292">
        <v>0</v>
      </c>
      <c r="AS1292">
        <v>0</v>
      </c>
      <c r="AT1292">
        <v>0</v>
      </c>
      <c r="AU1292">
        <v>0</v>
      </c>
      <c r="AV1292">
        <v>0</v>
      </c>
      <c r="AW1292">
        <v>0</v>
      </c>
      <c r="AX1292">
        <v>0</v>
      </c>
      <c r="AY1292">
        <v>5</v>
      </c>
      <c r="AZ1292">
        <v>12</v>
      </c>
      <c r="BA1292">
        <v>1399</v>
      </c>
    </row>
    <row r="1293" spans="1:53" x14ac:dyDescent="0.4">
      <c r="A1293">
        <v>1337</v>
      </c>
      <c r="B1293" s="1">
        <v>43227</v>
      </c>
      <c r="C1293">
        <v>4</v>
      </c>
      <c r="D1293" s="1">
        <v>43227.942361111112</v>
      </c>
      <c r="E1293" s="1">
        <v>43228.097222222219</v>
      </c>
      <c r="F1293">
        <v>1000</v>
      </c>
      <c r="G1293">
        <v>0</v>
      </c>
      <c r="H1293">
        <v>0</v>
      </c>
      <c r="I1293">
        <v>0</v>
      </c>
      <c r="J1293">
        <v>0</v>
      </c>
      <c r="K1293">
        <v>0</v>
      </c>
      <c r="L1293">
        <v>0</v>
      </c>
      <c r="M1293">
        <v>80</v>
      </c>
      <c r="N1293">
        <v>0</v>
      </c>
      <c r="O1293">
        <v>0</v>
      </c>
      <c r="P1293">
        <v>3888</v>
      </c>
      <c r="Q1293">
        <v>0</v>
      </c>
      <c r="R1293">
        <v>4968</v>
      </c>
      <c r="S1293">
        <v>0</v>
      </c>
      <c r="T1293">
        <v>0</v>
      </c>
      <c r="U1293">
        <v>0</v>
      </c>
      <c r="V1293">
        <v>0</v>
      </c>
      <c r="W1293">
        <v>1</v>
      </c>
      <c r="X1293">
        <v>0</v>
      </c>
      <c r="Y1293">
        <v>52</v>
      </c>
      <c r="Z1293">
        <v>17</v>
      </c>
      <c r="AA1293">
        <v>156</v>
      </c>
      <c r="AB1293">
        <v>27</v>
      </c>
      <c r="AC1293">
        <v>120</v>
      </c>
      <c r="AD1293">
        <v>62</v>
      </c>
      <c r="AE1293">
        <v>21</v>
      </c>
      <c r="AF1293">
        <v>1896</v>
      </c>
      <c r="AG1293">
        <v>85877</v>
      </c>
      <c r="AH1293">
        <v>50000</v>
      </c>
      <c r="AI1293">
        <v>0</v>
      </c>
      <c r="AJ1293">
        <v>108</v>
      </c>
      <c r="AK1293" t="s">
        <v>30</v>
      </c>
      <c r="AL1293">
        <v>0</v>
      </c>
      <c r="AM1293">
        <v>0</v>
      </c>
      <c r="AN1293">
        <v>0</v>
      </c>
      <c r="AO1293">
        <v>0</v>
      </c>
      <c r="AP1293">
        <v>0</v>
      </c>
      <c r="AQ1293">
        <v>0</v>
      </c>
      <c r="AR1293">
        <v>0</v>
      </c>
      <c r="AS1293">
        <v>0</v>
      </c>
      <c r="AT1293">
        <v>0</v>
      </c>
      <c r="AU1293">
        <v>0</v>
      </c>
      <c r="AV1293">
        <v>0</v>
      </c>
      <c r="AW1293">
        <v>0</v>
      </c>
      <c r="AX1293">
        <v>11880</v>
      </c>
      <c r="AY1293">
        <v>3</v>
      </c>
      <c r="AZ1293">
        <v>8</v>
      </c>
      <c r="BA1293">
        <v>334</v>
      </c>
    </row>
    <row r="1294" spans="1:53" x14ac:dyDescent="0.4">
      <c r="A1294">
        <v>1338</v>
      </c>
      <c r="B1294" s="1">
        <v>43228</v>
      </c>
      <c r="C1294">
        <v>1</v>
      </c>
      <c r="D1294" s="1">
        <v>43228.291666666664</v>
      </c>
      <c r="E1294" s="1">
        <v>43228.45</v>
      </c>
      <c r="F1294">
        <v>0</v>
      </c>
      <c r="G1294">
        <v>0</v>
      </c>
      <c r="H1294">
        <v>0</v>
      </c>
      <c r="I1294">
        <v>0</v>
      </c>
      <c r="J1294">
        <v>0</v>
      </c>
      <c r="K1294">
        <v>0</v>
      </c>
      <c r="L1294">
        <v>0</v>
      </c>
      <c r="M1294">
        <v>0</v>
      </c>
      <c r="N1294">
        <v>0</v>
      </c>
      <c r="O1294">
        <v>0</v>
      </c>
      <c r="P1294">
        <v>0</v>
      </c>
      <c r="Q1294">
        <v>0</v>
      </c>
      <c r="R1294">
        <v>0</v>
      </c>
      <c r="S1294">
        <v>0</v>
      </c>
      <c r="T1294">
        <v>0</v>
      </c>
      <c r="U1294">
        <v>0</v>
      </c>
      <c r="V1294">
        <v>0</v>
      </c>
      <c r="W1294">
        <v>0</v>
      </c>
      <c r="X1294">
        <v>0</v>
      </c>
      <c r="Y1294">
        <v>25</v>
      </c>
      <c r="Z1294">
        <v>15</v>
      </c>
      <c r="AA1294">
        <v>148</v>
      </c>
      <c r="AB1294">
        <v>25</v>
      </c>
      <c r="AC1294">
        <v>113</v>
      </c>
      <c r="AD1294">
        <v>61</v>
      </c>
      <c r="AE1294">
        <v>15</v>
      </c>
      <c r="AF1294">
        <v>0</v>
      </c>
      <c r="AG1294">
        <v>50000</v>
      </c>
      <c r="AH1294">
        <v>0</v>
      </c>
      <c r="AI1294">
        <v>50000</v>
      </c>
      <c r="AJ1294">
        <v>0</v>
      </c>
      <c r="AK1294" t="s">
        <v>6</v>
      </c>
      <c r="AL1294">
        <v>0</v>
      </c>
      <c r="AM1294">
        <v>0</v>
      </c>
      <c r="AN1294">
        <v>0</v>
      </c>
      <c r="AO1294">
        <v>0</v>
      </c>
      <c r="AP1294">
        <v>0</v>
      </c>
      <c r="AQ1294">
        <v>0</v>
      </c>
      <c r="AR1294">
        <v>0</v>
      </c>
      <c r="AS1294">
        <v>0</v>
      </c>
      <c r="AT1294">
        <v>0</v>
      </c>
      <c r="AU1294">
        <v>0</v>
      </c>
      <c r="AV1294">
        <v>0</v>
      </c>
      <c r="AW1294">
        <v>0</v>
      </c>
      <c r="AX1294">
        <v>0</v>
      </c>
      <c r="AY1294">
        <v>0</v>
      </c>
      <c r="AZ1294">
        <v>0</v>
      </c>
      <c r="BA1294">
        <v>0</v>
      </c>
    </row>
    <row r="1295" spans="1:53" x14ac:dyDescent="0.4">
      <c r="A1295">
        <v>1339</v>
      </c>
      <c r="B1295" s="1">
        <v>43228</v>
      </c>
      <c r="C1295">
        <v>2</v>
      </c>
      <c r="D1295" s="1">
        <v>43228.45</v>
      </c>
      <c r="E1295" s="1">
        <v>43228.743055555555</v>
      </c>
      <c r="F1295">
        <v>10500</v>
      </c>
      <c r="G1295">
        <v>1040</v>
      </c>
      <c r="H1295">
        <v>0</v>
      </c>
      <c r="I1295">
        <v>0</v>
      </c>
      <c r="J1295">
        <v>0</v>
      </c>
      <c r="K1295">
        <v>0</v>
      </c>
      <c r="L1295">
        <v>0</v>
      </c>
      <c r="M1295">
        <v>922</v>
      </c>
      <c r="N1295">
        <v>0</v>
      </c>
      <c r="O1295">
        <v>0</v>
      </c>
      <c r="P1295">
        <v>15120</v>
      </c>
      <c r="Q1295">
        <v>0</v>
      </c>
      <c r="R1295">
        <v>27582</v>
      </c>
      <c r="S1295">
        <v>0</v>
      </c>
      <c r="T1295">
        <v>0</v>
      </c>
      <c r="U1295">
        <v>0</v>
      </c>
      <c r="V1295">
        <v>1</v>
      </c>
      <c r="W1295">
        <v>2</v>
      </c>
      <c r="X1295">
        <v>0</v>
      </c>
      <c r="Y1295">
        <v>31</v>
      </c>
      <c r="Z1295">
        <v>14</v>
      </c>
      <c r="AA1295">
        <v>161</v>
      </c>
      <c r="AB1295">
        <v>34</v>
      </c>
      <c r="AC1295">
        <v>147</v>
      </c>
      <c r="AD1295">
        <v>60</v>
      </c>
      <c r="AE1295">
        <v>12</v>
      </c>
      <c r="AF1295">
        <v>0</v>
      </c>
      <c r="AG1295">
        <v>77582</v>
      </c>
      <c r="AH1295">
        <v>50000</v>
      </c>
      <c r="AI1295">
        <v>0</v>
      </c>
      <c r="AJ1295">
        <v>96</v>
      </c>
      <c r="AK1295" t="s">
        <v>4</v>
      </c>
      <c r="AL1295">
        <v>0</v>
      </c>
      <c r="AM1295">
        <v>0</v>
      </c>
      <c r="AN1295">
        <v>0</v>
      </c>
      <c r="AO1295">
        <v>0</v>
      </c>
      <c r="AP1295">
        <v>0</v>
      </c>
      <c r="AQ1295">
        <v>0</v>
      </c>
      <c r="AR1295">
        <v>0</v>
      </c>
      <c r="AS1295">
        <v>0</v>
      </c>
      <c r="AT1295">
        <v>0</v>
      </c>
      <c r="AU1295">
        <v>0</v>
      </c>
      <c r="AV1295">
        <v>0</v>
      </c>
      <c r="AW1295">
        <v>0</v>
      </c>
      <c r="AX1295">
        <v>-3240</v>
      </c>
      <c r="AY1295">
        <v>26</v>
      </c>
      <c r="AZ1295">
        <v>47</v>
      </c>
      <c r="BA1295">
        <v>3192</v>
      </c>
    </row>
    <row r="1296" spans="1:53" x14ac:dyDescent="0.4">
      <c r="A1296">
        <v>1340</v>
      </c>
      <c r="B1296" s="1">
        <v>43228</v>
      </c>
      <c r="C1296">
        <v>3</v>
      </c>
      <c r="D1296" s="1">
        <v>43228.743055555555</v>
      </c>
      <c r="E1296" s="1">
        <v>43228.95</v>
      </c>
      <c r="F1296">
        <v>15000</v>
      </c>
      <c r="G1296">
        <v>680</v>
      </c>
      <c r="H1296">
        <v>0</v>
      </c>
      <c r="I1296">
        <v>0</v>
      </c>
      <c r="J1296">
        <v>0</v>
      </c>
      <c r="K1296">
        <v>0</v>
      </c>
      <c r="L1296">
        <v>0</v>
      </c>
      <c r="M1296">
        <v>1254</v>
      </c>
      <c r="N1296">
        <v>0</v>
      </c>
      <c r="O1296">
        <v>0</v>
      </c>
      <c r="P1296">
        <v>7560</v>
      </c>
      <c r="Q1296">
        <v>0</v>
      </c>
      <c r="R1296">
        <v>24494</v>
      </c>
      <c r="S1296">
        <v>0</v>
      </c>
      <c r="T1296">
        <v>0</v>
      </c>
      <c r="U1296">
        <v>0</v>
      </c>
      <c r="V1296">
        <v>3</v>
      </c>
      <c r="W1296">
        <v>3</v>
      </c>
      <c r="X1296">
        <v>0</v>
      </c>
      <c r="Y1296">
        <v>28</v>
      </c>
      <c r="Z1296">
        <v>14</v>
      </c>
      <c r="AA1296">
        <v>164</v>
      </c>
      <c r="AB1296">
        <v>36</v>
      </c>
      <c r="AC1296">
        <v>146</v>
      </c>
      <c r="AD1296">
        <v>59</v>
      </c>
      <c r="AE1296">
        <v>21</v>
      </c>
      <c r="AF1296">
        <v>2100</v>
      </c>
      <c r="AG1296">
        <v>102076</v>
      </c>
      <c r="AH1296">
        <v>50000</v>
      </c>
      <c r="AI1296">
        <v>0</v>
      </c>
      <c r="AJ1296">
        <v>29</v>
      </c>
      <c r="AK1296" t="s">
        <v>28</v>
      </c>
      <c r="AL1296">
        <v>0</v>
      </c>
      <c r="AM1296">
        <v>0</v>
      </c>
      <c r="AN1296">
        <v>0</v>
      </c>
      <c r="AO1296">
        <v>0</v>
      </c>
      <c r="AP1296">
        <v>0</v>
      </c>
      <c r="AQ1296">
        <v>0</v>
      </c>
      <c r="AR1296">
        <v>0</v>
      </c>
      <c r="AS1296">
        <v>0</v>
      </c>
      <c r="AT1296">
        <v>0</v>
      </c>
      <c r="AU1296">
        <v>0</v>
      </c>
      <c r="AV1296">
        <v>0</v>
      </c>
      <c r="AW1296">
        <v>0</v>
      </c>
      <c r="AX1296">
        <v>1188</v>
      </c>
      <c r="AY1296">
        <v>6</v>
      </c>
      <c r="AZ1296">
        <v>20</v>
      </c>
      <c r="BA1296">
        <v>1550</v>
      </c>
    </row>
    <row r="1297" spans="1:53" x14ac:dyDescent="0.4">
      <c r="A1297">
        <v>1341</v>
      </c>
      <c r="B1297" s="1">
        <v>43228</v>
      </c>
      <c r="C1297">
        <v>4</v>
      </c>
      <c r="D1297" s="1">
        <v>43228.95</v>
      </c>
      <c r="E1297" s="1">
        <v>43229.084027777775</v>
      </c>
      <c r="F1297">
        <v>36040</v>
      </c>
      <c r="G1297">
        <v>420</v>
      </c>
      <c r="H1297">
        <v>0</v>
      </c>
      <c r="I1297">
        <v>0</v>
      </c>
      <c r="J1297">
        <v>0</v>
      </c>
      <c r="K1297">
        <v>0</v>
      </c>
      <c r="L1297">
        <v>0</v>
      </c>
      <c r="M1297">
        <v>2918</v>
      </c>
      <c r="N1297">
        <v>0</v>
      </c>
      <c r="O1297">
        <v>0</v>
      </c>
      <c r="P1297">
        <v>-15898</v>
      </c>
      <c r="Q1297">
        <v>0</v>
      </c>
      <c r="R1297">
        <v>23480</v>
      </c>
      <c r="S1297">
        <v>0</v>
      </c>
      <c r="T1297">
        <v>0</v>
      </c>
      <c r="U1297">
        <v>0</v>
      </c>
      <c r="V1297">
        <v>4</v>
      </c>
      <c r="W1297">
        <v>2</v>
      </c>
      <c r="X1297">
        <v>0</v>
      </c>
      <c r="Y1297">
        <v>41</v>
      </c>
      <c r="Z1297">
        <v>13</v>
      </c>
      <c r="AA1297">
        <v>162</v>
      </c>
      <c r="AB1297">
        <v>35</v>
      </c>
      <c r="AC1297">
        <v>152</v>
      </c>
      <c r="AD1297">
        <v>58</v>
      </c>
      <c r="AE1297">
        <v>18</v>
      </c>
      <c r="AF1297">
        <v>8278</v>
      </c>
      <c r="AG1297">
        <v>125556</v>
      </c>
      <c r="AH1297">
        <v>50000</v>
      </c>
      <c r="AI1297">
        <v>0</v>
      </c>
      <c r="AJ1297">
        <v>100</v>
      </c>
      <c r="AK1297" t="s">
        <v>0</v>
      </c>
      <c r="AL1297">
        <v>0</v>
      </c>
      <c r="AM1297">
        <v>0</v>
      </c>
      <c r="AN1297">
        <v>0</v>
      </c>
      <c r="AO1297">
        <v>0</v>
      </c>
      <c r="AP1297">
        <v>0</v>
      </c>
      <c r="AQ1297">
        <v>0</v>
      </c>
      <c r="AR1297">
        <v>0</v>
      </c>
      <c r="AS1297">
        <v>0</v>
      </c>
      <c r="AT1297">
        <v>0</v>
      </c>
      <c r="AU1297">
        <v>0</v>
      </c>
      <c r="AV1297">
        <v>0</v>
      </c>
      <c r="AW1297">
        <v>0</v>
      </c>
      <c r="AX1297">
        <v>0</v>
      </c>
      <c r="AY1297">
        <v>5</v>
      </c>
      <c r="AZ1297">
        <v>10</v>
      </c>
      <c r="BA1297">
        <v>1160</v>
      </c>
    </row>
    <row r="1298" spans="1:53" x14ac:dyDescent="0.4">
      <c r="A1298">
        <v>1342</v>
      </c>
      <c r="B1298" s="1">
        <v>43229</v>
      </c>
      <c r="C1298">
        <v>1</v>
      </c>
      <c r="D1298" s="1">
        <v>43229.291666666664</v>
      </c>
      <c r="E1298" s="1">
        <v>43229.45</v>
      </c>
      <c r="F1298">
        <v>0</v>
      </c>
      <c r="G1298">
        <v>0</v>
      </c>
      <c r="H1298">
        <v>0</v>
      </c>
      <c r="I1298">
        <v>0</v>
      </c>
      <c r="J1298">
        <v>0</v>
      </c>
      <c r="K1298">
        <v>0</v>
      </c>
      <c r="L1298">
        <v>0</v>
      </c>
      <c r="M1298">
        <v>0</v>
      </c>
      <c r="N1298">
        <v>0</v>
      </c>
      <c r="O1298">
        <v>0</v>
      </c>
      <c r="P1298">
        <v>0</v>
      </c>
      <c r="Q1298">
        <v>0</v>
      </c>
      <c r="R1298">
        <v>0</v>
      </c>
      <c r="S1298">
        <v>0</v>
      </c>
      <c r="T1298">
        <v>0</v>
      </c>
      <c r="U1298">
        <v>0</v>
      </c>
      <c r="V1298">
        <v>0</v>
      </c>
      <c r="W1298">
        <v>0</v>
      </c>
      <c r="X1298">
        <v>0</v>
      </c>
      <c r="Y1298">
        <v>26</v>
      </c>
      <c r="Z1298">
        <v>10</v>
      </c>
      <c r="AA1298">
        <v>156</v>
      </c>
      <c r="AB1298">
        <v>34</v>
      </c>
      <c r="AC1298">
        <v>139</v>
      </c>
      <c r="AD1298">
        <v>59</v>
      </c>
      <c r="AE1298">
        <v>15</v>
      </c>
      <c r="AF1298">
        <v>0</v>
      </c>
      <c r="AG1298">
        <v>50000</v>
      </c>
      <c r="AH1298">
        <v>0</v>
      </c>
      <c r="AI1298">
        <v>50000</v>
      </c>
      <c r="AJ1298">
        <v>0</v>
      </c>
      <c r="AK1298" t="s">
        <v>6</v>
      </c>
      <c r="AL1298">
        <v>0</v>
      </c>
      <c r="AM1298">
        <v>0</v>
      </c>
      <c r="AN1298">
        <v>0</v>
      </c>
      <c r="AO1298">
        <v>0</v>
      </c>
      <c r="AP1298">
        <v>0</v>
      </c>
      <c r="AQ1298">
        <v>0</v>
      </c>
      <c r="AR1298">
        <v>0</v>
      </c>
      <c r="AS1298">
        <v>0</v>
      </c>
      <c r="AT1298">
        <v>0</v>
      </c>
      <c r="AU1298">
        <v>0</v>
      </c>
      <c r="AV1298">
        <v>0</v>
      </c>
      <c r="AW1298">
        <v>0</v>
      </c>
      <c r="AX1298">
        <v>0</v>
      </c>
      <c r="AY1298">
        <v>0</v>
      </c>
      <c r="AZ1298">
        <v>0</v>
      </c>
      <c r="BA1298">
        <v>0</v>
      </c>
    </row>
    <row r="1299" spans="1:53" x14ac:dyDescent="0.4">
      <c r="A1299">
        <v>1343</v>
      </c>
      <c r="B1299" s="1">
        <v>43229</v>
      </c>
      <c r="C1299">
        <v>2</v>
      </c>
      <c r="D1299" s="1">
        <v>43229.45</v>
      </c>
      <c r="E1299" s="1">
        <v>43229.738888888889</v>
      </c>
      <c r="F1299">
        <v>15000</v>
      </c>
      <c r="G1299">
        <v>0</v>
      </c>
      <c r="H1299">
        <v>0</v>
      </c>
      <c r="I1299">
        <v>0</v>
      </c>
      <c r="J1299">
        <v>0</v>
      </c>
      <c r="K1299">
        <v>0</v>
      </c>
      <c r="L1299">
        <v>0</v>
      </c>
      <c r="M1299">
        <v>1200</v>
      </c>
      <c r="N1299">
        <v>0</v>
      </c>
      <c r="O1299">
        <v>0</v>
      </c>
      <c r="P1299">
        <v>8640</v>
      </c>
      <c r="Q1299">
        <v>0</v>
      </c>
      <c r="R1299">
        <v>24840</v>
      </c>
      <c r="S1299">
        <v>0</v>
      </c>
      <c r="T1299">
        <v>0</v>
      </c>
      <c r="U1299">
        <v>0</v>
      </c>
      <c r="V1299">
        <v>0</v>
      </c>
      <c r="W1299">
        <v>0</v>
      </c>
      <c r="X1299">
        <v>0</v>
      </c>
      <c r="Y1299">
        <v>46</v>
      </c>
      <c r="Z1299">
        <v>19</v>
      </c>
      <c r="AA1299">
        <v>142</v>
      </c>
      <c r="AB1299">
        <v>29</v>
      </c>
      <c r="AC1299">
        <v>175</v>
      </c>
      <c r="AD1299">
        <v>60</v>
      </c>
      <c r="AE1299">
        <v>20</v>
      </c>
      <c r="AF1299">
        <v>1620</v>
      </c>
      <c r="AG1299">
        <v>74840</v>
      </c>
      <c r="AH1299">
        <v>50000</v>
      </c>
      <c r="AI1299">
        <v>0</v>
      </c>
      <c r="AJ1299">
        <v>96</v>
      </c>
      <c r="AK1299" t="s">
        <v>4</v>
      </c>
      <c r="AL1299">
        <v>0</v>
      </c>
      <c r="AM1299">
        <v>0</v>
      </c>
      <c r="AN1299">
        <v>0</v>
      </c>
      <c r="AO1299">
        <v>0</v>
      </c>
      <c r="AP1299">
        <v>0</v>
      </c>
      <c r="AQ1299">
        <v>0</v>
      </c>
      <c r="AR1299">
        <v>0</v>
      </c>
      <c r="AS1299">
        <v>0</v>
      </c>
      <c r="AT1299">
        <v>0</v>
      </c>
      <c r="AU1299">
        <v>0</v>
      </c>
      <c r="AV1299">
        <v>0</v>
      </c>
      <c r="AW1299">
        <v>0</v>
      </c>
      <c r="AX1299">
        <v>0</v>
      </c>
      <c r="AY1299">
        <v>27</v>
      </c>
      <c r="AZ1299">
        <v>46</v>
      </c>
      <c r="BA1299">
        <v>3468</v>
      </c>
    </row>
    <row r="1300" spans="1:53" x14ac:dyDescent="0.4">
      <c r="A1300">
        <v>1344</v>
      </c>
      <c r="B1300" s="1">
        <v>43229</v>
      </c>
      <c r="C1300">
        <v>3</v>
      </c>
      <c r="D1300" s="1">
        <v>43229.738888888889</v>
      </c>
      <c r="E1300" s="1">
        <v>43229.951388888891</v>
      </c>
      <c r="F1300">
        <v>29300</v>
      </c>
      <c r="G1300">
        <v>680</v>
      </c>
      <c r="H1300">
        <v>0</v>
      </c>
      <c r="I1300">
        <v>0</v>
      </c>
      <c r="J1300">
        <v>0</v>
      </c>
      <c r="K1300">
        <v>0</v>
      </c>
      <c r="L1300">
        <v>0</v>
      </c>
      <c r="M1300">
        <v>2398</v>
      </c>
      <c r="N1300">
        <v>0</v>
      </c>
      <c r="O1300">
        <v>0</v>
      </c>
      <c r="P1300">
        <v>9504</v>
      </c>
      <c r="Q1300">
        <v>0</v>
      </c>
      <c r="R1300">
        <v>41882</v>
      </c>
      <c r="S1300">
        <v>0</v>
      </c>
      <c r="T1300">
        <v>0</v>
      </c>
      <c r="U1300">
        <v>0</v>
      </c>
      <c r="V1300">
        <v>3</v>
      </c>
      <c r="W1300">
        <v>1</v>
      </c>
      <c r="X1300">
        <v>0</v>
      </c>
      <c r="Y1300">
        <v>35</v>
      </c>
      <c r="Z1300">
        <v>19</v>
      </c>
      <c r="AA1300">
        <v>155</v>
      </c>
      <c r="AB1300">
        <v>29</v>
      </c>
      <c r="AC1300">
        <v>173</v>
      </c>
      <c r="AD1300">
        <v>59</v>
      </c>
      <c r="AE1300">
        <v>27</v>
      </c>
      <c r="AF1300">
        <v>18220</v>
      </c>
      <c r="AG1300">
        <v>116722</v>
      </c>
      <c r="AH1300">
        <v>50000</v>
      </c>
      <c r="AI1300">
        <v>0</v>
      </c>
      <c r="AJ1300">
        <v>106</v>
      </c>
      <c r="AK1300" t="s">
        <v>29</v>
      </c>
      <c r="AL1300">
        <v>0</v>
      </c>
      <c r="AM1300">
        <v>0</v>
      </c>
      <c r="AN1300">
        <v>0</v>
      </c>
      <c r="AO1300">
        <v>0</v>
      </c>
      <c r="AP1300">
        <v>0</v>
      </c>
      <c r="AQ1300">
        <v>0</v>
      </c>
      <c r="AR1300">
        <v>0</v>
      </c>
      <c r="AS1300">
        <v>0</v>
      </c>
      <c r="AT1300">
        <v>0</v>
      </c>
      <c r="AU1300">
        <v>0</v>
      </c>
      <c r="AV1300">
        <v>0</v>
      </c>
      <c r="AW1300">
        <v>0</v>
      </c>
      <c r="AX1300">
        <v>15034</v>
      </c>
      <c r="AY1300">
        <v>15</v>
      </c>
      <c r="AZ1300">
        <v>49</v>
      </c>
      <c r="BA1300">
        <v>2621</v>
      </c>
    </row>
    <row r="1301" spans="1:53" x14ac:dyDescent="0.4">
      <c r="A1301">
        <v>1345</v>
      </c>
      <c r="B1301" s="1">
        <v>43230</v>
      </c>
      <c r="C1301">
        <v>1</v>
      </c>
      <c r="D1301" s="1">
        <v>43230.291666666664</v>
      </c>
      <c r="E1301" s="1">
        <v>43230.444444444445</v>
      </c>
      <c r="F1301">
        <v>0</v>
      </c>
      <c r="G1301">
        <v>0</v>
      </c>
      <c r="H1301">
        <v>0</v>
      </c>
      <c r="I1301">
        <v>0</v>
      </c>
      <c r="J1301">
        <v>0</v>
      </c>
      <c r="K1301">
        <v>0</v>
      </c>
      <c r="L1301">
        <v>0</v>
      </c>
      <c r="M1301">
        <v>0</v>
      </c>
      <c r="N1301">
        <v>0</v>
      </c>
      <c r="O1301">
        <v>0</v>
      </c>
      <c r="P1301">
        <v>0</v>
      </c>
      <c r="Q1301">
        <v>0</v>
      </c>
      <c r="R1301">
        <v>0</v>
      </c>
      <c r="S1301">
        <v>0</v>
      </c>
      <c r="T1301">
        <v>0</v>
      </c>
      <c r="U1301">
        <v>0</v>
      </c>
      <c r="V1301">
        <v>0</v>
      </c>
      <c r="W1301">
        <v>0</v>
      </c>
      <c r="X1301">
        <v>0</v>
      </c>
      <c r="Y1301">
        <v>25</v>
      </c>
      <c r="Z1301">
        <v>14</v>
      </c>
      <c r="AA1301">
        <v>150</v>
      </c>
      <c r="AB1301">
        <v>23</v>
      </c>
      <c r="AC1301">
        <v>154</v>
      </c>
      <c r="AD1301">
        <v>58</v>
      </c>
      <c r="AE1301">
        <v>20</v>
      </c>
      <c r="AF1301">
        <v>0</v>
      </c>
      <c r="AG1301">
        <v>50000</v>
      </c>
      <c r="AH1301">
        <v>0</v>
      </c>
      <c r="AI1301">
        <v>50000</v>
      </c>
      <c r="AJ1301">
        <v>0</v>
      </c>
      <c r="AK1301" t="s">
        <v>6</v>
      </c>
      <c r="AL1301">
        <v>0</v>
      </c>
      <c r="AM1301">
        <v>0</v>
      </c>
      <c r="AN1301">
        <v>0</v>
      </c>
      <c r="AO1301">
        <v>0</v>
      </c>
      <c r="AP1301">
        <v>0</v>
      </c>
      <c r="AQ1301">
        <v>0</v>
      </c>
      <c r="AR1301">
        <v>0</v>
      </c>
      <c r="AS1301">
        <v>0</v>
      </c>
      <c r="AT1301">
        <v>0</v>
      </c>
      <c r="AU1301">
        <v>0</v>
      </c>
      <c r="AV1301">
        <v>0</v>
      </c>
      <c r="AW1301">
        <v>0</v>
      </c>
      <c r="AX1301">
        <v>0</v>
      </c>
      <c r="AY1301">
        <v>0</v>
      </c>
      <c r="AZ1301">
        <v>0</v>
      </c>
      <c r="BA1301">
        <v>0</v>
      </c>
    </row>
    <row r="1302" spans="1:53" x14ac:dyDescent="0.4">
      <c r="A1302">
        <v>1346</v>
      </c>
      <c r="B1302" s="1">
        <v>43230</v>
      </c>
      <c r="C1302">
        <v>2</v>
      </c>
      <c r="D1302" s="1">
        <v>43230.444444444445</v>
      </c>
      <c r="E1302" s="1">
        <v>43230.734027777777</v>
      </c>
      <c r="F1302">
        <v>8500</v>
      </c>
      <c r="G1302">
        <v>0</v>
      </c>
      <c r="H1302">
        <v>0</v>
      </c>
      <c r="I1302">
        <v>0</v>
      </c>
      <c r="J1302">
        <v>0</v>
      </c>
      <c r="K1302">
        <v>0</v>
      </c>
      <c r="L1302">
        <v>0</v>
      </c>
      <c r="M1302">
        <v>680</v>
      </c>
      <c r="N1302">
        <v>0</v>
      </c>
      <c r="O1302">
        <v>0</v>
      </c>
      <c r="P1302">
        <v>9180</v>
      </c>
      <c r="Q1302">
        <v>0</v>
      </c>
      <c r="R1302">
        <v>18360</v>
      </c>
      <c r="S1302">
        <v>0</v>
      </c>
      <c r="T1302">
        <v>0</v>
      </c>
      <c r="U1302">
        <v>0</v>
      </c>
      <c r="V1302">
        <v>3</v>
      </c>
      <c r="W1302">
        <v>0</v>
      </c>
      <c r="X1302">
        <v>0</v>
      </c>
      <c r="Y1302">
        <v>11</v>
      </c>
      <c r="Z1302">
        <v>19</v>
      </c>
      <c r="AA1302">
        <v>148</v>
      </c>
      <c r="AB1302">
        <v>19</v>
      </c>
      <c r="AC1302">
        <v>176</v>
      </c>
      <c r="AD1302">
        <v>61</v>
      </c>
      <c r="AE1302">
        <v>45</v>
      </c>
      <c r="AF1302">
        <v>0</v>
      </c>
      <c r="AG1302">
        <v>68360</v>
      </c>
      <c r="AH1302">
        <v>50000</v>
      </c>
      <c r="AI1302">
        <v>0</v>
      </c>
      <c r="AJ1302">
        <v>96</v>
      </c>
      <c r="AK1302" t="s">
        <v>4</v>
      </c>
      <c r="AL1302">
        <v>0</v>
      </c>
      <c r="AM1302">
        <v>0</v>
      </c>
      <c r="AN1302">
        <v>0</v>
      </c>
      <c r="AO1302">
        <v>0</v>
      </c>
      <c r="AP1302">
        <v>0</v>
      </c>
      <c r="AQ1302">
        <v>0</v>
      </c>
      <c r="AR1302">
        <v>0</v>
      </c>
      <c r="AS1302">
        <v>0</v>
      </c>
      <c r="AT1302">
        <v>0</v>
      </c>
      <c r="AU1302">
        <v>0</v>
      </c>
      <c r="AV1302">
        <v>0</v>
      </c>
      <c r="AW1302">
        <v>0</v>
      </c>
      <c r="AX1302">
        <v>540</v>
      </c>
      <c r="AY1302">
        <v>23</v>
      </c>
      <c r="AZ1302">
        <v>34</v>
      </c>
      <c r="BA1302">
        <v>3081</v>
      </c>
    </row>
    <row r="1303" spans="1:53" x14ac:dyDescent="0.4">
      <c r="A1303">
        <v>1347</v>
      </c>
      <c r="B1303" s="1">
        <v>43230</v>
      </c>
      <c r="C1303">
        <v>3</v>
      </c>
      <c r="D1303" s="1">
        <v>43230.734027777777</v>
      </c>
      <c r="E1303" s="1">
        <v>43230.959027777775</v>
      </c>
      <c r="F1303">
        <v>35530</v>
      </c>
      <c r="G1303">
        <v>920</v>
      </c>
      <c r="H1303">
        <v>0</v>
      </c>
      <c r="I1303">
        <v>0</v>
      </c>
      <c r="J1303">
        <v>0</v>
      </c>
      <c r="K1303">
        <v>0</v>
      </c>
      <c r="L1303">
        <v>0</v>
      </c>
      <c r="M1303">
        <v>2916</v>
      </c>
      <c r="N1303">
        <v>0</v>
      </c>
      <c r="O1303">
        <v>0</v>
      </c>
      <c r="P1303">
        <v>-6588</v>
      </c>
      <c r="Q1303">
        <v>0</v>
      </c>
      <c r="R1303">
        <v>32778</v>
      </c>
      <c r="S1303">
        <v>0</v>
      </c>
      <c r="T1303">
        <v>0</v>
      </c>
      <c r="U1303">
        <v>0</v>
      </c>
      <c r="V1303">
        <v>4</v>
      </c>
      <c r="W1303">
        <v>2</v>
      </c>
      <c r="X1303">
        <v>0</v>
      </c>
      <c r="Y1303">
        <v>13</v>
      </c>
      <c r="Z1303">
        <v>20</v>
      </c>
      <c r="AA1303">
        <v>147</v>
      </c>
      <c r="AB1303">
        <v>20</v>
      </c>
      <c r="AC1303">
        <v>182</v>
      </c>
      <c r="AD1303">
        <v>61</v>
      </c>
      <c r="AE1303">
        <v>53</v>
      </c>
      <c r="AF1303">
        <v>10260</v>
      </c>
      <c r="AG1303">
        <v>101138</v>
      </c>
      <c r="AH1303">
        <v>50000</v>
      </c>
      <c r="AI1303">
        <v>0</v>
      </c>
      <c r="AJ1303">
        <v>84</v>
      </c>
      <c r="AK1303" t="s">
        <v>16</v>
      </c>
      <c r="AL1303">
        <v>0</v>
      </c>
      <c r="AM1303">
        <v>0</v>
      </c>
      <c r="AN1303">
        <v>0</v>
      </c>
      <c r="AO1303">
        <v>0</v>
      </c>
      <c r="AP1303">
        <v>0</v>
      </c>
      <c r="AQ1303">
        <v>0</v>
      </c>
      <c r="AR1303">
        <v>0</v>
      </c>
      <c r="AS1303">
        <v>0</v>
      </c>
      <c r="AT1303">
        <v>0</v>
      </c>
      <c r="AU1303">
        <v>0</v>
      </c>
      <c r="AV1303">
        <v>0</v>
      </c>
      <c r="AW1303">
        <v>0</v>
      </c>
      <c r="AX1303">
        <v>19418</v>
      </c>
      <c r="AY1303">
        <v>14</v>
      </c>
      <c r="AZ1303">
        <v>41</v>
      </c>
      <c r="BA1303">
        <v>1875</v>
      </c>
    </row>
    <row r="1304" spans="1:53" x14ac:dyDescent="0.4">
      <c r="A1304">
        <v>1348</v>
      </c>
      <c r="B1304" s="1">
        <v>43230</v>
      </c>
      <c r="C1304">
        <v>4</v>
      </c>
      <c r="D1304" s="1">
        <v>43230.959027777775</v>
      </c>
      <c r="E1304" s="1">
        <v>43231.075694444444</v>
      </c>
      <c r="F1304">
        <v>29900</v>
      </c>
      <c r="G1304">
        <v>3980</v>
      </c>
      <c r="H1304">
        <v>0</v>
      </c>
      <c r="I1304">
        <v>0</v>
      </c>
      <c r="J1304">
        <v>0</v>
      </c>
      <c r="K1304">
        <v>0</v>
      </c>
      <c r="L1304">
        <v>0</v>
      </c>
      <c r="M1304">
        <v>2710</v>
      </c>
      <c r="N1304">
        <v>0</v>
      </c>
      <c r="O1304">
        <v>0</v>
      </c>
      <c r="P1304">
        <v>7776</v>
      </c>
      <c r="Q1304">
        <v>0</v>
      </c>
      <c r="R1304">
        <v>44366</v>
      </c>
      <c r="S1304">
        <v>0</v>
      </c>
      <c r="T1304">
        <v>0</v>
      </c>
      <c r="U1304">
        <v>0</v>
      </c>
      <c r="V1304">
        <v>8</v>
      </c>
      <c r="W1304">
        <v>0</v>
      </c>
      <c r="X1304">
        <v>0</v>
      </c>
      <c r="Y1304">
        <v>11</v>
      </c>
      <c r="Z1304">
        <v>19</v>
      </c>
      <c r="AA1304">
        <v>149</v>
      </c>
      <c r="AB1304">
        <v>21</v>
      </c>
      <c r="AC1304">
        <v>173</v>
      </c>
      <c r="AD1304">
        <v>60</v>
      </c>
      <c r="AE1304">
        <v>46</v>
      </c>
      <c r="AF1304">
        <v>26978</v>
      </c>
      <c r="AG1304">
        <v>145504</v>
      </c>
      <c r="AH1304">
        <v>50000</v>
      </c>
      <c r="AI1304">
        <v>0</v>
      </c>
      <c r="AJ1304">
        <v>100</v>
      </c>
      <c r="AK1304" t="s">
        <v>0</v>
      </c>
      <c r="AL1304">
        <v>0</v>
      </c>
      <c r="AM1304">
        <v>0</v>
      </c>
      <c r="AN1304">
        <v>0</v>
      </c>
      <c r="AO1304">
        <v>0</v>
      </c>
      <c r="AP1304">
        <v>0</v>
      </c>
      <c r="AQ1304">
        <v>0</v>
      </c>
      <c r="AR1304">
        <v>0</v>
      </c>
      <c r="AS1304">
        <v>0</v>
      </c>
      <c r="AT1304">
        <v>0</v>
      </c>
      <c r="AU1304">
        <v>0</v>
      </c>
      <c r="AV1304">
        <v>0</v>
      </c>
      <c r="AW1304">
        <v>0</v>
      </c>
      <c r="AX1304">
        <v>0</v>
      </c>
      <c r="AY1304">
        <v>3</v>
      </c>
      <c r="AZ1304">
        <v>8</v>
      </c>
      <c r="BA1304">
        <v>689</v>
      </c>
    </row>
    <row r="1305" spans="1:53" x14ac:dyDescent="0.4">
      <c r="A1305">
        <v>1349</v>
      </c>
      <c r="B1305" s="1">
        <v>43231</v>
      </c>
      <c r="C1305">
        <v>1</v>
      </c>
      <c r="D1305" s="1">
        <v>43231.291666666664</v>
      </c>
      <c r="E1305" s="1">
        <v>43231.447916666664</v>
      </c>
      <c r="F1305">
        <v>0</v>
      </c>
      <c r="G1305">
        <v>0</v>
      </c>
      <c r="H1305">
        <v>0</v>
      </c>
      <c r="I1305">
        <v>0</v>
      </c>
      <c r="J1305">
        <v>0</v>
      </c>
      <c r="K1305">
        <v>0</v>
      </c>
      <c r="L1305">
        <v>0</v>
      </c>
      <c r="M1305">
        <v>0</v>
      </c>
      <c r="N1305">
        <v>0</v>
      </c>
      <c r="O1305">
        <v>0</v>
      </c>
      <c r="P1305">
        <v>0</v>
      </c>
      <c r="Q1305">
        <v>0</v>
      </c>
      <c r="R1305">
        <v>0</v>
      </c>
      <c r="S1305">
        <v>0</v>
      </c>
      <c r="T1305">
        <v>0</v>
      </c>
      <c r="U1305">
        <v>0</v>
      </c>
      <c r="V1305">
        <v>2</v>
      </c>
      <c r="W1305">
        <v>1</v>
      </c>
      <c r="X1305">
        <v>0</v>
      </c>
      <c r="Y1305">
        <v>11</v>
      </c>
      <c r="Z1305">
        <v>4</v>
      </c>
      <c r="AA1305">
        <v>94</v>
      </c>
      <c r="AB1305">
        <v>20</v>
      </c>
      <c r="AC1305">
        <v>127</v>
      </c>
      <c r="AD1305">
        <v>56</v>
      </c>
      <c r="AE1305">
        <v>50</v>
      </c>
      <c r="AF1305">
        <v>0</v>
      </c>
      <c r="AG1305">
        <v>50000</v>
      </c>
      <c r="AH1305">
        <v>0</v>
      </c>
      <c r="AI1305">
        <v>50000</v>
      </c>
      <c r="AJ1305">
        <v>0</v>
      </c>
      <c r="AK1305" t="s">
        <v>6</v>
      </c>
      <c r="AL1305">
        <v>0</v>
      </c>
      <c r="AM1305">
        <v>0</v>
      </c>
      <c r="AN1305">
        <v>0</v>
      </c>
      <c r="AO1305">
        <v>0</v>
      </c>
      <c r="AP1305">
        <v>0</v>
      </c>
      <c r="AQ1305">
        <v>0</v>
      </c>
      <c r="AR1305">
        <v>0</v>
      </c>
      <c r="AS1305">
        <v>0</v>
      </c>
      <c r="AT1305">
        <v>0</v>
      </c>
      <c r="AU1305">
        <v>0</v>
      </c>
      <c r="AV1305">
        <v>0</v>
      </c>
      <c r="AW1305">
        <v>0</v>
      </c>
      <c r="AX1305">
        <v>0</v>
      </c>
      <c r="AY1305">
        <v>0</v>
      </c>
      <c r="AZ1305">
        <v>0</v>
      </c>
      <c r="BA1305">
        <v>0</v>
      </c>
    </row>
    <row r="1306" spans="1:53" x14ac:dyDescent="0.4">
      <c r="A1306">
        <v>1350</v>
      </c>
      <c r="B1306" s="1">
        <v>43231</v>
      </c>
      <c r="C1306">
        <v>2</v>
      </c>
      <c r="D1306" s="1">
        <v>43231.447916666664</v>
      </c>
      <c r="E1306" s="1">
        <v>43231.729166666664</v>
      </c>
      <c r="F1306">
        <v>12000</v>
      </c>
      <c r="G1306">
        <v>0</v>
      </c>
      <c r="H1306">
        <v>0</v>
      </c>
      <c r="I1306">
        <v>0</v>
      </c>
      <c r="J1306">
        <v>0</v>
      </c>
      <c r="K1306">
        <v>0</v>
      </c>
      <c r="L1306">
        <v>0</v>
      </c>
      <c r="M1306">
        <v>960</v>
      </c>
      <c r="N1306">
        <v>0</v>
      </c>
      <c r="O1306">
        <v>0</v>
      </c>
      <c r="P1306">
        <v>17280</v>
      </c>
      <c r="Q1306">
        <v>0</v>
      </c>
      <c r="R1306">
        <v>30240</v>
      </c>
      <c r="S1306">
        <v>0</v>
      </c>
      <c r="T1306">
        <v>0</v>
      </c>
      <c r="U1306">
        <v>0</v>
      </c>
      <c r="V1306">
        <v>3</v>
      </c>
      <c r="W1306">
        <v>2</v>
      </c>
      <c r="X1306">
        <v>0</v>
      </c>
      <c r="Y1306">
        <v>25</v>
      </c>
      <c r="Z1306">
        <v>7</v>
      </c>
      <c r="AA1306">
        <v>70</v>
      </c>
      <c r="AB1306">
        <v>9</v>
      </c>
      <c r="AC1306">
        <v>162</v>
      </c>
      <c r="AD1306">
        <v>60</v>
      </c>
      <c r="AE1306">
        <v>48</v>
      </c>
      <c r="AF1306">
        <v>2322</v>
      </c>
      <c r="AG1306">
        <v>80240</v>
      </c>
      <c r="AH1306">
        <v>50000</v>
      </c>
      <c r="AI1306">
        <v>0</v>
      </c>
      <c r="AJ1306">
        <v>96</v>
      </c>
      <c r="AK1306" t="s">
        <v>4</v>
      </c>
      <c r="AL1306">
        <v>0</v>
      </c>
      <c r="AM1306">
        <v>0</v>
      </c>
      <c r="AN1306">
        <v>0</v>
      </c>
      <c r="AO1306">
        <v>0</v>
      </c>
      <c r="AP1306">
        <v>0</v>
      </c>
      <c r="AQ1306">
        <v>0</v>
      </c>
      <c r="AR1306">
        <v>0</v>
      </c>
      <c r="AS1306">
        <v>0</v>
      </c>
      <c r="AT1306">
        <v>0</v>
      </c>
      <c r="AU1306">
        <v>0</v>
      </c>
      <c r="AV1306">
        <v>0</v>
      </c>
      <c r="AW1306">
        <v>0</v>
      </c>
      <c r="AX1306">
        <v>-346</v>
      </c>
      <c r="AY1306">
        <v>36</v>
      </c>
      <c r="AZ1306">
        <v>56</v>
      </c>
      <c r="BA1306">
        <v>4463</v>
      </c>
    </row>
    <row r="1307" spans="1:53" x14ac:dyDescent="0.4">
      <c r="A1307">
        <v>1351</v>
      </c>
      <c r="B1307" s="1">
        <v>43231</v>
      </c>
      <c r="C1307">
        <v>3</v>
      </c>
      <c r="D1307" s="1">
        <v>43231.729166666664</v>
      </c>
      <c r="E1307" s="1">
        <v>43232.076388888891</v>
      </c>
      <c r="F1307">
        <v>196940</v>
      </c>
      <c r="G1307">
        <v>7100</v>
      </c>
      <c r="H1307">
        <v>0</v>
      </c>
      <c r="I1307">
        <v>0</v>
      </c>
      <c r="J1307">
        <v>0</v>
      </c>
      <c r="K1307">
        <v>0</v>
      </c>
      <c r="L1307">
        <v>0</v>
      </c>
      <c r="M1307">
        <v>16322</v>
      </c>
      <c r="N1307">
        <v>0</v>
      </c>
      <c r="O1307">
        <v>0</v>
      </c>
      <c r="P1307">
        <v>47520</v>
      </c>
      <c r="Q1307">
        <v>0</v>
      </c>
      <c r="R1307">
        <v>267882</v>
      </c>
      <c r="S1307">
        <v>0</v>
      </c>
      <c r="T1307">
        <v>0</v>
      </c>
      <c r="U1307">
        <v>0</v>
      </c>
      <c r="V1307">
        <v>16</v>
      </c>
      <c r="W1307">
        <v>3</v>
      </c>
      <c r="X1307">
        <v>0</v>
      </c>
      <c r="Y1307">
        <v>74</v>
      </c>
      <c r="Z1307">
        <v>8</v>
      </c>
      <c r="AA1307">
        <v>126</v>
      </c>
      <c r="AB1307">
        <v>56</v>
      </c>
      <c r="AC1307">
        <v>150</v>
      </c>
      <c r="AD1307">
        <v>62</v>
      </c>
      <c r="AE1307">
        <v>172</v>
      </c>
      <c r="AF1307">
        <v>77800</v>
      </c>
      <c r="AG1307">
        <v>348182</v>
      </c>
      <c r="AH1307">
        <v>50000</v>
      </c>
      <c r="AI1307">
        <v>60</v>
      </c>
      <c r="AJ1307">
        <v>108</v>
      </c>
      <c r="AK1307" t="s">
        <v>30</v>
      </c>
      <c r="AL1307">
        <v>0</v>
      </c>
      <c r="AM1307">
        <v>0</v>
      </c>
      <c r="AN1307">
        <v>0</v>
      </c>
      <c r="AO1307">
        <v>0</v>
      </c>
      <c r="AP1307">
        <v>0</v>
      </c>
      <c r="AQ1307">
        <v>0</v>
      </c>
      <c r="AR1307">
        <v>0</v>
      </c>
      <c r="AS1307">
        <v>0</v>
      </c>
      <c r="AT1307">
        <v>0</v>
      </c>
      <c r="AU1307">
        <v>0</v>
      </c>
      <c r="AV1307">
        <v>0</v>
      </c>
      <c r="AW1307">
        <v>0</v>
      </c>
      <c r="AX1307">
        <v>25552</v>
      </c>
      <c r="AY1307">
        <v>41</v>
      </c>
      <c r="AZ1307">
        <v>154</v>
      </c>
      <c r="BA1307">
        <v>5986</v>
      </c>
    </row>
    <row r="1308" spans="1:53" x14ac:dyDescent="0.4">
      <c r="A1308">
        <v>1352</v>
      </c>
      <c r="B1308" s="1">
        <v>43232</v>
      </c>
      <c r="C1308">
        <v>1</v>
      </c>
      <c r="D1308" s="1">
        <v>43232.291666666664</v>
      </c>
      <c r="E1308" s="1">
        <v>43232.405555555553</v>
      </c>
      <c r="F1308">
        <v>0</v>
      </c>
      <c r="G1308">
        <v>0</v>
      </c>
      <c r="H1308">
        <v>0</v>
      </c>
      <c r="I1308">
        <v>0</v>
      </c>
      <c r="J1308">
        <v>0</v>
      </c>
      <c r="K1308">
        <v>0</v>
      </c>
      <c r="L1308">
        <v>0</v>
      </c>
      <c r="M1308">
        <v>0</v>
      </c>
      <c r="N1308">
        <v>0</v>
      </c>
      <c r="O1308">
        <v>0</v>
      </c>
      <c r="P1308">
        <v>0</v>
      </c>
      <c r="Q1308">
        <v>0</v>
      </c>
      <c r="R1308">
        <v>0</v>
      </c>
      <c r="S1308">
        <v>0</v>
      </c>
      <c r="T1308">
        <v>0</v>
      </c>
      <c r="U1308">
        <v>0</v>
      </c>
      <c r="V1308">
        <v>0</v>
      </c>
      <c r="W1308">
        <v>0</v>
      </c>
      <c r="X1308">
        <v>0</v>
      </c>
      <c r="Y1308">
        <v>32</v>
      </c>
      <c r="Z1308">
        <v>7</v>
      </c>
      <c r="AA1308">
        <v>105</v>
      </c>
      <c r="AB1308">
        <v>52</v>
      </c>
      <c r="AC1308">
        <v>95</v>
      </c>
      <c r="AD1308">
        <v>59</v>
      </c>
      <c r="AE1308">
        <v>155</v>
      </c>
      <c r="AF1308">
        <v>0</v>
      </c>
      <c r="AG1308">
        <v>50000</v>
      </c>
      <c r="AH1308">
        <v>50000</v>
      </c>
      <c r="AI1308">
        <v>0</v>
      </c>
      <c r="AJ1308">
        <v>0</v>
      </c>
      <c r="AK1308" t="s">
        <v>6</v>
      </c>
      <c r="AL1308">
        <v>0</v>
      </c>
      <c r="AM1308">
        <v>0</v>
      </c>
      <c r="AN1308">
        <v>0</v>
      </c>
      <c r="AO1308">
        <v>0</v>
      </c>
      <c r="AP1308">
        <v>0</v>
      </c>
      <c r="AQ1308">
        <v>0</v>
      </c>
      <c r="AR1308">
        <v>0</v>
      </c>
      <c r="AS1308">
        <v>0</v>
      </c>
      <c r="AT1308">
        <v>0</v>
      </c>
      <c r="AU1308">
        <v>0</v>
      </c>
      <c r="AV1308">
        <v>0</v>
      </c>
      <c r="AW1308">
        <v>0</v>
      </c>
      <c r="AX1308">
        <v>0</v>
      </c>
      <c r="AY1308">
        <v>0</v>
      </c>
      <c r="AZ1308">
        <v>0</v>
      </c>
      <c r="BA1308">
        <v>0</v>
      </c>
    </row>
    <row r="1309" spans="1:53" x14ac:dyDescent="0.4">
      <c r="A1309">
        <v>1353</v>
      </c>
      <c r="B1309" s="1">
        <v>43232</v>
      </c>
      <c r="C1309">
        <v>2</v>
      </c>
      <c r="D1309" s="1">
        <v>43232.405555555553</v>
      </c>
      <c r="E1309" s="1">
        <v>43232.746527777781</v>
      </c>
      <c r="F1309">
        <v>30000</v>
      </c>
      <c r="G1309">
        <v>3840</v>
      </c>
      <c r="H1309">
        <v>0</v>
      </c>
      <c r="I1309">
        <v>0</v>
      </c>
      <c r="J1309">
        <v>0</v>
      </c>
      <c r="K1309">
        <v>0</v>
      </c>
      <c r="L1309">
        <v>0</v>
      </c>
      <c r="M1309">
        <v>2706</v>
      </c>
      <c r="N1309">
        <v>0</v>
      </c>
      <c r="O1309">
        <v>0</v>
      </c>
      <c r="P1309">
        <v>12960</v>
      </c>
      <c r="Q1309">
        <v>0</v>
      </c>
      <c r="R1309">
        <v>49506</v>
      </c>
      <c r="S1309">
        <v>0</v>
      </c>
      <c r="T1309">
        <v>0</v>
      </c>
      <c r="U1309">
        <v>0</v>
      </c>
      <c r="V1309">
        <v>3</v>
      </c>
      <c r="W1309">
        <v>1</v>
      </c>
      <c r="X1309">
        <v>0</v>
      </c>
      <c r="Y1309">
        <v>47</v>
      </c>
      <c r="Z1309">
        <v>5</v>
      </c>
      <c r="AA1309">
        <v>104</v>
      </c>
      <c r="AB1309">
        <v>58</v>
      </c>
      <c r="AC1309">
        <v>127</v>
      </c>
      <c r="AD1309">
        <v>57</v>
      </c>
      <c r="AE1309">
        <v>151</v>
      </c>
      <c r="AF1309">
        <v>0</v>
      </c>
      <c r="AG1309">
        <v>99506</v>
      </c>
      <c r="AH1309">
        <v>50000</v>
      </c>
      <c r="AI1309">
        <v>0</v>
      </c>
      <c r="AJ1309">
        <v>84</v>
      </c>
      <c r="AK1309" t="s">
        <v>16</v>
      </c>
      <c r="AL1309">
        <v>0</v>
      </c>
      <c r="AM1309">
        <v>0</v>
      </c>
      <c r="AN1309">
        <v>0</v>
      </c>
      <c r="AO1309">
        <v>0</v>
      </c>
      <c r="AP1309">
        <v>0</v>
      </c>
      <c r="AQ1309">
        <v>0</v>
      </c>
      <c r="AR1309">
        <v>0</v>
      </c>
      <c r="AS1309">
        <v>0</v>
      </c>
      <c r="AT1309">
        <v>0</v>
      </c>
      <c r="AU1309">
        <v>0</v>
      </c>
      <c r="AV1309">
        <v>0</v>
      </c>
      <c r="AW1309">
        <v>0</v>
      </c>
      <c r="AX1309">
        <v>734</v>
      </c>
      <c r="AY1309">
        <v>41</v>
      </c>
      <c r="AZ1309">
        <v>83</v>
      </c>
      <c r="BA1309">
        <v>6292</v>
      </c>
    </row>
    <row r="1310" spans="1:53" x14ac:dyDescent="0.4">
      <c r="A1310">
        <v>1354</v>
      </c>
      <c r="B1310" s="1">
        <v>43232</v>
      </c>
      <c r="C1310">
        <v>3</v>
      </c>
      <c r="D1310" s="1">
        <v>43232.746527777781</v>
      </c>
      <c r="E1310" s="1">
        <v>43232.975694444445</v>
      </c>
      <c r="F1310">
        <v>125620</v>
      </c>
      <c r="G1310">
        <v>2890</v>
      </c>
      <c r="H1310">
        <v>0</v>
      </c>
      <c r="I1310">
        <v>0</v>
      </c>
      <c r="J1310">
        <v>0</v>
      </c>
      <c r="K1310">
        <v>0</v>
      </c>
      <c r="L1310">
        <v>0</v>
      </c>
      <c r="M1310">
        <v>10281</v>
      </c>
      <c r="N1310">
        <v>0</v>
      </c>
      <c r="O1310">
        <v>0</v>
      </c>
      <c r="P1310">
        <v>12960</v>
      </c>
      <c r="Q1310">
        <v>0</v>
      </c>
      <c r="R1310">
        <v>151751</v>
      </c>
      <c r="S1310">
        <v>0</v>
      </c>
      <c r="T1310">
        <v>0</v>
      </c>
      <c r="U1310">
        <v>0</v>
      </c>
      <c r="V1310">
        <v>18</v>
      </c>
      <c r="W1310">
        <v>0</v>
      </c>
      <c r="X1310">
        <v>0</v>
      </c>
      <c r="Y1310">
        <v>52</v>
      </c>
      <c r="Z1310">
        <v>3</v>
      </c>
      <c r="AA1310">
        <v>109</v>
      </c>
      <c r="AB1310">
        <v>58</v>
      </c>
      <c r="AC1310">
        <v>136</v>
      </c>
      <c r="AD1310">
        <v>58</v>
      </c>
      <c r="AE1310">
        <v>147</v>
      </c>
      <c r="AF1310">
        <v>2160</v>
      </c>
      <c r="AG1310">
        <v>251257</v>
      </c>
      <c r="AH1310">
        <v>50000</v>
      </c>
      <c r="AI1310">
        <v>0</v>
      </c>
      <c r="AJ1310">
        <v>100</v>
      </c>
      <c r="AK1310" t="s">
        <v>0</v>
      </c>
      <c r="AL1310">
        <v>0</v>
      </c>
      <c r="AM1310">
        <v>0</v>
      </c>
      <c r="AN1310">
        <v>0</v>
      </c>
      <c r="AO1310">
        <v>0</v>
      </c>
      <c r="AP1310">
        <v>0</v>
      </c>
      <c r="AQ1310">
        <v>0</v>
      </c>
      <c r="AR1310">
        <v>0</v>
      </c>
      <c r="AS1310">
        <v>0</v>
      </c>
      <c r="AT1310">
        <v>0</v>
      </c>
      <c r="AU1310">
        <v>0</v>
      </c>
      <c r="AV1310">
        <v>0</v>
      </c>
      <c r="AW1310">
        <v>0</v>
      </c>
      <c r="AX1310">
        <v>187647</v>
      </c>
      <c r="AY1310">
        <v>28</v>
      </c>
      <c r="AZ1310">
        <v>172</v>
      </c>
      <c r="BA1310">
        <v>3667</v>
      </c>
    </row>
    <row r="1311" spans="1:53" x14ac:dyDescent="0.4">
      <c r="A1311">
        <v>1355</v>
      </c>
      <c r="B1311" s="1">
        <v>43233</v>
      </c>
      <c r="C1311">
        <v>1</v>
      </c>
      <c r="D1311" s="1">
        <v>43233.291666666664</v>
      </c>
      <c r="E1311" s="1">
        <v>43233.404861111114</v>
      </c>
      <c r="F1311">
        <v>0</v>
      </c>
      <c r="G1311">
        <v>0</v>
      </c>
      <c r="H1311">
        <v>0</v>
      </c>
      <c r="I1311">
        <v>0</v>
      </c>
      <c r="J1311">
        <v>0</v>
      </c>
      <c r="K1311">
        <v>0</v>
      </c>
      <c r="L1311">
        <v>0</v>
      </c>
      <c r="M1311">
        <v>0</v>
      </c>
      <c r="N1311">
        <v>0</v>
      </c>
      <c r="O1311">
        <v>0</v>
      </c>
      <c r="P1311">
        <v>0</v>
      </c>
      <c r="Q1311">
        <v>0</v>
      </c>
      <c r="R1311">
        <v>0</v>
      </c>
      <c r="S1311">
        <v>0</v>
      </c>
      <c r="T1311">
        <v>0</v>
      </c>
      <c r="U1311">
        <v>0</v>
      </c>
      <c r="V1311">
        <v>0</v>
      </c>
      <c r="W1311">
        <v>0</v>
      </c>
      <c r="X1311">
        <v>0</v>
      </c>
      <c r="Y1311">
        <v>30</v>
      </c>
      <c r="Z1311">
        <v>8</v>
      </c>
      <c r="AA1311">
        <v>114</v>
      </c>
      <c r="AB1311">
        <v>57</v>
      </c>
      <c r="AC1311">
        <v>133</v>
      </c>
      <c r="AD1311">
        <v>56</v>
      </c>
      <c r="AE1311">
        <v>140</v>
      </c>
      <c r="AF1311">
        <v>0</v>
      </c>
      <c r="AG1311">
        <v>50000</v>
      </c>
      <c r="AH1311">
        <v>0</v>
      </c>
      <c r="AI1311">
        <v>50000</v>
      </c>
      <c r="AJ1311">
        <v>0</v>
      </c>
      <c r="AK1311" t="s">
        <v>6</v>
      </c>
      <c r="AL1311">
        <v>0</v>
      </c>
      <c r="AM1311">
        <v>0</v>
      </c>
      <c r="AN1311">
        <v>0</v>
      </c>
      <c r="AO1311">
        <v>0</v>
      </c>
      <c r="AP1311">
        <v>0</v>
      </c>
      <c r="AQ1311">
        <v>0</v>
      </c>
      <c r="AR1311">
        <v>0</v>
      </c>
      <c r="AS1311">
        <v>0</v>
      </c>
      <c r="AT1311">
        <v>0</v>
      </c>
      <c r="AU1311">
        <v>0</v>
      </c>
      <c r="AV1311">
        <v>0</v>
      </c>
      <c r="AW1311">
        <v>0</v>
      </c>
      <c r="AX1311">
        <v>0</v>
      </c>
      <c r="AY1311">
        <v>0</v>
      </c>
      <c r="AZ1311">
        <v>0</v>
      </c>
      <c r="BA1311">
        <v>0</v>
      </c>
    </row>
    <row r="1312" spans="1:53" x14ac:dyDescent="0.4">
      <c r="A1312">
        <v>1356</v>
      </c>
      <c r="B1312" s="1">
        <v>43233</v>
      </c>
      <c r="C1312">
        <v>2</v>
      </c>
      <c r="D1312" s="1">
        <v>43233.404861111114</v>
      </c>
      <c r="E1312" s="1">
        <v>43233.744444444441</v>
      </c>
      <c r="F1312">
        <v>47000</v>
      </c>
      <c r="G1312">
        <v>4300</v>
      </c>
      <c r="H1312">
        <v>0</v>
      </c>
      <c r="I1312">
        <v>0</v>
      </c>
      <c r="J1312">
        <v>0</v>
      </c>
      <c r="K1312">
        <v>0</v>
      </c>
      <c r="L1312">
        <v>0</v>
      </c>
      <c r="M1312">
        <v>4101</v>
      </c>
      <c r="N1312">
        <v>0</v>
      </c>
      <c r="O1312">
        <v>0</v>
      </c>
      <c r="P1312">
        <v>21600</v>
      </c>
      <c r="Q1312">
        <v>0</v>
      </c>
      <c r="R1312">
        <v>77001</v>
      </c>
      <c r="S1312">
        <v>0</v>
      </c>
      <c r="T1312">
        <v>0</v>
      </c>
      <c r="U1312">
        <v>0</v>
      </c>
      <c r="V1312">
        <v>0</v>
      </c>
      <c r="W1312">
        <v>7</v>
      </c>
      <c r="X1312">
        <v>0</v>
      </c>
      <c r="Y1312">
        <v>53</v>
      </c>
      <c r="Z1312">
        <v>26</v>
      </c>
      <c r="AA1312">
        <v>205</v>
      </c>
      <c r="AB1312">
        <v>62</v>
      </c>
      <c r="AC1312">
        <v>196</v>
      </c>
      <c r="AD1312">
        <v>59</v>
      </c>
      <c r="AE1312">
        <v>146</v>
      </c>
      <c r="AF1312">
        <v>0</v>
      </c>
      <c r="AG1312">
        <v>127001</v>
      </c>
      <c r="AH1312">
        <v>50000</v>
      </c>
      <c r="AI1312">
        <v>0</v>
      </c>
      <c r="AJ1312">
        <v>84</v>
      </c>
      <c r="AK1312" t="s">
        <v>16</v>
      </c>
      <c r="AL1312">
        <v>0</v>
      </c>
      <c r="AM1312">
        <v>0</v>
      </c>
      <c r="AN1312">
        <v>0</v>
      </c>
      <c r="AO1312">
        <v>0</v>
      </c>
      <c r="AP1312">
        <v>0</v>
      </c>
      <c r="AQ1312">
        <v>0</v>
      </c>
      <c r="AR1312">
        <v>0</v>
      </c>
      <c r="AS1312">
        <v>0</v>
      </c>
      <c r="AT1312">
        <v>0</v>
      </c>
      <c r="AU1312">
        <v>0</v>
      </c>
      <c r="AV1312">
        <v>0</v>
      </c>
      <c r="AW1312">
        <v>0</v>
      </c>
      <c r="AX1312">
        <v>-2160</v>
      </c>
      <c r="AY1312">
        <v>52</v>
      </c>
      <c r="AZ1312">
        <v>129</v>
      </c>
      <c r="BA1312">
        <v>7514</v>
      </c>
    </row>
    <row r="1313" spans="1:53" x14ac:dyDescent="0.4">
      <c r="A1313">
        <v>1357</v>
      </c>
      <c r="B1313" s="1">
        <v>43233</v>
      </c>
      <c r="C1313">
        <v>3</v>
      </c>
      <c r="D1313" s="1">
        <v>43233.744444444441</v>
      </c>
      <c r="E1313" s="1">
        <v>43233.938888888886</v>
      </c>
      <c r="F1313">
        <v>23500</v>
      </c>
      <c r="G1313">
        <v>0</v>
      </c>
      <c r="H1313">
        <v>0</v>
      </c>
      <c r="I1313">
        <v>0</v>
      </c>
      <c r="J1313">
        <v>0</v>
      </c>
      <c r="K1313">
        <v>0</v>
      </c>
      <c r="L1313">
        <v>0</v>
      </c>
      <c r="M1313">
        <v>1880</v>
      </c>
      <c r="N1313">
        <v>0</v>
      </c>
      <c r="O1313">
        <v>0</v>
      </c>
      <c r="P1313">
        <v>-14904</v>
      </c>
      <c r="Q1313">
        <v>0</v>
      </c>
      <c r="R1313">
        <v>10476</v>
      </c>
      <c r="S1313">
        <v>0</v>
      </c>
      <c r="T1313">
        <v>0</v>
      </c>
      <c r="U1313">
        <v>0</v>
      </c>
      <c r="V1313">
        <v>1</v>
      </c>
      <c r="W1313">
        <v>7</v>
      </c>
      <c r="X1313">
        <v>0</v>
      </c>
      <c r="Y1313">
        <v>54</v>
      </c>
      <c r="Z1313">
        <v>24</v>
      </c>
      <c r="AA1313">
        <v>210</v>
      </c>
      <c r="AB1313">
        <v>61</v>
      </c>
      <c r="AC1313">
        <v>199</v>
      </c>
      <c r="AD1313">
        <v>59</v>
      </c>
      <c r="AE1313">
        <v>142</v>
      </c>
      <c r="AF1313">
        <v>0</v>
      </c>
      <c r="AG1313">
        <v>137477</v>
      </c>
      <c r="AH1313">
        <v>50000</v>
      </c>
      <c r="AI1313">
        <v>0</v>
      </c>
      <c r="AJ1313">
        <v>99</v>
      </c>
      <c r="AK1313" t="s">
        <v>9</v>
      </c>
      <c r="AL1313">
        <v>0</v>
      </c>
      <c r="AM1313">
        <v>0</v>
      </c>
      <c r="AN1313">
        <v>0</v>
      </c>
      <c r="AO1313">
        <v>0</v>
      </c>
      <c r="AP1313">
        <v>0</v>
      </c>
      <c r="AQ1313">
        <v>0</v>
      </c>
      <c r="AR1313">
        <v>0</v>
      </c>
      <c r="AS1313">
        <v>0</v>
      </c>
      <c r="AT1313">
        <v>0</v>
      </c>
      <c r="AU1313">
        <v>0</v>
      </c>
      <c r="AV1313">
        <v>0</v>
      </c>
      <c r="AW1313">
        <v>0</v>
      </c>
      <c r="AX1313">
        <v>-162</v>
      </c>
      <c r="AY1313">
        <v>6</v>
      </c>
      <c r="AZ1313">
        <v>10</v>
      </c>
      <c r="BA1313">
        <v>2226</v>
      </c>
    </row>
    <row r="1314" spans="1:53" x14ac:dyDescent="0.4">
      <c r="A1314">
        <v>1358</v>
      </c>
      <c r="B1314" s="1">
        <v>43234</v>
      </c>
      <c r="C1314">
        <v>1</v>
      </c>
      <c r="D1314" s="1">
        <v>43234.291666666664</v>
      </c>
      <c r="E1314" s="1">
        <v>43234.445833333331</v>
      </c>
      <c r="F1314">
        <v>0</v>
      </c>
      <c r="G1314">
        <v>0</v>
      </c>
      <c r="H1314">
        <v>0</v>
      </c>
      <c r="I1314">
        <v>0</v>
      </c>
      <c r="J1314">
        <v>0</v>
      </c>
      <c r="K1314">
        <v>0</v>
      </c>
      <c r="L1314">
        <v>0</v>
      </c>
      <c r="M1314">
        <v>0</v>
      </c>
      <c r="N1314">
        <v>0</v>
      </c>
      <c r="O1314">
        <v>0</v>
      </c>
      <c r="P1314">
        <v>0</v>
      </c>
      <c r="Q1314">
        <v>0</v>
      </c>
      <c r="R1314">
        <v>0</v>
      </c>
      <c r="S1314">
        <v>0</v>
      </c>
      <c r="T1314">
        <v>0</v>
      </c>
      <c r="U1314">
        <v>0</v>
      </c>
      <c r="V1314">
        <v>0</v>
      </c>
      <c r="W1314">
        <v>0</v>
      </c>
      <c r="X1314">
        <v>0</v>
      </c>
      <c r="Y1314">
        <v>26</v>
      </c>
      <c r="Z1314">
        <v>10</v>
      </c>
      <c r="AA1314">
        <v>142</v>
      </c>
      <c r="AB1314">
        <v>62</v>
      </c>
      <c r="AC1314">
        <v>126</v>
      </c>
      <c r="AD1314">
        <v>58</v>
      </c>
      <c r="AE1314">
        <v>150</v>
      </c>
      <c r="AF1314">
        <v>0</v>
      </c>
      <c r="AG1314">
        <v>50000</v>
      </c>
      <c r="AH1314">
        <v>0</v>
      </c>
      <c r="AI1314">
        <v>50000</v>
      </c>
      <c r="AJ1314">
        <v>0</v>
      </c>
      <c r="AK1314" t="s">
        <v>6</v>
      </c>
      <c r="AL1314">
        <v>0</v>
      </c>
      <c r="AM1314">
        <v>0</v>
      </c>
      <c r="AN1314">
        <v>0</v>
      </c>
      <c r="AO1314">
        <v>0</v>
      </c>
      <c r="AP1314">
        <v>0</v>
      </c>
      <c r="AQ1314">
        <v>0</v>
      </c>
      <c r="AR1314">
        <v>0</v>
      </c>
      <c r="AS1314">
        <v>0</v>
      </c>
      <c r="AT1314">
        <v>0</v>
      </c>
      <c r="AU1314">
        <v>0</v>
      </c>
      <c r="AV1314">
        <v>0</v>
      </c>
      <c r="AW1314">
        <v>0</v>
      </c>
      <c r="AX1314">
        <v>0</v>
      </c>
      <c r="AY1314">
        <v>0</v>
      </c>
      <c r="AZ1314">
        <v>0</v>
      </c>
      <c r="BA1314">
        <v>0</v>
      </c>
    </row>
    <row r="1315" spans="1:53" x14ac:dyDescent="0.4">
      <c r="A1315">
        <v>1359</v>
      </c>
      <c r="B1315" s="1">
        <v>43234</v>
      </c>
      <c r="C1315">
        <v>2</v>
      </c>
      <c r="D1315" s="1">
        <v>43234.445833333331</v>
      </c>
      <c r="E1315" s="1">
        <v>43234.749305555553</v>
      </c>
      <c r="F1315">
        <v>18500</v>
      </c>
      <c r="G1315">
        <v>0</v>
      </c>
      <c r="H1315">
        <v>0</v>
      </c>
      <c r="I1315">
        <v>0</v>
      </c>
      <c r="J1315">
        <v>0</v>
      </c>
      <c r="K1315">
        <v>0</v>
      </c>
      <c r="L1315">
        <v>0</v>
      </c>
      <c r="M1315">
        <v>1480</v>
      </c>
      <c r="N1315">
        <v>0</v>
      </c>
      <c r="O1315">
        <v>0</v>
      </c>
      <c r="P1315">
        <v>9720</v>
      </c>
      <c r="Q1315">
        <v>0</v>
      </c>
      <c r="R1315">
        <v>29700</v>
      </c>
      <c r="S1315">
        <v>0</v>
      </c>
      <c r="T1315">
        <v>0</v>
      </c>
      <c r="U1315">
        <v>0</v>
      </c>
      <c r="V1315">
        <v>1</v>
      </c>
      <c r="W1315">
        <v>3</v>
      </c>
      <c r="X1315">
        <v>0</v>
      </c>
      <c r="Y1315">
        <v>27</v>
      </c>
      <c r="Z1315">
        <v>20</v>
      </c>
      <c r="AA1315">
        <v>127</v>
      </c>
      <c r="AB1315">
        <v>58</v>
      </c>
      <c r="AC1315">
        <v>166</v>
      </c>
      <c r="AD1315">
        <v>58</v>
      </c>
      <c r="AE1315">
        <v>150</v>
      </c>
      <c r="AF1315">
        <v>0</v>
      </c>
      <c r="AG1315">
        <v>79700</v>
      </c>
      <c r="AH1315">
        <v>50000</v>
      </c>
      <c r="AI1315">
        <v>0</v>
      </c>
      <c r="AJ1315">
        <v>96</v>
      </c>
      <c r="AK1315" t="s">
        <v>4</v>
      </c>
      <c r="AL1315">
        <v>0</v>
      </c>
      <c r="AM1315">
        <v>0</v>
      </c>
      <c r="AN1315">
        <v>0</v>
      </c>
      <c r="AO1315">
        <v>0</v>
      </c>
      <c r="AP1315">
        <v>0</v>
      </c>
      <c r="AQ1315">
        <v>0</v>
      </c>
      <c r="AR1315">
        <v>0</v>
      </c>
      <c r="AS1315">
        <v>0</v>
      </c>
      <c r="AT1315">
        <v>0</v>
      </c>
      <c r="AU1315">
        <v>0</v>
      </c>
      <c r="AV1315">
        <v>0</v>
      </c>
      <c r="AW1315">
        <v>0</v>
      </c>
      <c r="AX1315">
        <v>0</v>
      </c>
      <c r="AY1315">
        <v>35</v>
      </c>
      <c r="AZ1315">
        <v>55</v>
      </c>
      <c r="BA1315">
        <v>4473</v>
      </c>
    </row>
    <row r="1316" spans="1:53" x14ac:dyDescent="0.4">
      <c r="A1316">
        <v>1360</v>
      </c>
      <c r="B1316" s="1">
        <v>43234</v>
      </c>
      <c r="C1316">
        <v>3</v>
      </c>
      <c r="D1316" s="1">
        <v>43234.749305555553</v>
      </c>
      <c r="E1316" s="1">
        <v>43234.955555555556</v>
      </c>
      <c r="F1316">
        <v>26290</v>
      </c>
      <c r="G1316">
        <v>0</v>
      </c>
      <c r="H1316">
        <v>0</v>
      </c>
      <c r="I1316">
        <v>0</v>
      </c>
      <c r="J1316">
        <v>0</v>
      </c>
      <c r="K1316">
        <v>0</v>
      </c>
      <c r="L1316">
        <v>0</v>
      </c>
      <c r="M1316">
        <v>2103</v>
      </c>
      <c r="N1316">
        <v>0</v>
      </c>
      <c r="O1316">
        <v>0</v>
      </c>
      <c r="P1316">
        <v>-4968</v>
      </c>
      <c r="Q1316">
        <v>0</v>
      </c>
      <c r="R1316">
        <v>23425</v>
      </c>
      <c r="S1316">
        <v>0</v>
      </c>
      <c r="T1316">
        <v>0</v>
      </c>
      <c r="U1316">
        <v>0</v>
      </c>
      <c r="V1316">
        <v>1</v>
      </c>
      <c r="W1316">
        <v>5</v>
      </c>
      <c r="X1316">
        <v>0</v>
      </c>
      <c r="Y1316">
        <v>40</v>
      </c>
      <c r="Z1316">
        <v>21</v>
      </c>
      <c r="AA1316">
        <v>125</v>
      </c>
      <c r="AB1316">
        <v>61</v>
      </c>
      <c r="AC1316">
        <v>163</v>
      </c>
      <c r="AD1316">
        <v>58</v>
      </c>
      <c r="AE1316">
        <v>155</v>
      </c>
      <c r="AF1316">
        <v>0</v>
      </c>
      <c r="AG1316">
        <v>103125</v>
      </c>
      <c r="AH1316">
        <v>50000</v>
      </c>
      <c r="AI1316">
        <v>0</v>
      </c>
      <c r="AJ1316">
        <v>106</v>
      </c>
      <c r="AK1316" t="s">
        <v>29</v>
      </c>
      <c r="AL1316">
        <v>0</v>
      </c>
      <c r="AM1316">
        <v>0</v>
      </c>
      <c r="AN1316">
        <v>0</v>
      </c>
      <c r="AO1316">
        <v>0</v>
      </c>
      <c r="AP1316">
        <v>0</v>
      </c>
      <c r="AQ1316">
        <v>0</v>
      </c>
      <c r="AR1316">
        <v>0</v>
      </c>
      <c r="AS1316">
        <v>0</v>
      </c>
      <c r="AT1316">
        <v>0</v>
      </c>
      <c r="AU1316">
        <v>0</v>
      </c>
      <c r="AV1316">
        <v>0</v>
      </c>
      <c r="AW1316">
        <v>0</v>
      </c>
      <c r="AX1316">
        <v>8348</v>
      </c>
      <c r="AY1316">
        <v>9</v>
      </c>
      <c r="AZ1316">
        <v>27</v>
      </c>
      <c r="BA1316">
        <v>1894</v>
      </c>
    </row>
    <row r="1317" spans="1:53" x14ac:dyDescent="0.4">
      <c r="A1317">
        <v>1361</v>
      </c>
      <c r="B1317" s="1">
        <v>43235</v>
      </c>
      <c r="C1317">
        <v>1</v>
      </c>
      <c r="D1317" s="1">
        <v>43235.291666666664</v>
      </c>
      <c r="E1317" s="1">
        <v>43235.449305555558</v>
      </c>
      <c r="F1317">
        <v>0</v>
      </c>
      <c r="G1317">
        <v>0</v>
      </c>
      <c r="H1317">
        <v>0</v>
      </c>
      <c r="I1317">
        <v>0</v>
      </c>
      <c r="J1317">
        <v>0</v>
      </c>
      <c r="K1317">
        <v>0</v>
      </c>
      <c r="L1317">
        <v>0</v>
      </c>
      <c r="M1317">
        <v>0</v>
      </c>
      <c r="N1317">
        <v>0</v>
      </c>
      <c r="O1317">
        <v>0</v>
      </c>
      <c r="P1317">
        <v>0</v>
      </c>
      <c r="Q1317">
        <v>0</v>
      </c>
      <c r="R1317">
        <v>0</v>
      </c>
      <c r="S1317">
        <v>0</v>
      </c>
      <c r="T1317">
        <v>0</v>
      </c>
      <c r="U1317">
        <v>0</v>
      </c>
      <c r="V1317">
        <v>0</v>
      </c>
      <c r="W1317">
        <v>0</v>
      </c>
      <c r="X1317">
        <v>0</v>
      </c>
      <c r="Y1317">
        <v>25</v>
      </c>
      <c r="Z1317">
        <v>17</v>
      </c>
      <c r="AA1317">
        <v>116</v>
      </c>
      <c r="AB1317">
        <v>60</v>
      </c>
      <c r="AC1317">
        <v>147</v>
      </c>
      <c r="AD1317">
        <v>57</v>
      </c>
      <c r="AE1317">
        <v>145</v>
      </c>
      <c r="AF1317">
        <v>0</v>
      </c>
      <c r="AG1317">
        <v>50000</v>
      </c>
      <c r="AH1317">
        <v>0</v>
      </c>
      <c r="AI1317">
        <v>50000</v>
      </c>
      <c r="AJ1317">
        <v>0</v>
      </c>
      <c r="AK1317" t="s">
        <v>6</v>
      </c>
      <c r="AL1317">
        <v>0</v>
      </c>
      <c r="AM1317">
        <v>0</v>
      </c>
      <c r="AN1317">
        <v>0</v>
      </c>
      <c r="AO1317">
        <v>0</v>
      </c>
      <c r="AP1317">
        <v>0</v>
      </c>
      <c r="AQ1317">
        <v>0</v>
      </c>
      <c r="AR1317">
        <v>0</v>
      </c>
      <c r="AS1317">
        <v>0</v>
      </c>
      <c r="AT1317">
        <v>0</v>
      </c>
      <c r="AU1317">
        <v>0</v>
      </c>
      <c r="AV1317">
        <v>0</v>
      </c>
      <c r="AW1317">
        <v>0</v>
      </c>
      <c r="AX1317">
        <v>0</v>
      </c>
      <c r="AY1317">
        <v>0</v>
      </c>
      <c r="AZ1317">
        <v>0</v>
      </c>
      <c r="BA1317">
        <v>0</v>
      </c>
    </row>
    <row r="1318" spans="1:53" x14ac:dyDescent="0.4">
      <c r="A1318">
        <v>1362</v>
      </c>
      <c r="B1318" s="1">
        <v>43235</v>
      </c>
      <c r="C1318">
        <v>2</v>
      </c>
      <c r="D1318" s="1">
        <v>43235.449305555558</v>
      </c>
      <c r="E1318" s="1">
        <v>43235.730555555558</v>
      </c>
      <c r="F1318">
        <v>17000</v>
      </c>
      <c r="G1318">
        <v>1900</v>
      </c>
      <c r="H1318">
        <v>0</v>
      </c>
      <c r="I1318">
        <v>0</v>
      </c>
      <c r="J1318">
        <v>0</v>
      </c>
      <c r="K1318">
        <v>0</v>
      </c>
      <c r="L1318">
        <v>0</v>
      </c>
      <c r="M1318">
        <v>1511</v>
      </c>
      <c r="N1318">
        <v>0</v>
      </c>
      <c r="O1318">
        <v>0</v>
      </c>
      <c r="P1318">
        <v>9180</v>
      </c>
      <c r="Q1318">
        <v>0</v>
      </c>
      <c r="R1318">
        <v>29591</v>
      </c>
      <c r="S1318">
        <v>0</v>
      </c>
      <c r="T1318">
        <v>0</v>
      </c>
      <c r="U1318">
        <v>0</v>
      </c>
      <c r="V1318">
        <v>0</v>
      </c>
      <c r="W1318">
        <v>1</v>
      </c>
      <c r="X1318">
        <v>0</v>
      </c>
      <c r="Y1318">
        <v>43</v>
      </c>
      <c r="Z1318">
        <v>28</v>
      </c>
      <c r="AA1318">
        <v>124</v>
      </c>
      <c r="AB1318">
        <v>57</v>
      </c>
      <c r="AC1318">
        <v>191</v>
      </c>
      <c r="AD1318">
        <v>57</v>
      </c>
      <c r="AE1318">
        <v>146</v>
      </c>
      <c r="AF1318">
        <v>0</v>
      </c>
      <c r="AG1318">
        <v>79591</v>
      </c>
      <c r="AH1318">
        <v>50000</v>
      </c>
      <c r="AI1318">
        <v>0</v>
      </c>
      <c r="AJ1318">
        <v>96</v>
      </c>
      <c r="AK1318" t="s">
        <v>4</v>
      </c>
      <c r="AL1318">
        <v>0</v>
      </c>
      <c r="AM1318">
        <v>0</v>
      </c>
      <c r="AN1318">
        <v>0</v>
      </c>
      <c r="AO1318">
        <v>0</v>
      </c>
      <c r="AP1318">
        <v>0</v>
      </c>
      <c r="AQ1318">
        <v>0</v>
      </c>
      <c r="AR1318">
        <v>0</v>
      </c>
      <c r="AS1318">
        <v>0</v>
      </c>
      <c r="AT1318">
        <v>0</v>
      </c>
      <c r="AU1318">
        <v>0</v>
      </c>
      <c r="AV1318">
        <v>0</v>
      </c>
      <c r="AW1318">
        <v>0</v>
      </c>
      <c r="AX1318">
        <v>0</v>
      </c>
      <c r="AY1318">
        <v>30</v>
      </c>
      <c r="AZ1318">
        <v>49</v>
      </c>
      <c r="BA1318">
        <v>4515</v>
      </c>
    </row>
    <row r="1319" spans="1:53" x14ac:dyDescent="0.4">
      <c r="A1319">
        <v>1363</v>
      </c>
      <c r="B1319" s="1">
        <v>43235</v>
      </c>
      <c r="C1319">
        <v>3</v>
      </c>
      <c r="D1319" s="1">
        <v>43235.730555555558</v>
      </c>
      <c r="E1319" s="1">
        <v>43235.948611111111</v>
      </c>
      <c r="F1319">
        <v>29200</v>
      </c>
      <c r="G1319">
        <v>680</v>
      </c>
      <c r="H1319">
        <v>0</v>
      </c>
      <c r="I1319">
        <v>0</v>
      </c>
      <c r="J1319">
        <v>0</v>
      </c>
      <c r="K1319">
        <v>0</v>
      </c>
      <c r="L1319">
        <v>0</v>
      </c>
      <c r="M1319">
        <v>2390</v>
      </c>
      <c r="N1319">
        <v>0</v>
      </c>
      <c r="O1319">
        <v>0</v>
      </c>
      <c r="P1319">
        <v>8316</v>
      </c>
      <c r="Q1319">
        <v>0</v>
      </c>
      <c r="R1319">
        <v>40586</v>
      </c>
      <c r="S1319">
        <v>0</v>
      </c>
      <c r="T1319">
        <v>0</v>
      </c>
      <c r="U1319">
        <v>0</v>
      </c>
      <c r="V1319">
        <v>5</v>
      </c>
      <c r="W1319">
        <v>2</v>
      </c>
      <c r="X1319">
        <v>0</v>
      </c>
      <c r="Y1319">
        <v>30</v>
      </c>
      <c r="Z1319">
        <v>23</v>
      </c>
      <c r="AA1319">
        <v>124</v>
      </c>
      <c r="AB1319">
        <v>54</v>
      </c>
      <c r="AC1319">
        <v>183</v>
      </c>
      <c r="AD1319">
        <v>58</v>
      </c>
      <c r="AE1319">
        <v>139</v>
      </c>
      <c r="AF1319">
        <v>1318</v>
      </c>
      <c r="AG1319">
        <v>120177</v>
      </c>
      <c r="AH1319">
        <v>50000</v>
      </c>
      <c r="AI1319">
        <v>0</v>
      </c>
      <c r="AJ1319">
        <v>99</v>
      </c>
      <c r="AK1319" t="s">
        <v>9</v>
      </c>
      <c r="AL1319">
        <v>0</v>
      </c>
      <c r="AM1319">
        <v>0</v>
      </c>
      <c r="AN1319">
        <v>0</v>
      </c>
      <c r="AO1319">
        <v>0</v>
      </c>
      <c r="AP1319">
        <v>0</v>
      </c>
      <c r="AQ1319">
        <v>0</v>
      </c>
      <c r="AR1319">
        <v>0</v>
      </c>
      <c r="AS1319">
        <v>0</v>
      </c>
      <c r="AT1319">
        <v>0</v>
      </c>
      <c r="AU1319">
        <v>0</v>
      </c>
      <c r="AV1319">
        <v>0</v>
      </c>
      <c r="AW1319">
        <v>0</v>
      </c>
      <c r="AX1319">
        <v>5400</v>
      </c>
      <c r="AY1319">
        <v>18</v>
      </c>
      <c r="AZ1319">
        <v>39</v>
      </c>
      <c r="BA1319">
        <v>2256</v>
      </c>
    </row>
    <row r="1320" spans="1:53" x14ac:dyDescent="0.4">
      <c r="A1320">
        <v>1364</v>
      </c>
      <c r="B1320" s="1">
        <v>43236</v>
      </c>
      <c r="C1320">
        <v>1</v>
      </c>
      <c r="D1320" s="1">
        <v>43236.291666666664</v>
      </c>
      <c r="E1320" s="1">
        <v>43236.445833333331</v>
      </c>
      <c r="F1320">
        <v>0</v>
      </c>
      <c r="G1320">
        <v>0</v>
      </c>
      <c r="H1320">
        <v>0</v>
      </c>
      <c r="I1320">
        <v>0</v>
      </c>
      <c r="J1320">
        <v>0</v>
      </c>
      <c r="K1320">
        <v>0</v>
      </c>
      <c r="L1320">
        <v>0</v>
      </c>
      <c r="M1320">
        <v>0</v>
      </c>
      <c r="N1320">
        <v>0</v>
      </c>
      <c r="O1320">
        <v>0</v>
      </c>
      <c r="P1320">
        <v>0</v>
      </c>
      <c r="Q1320">
        <v>0</v>
      </c>
      <c r="R1320">
        <v>0</v>
      </c>
      <c r="S1320">
        <v>0</v>
      </c>
      <c r="T1320">
        <v>0</v>
      </c>
      <c r="U1320">
        <v>0</v>
      </c>
      <c r="V1320">
        <v>0</v>
      </c>
      <c r="W1320">
        <v>0</v>
      </c>
      <c r="X1320">
        <v>0</v>
      </c>
      <c r="Y1320">
        <v>25</v>
      </c>
      <c r="Z1320">
        <v>17</v>
      </c>
      <c r="AA1320">
        <v>121</v>
      </c>
      <c r="AB1320">
        <v>54</v>
      </c>
      <c r="AC1320">
        <v>127</v>
      </c>
      <c r="AD1320">
        <v>58</v>
      </c>
      <c r="AE1320">
        <v>140</v>
      </c>
      <c r="AF1320">
        <v>0</v>
      </c>
      <c r="AG1320">
        <v>50000</v>
      </c>
      <c r="AH1320">
        <v>0</v>
      </c>
      <c r="AI1320">
        <v>50000</v>
      </c>
      <c r="AJ1320">
        <v>0</v>
      </c>
      <c r="AK1320" t="s">
        <v>6</v>
      </c>
      <c r="AL1320">
        <v>0</v>
      </c>
      <c r="AM1320">
        <v>0</v>
      </c>
      <c r="AN1320">
        <v>0</v>
      </c>
      <c r="AO1320">
        <v>0</v>
      </c>
      <c r="AP1320">
        <v>0</v>
      </c>
      <c r="AQ1320">
        <v>0</v>
      </c>
      <c r="AR1320">
        <v>0</v>
      </c>
      <c r="AS1320">
        <v>0</v>
      </c>
      <c r="AT1320">
        <v>0</v>
      </c>
      <c r="AU1320">
        <v>0</v>
      </c>
      <c r="AV1320">
        <v>0</v>
      </c>
      <c r="AW1320">
        <v>0</v>
      </c>
      <c r="AX1320">
        <v>0</v>
      </c>
      <c r="AY1320">
        <v>0</v>
      </c>
      <c r="AZ1320">
        <v>0</v>
      </c>
      <c r="BA1320">
        <v>0</v>
      </c>
    </row>
    <row r="1321" spans="1:53" x14ac:dyDescent="0.4">
      <c r="A1321">
        <v>1365</v>
      </c>
      <c r="B1321" s="1">
        <v>43236</v>
      </c>
      <c r="C1321">
        <v>2</v>
      </c>
      <c r="D1321" s="1">
        <v>43236.445833333331</v>
      </c>
      <c r="E1321" s="1">
        <v>43236.738194444442</v>
      </c>
      <c r="F1321">
        <v>16000</v>
      </c>
      <c r="G1321">
        <v>0</v>
      </c>
      <c r="H1321">
        <v>0</v>
      </c>
      <c r="I1321">
        <v>0</v>
      </c>
      <c r="J1321">
        <v>0</v>
      </c>
      <c r="K1321">
        <v>0</v>
      </c>
      <c r="L1321">
        <v>0</v>
      </c>
      <c r="M1321">
        <v>1280</v>
      </c>
      <c r="N1321">
        <v>0</v>
      </c>
      <c r="O1321">
        <v>0</v>
      </c>
      <c r="P1321">
        <v>20520</v>
      </c>
      <c r="Q1321">
        <v>0</v>
      </c>
      <c r="R1321">
        <v>37800</v>
      </c>
      <c r="S1321">
        <v>0</v>
      </c>
      <c r="T1321">
        <v>0</v>
      </c>
      <c r="U1321">
        <v>0</v>
      </c>
      <c r="V1321">
        <v>1</v>
      </c>
      <c r="W1321">
        <v>0</v>
      </c>
      <c r="X1321">
        <v>0</v>
      </c>
      <c r="Y1321">
        <v>45</v>
      </c>
      <c r="Z1321">
        <v>31</v>
      </c>
      <c r="AA1321">
        <v>96</v>
      </c>
      <c r="AB1321">
        <v>50</v>
      </c>
      <c r="AC1321">
        <v>159</v>
      </c>
      <c r="AD1321">
        <v>57</v>
      </c>
      <c r="AE1321">
        <v>136</v>
      </c>
      <c r="AF1321">
        <v>3189</v>
      </c>
      <c r="AG1321">
        <v>87800</v>
      </c>
      <c r="AH1321">
        <v>50000</v>
      </c>
      <c r="AI1321">
        <v>0</v>
      </c>
      <c r="AJ1321">
        <v>96</v>
      </c>
      <c r="AK1321" t="s">
        <v>4</v>
      </c>
      <c r="AL1321">
        <v>0</v>
      </c>
      <c r="AM1321">
        <v>0</v>
      </c>
      <c r="AN1321">
        <v>0</v>
      </c>
      <c r="AO1321">
        <v>0</v>
      </c>
      <c r="AP1321">
        <v>0</v>
      </c>
      <c r="AQ1321">
        <v>0</v>
      </c>
      <c r="AR1321">
        <v>0</v>
      </c>
      <c r="AS1321">
        <v>0</v>
      </c>
      <c r="AT1321">
        <v>0</v>
      </c>
      <c r="AU1321">
        <v>0</v>
      </c>
      <c r="AV1321">
        <v>0</v>
      </c>
      <c r="AW1321">
        <v>0</v>
      </c>
      <c r="AX1321">
        <v>2182</v>
      </c>
      <c r="AY1321">
        <v>41</v>
      </c>
      <c r="AZ1321">
        <v>70</v>
      </c>
      <c r="BA1321">
        <v>5551</v>
      </c>
    </row>
    <row r="1322" spans="1:53" x14ac:dyDescent="0.4">
      <c r="A1322">
        <v>1366</v>
      </c>
      <c r="B1322" s="1">
        <v>43236</v>
      </c>
      <c r="C1322">
        <v>3</v>
      </c>
      <c r="D1322" s="1">
        <v>43236.738194444442</v>
      </c>
      <c r="E1322" s="1">
        <v>43236.95</v>
      </c>
      <c r="F1322">
        <v>32400</v>
      </c>
      <c r="G1322">
        <v>6640</v>
      </c>
      <c r="H1322">
        <v>0</v>
      </c>
      <c r="I1322">
        <v>0</v>
      </c>
      <c r="J1322">
        <v>0</v>
      </c>
      <c r="K1322">
        <v>0</v>
      </c>
      <c r="L1322">
        <v>0</v>
      </c>
      <c r="M1322">
        <v>3123</v>
      </c>
      <c r="N1322">
        <v>0</v>
      </c>
      <c r="O1322">
        <v>0</v>
      </c>
      <c r="P1322">
        <v>-20520</v>
      </c>
      <c r="Q1322">
        <v>0</v>
      </c>
      <c r="R1322">
        <v>21643</v>
      </c>
      <c r="S1322">
        <v>0</v>
      </c>
      <c r="T1322">
        <v>0</v>
      </c>
      <c r="U1322">
        <v>0</v>
      </c>
      <c r="V1322">
        <v>2</v>
      </c>
      <c r="W1322">
        <v>1</v>
      </c>
      <c r="X1322">
        <v>0</v>
      </c>
      <c r="Y1322">
        <v>50</v>
      </c>
      <c r="Z1322">
        <v>31</v>
      </c>
      <c r="AA1322">
        <v>92</v>
      </c>
      <c r="AB1322">
        <v>49</v>
      </c>
      <c r="AC1322">
        <v>154</v>
      </c>
      <c r="AD1322">
        <v>55</v>
      </c>
      <c r="AE1322">
        <v>129</v>
      </c>
      <c r="AF1322">
        <v>5349</v>
      </c>
      <c r="AG1322">
        <v>109443</v>
      </c>
      <c r="AH1322">
        <v>50000</v>
      </c>
      <c r="AI1322">
        <v>0</v>
      </c>
      <c r="AJ1322">
        <v>106</v>
      </c>
      <c r="AK1322" t="s">
        <v>29</v>
      </c>
      <c r="AL1322">
        <v>0</v>
      </c>
      <c r="AM1322">
        <v>0</v>
      </c>
      <c r="AN1322">
        <v>0</v>
      </c>
      <c r="AO1322">
        <v>0</v>
      </c>
      <c r="AP1322">
        <v>0</v>
      </c>
      <c r="AQ1322">
        <v>0</v>
      </c>
      <c r="AR1322">
        <v>0</v>
      </c>
      <c r="AS1322">
        <v>0</v>
      </c>
      <c r="AT1322">
        <v>0</v>
      </c>
      <c r="AU1322">
        <v>0</v>
      </c>
      <c r="AV1322">
        <v>0</v>
      </c>
      <c r="AW1322">
        <v>0</v>
      </c>
      <c r="AX1322">
        <v>11880</v>
      </c>
      <c r="AY1322">
        <v>6</v>
      </c>
      <c r="AZ1322">
        <v>20</v>
      </c>
      <c r="BA1322">
        <v>2049</v>
      </c>
    </row>
    <row r="1323" spans="1:53" x14ac:dyDescent="0.4">
      <c r="A1323">
        <v>1367</v>
      </c>
      <c r="B1323" s="1">
        <v>43236</v>
      </c>
      <c r="C1323">
        <v>4</v>
      </c>
      <c r="D1323" s="1">
        <v>43236.95</v>
      </c>
      <c r="E1323" s="1">
        <v>43237.073611111111</v>
      </c>
      <c r="F1323">
        <v>16400</v>
      </c>
      <c r="G1323">
        <v>0</v>
      </c>
      <c r="H1323">
        <v>0</v>
      </c>
      <c r="I1323">
        <v>0</v>
      </c>
      <c r="J1323">
        <v>0</v>
      </c>
      <c r="K1323">
        <v>0</v>
      </c>
      <c r="L1323">
        <v>0</v>
      </c>
      <c r="M1323">
        <v>1312</v>
      </c>
      <c r="N1323">
        <v>0</v>
      </c>
      <c r="O1323">
        <v>0</v>
      </c>
      <c r="P1323">
        <v>4968</v>
      </c>
      <c r="Q1323">
        <v>0</v>
      </c>
      <c r="R1323">
        <v>22680</v>
      </c>
      <c r="S1323">
        <v>0</v>
      </c>
      <c r="T1323">
        <v>0</v>
      </c>
      <c r="U1323">
        <v>0</v>
      </c>
      <c r="V1323">
        <v>2</v>
      </c>
      <c r="W1323">
        <v>5</v>
      </c>
      <c r="X1323">
        <v>0</v>
      </c>
      <c r="Y1323">
        <v>53</v>
      </c>
      <c r="Z1323">
        <v>31</v>
      </c>
      <c r="AA1323">
        <v>89</v>
      </c>
      <c r="AB1323">
        <v>50</v>
      </c>
      <c r="AC1323">
        <v>148</v>
      </c>
      <c r="AD1323">
        <v>54</v>
      </c>
      <c r="AE1323">
        <v>124</v>
      </c>
      <c r="AF1323">
        <v>5349</v>
      </c>
      <c r="AG1323">
        <v>132123</v>
      </c>
      <c r="AH1323">
        <v>50000</v>
      </c>
      <c r="AI1323">
        <v>0</v>
      </c>
      <c r="AJ1323">
        <v>108</v>
      </c>
      <c r="AK1323" t="s">
        <v>30</v>
      </c>
      <c r="AL1323">
        <v>0</v>
      </c>
      <c r="AM1323">
        <v>0</v>
      </c>
      <c r="AN1323">
        <v>0</v>
      </c>
      <c r="AO1323">
        <v>0</v>
      </c>
      <c r="AP1323">
        <v>0</v>
      </c>
      <c r="AQ1323">
        <v>0</v>
      </c>
      <c r="AR1323">
        <v>0</v>
      </c>
      <c r="AS1323">
        <v>0</v>
      </c>
      <c r="AT1323">
        <v>0</v>
      </c>
      <c r="AU1323">
        <v>0</v>
      </c>
      <c r="AV1323">
        <v>0</v>
      </c>
      <c r="AW1323">
        <v>0</v>
      </c>
      <c r="AX1323">
        <v>486</v>
      </c>
      <c r="AY1323">
        <v>2</v>
      </c>
      <c r="AZ1323">
        <v>4</v>
      </c>
      <c r="BA1323">
        <v>134</v>
      </c>
    </row>
    <row r="1324" spans="1:53" x14ac:dyDescent="0.4">
      <c r="A1324">
        <v>1368</v>
      </c>
      <c r="B1324" s="1">
        <v>43237</v>
      </c>
      <c r="C1324">
        <v>1</v>
      </c>
      <c r="D1324" s="1">
        <v>43237.291666666664</v>
      </c>
      <c r="E1324" s="1">
        <v>43237.450694444444</v>
      </c>
      <c r="F1324">
        <v>0</v>
      </c>
      <c r="G1324">
        <v>0</v>
      </c>
      <c r="H1324">
        <v>0</v>
      </c>
      <c r="I1324">
        <v>0</v>
      </c>
      <c r="J1324">
        <v>0</v>
      </c>
      <c r="K1324">
        <v>0</v>
      </c>
      <c r="L1324">
        <v>0</v>
      </c>
      <c r="M1324">
        <v>0</v>
      </c>
      <c r="N1324">
        <v>0</v>
      </c>
      <c r="O1324">
        <v>0</v>
      </c>
      <c r="P1324">
        <v>0</v>
      </c>
      <c r="Q1324">
        <v>0</v>
      </c>
      <c r="R1324">
        <v>0</v>
      </c>
      <c r="S1324">
        <v>0</v>
      </c>
      <c r="T1324">
        <v>0</v>
      </c>
      <c r="U1324">
        <v>0</v>
      </c>
      <c r="V1324">
        <v>0</v>
      </c>
      <c r="W1324">
        <v>0</v>
      </c>
      <c r="X1324">
        <v>0</v>
      </c>
      <c r="Y1324">
        <v>31</v>
      </c>
      <c r="Z1324">
        <v>11</v>
      </c>
      <c r="AA1324">
        <v>91</v>
      </c>
      <c r="AB1324">
        <v>51</v>
      </c>
      <c r="AC1324">
        <v>146</v>
      </c>
      <c r="AD1324">
        <v>56</v>
      </c>
      <c r="AE1324">
        <v>110</v>
      </c>
      <c r="AF1324">
        <v>0</v>
      </c>
      <c r="AG1324">
        <v>50000</v>
      </c>
      <c r="AH1324">
        <v>0</v>
      </c>
      <c r="AI1324">
        <v>50000</v>
      </c>
      <c r="AJ1324">
        <v>0</v>
      </c>
      <c r="AK1324" t="s">
        <v>6</v>
      </c>
      <c r="AL1324">
        <v>0</v>
      </c>
      <c r="AM1324">
        <v>0</v>
      </c>
      <c r="AN1324">
        <v>0</v>
      </c>
      <c r="AO1324">
        <v>0</v>
      </c>
      <c r="AP1324">
        <v>0</v>
      </c>
      <c r="AQ1324">
        <v>0</v>
      </c>
      <c r="AR1324">
        <v>0</v>
      </c>
      <c r="AS1324">
        <v>0</v>
      </c>
      <c r="AT1324">
        <v>0</v>
      </c>
      <c r="AU1324">
        <v>0</v>
      </c>
      <c r="AV1324">
        <v>0</v>
      </c>
      <c r="AW1324">
        <v>0</v>
      </c>
      <c r="AX1324">
        <v>0</v>
      </c>
      <c r="AY1324">
        <v>0</v>
      </c>
      <c r="AZ1324">
        <v>0</v>
      </c>
      <c r="BA1324">
        <v>0</v>
      </c>
    </row>
    <row r="1325" spans="1:53" x14ac:dyDescent="0.4">
      <c r="A1325">
        <v>1369</v>
      </c>
      <c r="B1325" s="1">
        <v>43237</v>
      </c>
      <c r="C1325">
        <v>2</v>
      </c>
      <c r="D1325" s="1">
        <v>43237.450694444444</v>
      </c>
      <c r="E1325" s="1">
        <v>43237.74722222222</v>
      </c>
      <c r="F1325">
        <v>13500</v>
      </c>
      <c r="G1325">
        <v>680</v>
      </c>
      <c r="H1325">
        <v>0</v>
      </c>
      <c r="I1325">
        <v>0</v>
      </c>
      <c r="J1325">
        <v>0</v>
      </c>
      <c r="K1325">
        <v>0</v>
      </c>
      <c r="L1325">
        <v>0</v>
      </c>
      <c r="M1325">
        <v>1134</v>
      </c>
      <c r="N1325">
        <v>0</v>
      </c>
      <c r="O1325">
        <v>0</v>
      </c>
      <c r="P1325">
        <v>7560</v>
      </c>
      <c r="Q1325">
        <v>0</v>
      </c>
      <c r="R1325">
        <v>22874</v>
      </c>
      <c r="S1325">
        <v>0</v>
      </c>
      <c r="T1325">
        <v>0</v>
      </c>
      <c r="U1325">
        <v>0</v>
      </c>
      <c r="V1325">
        <v>2</v>
      </c>
      <c r="W1325">
        <v>0</v>
      </c>
      <c r="X1325">
        <v>0</v>
      </c>
      <c r="Y1325">
        <v>24</v>
      </c>
      <c r="Z1325">
        <v>23</v>
      </c>
      <c r="AA1325">
        <v>83</v>
      </c>
      <c r="AB1325">
        <v>49</v>
      </c>
      <c r="AC1325">
        <v>198</v>
      </c>
      <c r="AD1325">
        <v>56</v>
      </c>
      <c r="AE1325">
        <v>113</v>
      </c>
      <c r="AF1325">
        <v>4251</v>
      </c>
      <c r="AG1325">
        <v>72874</v>
      </c>
      <c r="AH1325">
        <v>50000</v>
      </c>
      <c r="AI1325">
        <v>0</v>
      </c>
      <c r="AJ1325">
        <v>106</v>
      </c>
      <c r="AK1325" t="s">
        <v>29</v>
      </c>
      <c r="AL1325">
        <v>0</v>
      </c>
      <c r="AM1325">
        <v>0</v>
      </c>
      <c r="AN1325">
        <v>0</v>
      </c>
      <c r="AO1325">
        <v>0</v>
      </c>
      <c r="AP1325">
        <v>0</v>
      </c>
      <c r="AQ1325">
        <v>0</v>
      </c>
      <c r="AR1325">
        <v>0</v>
      </c>
      <c r="AS1325">
        <v>0</v>
      </c>
      <c r="AT1325">
        <v>0</v>
      </c>
      <c r="AU1325">
        <v>0</v>
      </c>
      <c r="AV1325">
        <v>0</v>
      </c>
      <c r="AW1325">
        <v>0</v>
      </c>
      <c r="AX1325">
        <v>647</v>
      </c>
      <c r="AY1325">
        <v>27</v>
      </c>
      <c r="AZ1325">
        <v>41</v>
      </c>
      <c r="BA1325">
        <v>3828</v>
      </c>
    </row>
    <row r="1326" spans="1:53" x14ac:dyDescent="0.4">
      <c r="A1326">
        <v>1370</v>
      </c>
      <c r="B1326" s="1">
        <v>43237</v>
      </c>
      <c r="C1326">
        <v>3</v>
      </c>
      <c r="D1326" s="1">
        <v>43237.74722222222</v>
      </c>
      <c r="E1326" s="1">
        <v>43237.963888888888</v>
      </c>
      <c r="F1326">
        <v>19250</v>
      </c>
      <c r="G1326">
        <v>1600</v>
      </c>
      <c r="H1326">
        <v>0</v>
      </c>
      <c r="I1326">
        <v>0</v>
      </c>
      <c r="J1326">
        <v>0</v>
      </c>
      <c r="K1326">
        <v>0</v>
      </c>
      <c r="L1326">
        <v>0</v>
      </c>
      <c r="M1326">
        <v>1667</v>
      </c>
      <c r="N1326">
        <v>0</v>
      </c>
      <c r="O1326">
        <v>0</v>
      </c>
      <c r="P1326">
        <v>-1512</v>
      </c>
      <c r="Q1326">
        <v>0</v>
      </c>
      <c r="R1326">
        <v>21005</v>
      </c>
      <c r="S1326">
        <v>0</v>
      </c>
      <c r="T1326">
        <v>0</v>
      </c>
      <c r="U1326">
        <v>0</v>
      </c>
      <c r="V1326">
        <v>3</v>
      </c>
      <c r="W1326">
        <v>0</v>
      </c>
      <c r="X1326">
        <v>0</v>
      </c>
      <c r="Y1326">
        <v>33</v>
      </c>
      <c r="Z1326">
        <v>23</v>
      </c>
      <c r="AA1326">
        <v>96</v>
      </c>
      <c r="AB1326">
        <v>46</v>
      </c>
      <c r="AC1326">
        <v>192</v>
      </c>
      <c r="AD1326">
        <v>57</v>
      </c>
      <c r="AE1326">
        <v>116</v>
      </c>
      <c r="AF1326">
        <v>4251</v>
      </c>
      <c r="AG1326">
        <v>92972</v>
      </c>
      <c r="AH1326">
        <v>50000</v>
      </c>
      <c r="AI1326">
        <v>-907</v>
      </c>
      <c r="AJ1326">
        <v>100</v>
      </c>
      <c r="AK1326" t="s">
        <v>0</v>
      </c>
      <c r="AL1326">
        <v>0</v>
      </c>
      <c r="AM1326">
        <v>0</v>
      </c>
      <c r="AN1326">
        <v>0</v>
      </c>
      <c r="AO1326">
        <v>0</v>
      </c>
      <c r="AP1326">
        <v>0</v>
      </c>
      <c r="AQ1326">
        <v>0</v>
      </c>
      <c r="AR1326">
        <v>0</v>
      </c>
      <c r="AS1326">
        <v>0</v>
      </c>
      <c r="AT1326">
        <v>0</v>
      </c>
      <c r="AU1326">
        <v>0</v>
      </c>
      <c r="AV1326">
        <v>0</v>
      </c>
      <c r="AW1326">
        <v>0</v>
      </c>
      <c r="AX1326">
        <v>1404</v>
      </c>
      <c r="AY1326">
        <v>9</v>
      </c>
      <c r="AZ1326">
        <v>23</v>
      </c>
      <c r="BA1326">
        <v>1305</v>
      </c>
    </row>
    <row r="1327" spans="1:53" x14ac:dyDescent="0.4">
      <c r="A1327">
        <v>1371</v>
      </c>
      <c r="B1327" s="1">
        <v>43238</v>
      </c>
      <c r="C1327">
        <v>1</v>
      </c>
      <c r="D1327" s="1">
        <v>43238.291666666664</v>
      </c>
      <c r="E1327" s="1">
        <v>43238.461805555555</v>
      </c>
      <c r="F1327">
        <v>0</v>
      </c>
      <c r="G1327">
        <v>0</v>
      </c>
      <c r="H1327">
        <v>0</v>
      </c>
      <c r="I1327">
        <v>0</v>
      </c>
      <c r="J1327">
        <v>0</v>
      </c>
      <c r="K1327">
        <v>0</v>
      </c>
      <c r="L1327">
        <v>0</v>
      </c>
      <c r="M1327">
        <v>0</v>
      </c>
      <c r="N1327">
        <v>0</v>
      </c>
      <c r="O1327">
        <v>0</v>
      </c>
      <c r="P1327">
        <v>2700</v>
      </c>
      <c r="Q1327">
        <v>0</v>
      </c>
      <c r="R1327">
        <v>2700</v>
      </c>
      <c r="S1327">
        <v>0</v>
      </c>
      <c r="T1327">
        <v>0</v>
      </c>
      <c r="U1327">
        <v>0</v>
      </c>
      <c r="V1327">
        <v>1</v>
      </c>
      <c r="W1327">
        <v>0</v>
      </c>
      <c r="X1327">
        <v>0</v>
      </c>
      <c r="Y1327">
        <v>24</v>
      </c>
      <c r="Z1327">
        <v>11</v>
      </c>
      <c r="AA1327">
        <v>93</v>
      </c>
      <c r="AB1327">
        <v>41</v>
      </c>
      <c r="AC1327">
        <v>147</v>
      </c>
      <c r="AD1327">
        <v>56</v>
      </c>
      <c r="AE1327">
        <v>100</v>
      </c>
      <c r="AF1327">
        <v>0</v>
      </c>
      <c r="AG1327">
        <v>52700</v>
      </c>
      <c r="AH1327">
        <v>50000</v>
      </c>
      <c r="AI1327">
        <v>0</v>
      </c>
      <c r="AJ1327">
        <v>96</v>
      </c>
      <c r="AK1327" t="s">
        <v>4</v>
      </c>
      <c r="AL1327">
        <v>0</v>
      </c>
      <c r="AM1327">
        <v>0</v>
      </c>
      <c r="AN1327">
        <v>0</v>
      </c>
      <c r="AO1327">
        <v>0</v>
      </c>
      <c r="AP1327">
        <v>0</v>
      </c>
      <c r="AQ1327">
        <v>0</v>
      </c>
      <c r="AR1327">
        <v>0</v>
      </c>
      <c r="AS1327">
        <v>0</v>
      </c>
      <c r="AT1327">
        <v>0</v>
      </c>
      <c r="AU1327">
        <v>0</v>
      </c>
      <c r="AV1327">
        <v>0</v>
      </c>
      <c r="AW1327">
        <v>0</v>
      </c>
      <c r="AX1327">
        <v>-2700</v>
      </c>
      <c r="AY1327">
        <v>3</v>
      </c>
      <c r="AZ1327">
        <v>5</v>
      </c>
      <c r="BA1327">
        <v>10</v>
      </c>
    </row>
    <row r="1328" spans="1:53" x14ac:dyDescent="0.4">
      <c r="A1328">
        <v>1372</v>
      </c>
      <c r="B1328" s="1">
        <v>43238</v>
      </c>
      <c r="C1328">
        <v>2</v>
      </c>
      <c r="D1328" s="1">
        <v>43238.461805555555</v>
      </c>
      <c r="E1328" s="1">
        <v>43238.746527777781</v>
      </c>
      <c r="F1328">
        <v>26000</v>
      </c>
      <c r="G1328">
        <v>1460</v>
      </c>
      <c r="H1328">
        <v>0</v>
      </c>
      <c r="I1328">
        <v>0</v>
      </c>
      <c r="J1328">
        <v>0</v>
      </c>
      <c r="K1328">
        <v>0</v>
      </c>
      <c r="L1328">
        <v>0</v>
      </c>
      <c r="M1328">
        <v>2197</v>
      </c>
      <c r="N1328">
        <v>0</v>
      </c>
      <c r="O1328">
        <v>0</v>
      </c>
      <c r="P1328">
        <v>16740</v>
      </c>
      <c r="Q1328">
        <v>0</v>
      </c>
      <c r="R1328">
        <v>46397</v>
      </c>
      <c r="S1328">
        <v>0</v>
      </c>
      <c r="T1328">
        <v>0</v>
      </c>
      <c r="U1328">
        <v>0</v>
      </c>
      <c r="V1328">
        <v>2</v>
      </c>
      <c r="W1328">
        <v>2</v>
      </c>
      <c r="X1328">
        <v>0</v>
      </c>
      <c r="Y1328">
        <v>40</v>
      </c>
      <c r="Z1328">
        <v>26</v>
      </c>
      <c r="AA1328">
        <v>90</v>
      </c>
      <c r="AB1328">
        <v>40</v>
      </c>
      <c r="AC1328">
        <v>210</v>
      </c>
      <c r="AD1328">
        <v>56</v>
      </c>
      <c r="AE1328">
        <v>102</v>
      </c>
      <c r="AF1328">
        <v>2615</v>
      </c>
      <c r="AG1328">
        <v>99097</v>
      </c>
      <c r="AH1328">
        <v>50000</v>
      </c>
      <c r="AI1328">
        <v>0</v>
      </c>
      <c r="AJ1328">
        <v>96</v>
      </c>
      <c r="AK1328" t="s">
        <v>4</v>
      </c>
      <c r="AL1328">
        <v>0</v>
      </c>
      <c r="AM1328">
        <v>0</v>
      </c>
      <c r="AN1328">
        <v>0</v>
      </c>
      <c r="AO1328">
        <v>0</v>
      </c>
      <c r="AP1328">
        <v>0</v>
      </c>
      <c r="AQ1328">
        <v>0</v>
      </c>
      <c r="AR1328">
        <v>0</v>
      </c>
      <c r="AS1328">
        <v>0</v>
      </c>
      <c r="AT1328">
        <v>0</v>
      </c>
      <c r="AU1328">
        <v>0</v>
      </c>
      <c r="AV1328">
        <v>0</v>
      </c>
      <c r="AW1328">
        <v>0</v>
      </c>
      <c r="AX1328">
        <v>540</v>
      </c>
      <c r="AY1328">
        <v>39</v>
      </c>
      <c r="AZ1328">
        <v>83</v>
      </c>
      <c r="BA1328">
        <v>5772</v>
      </c>
    </row>
    <row r="1329" spans="1:53" x14ac:dyDescent="0.4">
      <c r="A1329">
        <v>1373</v>
      </c>
      <c r="B1329" s="1">
        <v>43239</v>
      </c>
      <c r="C1329">
        <v>1</v>
      </c>
      <c r="D1329" s="1">
        <v>43239.291666666664</v>
      </c>
      <c r="E1329" s="1">
        <v>43239.404861111114</v>
      </c>
      <c r="F1329">
        <v>0</v>
      </c>
      <c r="G1329">
        <v>0</v>
      </c>
      <c r="H1329">
        <v>0</v>
      </c>
      <c r="I1329">
        <v>0</v>
      </c>
      <c r="J1329">
        <v>0</v>
      </c>
      <c r="K1329">
        <v>0</v>
      </c>
      <c r="L1329">
        <v>0</v>
      </c>
      <c r="M1329">
        <v>0</v>
      </c>
      <c r="N1329">
        <v>0</v>
      </c>
      <c r="O1329">
        <v>0</v>
      </c>
      <c r="P1329">
        <v>0</v>
      </c>
      <c r="Q1329">
        <v>0</v>
      </c>
      <c r="R1329">
        <v>0</v>
      </c>
      <c r="S1329">
        <v>0</v>
      </c>
      <c r="T1329">
        <v>0</v>
      </c>
      <c r="U1329">
        <v>0</v>
      </c>
      <c r="V1329">
        <v>0</v>
      </c>
      <c r="W1329">
        <v>0</v>
      </c>
      <c r="X1329">
        <v>0</v>
      </c>
      <c r="Y1329">
        <v>34</v>
      </c>
      <c r="Z1329">
        <v>11</v>
      </c>
      <c r="AA1329">
        <v>70</v>
      </c>
      <c r="AB1329">
        <v>38</v>
      </c>
      <c r="AC1329">
        <v>121</v>
      </c>
      <c r="AD1329">
        <v>53</v>
      </c>
      <c r="AE1329">
        <v>125</v>
      </c>
      <c r="AF1329">
        <v>0</v>
      </c>
      <c r="AG1329">
        <v>50000</v>
      </c>
      <c r="AH1329">
        <v>50000</v>
      </c>
      <c r="AI1329">
        <v>0</v>
      </c>
      <c r="AJ1329">
        <v>0</v>
      </c>
      <c r="AK1329" t="s">
        <v>6</v>
      </c>
      <c r="AL1329">
        <v>0</v>
      </c>
      <c r="AM1329">
        <v>0</v>
      </c>
      <c r="AN1329">
        <v>0</v>
      </c>
      <c r="AO1329">
        <v>0</v>
      </c>
      <c r="AP1329">
        <v>0</v>
      </c>
      <c r="AQ1329">
        <v>0</v>
      </c>
      <c r="AR1329">
        <v>0</v>
      </c>
      <c r="AS1329">
        <v>0</v>
      </c>
      <c r="AT1329">
        <v>0</v>
      </c>
      <c r="AU1329">
        <v>0</v>
      </c>
      <c r="AV1329">
        <v>0</v>
      </c>
      <c r="AW1329">
        <v>0</v>
      </c>
      <c r="AX1329">
        <v>0</v>
      </c>
      <c r="AY1329">
        <v>0</v>
      </c>
      <c r="AZ1329">
        <v>0</v>
      </c>
      <c r="BA1329">
        <v>0</v>
      </c>
    </row>
    <row r="1330" spans="1:53" x14ac:dyDescent="0.4">
      <c r="A1330">
        <v>1374</v>
      </c>
      <c r="B1330" s="1">
        <v>43239</v>
      </c>
      <c r="C1330">
        <v>2</v>
      </c>
      <c r="D1330" s="1">
        <v>43239.404861111114</v>
      </c>
      <c r="E1330" s="1">
        <v>43239.734027777777</v>
      </c>
      <c r="F1330">
        <v>28000</v>
      </c>
      <c r="G1330">
        <v>3560</v>
      </c>
      <c r="H1330">
        <v>0</v>
      </c>
      <c r="I1330">
        <v>0</v>
      </c>
      <c r="J1330">
        <v>0</v>
      </c>
      <c r="K1330">
        <v>0</v>
      </c>
      <c r="L1330">
        <v>0</v>
      </c>
      <c r="M1330">
        <v>2524</v>
      </c>
      <c r="N1330">
        <v>0</v>
      </c>
      <c r="O1330">
        <v>0</v>
      </c>
      <c r="P1330">
        <v>21600</v>
      </c>
      <c r="Q1330">
        <v>0</v>
      </c>
      <c r="R1330">
        <v>55684</v>
      </c>
      <c r="S1330">
        <v>0</v>
      </c>
      <c r="T1330">
        <v>0</v>
      </c>
      <c r="U1330">
        <v>0</v>
      </c>
      <c r="V1330">
        <v>0</v>
      </c>
      <c r="W1330">
        <v>4</v>
      </c>
      <c r="X1330">
        <v>0</v>
      </c>
      <c r="Y1330">
        <v>55</v>
      </c>
      <c r="Z1330">
        <v>26</v>
      </c>
      <c r="AA1330">
        <v>92</v>
      </c>
      <c r="AB1330">
        <v>44</v>
      </c>
      <c r="AC1330">
        <v>182</v>
      </c>
      <c r="AD1330">
        <v>49</v>
      </c>
      <c r="AE1330">
        <v>121</v>
      </c>
      <c r="AF1330">
        <v>4098</v>
      </c>
      <c r="AG1330">
        <v>105684</v>
      </c>
      <c r="AH1330">
        <v>50000</v>
      </c>
      <c r="AI1330">
        <v>0</v>
      </c>
      <c r="AJ1330">
        <v>84</v>
      </c>
      <c r="AK1330" t="s">
        <v>16</v>
      </c>
      <c r="AL1330">
        <v>0</v>
      </c>
      <c r="AM1330">
        <v>0</v>
      </c>
      <c r="AN1330">
        <v>0</v>
      </c>
      <c r="AO1330">
        <v>0</v>
      </c>
      <c r="AP1330">
        <v>0</v>
      </c>
      <c r="AQ1330">
        <v>0</v>
      </c>
      <c r="AR1330">
        <v>0</v>
      </c>
      <c r="AS1330">
        <v>0</v>
      </c>
      <c r="AT1330">
        <v>0</v>
      </c>
      <c r="AU1330">
        <v>0</v>
      </c>
      <c r="AV1330">
        <v>0</v>
      </c>
      <c r="AW1330">
        <v>0</v>
      </c>
      <c r="AX1330">
        <v>0</v>
      </c>
      <c r="AY1330">
        <v>45</v>
      </c>
      <c r="AZ1330">
        <v>94</v>
      </c>
      <c r="BA1330">
        <v>6117</v>
      </c>
    </row>
    <row r="1331" spans="1:53" x14ac:dyDescent="0.4">
      <c r="A1331">
        <v>1375</v>
      </c>
      <c r="B1331" s="1">
        <v>43240</v>
      </c>
      <c r="C1331">
        <v>1</v>
      </c>
      <c r="D1331" s="1">
        <v>43240.291666666664</v>
      </c>
      <c r="E1331" s="1">
        <v>43240.411805555559</v>
      </c>
      <c r="F1331">
        <v>0</v>
      </c>
      <c r="G1331">
        <v>0</v>
      </c>
      <c r="H1331">
        <v>0</v>
      </c>
      <c r="I1331">
        <v>0</v>
      </c>
      <c r="J1331">
        <v>0</v>
      </c>
      <c r="K1331">
        <v>0</v>
      </c>
      <c r="L1331">
        <v>0</v>
      </c>
      <c r="M1331">
        <v>0</v>
      </c>
      <c r="N1331">
        <v>0</v>
      </c>
      <c r="O1331">
        <v>0</v>
      </c>
      <c r="P1331">
        <v>0</v>
      </c>
      <c r="Q1331">
        <v>0</v>
      </c>
      <c r="R1331">
        <v>0</v>
      </c>
      <c r="S1331">
        <v>0</v>
      </c>
      <c r="T1331">
        <v>0</v>
      </c>
      <c r="U1331">
        <v>0</v>
      </c>
      <c r="V1331">
        <v>0</v>
      </c>
      <c r="W1331">
        <v>0</v>
      </c>
      <c r="X1331">
        <v>0</v>
      </c>
      <c r="Y1331">
        <v>30</v>
      </c>
      <c r="Z1331">
        <v>16</v>
      </c>
      <c r="AA1331">
        <v>90</v>
      </c>
      <c r="AB1331">
        <v>28</v>
      </c>
      <c r="AC1331">
        <v>128</v>
      </c>
      <c r="AD1331">
        <v>42</v>
      </c>
      <c r="AE1331">
        <v>110</v>
      </c>
      <c r="AF1331">
        <v>0</v>
      </c>
      <c r="AG1331">
        <v>50000</v>
      </c>
      <c r="AH1331">
        <v>0</v>
      </c>
      <c r="AI1331">
        <v>50000</v>
      </c>
      <c r="AJ1331">
        <v>0</v>
      </c>
      <c r="AK1331" t="s">
        <v>6</v>
      </c>
      <c r="AL1331">
        <v>0</v>
      </c>
      <c r="AM1331">
        <v>0</v>
      </c>
      <c r="AN1331">
        <v>0</v>
      </c>
      <c r="AO1331">
        <v>0</v>
      </c>
      <c r="AP1331">
        <v>0</v>
      </c>
      <c r="AQ1331">
        <v>0</v>
      </c>
      <c r="AR1331">
        <v>0</v>
      </c>
      <c r="AS1331">
        <v>0</v>
      </c>
      <c r="AT1331">
        <v>0</v>
      </c>
      <c r="AU1331">
        <v>0</v>
      </c>
      <c r="AV1331">
        <v>0</v>
      </c>
      <c r="AW1331">
        <v>0</v>
      </c>
      <c r="AX1331">
        <v>0</v>
      </c>
      <c r="AY1331">
        <v>0</v>
      </c>
      <c r="AZ1331">
        <v>0</v>
      </c>
      <c r="BA1331">
        <v>0</v>
      </c>
    </row>
    <row r="1332" spans="1:53" x14ac:dyDescent="0.4">
      <c r="A1332">
        <v>1376</v>
      </c>
      <c r="B1332" s="1">
        <v>43240</v>
      </c>
      <c r="C1332">
        <v>2</v>
      </c>
      <c r="D1332" s="1">
        <v>43240.411805555559</v>
      </c>
      <c r="E1332" s="1">
        <v>43240.731249999997</v>
      </c>
      <c r="F1332">
        <v>42500</v>
      </c>
      <c r="G1332">
        <v>3540</v>
      </c>
      <c r="H1332">
        <v>0</v>
      </c>
      <c r="I1332">
        <v>0</v>
      </c>
      <c r="J1332">
        <v>0</v>
      </c>
      <c r="K1332">
        <v>0</v>
      </c>
      <c r="L1332">
        <v>0</v>
      </c>
      <c r="M1332">
        <v>3682</v>
      </c>
      <c r="N1332">
        <v>0</v>
      </c>
      <c r="O1332">
        <v>0</v>
      </c>
      <c r="P1332">
        <v>24840</v>
      </c>
      <c r="Q1332">
        <v>0</v>
      </c>
      <c r="R1332">
        <v>74562</v>
      </c>
      <c r="S1332">
        <v>0</v>
      </c>
      <c r="T1332">
        <v>0</v>
      </c>
      <c r="U1332">
        <v>0</v>
      </c>
      <c r="V1332">
        <v>2</v>
      </c>
      <c r="W1332">
        <v>3</v>
      </c>
      <c r="X1332">
        <v>0</v>
      </c>
      <c r="Y1332">
        <v>53</v>
      </c>
      <c r="Z1332">
        <v>39</v>
      </c>
      <c r="AA1332">
        <v>100</v>
      </c>
      <c r="AB1332">
        <v>24</v>
      </c>
      <c r="AC1332">
        <v>199</v>
      </c>
      <c r="AD1332">
        <v>46</v>
      </c>
      <c r="AE1332">
        <v>108</v>
      </c>
      <c r="AF1332">
        <v>3534</v>
      </c>
      <c r="AG1332">
        <v>124562</v>
      </c>
      <c r="AH1332">
        <v>50000</v>
      </c>
      <c r="AI1332">
        <v>0</v>
      </c>
      <c r="AJ1332">
        <v>96</v>
      </c>
      <c r="AK1332" t="s">
        <v>4</v>
      </c>
      <c r="AL1332">
        <v>0</v>
      </c>
      <c r="AM1332">
        <v>0</v>
      </c>
      <c r="AN1332">
        <v>0</v>
      </c>
      <c r="AO1332">
        <v>0</v>
      </c>
      <c r="AP1332">
        <v>0</v>
      </c>
      <c r="AQ1332">
        <v>0</v>
      </c>
      <c r="AR1332">
        <v>0</v>
      </c>
      <c r="AS1332">
        <v>0</v>
      </c>
      <c r="AT1332">
        <v>0</v>
      </c>
      <c r="AU1332">
        <v>0</v>
      </c>
      <c r="AV1332">
        <v>0</v>
      </c>
      <c r="AW1332">
        <v>0</v>
      </c>
      <c r="AX1332">
        <v>540</v>
      </c>
      <c r="AY1332">
        <v>50</v>
      </c>
      <c r="AZ1332">
        <v>122</v>
      </c>
      <c r="BA1332">
        <v>7157</v>
      </c>
    </row>
    <row r="1333" spans="1:53" x14ac:dyDescent="0.4">
      <c r="A1333">
        <v>1377</v>
      </c>
      <c r="B1333" s="1">
        <v>43240</v>
      </c>
      <c r="C1333">
        <v>3</v>
      </c>
      <c r="D1333" s="1">
        <v>43240.731249999997</v>
      </c>
      <c r="E1333" s="1">
        <v>43240.943749999999</v>
      </c>
      <c r="F1333">
        <v>42000</v>
      </c>
      <c r="G1333">
        <v>920</v>
      </c>
      <c r="H1333">
        <v>0</v>
      </c>
      <c r="I1333">
        <v>0</v>
      </c>
      <c r="J1333">
        <v>0</v>
      </c>
      <c r="K1333">
        <v>0</v>
      </c>
      <c r="L1333">
        <v>0</v>
      </c>
      <c r="M1333">
        <v>3434</v>
      </c>
      <c r="N1333">
        <v>0</v>
      </c>
      <c r="O1333">
        <v>0</v>
      </c>
      <c r="P1333">
        <v>-8856</v>
      </c>
      <c r="Q1333">
        <v>0</v>
      </c>
      <c r="R1333">
        <v>37498</v>
      </c>
      <c r="S1333">
        <v>0</v>
      </c>
      <c r="T1333">
        <v>0</v>
      </c>
      <c r="U1333">
        <v>0</v>
      </c>
      <c r="V1333">
        <v>6</v>
      </c>
      <c r="W1333">
        <v>0</v>
      </c>
      <c r="X1333">
        <v>0</v>
      </c>
      <c r="Y1333">
        <v>65</v>
      </c>
      <c r="Z1333">
        <v>40</v>
      </c>
      <c r="AA1333">
        <v>99</v>
      </c>
      <c r="AB1333">
        <v>26</v>
      </c>
      <c r="AC1333">
        <v>201</v>
      </c>
      <c r="AD1333">
        <v>44</v>
      </c>
      <c r="AE1333">
        <v>96</v>
      </c>
      <c r="AF1333">
        <v>3534</v>
      </c>
      <c r="AG1333">
        <v>162060</v>
      </c>
      <c r="AH1333">
        <v>50000</v>
      </c>
      <c r="AI1333">
        <v>0</v>
      </c>
      <c r="AJ1333">
        <v>30</v>
      </c>
      <c r="AL1333">
        <v>0</v>
      </c>
      <c r="AM1333">
        <v>0</v>
      </c>
      <c r="AN1333">
        <v>0</v>
      </c>
      <c r="AO1333">
        <v>0</v>
      </c>
      <c r="AP1333">
        <v>0</v>
      </c>
      <c r="AQ1333">
        <v>0</v>
      </c>
      <c r="AR1333">
        <v>0</v>
      </c>
      <c r="AS1333">
        <v>0</v>
      </c>
      <c r="AT1333">
        <v>0</v>
      </c>
      <c r="AU1333">
        <v>0</v>
      </c>
      <c r="AV1333">
        <v>0</v>
      </c>
      <c r="AW1333">
        <v>0</v>
      </c>
      <c r="AX1333">
        <v>7603</v>
      </c>
      <c r="AY1333">
        <v>14</v>
      </c>
      <c r="AZ1333">
        <v>36</v>
      </c>
      <c r="BA1333">
        <v>3130</v>
      </c>
    </row>
    <row r="1334" spans="1:53" x14ac:dyDescent="0.4">
      <c r="A1334">
        <v>1378</v>
      </c>
      <c r="B1334" s="1">
        <v>43241</v>
      </c>
      <c r="C1334">
        <v>1</v>
      </c>
      <c r="D1334" s="1">
        <v>43241.291666666664</v>
      </c>
      <c r="E1334" s="1">
        <v>43241.45</v>
      </c>
      <c r="F1334">
        <v>0</v>
      </c>
      <c r="G1334">
        <v>0</v>
      </c>
      <c r="H1334">
        <v>0</v>
      </c>
      <c r="I1334">
        <v>0</v>
      </c>
      <c r="J1334">
        <v>0</v>
      </c>
      <c r="K1334">
        <v>0</v>
      </c>
      <c r="L1334">
        <v>0</v>
      </c>
      <c r="M1334">
        <v>0</v>
      </c>
      <c r="N1334">
        <v>0</v>
      </c>
      <c r="O1334">
        <v>0</v>
      </c>
      <c r="P1334">
        <v>0</v>
      </c>
      <c r="Q1334">
        <v>0</v>
      </c>
      <c r="R1334">
        <v>0</v>
      </c>
      <c r="S1334">
        <v>0</v>
      </c>
      <c r="T1334">
        <v>0</v>
      </c>
      <c r="U1334">
        <v>0</v>
      </c>
      <c r="V1334">
        <v>0</v>
      </c>
      <c r="W1334">
        <v>0</v>
      </c>
      <c r="X1334">
        <v>0</v>
      </c>
      <c r="Y1334">
        <v>25</v>
      </c>
      <c r="Z1334">
        <v>27</v>
      </c>
      <c r="AA1334">
        <v>94</v>
      </c>
      <c r="AB1334">
        <v>18</v>
      </c>
      <c r="AC1334">
        <v>93</v>
      </c>
      <c r="AD1334">
        <v>35</v>
      </c>
      <c r="AE1334">
        <v>95</v>
      </c>
      <c r="AF1334">
        <v>0</v>
      </c>
      <c r="AG1334">
        <v>50000</v>
      </c>
      <c r="AH1334">
        <v>0</v>
      </c>
      <c r="AI1334">
        <v>50000</v>
      </c>
      <c r="AJ1334">
        <v>0</v>
      </c>
      <c r="AK1334" t="s">
        <v>6</v>
      </c>
      <c r="AL1334">
        <v>0</v>
      </c>
      <c r="AM1334">
        <v>0</v>
      </c>
      <c r="AN1334">
        <v>0</v>
      </c>
      <c r="AO1334">
        <v>0</v>
      </c>
      <c r="AP1334">
        <v>0</v>
      </c>
      <c r="AQ1334">
        <v>0</v>
      </c>
      <c r="AR1334">
        <v>0</v>
      </c>
      <c r="AS1334">
        <v>0</v>
      </c>
      <c r="AT1334">
        <v>0</v>
      </c>
      <c r="AU1334">
        <v>0</v>
      </c>
      <c r="AV1334">
        <v>0</v>
      </c>
      <c r="AW1334">
        <v>0</v>
      </c>
      <c r="AX1334">
        <v>0</v>
      </c>
      <c r="AY1334">
        <v>0</v>
      </c>
      <c r="AZ1334">
        <v>0</v>
      </c>
      <c r="BA1334">
        <v>0</v>
      </c>
    </row>
    <row r="1335" spans="1:53" x14ac:dyDescent="0.4">
      <c r="A1335">
        <v>1379</v>
      </c>
      <c r="B1335" s="1">
        <v>43241</v>
      </c>
      <c r="C1335">
        <v>2</v>
      </c>
      <c r="D1335" s="1">
        <v>43241.45</v>
      </c>
      <c r="E1335" s="1">
        <v>43241.728472222225</v>
      </c>
      <c r="F1335">
        <v>27000</v>
      </c>
      <c r="G1335">
        <v>4320</v>
      </c>
      <c r="H1335">
        <v>0</v>
      </c>
      <c r="I1335">
        <v>0</v>
      </c>
      <c r="J1335">
        <v>0</v>
      </c>
      <c r="K1335">
        <v>0</v>
      </c>
      <c r="L1335">
        <v>0</v>
      </c>
      <c r="M1335">
        <v>2503</v>
      </c>
      <c r="N1335">
        <v>0</v>
      </c>
      <c r="O1335">
        <v>0</v>
      </c>
      <c r="P1335">
        <v>13500</v>
      </c>
      <c r="Q1335">
        <v>0</v>
      </c>
      <c r="R1335">
        <v>47323</v>
      </c>
      <c r="S1335">
        <v>0</v>
      </c>
      <c r="T1335">
        <v>0</v>
      </c>
      <c r="U1335">
        <v>0</v>
      </c>
      <c r="V1335">
        <v>2</v>
      </c>
      <c r="W1335">
        <v>1</v>
      </c>
      <c r="X1335">
        <v>0</v>
      </c>
      <c r="Y1335">
        <v>32</v>
      </c>
      <c r="Z1335">
        <v>48</v>
      </c>
      <c r="AA1335">
        <v>104</v>
      </c>
      <c r="AB1335">
        <v>12</v>
      </c>
      <c r="AC1335">
        <v>175</v>
      </c>
      <c r="AD1335">
        <v>43</v>
      </c>
      <c r="AE1335">
        <v>94</v>
      </c>
      <c r="AF1335">
        <v>3264</v>
      </c>
      <c r="AG1335">
        <v>97323</v>
      </c>
      <c r="AH1335">
        <v>50000</v>
      </c>
      <c r="AI1335">
        <v>0</v>
      </c>
      <c r="AJ1335">
        <v>96</v>
      </c>
      <c r="AK1335" t="s">
        <v>4</v>
      </c>
      <c r="AL1335">
        <v>0</v>
      </c>
      <c r="AM1335">
        <v>0</v>
      </c>
      <c r="AN1335">
        <v>0</v>
      </c>
      <c r="AO1335">
        <v>0</v>
      </c>
      <c r="AP1335">
        <v>0</v>
      </c>
      <c r="AQ1335">
        <v>0</v>
      </c>
      <c r="AR1335">
        <v>0</v>
      </c>
      <c r="AS1335">
        <v>0</v>
      </c>
      <c r="AT1335">
        <v>0</v>
      </c>
      <c r="AU1335">
        <v>0</v>
      </c>
      <c r="AV1335">
        <v>0</v>
      </c>
      <c r="AW1335">
        <v>0</v>
      </c>
      <c r="AX1335">
        <v>-540</v>
      </c>
      <c r="AY1335">
        <v>35</v>
      </c>
      <c r="AZ1335">
        <v>79</v>
      </c>
      <c r="BA1335">
        <v>4638</v>
      </c>
    </row>
    <row r="1336" spans="1:53" x14ac:dyDescent="0.4">
      <c r="A1336">
        <v>1380</v>
      </c>
      <c r="B1336" s="1">
        <v>43241</v>
      </c>
      <c r="C1336">
        <v>3</v>
      </c>
      <c r="D1336" s="1">
        <v>43241.728472222225</v>
      </c>
      <c r="E1336" s="1">
        <v>43241.952777777777</v>
      </c>
      <c r="F1336">
        <v>18520</v>
      </c>
      <c r="G1336">
        <v>0</v>
      </c>
      <c r="H1336">
        <v>0</v>
      </c>
      <c r="I1336">
        <v>0</v>
      </c>
      <c r="J1336">
        <v>0</v>
      </c>
      <c r="K1336">
        <v>0</v>
      </c>
      <c r="L1336">
        <v>0</v>
      </c>
      <c r="M1336">
        <v>1482</v>
      </c>
      <c r="N1336">
        <v>0</v>
      </c>
      <c r="O1336">
        <v>0</v>
      </c>
      <c r="P1336">
        <v>-9612</v>
      </c>
      <c r="Q1336">
        <v>0</v>
      </c>
      <c r="R1336">
        <v>10390</v>
      </c>
      <c r="S1336">
        <v>0</v>
      </c>
      <c r="T1336">
        <v>0</v>
      </c>
      <c r="U1336">
        <v>0</v>
      </c>
      <c r="V1336">
        <v>3</v>
      </c>
      <c r="W1336">
        <v>0</v>
      </c>
      <c r="X1336">
        <v>0</v>
      </c>
      <c r="Y1336">
        <v>36</v>
      </c>
      <c r="Z1336">
        <v>48</v>
      </c>
      <c r="AA1336">
        <v>106</v>
      </c>
      <c r="AB1336">
        <v>12</v>
      </c>
      <c r="AC1336">
        <v>186</v>
      </c>
      <c r="AD1336">
        <v>43</v>
      </c>
      <c r="AE1336">
        <v>94</v>
      </c>
      <c r="AF1336">
        <v>4344</v>
      </c>
      <c r="AG1336">
        <v>107713</v>
      </c>
      <c r="AH1336">
        <v>50000</v>
      </c>
      <c r="AI1336">
        <v>0</v>
      </c>
      <c r="AJ1336">
        <v>108</v>
      </c>
      <c r="AK1336" t="s">
        <v>30</v>
      </c>
      <c r="AL1336">
        <v>0</v>
      </c>
      <c r="AM1336">
        <v>0</v>
      </c>
      <c r="AN1336">
        <v>0</v>
      </c>
      <c r="AO1336">
        <v>0</v>
      </c>
      <c r="AP1336">
        <v>0</v>
      </c>
      <c r="AQ1336">
        <v>0</v>
      </c>
      <c r="AR1336">
        <v>0</v>
      </c>
      <c r="AS1336">
        <v>0</v>
      </c>
      <c r="AT1336">
        <v>0</v>
      </c>
      <c r="AU1336">
        <v>0</v>
      </c>
      <c r="AV1336">
        <v>0</v>
      </c>
      <c r="AW1336">
        <v>0</v>
      </c>
      <c r="AX1336">
        <v>-2592</v>
      </c>
      <c r="AY1336">
        <v>6</v>
      </c>
      <c r="AZ1336">
        <v>10</v>
      </c>
      <c r="BA1336">
        <v>1665</v>
      </c>
    </row>
    <row r="1337" spans="1:53" x14ac:dyDescent="0.4">
      <c r="A1337">
        <v>1381</v>
      </c>
      <c r="B1337" s="1">
        <v>43242</v>
      </c>
      <c r="C1337">
        <v>1</v>
      </c>
      <c r="D1337" s="1">
        <v>43242.291666666664</v>
      </c>
      <c r="E1337" s="1">
        <v>43242.449305555558</v>
      </c>
      <c r="F1337">
        <v>0</v>
      </c>
      <c r="G1337">
        <v>0</v>
      </c>
      <c r="H1337">
        <v>0</v>
      </c>
      <c r="I1337">
        <v>0</v>
      </c>
      <c r="J1337">
        <v>0</v>
      </c>
      <c r="K1337">
        <v>0</v>
      </c>
      <c r="L1337">
        <v>0</v>
      </c>
      <c r="M1337">
        <v>0</v>
      </c>
      <c r="N1337">
        <v>0</v>
      </c>
      <c r="O1337">
        <v>0</v>
      </c>
      <c r="P1337">
        <v>0</v>
      </c>
      <c r="Q1337">
        <v>0</v>
      </c>
      <c r="R1337">
        <v>0</v>
      </c>
      <c r="S1337">
        <v>0</v>
      </c>
      <c r="T1337">
        <v>0</v>
      </c>
      <c r="U1337">
        <v>0</v>
      </c>
      <c r="V1337">
        <v>0</v>
      </c>
      <c r="W1337">
        <v>0</v>
      </c>
      <c r="X1337">
        <v>0</v>
      </c>
      <c r="Y1337">
        <v>27</v>
      </c>
      <c r="Z1337">
        <v>22</v>
      </c>
      <c r="AA1337">
        <v>97</v>
      </c>
      <c r="AB1337">
        <v>13</v>
      </c>
      <c r="AC1337">
        <v>135</v>
      </c>
      <c r="AD1337">
        <v>42</v>
      </c>
      <c r="AE1337">
        <v>90</v>
      </c>
      <c r="AF1337">
        <v>0</v>
      </c>
      <c r="AG1337">
        <v>50000</v>
      </c>
      <c r="AH1337">
        <v>0</v>
      </c>
      <c r="AI1337">
        <v>50000</v>
      </c>
      <c r="AJ1337">
        <v>0</v>
      </c>
      <c r="AK1337" t="s">
        <v>6</v>
      </c>
      <c r="AL1337">
        <v>0</v>
      </c>
      <c r="AM1337">
        <v>0</v>
      </c>
      <c r="AN1337">
        <v>0</v>
      </c>
      <c r="AO1337">
        <v>0</v>
      </c>
      <c r="AP1337">
        <v>0</v>
      </c>
      <c r="AQ1337">
        <v>0</v>
      </c>
      <c r="AR1337">
        <v>0</v>
      </c>
      <c r="AS1337">
        <v>0</v>
      </c>
      <c r="AT1337">
        <v>0</v>
      </c>
      <c r="AU1337">
        <v>0</v>
      </c>
      <c r="AV1337">
        <v>0</v>
      </c>
      <c r="AW1337">
        <v>0</v>
      </c>
      <c r="AX1337">
        <v>0</v>
      </c>
      <c r="AY1337">
        <v>0</v>
      </c>
      <c r="AZ1337">
        <v>0</v>
      </c>
      <c r="BA1337">
        <v>0</v>
      </c>
    </row>
    <row r="1338" spans="1:53" x14ac:dyDescent="0.4">
      <c r="A1338">
        <v>1382</v>
      </c>
      <c r="B1338" s="1">
        <v>43242</v>
      </c>
      <c r="C1338">
        <v>2</v>
      </c>
      <c r="D1338" s="1">
        <v>43242.449305555558</v>
      </c>
      <c r="E1338" s="1">
        <v>43242.747916666667</v>
      </c>
      <c r="F1338">
        <v>23000</v>
      </c>
      <c r="G1338">
        <v>1680</v>
      </c>
      <c r="H1338">
        <v>0</v>
      </c>
      <c r="I1338">
        <v>0</v>
      </c>
      <c r="J1338">
        <v>0</v>
      </c>
      <c r="K1338">
        <v>0</v>
      </c>
      <c r="L1338">
        <v>0</v>
      </c>
      <c r="M1338">
        <v>1974</v>
      </c>
      <c r="N1338">
        <v>0</v>
      </c>
      <c r="O1338">
        <v>0</v>
      </c>
      <c r="P1338">
        <v>18360</v>
      </c>
      <c r="Q1338">
        <v>0</v>
      </c>
      <c r="R1338">
        <v>45014</v>
      </c>
      <c r="S1338">
        <v>0</v>
      </c>
      <c r="T1338">
        <v>0</v>
      </c>
      <c r="U1338">
        <v>0</v>
      </c>
      <c r="V1338">
        <v>1</v>
      </c>
      <c r="W1338">
        <v>0</v>
      </c>
      <c r="X1338">
        <v>0</v>
      </c>
      <c r="Y1338">
        <v>63</v>
      </c>
      <c r="Z1338">
        <v>15</v>
      </c>
      <c r="AA1338">
        <v>108</v>
      </c>
      <c r="AB1338">
        <v>17</v>
      </c>
      <c r="AC1338">
        <v>200</v>
      </c>
      <c r="AD1338">
        <v>46</v>
      </c>
      <c r="AE1338">
        <v>94</v>
      </c>
      <c r="AF1338">
        <v>540</v>
      </c>
      <c r="AG1338">
        <v>95014</v>
      </c>
      <c r="AH1338">
        <v>50000</v>
      </c>
      <c r="AI1338">
        <v>0</v>
      </c>
      <c r="AJ1338">
        <v>85</v>
      </c>
      <c r="AK1338" t="s">
        <v>27</v>
      </c>
      <c r="AL1338">
        <v>0</v>
      </c>
      <c r="AM1338">
        <v>0</v>
      </c>
      <c r="AN1338">
        <v>0</v>
      </c>
      <c r="AO1338">
        <v>0</v>
      </c>
      <c r="AP1338">
        <v>0</v>
      </c>
      <c r="AQ1338">
        <v>0</v>
      </c>
      <c r="AR1338">
        <v>0</v>
      </c>
      <c r="AS1338">
        <v>0</v>
      </c>
      <c r="AT1338">
        <v>0</v>
      </c>
      <c r="AU1338">
        <v>0</v>
      </c>
      <c r="AV1338">
        <v>0</v>
      </c>
      <c r="AW1338">
        <v>0</v>
      </c>
      <c r="AX1338">
        <v>3542</v>
      </c>
      <c r="AY1338">
        <v>38</v>
      </c>
      <c r="AZ1338">
        <v>80</v>
      </c>
      <c r="BA1338">
        <v>5335</v>
      </c>
    </row>
    <row r="1339" spans="1:53" x14ac:dyDescent="0.4">
      <c r="A1339">
        <v>1383</v>
      </c>
      <c r="B1339" s="1">
        <v>43242</v>
      </c>
      <c r="C1339">
        <v>3</v>
      </c>
      <c r="D1339" s="1">
        <v>43242.747916666667</v>
      </c>
      <c r="E1339" s="1">
        <v>43242.957638888889</v>
      </c>
      <c r="F1339">
        <v>20000</v>
      </c>
      <c r="G1339">
        <v>3280</v>
      </c>
      <c r="H1339">
        <v>0</v>
      </c>
      <c r="I1339">
        <v>0</v>
      </c>
      <c r="J1339">
        <v>0</v>
      </c>
      <c r="K1339">
        <v>0</v>
      </c>
      <c r="L1339">
        <v>0</v>
      </c>
      <c r="M1339">
        <v>1862</v>
      </c>
      <c r="N1339">
        <v>0</v>
      </c>
      <c r="O1339">
        <v>0</v>
      </c>
      <c r="P1339">
        <v>-4104</v>
      </c>
      <c r="Q1339">
        <v>0</v>
      </c>
      <c r="R1339">
        <v>21038</v>
      </c>
      <c r="S1339">
        <v>0</v>
      </c>
      <c r="T1339">
        <v>0</v>
      </c>
      <c r="U1339">
        <v>0</v>
      </c>
      <c r="V1339">
        <v>1</v>
      </c>
      <c r="W1339">
        <v>1</v>
      </c>
      <c r="X1339">
        <v>0</v>
      </c>
      <c r="Y1339">
        <v>65</v>
      </c>
      <c r="Z1339">
        <v>11</v>
      </c>
      <c r="AA1339">
        <v>116</v>
      </c>
      <c r="AB1339">
        <v>21</v>
      </c>
      <c r="AC1339">
        <v>204</v>
      </c>
      <c r="AD1339">
        <v>45</v>
      </c>
      <c r="AE1339">
        <v>85</v>
      </c>
      <c r="AF1339">
        <v>15552</v>
      </c>
      <c r="AG1339">
        <v>116052</v>
      </c>
      <c r="AH1339">
        <v>50000</v>
      </c>
      <c r="AI1339">
        <v>0</v>
      </c>
      <c r="AJ1339">
        <v>29</v>
      </c>
      <c r="AK1339" t="s">
        <v>28</v>
      </c>
      <c r="AL1339">
        <v>0</v>
      </c>
      <c r="AM1339">
        <v>0</v>
      </c>
      <c r="AN1339">
        <v>0</v>
      </c>
      <c r="AO1339">
        <v>0</v>
      </c>
      <c r="AP1339">
        <v>0</v>
      </c>
      <c r="AQ1339">
        <v>0</v>
      </c>
      <c r="AR1339">
        <v>0</v>
      </c>
      <c r="AS1339">
        <v>0</v>
      </c>
      <c r="AT1339">
        <v>0</v>
      </c>
      <c r="AU1339">
        <v>0</v>
      </c>
      <c r="AV1339">
        <v>0</v>
      </c>
      <c r="AW1339">
        <v>0</v>
      </c>
      <c r="AX1339">
        <v>31439</v>
      </c>
      <c r="AY1339">
        <v>9</v>
      </c>
      <c r="AZ1339">
        <v>32</v>
      </c>
      <c r="BA1339">
        <v>1745</v>
      </c>
    </row>
    <row r="1340" spans="1:53" x14ac:dyDescent="0.4">
      <c r="A1340">
        <v>1384</v>
      </c>
      <c r="B1340" s="1">
        <v>43243</v>
      </c>
      <c r="C1340">
        <v>1</v>
      </c>
      <c r="D1340" s="1">
        <v>43243.291666666664</v>
      </c>
      <c r="E1340" s="1">
        <v>43243.448611111111</v>
      </c>
      <c r="F1340">
        <v>0</v>
      </c>
      <c r="G1340">
        <v>0</v>
      </c>
      <c r="H1340">
        <v>0</v>
      </c>
      <c r="I1340">
        <v>0</v>
      </c>
      <c r="J1340">
        <v>0</v>
      </c>
      <c r="K1340">
        <v>0</v>
      </c>
      <c r="L1340">
        <v>0</v>
      </c>
      <c r="M1340">
        <v>0</v>
      </c>
      <c r="N1340">
        <v>0</v>
      </c>
      <c r="O1340">
        <v>0</v>
      </c>
      <c r="P1340">
        <v>0</v>
      </c>
      <c r="Q1340">
        <v>0</v>
      </c>
      <c r="R1340">
        <v>0</v>
      </c>
      <c r="S1340">
        <v>0</v>
      </c>
      <c r="T1340">
        <v>0</v>
      </c>
      <c r="U1340">
        <v>0</v>
      </c>
      <c r="V1340">
        <v>0</v>
      </c>
      <c r="W1340">
        <v>0</v>
      </c>
      <c r="X1340">
        <v>0</v>
      </c>
      <c r="Y1340">
        <v>32</v>
      </c>
      <c r="Z1340">
        <v>9</v>
      </c>
      <c r="AA1340">
        <v>107</v>
      </c>
      <c r="AB1340">
        <v>19</v>
      </c>
      <c r="AC1340">
        <v>154</v>
      </c>
      <c r="AD1340">
        <v>46</v>
      </c>
      <c r="AE1340">
        <v>80</v>
      </c>
      <c r="AF1340">
        <v>0</v>
      </c>
      <c r="AG1340">
        <v>50000</v>
      </c>
      <c r="AH1340">
        <v>0</v>
      </c>
      <c r="AI1340">
        <v>50000</v>
      </c>
      <c r="AJ1340">
        <v>0</v>
      </c>
      <c r="AK1340" t="s">
        <v>6</v>
      </c>
      <c r="AL1340">
        <v>0</v>
      </c>
      <c r="AM1340">
        <v>0</v>
      </c>
      <c r="AN1340">
        <v>0</v>
      </c>
      <c r="AO1340">
        <v>0</v>
      </c>
      <c r="AP1340">
        <v>0</v>
      </c>
      <c r="AQ1340">
        <v>0</v>
      </c>
      <c r="AR1340">
        <v>0</v>
      </c>
      <c r="AS1340">
        <v>0</v>
      </c>
      <c r="AT1340">
        <v>0</v>
      </c>
      <c r="AU1340">
        <v>0</v>
      </c>
      <c r="AV1340">
        <v>0</v>
      </c>
      <c r="AW1340">
        <v>0</v>
      </c>
      <c r="AX1340">
        <v>0</v>
      </c>
      <c r="AY1340">
        <v>0</v>
      </c>
      <c r="AZ1340">
        <v>0</v>
      </c>
      <c r="BA1340">
        <v>0</v>
      </c>
    </row>
    <row r="1341" spans="1:53" x14ac:dyDescent="0.4">
      <c r="A1341">
        <v>1385</v>
      </c>
      <c r="B1341" s="1">
        <v>43243</v>
      </c>
      <c r="C1341">
        <v>2</v>
      </c>
      <c r="D1341" s="1">
        <v>43243.448611111111</v>
      </c>
      <c r="E1341" s="1">
        <v>43243.763888888891</v>
      </c>
      <c r="F1341">
        <v>22500</v>
      </c>
      <c r="G1341">
        <v>0</v>
      </c>
      <c r="H1341">
        <v>0</v>
      </c>
      <c r="I1341">
        <v>0</v>
      </c>
      <c r="J1341">
        <v>0</v>
      </c>
      <c r="K1341">
        <v>0</v>
      </c>
      <c r="L1341">
        <v>0</v>
      </c>
      <c r="M1341">
        <v>1800</v>
      </c>
      <c r="N1341">
        <v>0</v>
      </c>
      <c r="O1341">
        <v>0</v>
      </c>
      <c r="P1341">
        <v>4320</v>
      </c>
      <c r="Q1341">
        <v>0</v>
      </c>
      <c r="R1341">
        <v>28620</v>
      </c>
      <c r="S1341">
        <v>0</v>
      </c>
      <c r="T1341">
        <v>0</v>
      </c>
      <c r="U1341">
        <v>0</v>
      </c>
      <c r="V1341">
        <v>2</v>
      </c>
      <c r="W1341">
        <v>0</v>
      </c>
      <c r="X1341">
        <v>0</v>
      </c>
      <c r="Y1341">
        <v>38</v>
      </c>
      <c r="Z1341">
        <v>11</v>
      </c>
      <c r="AA1341">
        <v>112</v>
      </c>
      <c r="AB1341">
        <v>28</v>
      </c>
      <c r="AC1341">
        <v>218</v>
      </c>
      <c r="AD1341">
        <v>50</v>
      </c>
      <c r="AE1341">
        <v>90</v>
      </c>
      <c r="AF1341">
        <v>0</v>
      </c>
      <c r="AG1341">
        <v>78620</v>
      </c>
      <c r="AH1341">
        <v>50000</v>
      </c>
      <c r="AI1341">
        <v>0</v>
      </c>
      <c r="AJ1341">
        <v>106</v>
      </c>
      <c r="AK1341" t="s">
        <v>29</v>
      </c>
      <c r="AL1341">
        <v>0</v>
      </c>
      <c r="AM1341">
        <v>0</v>
      </c>
      <c r="AN1341">
        <v>0</v>
      </c>
      <c r="AO1341">
        <v>0</v>
      </c>
      <c r="AP1341">
        <v>0</v>
      </c>
      <c r="AQ1341">
        <v>0</v>
      </c>
      <c r="AR1341">
        <v>0</v>
      </c>
      <c r="AS1341">
        <v>0</v>
      </c>
      <c r="AT1341">
        <v>0</v>
      </c>
      <c r="AU1341">
        <v>0</v>
      </c>
      <c r="AV1341">
        <v>0</v>
      </c>
      <c r="AW1341">
        <v>0</v>
      </c>
      <c r="AX1341">
        <v>2160</v>
      </c>
      <c r="AY1341">
        <v>28</v>
      </c>
      <c r="AZ1341">
        <v>55</v>
      </c>
      <c r="BA1341">
        <v>4222</v>
      </c>
    </row>
    <row r="1342" spans="1:53" x14ac:dyDescent="0.4">
      <c r="A1342">
        <v>1386</v>
      </c>
      <c r="B1342" s="1">
        <v>43243</v>
      </c>
      <c r="C1342">
        <v>3</v>
      </c>
      <c r="D1342" s="1">
        <v>43243.763888888891</v>
      </c>
      <c r="E1342" s="1">
        <v>43243.952777777777</v>
      </c>
      <c r="F1342">
        <v>16680</v>
      </c>
      <c r="G1342">
        <v>1000</v>
      </c>
      <c r="H1342">
        <v>0</v>
      </c>
      <c r="I1342">
        <v>0</v>
      </c>
      <c r="J1342">
        <v>0</v>
      </c>
      <c r="K1342">
        <v>0</v>
      </c>
      <c r="L1342">
        <v>0</v>
      </c>
      <c r="M1342">
        <v>1414</v>
      </c>
      <c r="N1342">
        <v>0</v>
      </c>
      <c r="O1342">
        <v>0</v>
      </c>
      <c r="P1342">
        <v>2160</v>
      </c>
      <c r="Q1342">
        <v>0</v>
      </c>
      <c r="R1342">
        <v>21254</v>
      </c>
      <c r="S1342">
        <v>0</v>
      </c>
      <c r="T1342">
        <v>0</v>
      </c>
      <c r="U1342">
        <v>0</v>
      </c>
      <c r="V1342">
        <v>4</v>
      </c>
      <c r="W1342">
        <v>0</v>
      </c>
      <c r="X1342">
        <v>0</v>
      </c>
      <c r="Y1342">
        <v>28</v>
      </c>
      <c r="Z1342">
        <v>12</v>
      </c>
      <c r="AA1342">
        <v>112</v>
      </c>
      <c r="AB1342">
        <v>27</v>
      </c>
      <c r="AC1342">
        <v>219</v>
      </c>
      <c r="AD1342">
        <v>49</v>
      </c>
      <c r="AE1342">
        <v>89</v>
      </c>
      <c r="AF1342">
        <v>10800</v>
      </c>
      <c r="AG1342">
        <v>99874</v>
      </c>
      <c r="AH1342">
        <v>50000</v>
      </c>
      <c r="AI1342">
        <v>0</v>
      </c>
      <c r="AJ1342">
        <v>106</v>
      </c>
      <c r="AK1342" t="s">
        <v>29</v>
      </c>
      <c r="AL1342">
        <v>0</v>
      </c>
      <c r="AM1342">
        <v>0</v>
      </c>
      <c r="AN1342">
        <v>0</v>
      </c>
      <c r="AO1342">
        <v>0</v>
      </c>
      <c r="AP1342">
        <v>0</v>
      </c>
      <c r="AQ1342">
        <v>0</v>
      </c>
      <c r="AR1342">
        <v>0</v>
      </c>
      <c r="AS1342">
        <v>0</v>
      </c>
      <c r="AT1342">
        <v>0</v>
      </c>
      <c r="AU1342">
        <v>0</v>
      </c>
      <c r="AV1342">
        <v>0</v>
      </c>
      <c r="AW1342">
        <v>0</v>
      </c>
      <c r="AX1342">
        <v>6977</v>
      </c>
      <c r="AY1342">
        <v>11</v>
      </c>
      <c r="AZ1342">
        <v>24</v>
      </c>
      <c r="BA1342">
        <v>1260</v>
      </c>
    </row>
    <row r="1343" spans="1:53" x14ac:dyDescent="0.4">
      <c r="A1343">
        <v>1387</v>
      </c>
      <c r="B1343" s="1">
        <v>43243</v>
      </c>
      <c r="C1343">
        <v>4</v>
      </c>
      <c r="D1343" s="1">
        <v>43243.952777777777</v>
      </c>
      <c r="E1343" s="1">
        <v>43244.084027777775</v>
      </c>
      <c r="F1343">
        <v>18240</v>
      </c>
      <c r="G1343">
        <v>500</v>
      </c>
      <c r="H1343">
        <v>0</v>
      </c>
      <c r="I1343">
        <v>0</v>
      </c>
      <c r="J1343">
        <v>0</v>
      </c>
      <c r="K1343">
        <v>0</v>
      </c>
      <c r="L1343">
        <v>0</v>
      </c>
      <c r="M1343">
        <v>1499</v>
      </c>
      <c r="N1343">
        <v>0</v>
      </c>
      <c r="O1343">
        <v>0</v>
      </c>
      <c r="P1343">
        <v>-5292</v>
      </c>
      <c r="Q1343">
        <v>0</v>
      </c>
      <c r="R1343">
        <v>14947</v>
      </c>
      <c r="S1343">
        <v>0</v>
      </c>
      <c r="T1343">
        <v>0</v>
      </c>
      <c r="U1343">
        <v>0</v>
      </c>
      <c r="V1343">
        <v>5</v>
      </c>
      <c r="W1343">
        <v>0</v>
      </c>
      <c r="X1343">
        <v>0</v>
      </c>
      <c r="Y1343">
        <v>34</v>
      </c>
      <c r="Z1343">
        <v>12</v>
      </c>
      <c r="AA1343">
        <v>102</v>
      </c>
      <c r="AB1343">
        <v>27</v>
      </c>
      <c r="AC1343">
        <v>214</v>
      </c>
      <c r="AD1343">
        <v>49</v>
      </c>
      <c r="AE1343">
        <v>86</v>
      </c>
      <c r="AF1343">
        <v>10800</v>
      </c>
      <c r="AG1343">
        <v>114821</v>
      </c>
      <c r="AH1343">
        <v>50000</v>
      </c>
      <c r="AI1343">
        <v>0</v>
      </c>
      <c r="AJ1343">
        <v>29</v>
      </c>
      <c r="AK1343" t="s">
        <v>28</v>
      </c>
      <c r="AL1343">
        <v>0</v>
      </c>
      <c r="AM1343">
        <v>0</v>
      </c>
      <c r="AN1343">
        <v>0</v>
      </c>
      <c r="AO1343">
        <v>0</v>
      </c>
      <c r="AP1343">
        <v>0</v>
      </c>
      <c r="AQ1343">
        <v>0</v>
      </c>
      <c r="AR1343">
        <v>0</v>
      </c>
      <c r="AS1343">
        <v>0</v>
      </c>
      <c r="AT1343">
        <v>0</v>
      </c>
      <c r="AU1343">
        <v>0</v>
      </c>
      <c r="AV1343">
        <v>0</v>
      </c>
      <c r="AW1343">
        <v>0</v>
      </c>
      <c r="AX1343">
        <v>22680</v>
      </c>
      <c r="AY1343">
        <v>3</v>
      </c>
      <c r="AZ1343">
        <v>9</v>
      </c>
      <c r="BA1343">
        <v>557</v>
      </c>
    </row>
    <row r="1344" spans="1:53" x14ac:dyDescent="0.4">
      <c r="A1344">
        <v>1388</v>
      </c>
      <c r="B1344" s="1">
        <v>43244</v>
      </c>
      <c r="C1344">
        <v>1</v>
      </c>
      <c r="D1344" s="1">
        <v>43244.291666666664</v>
      </c>
      <c r="E1344" s="1">
        <v>43244.451388888891</v>
      </c>
      <c r="F1344">
        <v>0</v>
      </c>
      <c r="G1344">
        <v>0</v>
      </c>
      <c r="H1344">
        <v>0</v>
      </c>
      <c r="I1344">
        <v>0</v>
      </c>
      <c r="J1344">
        <v>0</v>
      </c>
      <c r="K1344">
        <v>0</v>
      </c>
      <c r="L1344">
        <v>0</v>
      </c>
      <c r="M1344">
        <v>0</v>
      </c>
      <c r="N1344">
        <v>0</v>
      </c>
      <c r="O1344">
        <v>0</v>
      </c>
      <c r="P1344">
        <v>0</v>
      </c>
      <c r="Q1344">
        <v>0</v>
      </c>
      <c r="R1344">
        <v>0</v>
      </c>
      <c r="S1344">
        <v>0</v>
      </c>
      <c r="T1344">
        <v>0</v>
      </c>
      <c r="U1344">
        <v>0</v>
      </c>
      <c r="V1344">
        <v>0</v>
      </c>
      <c r="W1344">
        <v>0</v>
      </c>
      <c r="X1344">
        <v>0</v>
      </c>
      <c r="Y1344">
        <v>31</v>
      </c>
      <c r="Z1344">
        <v>12</v>
      </c>
      <c r="AA1344">
        <v>98</v>
      </c>
      <c r="AB1344">
        <v>26</v>
      </c>
      <c r="AC1344">
        <v>158</v>
      </c>
      <c r="AD1344">
        <v>48</v>
      </c>
      <c r="AE1344">
        <v>80</v>
      </c>
      <c r="AF1344">
        <v>0</v>
      </c>
      <c r="AG1344">
        <v>50000</v>
      </c>
      <c r="AH1344">
        <v>0</v>
      </c>
      <c r="AI1344">
        <v>50000</v>
      </c>
      <c r="AJ1344">
        <v>0</v>
      </c>
      <c r="AK1344" t="s">
        <v>6</v>
      </c>
      <c r="AL1344">
        <v>0</v>
      </c>
      <c r="AM1344">
        <v>0</v>
      </c>
      <c r="AN1344">
        <v>0</v>
      </c>
      <c r="AO1344">
        <v>0</v>
      </c>
      <c r="AP1344">
        <v>0</v>
      </c>
      <c r="AQ1344">
        <v>0</v>
      </c>
      <c r="AR1344">
        <v>0</v>
      </c>
      <c r="AS1344">
        <v>0</v>
      </c>
      <c r="AT1344">
        <v>0</v>
      </c>
      <c r="AU1344">
        <v>0</v>
      </c>
      <c r="AV1344">
        <v>0</v>
      </c>
      <c r="AW1344">
        <v>0</v>
      </c>
      <c r="AX1344">
        <v>0</v>
      </c>
      <c r="AY1344">
        <v>0</v>
      </c>
      <c r="AZ1344">
        <v>0</v>
      </c>
      <c r="BA1344">
        <v>0</v>
      </c>
    </row>
    <row r="1345" spans="1:53" x14ac:dyDescent="0.4">
      <c r="A1345">
        <v>1389</v>
      </c>
      <c r="B1345" s="1">
        <v>43244</v>
      </c>
      <c r="C1345">
        <v>2</v>
      </c>
      <c r="D1345" s="1">
        <v>43244.451388888891</v>
      </c>
      <c r="E1345" s="1">
        <v>43244.750694444447</v>
      </c>
      <c r="F1345">
        <v>18000</v>
      </c>
      <c r="G1345">
        <v>1200</v>
      </c>
      <c r="H1345">
        <v>0</v>
      </c>
      <c r="I1345">
        <v>0</v>
      </c>
      <c r="J1345">
        <v>0</v>
      </c>
      <c r="K1345">
        <v>0</v>
      </c>
      <c r="L1345">
        <v>0</v>
      </c>
      <c r="M1345">
        <v>1536</v>
      </c>
      <c r="N1345">
        <v>0</v>
      </c>
      <c r="O1345">
        <v>0</v>
      </c>
      <c r="P1345">
        <v>16200</v>
      </c>
      <c r="Q1345">
        <v>0</v>
      </c>
      <c r="R1345">
        <v>36936</v>
      </c>
      <c r="S1345">
        <v>0</v>
      </c>
      <c r="T1345">
        <v>0</v>
      </c>
      <c r="U1345">
        <v>0</v>
      </c>
      <c r="V1345">
        <v>2</v>
      </c>
      <c r="W1345">
        <v>1</v>
      </c>
      <c r="X1345">
        <v>0</v>
      </c>
      <c r="Y1345">
        <v>38</v>
      </c>
      <c r="Z1345">
        <v>19</v>
      </c>
      <c r="AA1345">
        <v>92</v>
      </c>
      <c r="AB1345">
        <v>27</v>
      </c>
      <c r="AC1345">
        <v>191</v>
      </c>
      <c r="AD1345">
        <v>46</v>
      </c>
      <c r="AE1345">
        <v>77</v>
      </c>
      <c r="AF1345">
        <v>1669</v>
      </c>
      <c r="AG1345">
        <v>86936</v>
      </c>
      <c r="AH1345">
        <v>50000</v>
      </c>
      <c r="AI1345">
        <v>0</v>
      </c>
      <c r="AJ1345">
        <v>96</v>
      </c>
      <c r="AK1345" t="s">
        <v>4</v>
      </c>
      <c r="AL1345">
        <v>0</v>
      </c>
      <c r="AM1345">
        <v>0</v>
      </c>
      <c r="AN1345">
        <v>0</v>
      </c>
      <c r="AO1345">
        <v>0</v>
      </c>
      <c r="AP1345">
        <v>0</v>
      </c>
      <c r="AQ1345">
        <v>0</v>
      </c>
      <c r="AR1345">
        <v>0</v>
      </c>
      <c r="AS1345">
        <v>0</v>
      </c>
      <c r="AT1345">
        <v>0</v>
      </c>
      <c r="AU1345">
        <v>0</v>
      </c>
      <c r="AV1345">
        <v>0</v>
      </c>
      <c r="AW1345">
        <v>0</v>
      </c>
      <c r="AX1345">
        <v>0</v>
      </c>
      <c r="AY1345">
        <v>37</v>
      </c>
      <c r="AZ1345">
        <v>66</v>
      </c>
      <c r="BA1345">
        <v>4791</v>
      </c>
    </row>
    <row r="1346" spans="1:53" x14ac:dyDescent="0.4">
      <c r="A1346">
        <v>1390</v>
      </c>
      <c r="B1346" s="1">
        <v>43244</v>
      </c>
      <c r="C1346">
        <v>3</v>
      </c>
      <c r="D1346" s="1">
        <v>43244.750694444447</v>
      </c>
      <c r="E1346" s="1">
        <v>43244.95416666667</v>
      </c>
      <c r="F1346">
        <v>48000</v>
      </c>
      <c r="G1346">
        <v>680</v>
      </c>
      <c r="H1346">
        <v>0</v>
      </c>
      <c r="I1346">
        <v>0</v>
      </c>
      <c r="J1346">
        <v>0</v>
      </c>
      <c r="K1346">
        <v>0</v>
      </c>
      <c r="L1346">
        <v>0</v>
      </c>
      <c r="M1346">
        <v>3894</v>
      </c>
      <c r="N1346">
        <v>0</v>
      </c>
      <c r="O1346">
        <v>0</v>
      </c>
      <c r="P1346">
        <v>-16200</v>
      </c>
      <c r="Q1346">
        <v>0</v>
      </c>
      <c r="R1346">
        <v>36374</v>
      </c>
      <c r="S1346">
        <v>0</v>
      </c>
      <c r="T1346">
        <v>0</v>
      </c>
      <c r="U1346">
        <v>0</v>
      </c>
      <c r="V1346">
        <v>4</v>
      </c>
      <c r="W1346">
        <v>0</v>
      </c>
      <c r="X1346">
        <v>0</v>
      </c>
      <c r="Y1346">
        <v>54</v>
      </c>
      <c r="Z1346">
        <v>22</v>
      </c>
      <c r="AA1346">
        <v>91</v>
      </c>
      <c r="AB1346">
        <v>32</v>
      </c>
      <c r="AC1346">
        <v>202</v>
      </c>
      <c r="AD1346">
        <v>47</v>
      </c>
      <c r="AE1346">
        <v>80</v>
      </c>
      <c r="AF1346">
        <v>5275</v>
      </c>
      <c r="AG1346">
        <v>123310</v>
      </c>
      <c r="AH1346">
        <v>50000</v>
      </c>
      <c r="AI1346">
        <v>0</v>
      </c>
      <c r="AJ1346">
        <v>84</v>
      </c>
      <c r="AK1346" t="s">
        <v>16</v>
      </c>
      <c r="AL1346">
        <v>0</v>
      </c>
      <c r="AM1346">
        <v>0</v>
      </c>
      <c r="AN1346">
        <v>0</v>
      </c>
      <c r="AO1346">
        <v>0</v>
      </c>
      <c r="AP1346">
        <v>0</v>
      </c>
      <c r="AQ1346">
        <v>0</v>
      </c>
      <c r="AR1346">
        <v>0</v>
      </c>
      <c r="AS1346">
        <v>0</v>
      </c>
      <c r="AT1346">
        <v>0</v>
      </c>
      <c r="AU1346">
        <v>0</v>
      </c>
      <c r="AV1346">
        <v>0</v>
      </c>
      <c r="AW1346">
        <v>0</v>
      </c>
      <c r="AX1346">
        <v>22140</v>
      </c>
      <c r="AY1346">
        <v>10</v>
      </c>
      <c r="AZ1346">
        <v>38</v>
      </c>
      <c r="BA1346">
        <v>2222</v>
      </c>
    </row>
    <row r="1347" spans="1:53" x14ac:dyDescent="0.4">
      <c r="A1347">
        <v>1391</v>
      </c>
      <c r="B1347" s="1">
        <v>43244</v>
      </c>
      <c r="C1347">
        <v>4</v>
      </c>
      <c r="D1347" s="1">
        <v>43244.95416666667</v>
      </c>
      <c r="E1347" s="1">
        <v>43245.088194444441</v>
      </c>
      <c r="F1347">
        <v>37125</v>
      </c>
      <c r="G1347">
        <v>350</v>
      </c>
      <c r="H1347">
        <v>0</v>
      </c>
      <c r="I1347">
        <v>0</v>
      </c>
      <c r="J1347">
        <v>0</v>
      </c>
      <c r="K1347">
        <v>0</v>
      </c>
      <c r="L1347">
        <v>0</v>
      </c>
      <c r="M1347">
        <v>2998</v>
      </c>
      <c r="N1347">
        <v>0</v>
      </c>
      <c r="O1347">
        <v>0</v>
      </c>
      <c r="P1347">
        <v>3888</v>
      </c>
      <c r="Q1347">
        <v>0</v>
      </c>
      <c r="R1347">
        <v>44361</v>
      </c>
      <c r="S1347">
        <v>0</v>
      </c>
      <c r="T1347">
        <v>0</v>
      </c>
      <c r="U1347">
        <v>0</v>
      </c>
      <c r="V1347">
        <v>6</v>
      </c>
      <c r="W1347">
        <v>1</v>
      </c>
      <c r="X1347">
        <v>0</v>
      </c>
      <c r="Y1347">
        <v>72</v>
      </c>
      <c r="Z1347">
        <v>24</v>
      </c>
      <c r="AA1347">
        <v>95</v>
      </c>
      <c r="AB1347">
        <v>32</v>
      </c>
      <c r="AC1347">
        <v>199</v>
      </c>
      <c r="AD1347">
        <v>46</v>
      </c>
      <c r="AE1347">
        <v>76</v>
      </c>
      <c r="AF1347">
        <v>5275</v>
      </c>
      <c r="AG1347">
        <v>167671</v>
      </c>
      <c r="AH1347">
        <v>50000</v>
      </c>
      <c r="AI1347">
        <v>0</v>
      </c>
      <c r="AJ1347">
        <v>108</v>
      </c>
      <c r="AK1347" t="s">
        <v>30</v>
      </c>
      <c r="AL1347">
        <v>0</v>
      </c>
      <c r="AM1347">
        <v>0</v>
      </c>
      <c r="AN1347">
        <v>0</v>
      </c>
      <c r="AO1347">
        <v>0</v>
      </c>
      <c r="AP1347">
        <v>0</v>
      </c>
      <c r="AQ1347">
        <v>0</v>
      </c>
      <c r="AR1347">
        <v>0</v>
      </c>
      <c r="AS1347">
        <v>0</v>
      </c>
      <c r="AT1347">
        <v>0</v>
      </c>
      <c r="AU1347">
        <v>0</v>
      </c>
      <c r="AV1347">
        <v>0</v>
      </c>
      <c r="AW1347">
        <v>0</v>
      </c>
      <c r="AX1347">
        <v>23285</v>
      </c>
      <c r="AY1347">
        <v>4</v>
      </c>
      <c r="AZ1347">
        <v>20</v>
      </c>
      <c r="BA1347">
        <v>459</v>
      </c>
    </row>
    <row r="1348" spans="1:53" x14ac:dyDescent="0.4">
      <c r="A1348">
        <v>1392</v>
      </c>
      <c r="B1348" s="1">
        <v>43245</v>
      </c>
      <c r="C1348">
        <v>1</v>
      </c>
      <c r="D1348" s="1">
        <v>43245.291666666664</v>
      </c>
      <c r="E1348" s="1">
        <v>43245.449305555558</v>
      </c>
      <c r="F1348">
        <v>0</v>
      </c>
      <c r="G1348">
        <v>0</v>
      </c>
      <c r="H1348">
        <v>0</v>
      </c>
      <c r="I1348">
        <v>0</v>
      </c>
      <c r="J1348">
        <v>0</v>
      </c>
      <c r="K1348">
        <v>0</v>
      </c>
      <c r="L1348">
        <v>0</v>
      </c>
      <c r="M1348">
        <v>0</v>
      </c>
      <c r="N1348">
        <v>0</v>
      </c>
      <c r="O1348">
        <v>0</v>
      </c>
      <c r="P1348">
        <v>0</v>
      </c>
      <c r="Q1348">
        <v>0</v>
      </c>
      <c r="R1348">
        <v>0</v>
      </c>
      <c r="S1348">
        <v>0</v>
      </c>
      <c r="T1348">
        <v>0</v>
      </c>
      <c r="U1348">
        <v>0</v>
      </c>
      <c r="V1348">
        <v>0</v>
      </c>
      <c r="W1348">
        <v>0</v>
      </c>
      <c r="X1348">
        <v>0</v>
      </c>
      <c r="Y1348">
        <v>32</v>
      </c>
      <c r="Z1348">
        <v>11</v>
      </c>
      <c r="AA1348">
        <v>92</v>
      </c>
      <c r="AB1348">
        <v>32</v>
      </c>
      <c r="AC1348">
        <v>140</v>
      </c>
      <c r="AD1348">
        <v>46</v>
      </c>
      <c r="AE1348">
        <v>70</v>
      </c>
      <c r="AF1348">
        <v>0</v>
      </c>
      <c r="AG1348">
        <v>50000</v>
      </c>
      <c r="AH1348">
        <v>0</v>
      </c>
      <c r="AI1348">
        <v>50000</v>
      </c>
      <c r="AJ1348">
        <v>0</v>
      </c>
      <c r="AK1348" t="s">
        <v>6</v>
      </c>
      <c r="AL1348">
        <v>0</v>
      </c>
      <c r="AM1348">
        <v>0</v>
      </c>
      <c r="AN1348">
        <v>0</v>
      </c>
      <c r="AO1348">
        <v>0</v>
      </c>
      <c r="AP1348">
        <v>0</v>
      </c>
      <c r="AQ1348">
        <v>0</v>
      </c>
      <c r="AR1348">
        <v>0</v>
      </c>
      <c r="AS1348">
        <v>0</v>
      </c>
      <c r="AT1348">
        <v>0</v>
      </c>
      <c r="AU1348">
        <v>0</v>
      </c>
      <c r="AV1348">
        <v>0</v>
      </c>
      <c r="AW1348">
        <v>0</v>
      </c>
      <c r="AX1348">
        <v>0</v>
      </c>
      <c r="AY1348">
        <v>0</v>
      </c>
      <c r="AZ1348">
        <v>0</v>
      </c>
      <c r="BA1348">
        <v>0</v>
      </c>
    </row>
    <row r="1349" spans="1:53" x14ac:dyDescent="0.4">
      <c r="A1349">
        <v>1393</v>
      </c>
      <c r="B1349" s="1">
        <v>43245</v>
      </c>
      <c r="C1349">
        <v>2</v>
      </c>
      <c r="D1349" s="1">
        <v>43245.449305555558</v>
      </c>
      <c r="E1349" s="1">
        <v>43245.76666666667</v>
      </c>
      <c r="F1349">
        <v>19500</v>
      </c>
      <c r="G1349">
        <v>2460</v>
      </c>
      <c r="H1349">
        <v>0</v>
      </c>
      <c r="I1349">
        <v>0</v>
      </c>
      <c r="J1349">
        <v>0</v>
      </c>
      <c r="K1349">
        <v>0</v>
      </c>
      <c r="L1349">
        <v>0</v>
      </c>
      <c r="M1349">
        <v>1756</v>
      </c>
      <c r="N1349">
        <v>0</v>
      </c>
      <c r="O1349">
        <v>0</v>
      </c>
      <c r="P1349">
        <v>10800</v>
      </c>
      <c r="Q1349">
        <v>0</v>
      </c>
      <c r="R1349">
        <v>34516</v>
      </c>
      <c r="S1349">
        <v>0</v>
      </c>
      <c r="T1349">
        <v>0</v>
      </c>
      <c r="U1349">
        <v>0</v>
      </c>
      <c r="V1349">
        <v>2</v>
      </c>
      <c r="W1349">
        <v>3</v>
      </c>
      <c r="X1349">
        <v>0</v>
      </c>
      <c r="Y1349">
        <v>24</v>
      </c>
      <c r="Z1349">
        <v>24</v>
      </c>
      <c r="AA1349">
        <v>90</v>
      </c>
      <c r="AB1349">
        <v>27</v>
      </c>
      <c r="AC1349">
        <v>188</v>
      </c>
      <c r="AD1349">
        <v>44</v>
      </c>
      <c r="AE1349">
        <v>69</v>
      </c>
      <c r="AF1349">
        <v>997</v>
      </c>
      <c r="AG1349">
        <v>84516</v>
      </c>
      <c r="AH1349">
        <v>50000</v>
      </c>
      <c r="AI1349">
        <v>0</v>
      </c>
      <c r="AJ1349">
        <v>100</v>
      </c>
      <c r="AK1349" t="s">
        <v>0</v>
      </c>
      <c r="AL1349">
        <v>0</v>
      </c>
      <c r="AM1349">
        <v>0</v>
      </c>
      <c r="AN1349">
        <v>0</v>
      </c>
      <c r="AO1349">
        <v>0</v>
      </c>
      <c r="AP1349">
        <v>0</v>
      </c>
      <c r="AQ1349">
        <v>0</v>
      </c>
      <c r="AR1349">
        <v>0</v>
      </c>
      <c r="AS1349">
        <v>0</v>
      </c>
      <c r="AT1349">
        <v>0</v>
      </c>
      <c r="AU1349">
        <v>0</v>
      </c>
      <c r="AV1349">
        <v>0</v>
      </c>
      <c r="AW1349">
        <v>0</v>
      </c>
      <c r="AX1349">
        <v>1274</v>
      </c>
      <c r="AY1349">
        <v>37</v>
      </c>
      <c r="AZ1349">
        <v>63</v>
      </c>
      <c r="BA1349">
        <v>5022</v>
      </c>
    </row>
    <row r="1350" spans="1:53" x14ac:dyDescent="0.4">
      <c r="A1350">
        <v>1394</v>
      </c>
      <c r="B1350" s="1">
        <v>43246</v>
      </c>
      <c r="C1350">
        <v>1</v>
      </c>
      <c r="D1350" s="1">
        <v>43246.291666666664</v>
      </c>
      <c r="E1350" s="1">
        <v>43246.402777777781</v>
      </c>
      <c r="F1350">
        <v>0</v>
      </c>
      <c r="G1350">
        <v>0</v>
      </c>
      <c r="H1350">
        <v>0</v>
      </c>
      <c r="I1350">
        <v>0</v>
      </c>
      <c r="J1350">
        <v>0</v>
      </c>
      <c r="K1350">
        <v>0</v>
      </c>
      <c r="L1350">
        <v>0</v>
      </c>
      <c r="M1350">
        <v>0</v>
      </c>
      <c r="N1350">
        <v>0</v>
      </c>
      <c r="O1350">
        <v>0</v>
      </c>
      <c r="P1350">
        <v>0</v>
      </c>
      <c r="Q1350">
        <v>0</v>
      </c>
      <c r="R1350">
        <v>0</v>
      </c>
      <c r="S1350">
        <v>0</v>
      </c>
      <c r="T1350">
        <v>0</v>
      </c>
      <c r="U1350">
        <v>0</v>
      </c>
      <c r="V1350">
        <v>0</v>
      </c>
      <c r="W1350">
        <v>0</v>
      </c>
      <c r="X1350">
        <v>0</v>
      </c>
      <c r="Y1350">
        <v>27</v>
      </c>
      <c r="Z1350">
        <v>11</v>
      </c>
      <c r="AA1350">
        <v>149</v>
      </c>
      <c r="AB1350">
        <v>18</v>
      </c>
      <c r="AC1350">
        <v>145</v>
      </c>
      <c r="AD1350">
        <v>37</v>
      </c>
      <c r="AE1350">
        <v>65</v>
      </c>
      <c r="AF1350">
        <v>0</v>
      </c>
      <c r="AG1350">
        <v>50000</v>
      </c>
      <c r="AH1350">
        <v>50000</v>
      </c>
      <c r="AI1350">
        <v>0</v>
      </c>
      <c r="AJ1350">
        <v>0</v>
      </c>
      <c r="AK1350" t="s">
        <v>6</v>
      </c>
      <c r="AL1350">
        <v>0</v>
      </c>
      <c r="AM1350">
        <v>0</v>
      </c>
      <c r="AN1350">
        <v>0</v>
      </c>
      <c r="AO1350">
        <v>0</v>
      </c>
      <c r="AP1350">
        <v>0</v>
      </c>
      <c r="AQ1350">
        <v>0</v>
      </c>
      <c r="AR1350">
        <v>0</v>
      </c>
      <c r="AS1350">
        <v>0</v>
      </c>
      <c r="AT1350">
        <v>0</v>
      </c>
      <c r="AU1350">
        <v>0</v>
      </c>
      <c r="AV1350">
        <v>0</v>
      </c>
      <c r="AW1350">
        <v>0</v>
      </c>
      <c r="AX1350">
        <v>0</v>
      </c>
      <c r="AY1350">
        <v>0</v>
      </c>
      <c r="AZ1350">
        <v>0</v>
      </c>
      <c r="BA1350">
        <v>0</v>
      </c>
    </row>
    <row r="1351" spans="1:53" x14ac:dyDescent="0.4">
      <c r="A1351">
        <v>1395</v>
      </c>
      <c r="B1351" s="1">
        <v>43246</v>
      </c>
      <c r="C1351">
        <v>2</v>
      </c>
      <c r="D1351" s="1">
        <v>43246.402777777781</v>
      </c>
      <c r="E1351" s="1">
        <v>43246.73541666667</v>
      </c>
      <c r="F1351">
        <v>40000</v>
      </c>
      <c r="G1351">
        <v>1260</v>
      </c>
      <c r="H1351">
        <v>0</v>
      </c>
      <c r="I1351">
        <v>0</v>
      </c>
      <c r="J1351">
        <v>0</v>
      </c>
      <c r="K1351">
        <v>0</v>
      </c>
      <c r="L1351">
        <v>0</v>
      </c>
      <c r="M1351">
        <v>3300</v>
      </c>
      <c r="N1351">
        <v>0</v>
      </c>
      <c r="O1351">
        <v>0</v>
      </c>
      <c r="P1351">
        <v>16740</v>
      </c>
      <c r="Q1351">
        <v>0</v>
      </c>
      <c r="R1351">
        <v>61300</v>
      </c>
      <c r="S1351">
        <v>0</v>
      </c>
      <c r="T1351">
        <v>0</v>
      </c>
      <c r="U1351">
        <v>0</v>
      </c>
      <c r="V1351">
        <v>2</v>
      </c>
      <c r="W1351">
        <v>1</v>
      </c>
      <c r="X1351">
        <v>0</v>
      </c>
      <c r="Y1351">
        <v>49</v>
      </c>
      <c r="Z1351">
        <v>31</v>
      </c>
      <c r="AA1351">
        <v>178</v>
      </c>
      <c r="AB1351">
        <v>35</v>
      </c>
      <c r="AC1351">
        <v>200</v>
      </c>
      <c r="AD1351">
        <v>37</v>
      </c>
      <c r="AE1351">
        <v>65</v>
      </c>
      <c r="AF1351">
        <v>0</v>
      </c>
      <c r="AG1351">
        <v>111300</v>
      </c>
      <c r="AH1351">
        <v>50000</v>
      </c>
      <c r="AI1351">
        <v>0</v>
      </c>
      <c r="AJ1351">
        <v>93</v>
      </c>
      <c r="AK1351" t="s">
        <v>20</v>
      </c>
      <c r="AL1351">
        <v>0</v>
      </c>
      <c r="AM1351">
        <v>0</v>
      </c>
      <c r="AN1351">
        <v>0</v>
      </c>
      <c r="AO1351">
        <v>0</v>
      </c>
      <c r="AP1351">
        <v>0</v>
      </c>
      <c r="AQ1351">
        <v>0</v>
      </c>
      <c r="AR1351">
        <v>0</v>
      </c>
      <c r="AS1351">
        <v>0</v>
      </c>
      <c r="AT1351">
        <v>0</v>
      </c>
      <c r="AU1351">
        <v>0</v>
      </c>
      <c r="AV1351">
        <v>0</v>
      </c>
      <c r="AW1351">
        <v>0</v>
      </c>
      <c r="AX1351">
        <v>734</v>
      </c>
      <c r="AY1351">
        <v>50</v>
      </c>
      <c r="AZ1351">
        <v>109</v>
      </c>
      <c r="BA1351">
        <v>6886</v>
      </c>
    </row>
    <row r="1352" spans="1:53" x14ac:dyDescent="0.4">
      <c r="A1352">
        <v>1396</v>
      </c>
      <c r="B1352" s="1">
        <v>43247</v>
      </c>
      <c r="C1352">
        <v>1</v>
      </c>
      <c r="D1352" s="1">
        <v>43247.291666666664</v>
      </c>
      <c r="E1352" s="1">
        <v>43247.411805555559</v>
      </c>
      <c r="F1352">
        <v>0</v>
      </c>
      <c r="G1352">
        <v>0</v>
      </c>
      <c r="H1352">
        <v>0</v>
      </c>
      <c r="I1352">
        <v>0</v>
      </c>
      <c r="J1352">
        <v>0</v>
      </c>
      <c r="K1352">
        <v>0</v>
      </c>
      <c r="L1352">
        <v>0</v>
      </c>
      <c r="M1352">
        <v>0</v>
      </c>
      <c r="N1352">
        <v>0</v>
      </c>
      <c r="O1352">
        <v>0</v>
      </c>
      <c r="P1352">
        <v>0</v>
      </c>
      <c r="Q1352">
        <v>0</v>
      </c>
      <c r="R1352">
        <v>0</v>
      </c>
      <c r="S1352">
        <v>0</v>
      </c>
      <c r="T1352">
        <v>0</v>
      </c>
      <c r="U1352">
        <v>0</v>
      </c>
      <c r="V1352">
        <v>0</v>
      </c>
      <c r="W1352">
        <v>0</v>
      </c>
      <c r="X1352">
        <v>0</v>
      </c>
      <c r="Y1352">
        <v>25</v>
      </c>
      <c r="Z1352">
        <v>21</v>
      </c>
      <c r="AA1352">
        <v>113</v>
      </c>
      <c r="AB1352">
        <v>34</v>
      </c>
      <c r="AC1352">
        <v>134</v>
      </c>
      <c r="AD1352">
        <v>30</v>
      </c>
      <c r="AE1352">
        <v>10</v>
      </c>
      <c r="AF1352">
        <v>0</v>
      </c>
      <c r="AG1352">
        <v>50000</v>
      </c>
      <c r="AH1352">
        <v>0</v>
      </c>
      <c r="AI1352">
        <v>50000</v>
      </c>
      <c r="AJ1352">
        <v>0</v>
      </c>
      <c r="AK1352" t="s">
        <v>6</v>
      </c>
      <c r="AL1352">
        <v>0</v>
      </c>
      <c r="AM1352">
        <v>0</v>
      </c>
      <c r="AN1352">
        <v>0</v>
      </c>
      <c r="AO1352">
        <v>0</v>
      </c>
      <c r="AP1352">
        <v>0</v>
      </c>
      <c r="AQ1352">
        <v>0</v>
      </c>
      <c r="AR1352">
        <v>0</v>
      </c>
      <c r="AS1352">
        <v>0</v>
      </c>
      <c r="AT1352">
        <v>0</v>
      </c>
      <c r="AU1352">
        <v>0</v>
      </c>
      <c r="AV1352">
        <v>0</v>
      </c>
      <c r="AW1352">
        <v>0</v>
      </c>
      <c r="AX1352">
        <v>0</v>
      </c>
      <c r="AY1352">
        <v>0</v>
      </c>
      <c r="AZ1352">
        <v>0</v>
      </c>
      <c r="BA1352">
        <v>0</v>
      </c>
    </row>
    <row r="1353" spans="1:53" x14ac:dyDescent="0.4">
      <c r="A1353">
        <v>1397</v>
      </c>
      <c r="B1353" s="1">
        <v>43247</v>
      </c>
      <c r="C1353">
        <v>2</v>
      </c>
      <c r="D1353" s="1">
        <v>43247.411805555559</v>
      </c>
      <c r="E1353" s="1">
        <v>43247.734722222223</v>
      </c>
      <c r="F1353">
        <v>41500</v>
      </c>
      <c r="G1353">
        <v>2480</v>
      </c>
      <c r="H1353">
        <v>0</v>
      </c>
      <c r="I1353">
        <v>0</v>
      </c>
      <c r="J1353">
        <v>0</v>
      </c>
      <c r="K1353">
        <v>0</v>
      </c>
      <c r="L1353">
        <v>0</v>
      </c>
      <c r="M1353">
        <v>3517</v>
      </c>
      <c r="N1353">
        <v>0</v>
      </c>
      <c r="O1353">
        <v>0</v>
      </c>
      <c r="P1353">
        <v>30586</v>
      </c>
      <c r="Q1353">
        <v>0</v>
      </c>
      <c r="R1353">
        <v>78083</v>
      </c>
      <c r="S1353">
        <v>0</v>
      </c>
      <c r="T1353">
        <v>0</v>
      </c>
      <c r="U1353">
        <v>0</v>
      </c>
      <c r="V1353">
        <v>4</v>
      </c>
      <c r="W1353">
        <v>0</v>
      </c>
      <c r="X1353">
        <v>0</v>
      </c>
      <c r="Y1353">
        <v>46</v>
      </c>
      <c r="Z1353">
        <v>39</v>
      </c>
      <c r="AA1353">
        <v>176</v>
      </c>
      <c r="AB1353">
        <v>53</v>
      </c>
      <c r="AC1353">
        <v>216</v>
      </c>
      <c r="AD1353">
        <v>32</v>
      </c>
      <c r="AE1353">
        <v>13</v>
      </c>
      <c r="AF1353">
        <v>0</v>
      </c>
      <c r="AG1353">
        <v>128083</v>
      </c>
      <c r="AH1353">
        <v>50000</v>
      </c>
      <c r="AI1353">
        <v>0</v>
      </c>
      <c r="AJ1353">
        <v>90</v>
      </c>
      <c r="AK1353" t="s">
        <v>24</v>
      </c>
      <c r="AL1353">
        <v>0</v>
      </c>
      <c r="AM1353">
        <v>0</v>
      </c>
      <c r="AN1353">
        <v>0</v>
      </c>
      <c r="AO1353">
        <v>0</v>
      </c>
      <c r="AP1353">
        <v>0</v>
      </c>
      <c r="AQ1353">
        <v>0</v>
      </c>
      <c r="AR1353">
        <v>0</v>
      </c>
      <c r="AS1353">
        <v>0</v>
      </c>
      <c r="AT1353">
        <v>0</v>
      </c>
      <c r="AU1353">
        <v>0</v>
      </c>
      <c r="AV1353">
        <v>0</v>
      </c>
      <c r="AW1353">
        <v>0</v>
      </c>
      <c r="AX1353">
        <v>561</v>
      </c>
      <c r="AY1353">
        <v>52</v>
      </c>
      <c r="AZ1353">
        <v>131</v>
      </c>
      <c r="BA1353">
        <v>7279</v>
      </c>
    </row>
    <row r="1354" spans="1:53" x14ac:dyDescent="0.4">
      <c r="A1354">
        <v>1398</v>
      </c>
      <c r="B1354" s="1">
        <v>43247</v>
      </c>
      <c r="C1354">
        <v>3</v>
      </c>
      <c r="D1354" s="1">
        <v>43247.734722222223</v>
      </c>
      <c r="E1354" s="1">
        <v>43247.947222222225</v>
      </c>
      <c r="F1354">
        <v>50040</v>
      </c>
      <c r="G1354">
        <v>4400</v>
      </c>
      <c r="H1354">
        <v>0</v>
      </c>
      <c r="I1354">
        <v>0</v>
      </c>
      <c r="J1354">
        <v>0</v>
      </c>
      <c r="K1354">
        <v>0</v>
      </c>
      <c r="L1354">
        <v>0</v>
      </c>
      <c r="M1354">
        <v>4354</v>
      </c>
      <c r="N1354">
        <v>0</v>
      </c>
      <c r="O1354">
        <v>0</v>
      </c>
      <c r="P1354">
        <v>-22810</v>
      </c>
      <c r="Q1354">
        <v>0</v>
      </c>
      <c r="R1354">
        <v>35984</v>
      </c>
      <c r="S1354">
        <v>0</v>
      </c>
      <c r="T1354">
        <v>0</v>
      </c>
      <c r="U1354">
        <v>0</v>
      </c>
      <c r="V1354">
        <v>5</v>
      </c>
      <c r="W1354">
        <v>2</v>
      </c>
      <c r="X1354">
        <v>0</v>
      </c>
      <c r="Y1354">
        <v>59</v>
      </c>
      <c r="Z1354">
        <v>40</v>
      </c>
      <c r="AA1354">
        <v>197</v>
      </c>
      <c r="AB1354">
        <v>60</v>
      </c>
      <c r="AC1354">
        <v>218</v>
      </c>
      <c r="AD1354">
        <v>33</v>
      </c>
      <c r="AE1354">
        <v>22</v>
      </c>
      <c r="AF1354">
        <v>0</v>
      </c>
      <c r="AG1354">
        <v>164067</v>
      </c>
      <c r="AH1354">
        <v>50000</v>
      </c>
      <c r="AI1354">
        <v>0</v>
      </c>
      <c r="AJ1354">
        <v>99</v>
      </c>
      <c r="AK1354" t="s">
        <v>9</v>
      </c>
      <c r="AL1354">
        <v>0</v>
      </c>
      <c r="AM1354">
        <v>0</v>
      </c>
      <c r="AN1354">
        <v>0</v>
      </c>
      <c r="AO1354">
        <v>0</v>
      </c>
      <c r="AP1354">
        <v>0</v>
      </c>
      <c r="AQ1354">
        <v>0</v>
      </c>
      <c r="AR1354">
        <v>0</v>
      </c>
      <c r="AS1354">
        <v>0</v>
      </c>
      <c r="AT1354">
        <v>0</v>
      </c>
      <c r="AU1354">
        <v>0</v>
      </c>
      <c r="AV1354">
        <v>0</v>
      </c>
      <c r="AW1354">
        <v>0</v>
      </c>
      <c r="AX1354">
        <v>8381</v>
      </c>
      <c r="AY1354">
        <v>19</v>
      </c>
      <c r="AZ1354">
        <v>47</v>
      </c>
      <c r="BA1354">
        <v>3575</v>
      </c>
    </row>
    <row r="1355" spans="1:53" x14ac:dyDescent="0.4">
      <c r="A1355">
        <v>1399</v>
      </c>
      <c r="B1355" s="1">
        <v>43247</v>
      </c>
      <c r="C1355">
        <v>4</v>
      </c>
      <c r="D1355" s="1">
        <v>43247.947222222225</v>
      </c>
      <c r="E1355" s="1">
        <v>43248.09652777778</v>
      </c>
      <c r="F1355">
        <v>28340</v>
      </c>
      <c r="G1355">
        <v>930</v>
      </c>
      <c r="H1355">
        <v>0</v>
      </c>
      <c r="I1355">
        <v>0</v>
      </c>
      <c r="J1355">
        <v>0</v>
      </c>
      <c r="K1355">
        <v>2010</v>
      </c>
      <c r="L1355">
        <v>0</v>
      </c>
      <c r="M1355">
        <v>2503</v>
      </c>
      <c r="N1355">
        <v>0</v>
      </c>
      <c r="O1355">
        <v>0</v>
      </c>
      <c r="P1355">
        <v>-1404</v>
      </c>
      <c r="Q1355">
        <v>0</v>
      </c>
      <c r="R1355">
        <v>32379</v>
      </c>
      <c r="S1355">
        <v>0</v>
      </c>
      <c r="T1355">
        <v>0</v>
      </c>
      <c r="U1355">
        <v>0</v>
      </c>
      <c r="V1355">
        <v>7</v>
      </c>
      <c r="W1355">
        <v>2</v>
      </c>
      <c r="X1355">
        <v>0</v>
      </c>
      <c r="Y1355">
        <v>68</v>
      </c>
      <c r="Z1355">
        <v>38</v>
      </c>
      <c r="AA1355">
        <v>201</v>
      </c>
      <c r="AB1355">
        <v>60</v>
      </c>
      <c r="AC1355">
        <v>218</v>
      </c>
      <c r="AD1355">
        <v>31</v>
      </c>
      <c r="AE1355">
        <v>15</v>
      </c>
      <c r="AF1355">
        <v>3996</v>
      </c>
      <c r="AG1355">
        <v>196446</v>
      </c>
      <c r="AH1355">
        <v>50000</v>
      </c>
      <c r="AI1355">
        <v>0</v>
      </c>
      <c r="AJ1355">
        <v>29</v>
      </c>
      <c r="AK1355" t="s">
        <v>28</v>
      </c>
      <c r="AL1355">
        <v>0</v>
      </c>
      <c r="AM1355">
        <v>0</v>
      </c>
      <c r="AN1355">
        <v>0</v>
      </c>
      <c r="AO1355">
        <v>0</v>
      </c>
      <c r="AP1355">
        <v>0</v>
      </c>
      <c r="AQ1355">
        <v>0</v>
      </c>
      <c r="AR1355">
        <v>0</v>
      </c>
      <c r="AS1355">
        <v>0</v>
      </c>
      <c r="AT1355">
        <v>0</v>
      </c>
      <c r="AU1355">
        <v>0</v>
      </c>
      <c r="AV1355">
        <v>0</v>
      </c>
      <c r="AW1355">
        <v>0</v>
      </c>
      <c r="AX1355">
        <v>0</v>
      </c>
      <c r="AY1355">
        <v>6</v>
      </c>
      <c r="AZ1355">
        <v>12</v>
      </c>
      <c r="BA1355">
        <v>1217</v>
      </c>
    </row>
    <row r="1356" spans="1:53" x14ac:dyDescent="0.4">
      <c r="A1356">
        <v>1400</v>
      </c>
      <c r="B1356" s="1">
        <v>43248</v>
      </c>
      <c r="C1356">
        <v>1</v>
      </c>
      <c r="D1356" s="1">
        <v>43248.291666666664</v>
      </c>
      <c r="E1356" s="1">
        <v>43248.419444444444</v>
      </c>
      <c r="F1356">
        <v>0</v>
      </c>
      <c r="G1356">
        <v>0</v>
      </c>
      <c r="H1356">
        <v>0</v>
      </c>
      <c r="I1356">
        <v>0</v>
      </c>
      <c r="J1356">
        <v>0</v>
      </c>
      <c r="K1356">
        <v>0</v>
      </c>
      <c r="L1356">
        <v>0</v>
      </c>
      <c r="M1356">
        <v>0</v>
      </c>
      <c r="N1356">
        <v>0</v>
      </c>
      <c r="O1356">
        <v>0</v>
      </c>
      <c r="P1356">
        <v>0</v>
      </c>
      <c r="Q1356">
        <v>0</v>
      </c>
      <c r="R1356">
        <v>0</v>
      </c>
      <c r="S1356">
        <v>0</v>
      </c>
      <c r="T1356">
        <v>0</v>
      </c>
      <c r="U1356">
        <v>0</v>
      </c>
      <c r="V1356">
        <v>0</v>
      </c>
      <c r="W1356">
        <v>0</v>
      </c>
      <c r="X1356">
        <v>0</v>
      </c>
      <c r="Y1356">
        <v>31</v>
      </c>
      <c r="Z1356">
        <v>9</v>
      </c>
      <c r="AA1356">
        <v>104</v>
      </c>
      <c r="AB1356">
        <v>56</v>
      </c>
      <c r="AC1356">
        <v>113</v>
      </c>
      <c r="AD1356">
        <v>33</v>
      </c>
      <c r="AE1356">
        <v>5</v>
      </c>
      <c r="AF1356">
        <v>0</v>
      </c>
      <c r="AG1356">
        <v>50000</v>
      </c>
      <c r="AH1356">
        <v>0</v>
      </c>
      <c r="AI1356">
        <v>50000</v>
      </c>
      <c r="AJ1356">
        <v>0</v>
      </c>
      <c r="AK1356" t="s">
        <v>6</v>
      </c>
      <c r="AL1356">
        <v>0</v>
      </c>
      <c r="AM1356">
        <v>0</v>
      </c>
      <c r="AN1356">
        <v>0</v>
      </c>
      <c r="AO1356">
        <v>0</v>
      </c>
      <c r="AP1356">
        <v>0</v>
      </c>
      <c r="AQ1356">
        <v>0</v>
      </c>
      <c r="AR1356">
        <v>0</v>
      </c>
      <c r="AS1356">
        <v>0</v>
      </c>
      <c r="AT1356">
        <v>0</v>
      </c>
      <c r="AU1356">
        <v>0</v>
      </c>
      <c r="AV1356">
        <v>0</v>
      </c>
      <c r="AW1356">
        <v>0</v>
      </c>
      <c r="AX1356">
        <v>0</v>
      </c>
      <c r="AY1356">
        <v>0</v>
      </c>
      <c r="AZ1356">
        <v>0</v>
      </c>
      <c r="BA1356">
        <v>0</v>
      </c>
    </row>
    <row r="1357" spans="1:53" x14ac:dyDescent="0.4">
      <c r="A1357">
        <v>1401</v>
      </c>
      <c r="B1357" s="1">
        <v>43248</v>
      </c>
      <c r="C1357">
        <v>2</v>
      </c>
      <c r="D1357" s="1">
        <v>43248.419444444444</v>
      </c>
      <c r="E1357" s="1">
        <v>43248.729861111111</v>
      </c>
      <c r="F1357">
        <v>21250</v>
      </c>
      <c r="G1357">
        <v>3960</v>
      </c>
      <c r="H1357">
        <v>0</v>
      </c>
      <c r="I1357">
        <v>0</v>
      </c>
      <c r="J1357">
        <v>0</v>
      </c>
      <c r="K1357">
        <v>0</v>
      </c>
      <c r="L1357">
        <v>0</v>
      </c>
      <c r="M1357">
        <v>2015</v>
      </c>
      <c r="N1357">
        <v>0</v>
      </c>
      <c r="O1357">
        <v>0</v>
      </c>
      <c r="P1357">
        <v>19440</v>
      </c>
      <c r="Q1357">
        <v>0</v>
      </c>
      <c r="R1357">
        <v>46665</v>
      </c>
      <c r="S1357">
        <v>0</v>
      </c>
      <c r="T1357">
        <v>0</v>
      </c>
      <c r="U1357">
        <v>0</v>
      </c>
      <c r="V1357">
        <v>1</v>
      </c>
      <c r="W1357">
        <v>0</v>
      </c>
      <c r="X1357">
        <v>0</v>
      </c>
      <c r="Y1357">
        <v>50</v>
      </c>
      <c r="Z1357">
        <v>40</v>
      </c>
      <c r="AA1357">
        <v>111</v>
      </c>
      <c r="AB1357">
        <v>62</v>
      </c>
      <c r="AC1357">
        <v>219</v>
      </c>
      <c r="AD1357">
        <v>49</v>
      </c>
      <c r="AE1357">
        <v>30</v>
      </c>
      <c r="AF1357">
        <v>0</v>
      </c>
      <c r="AG1357">
        <v>96665</v>
      </c>
      <c r="AH1357">
        <v>50000</v>
      </c>
      <c r="AI1357">
        <v>0</v>
      </c>
      <c r="AJ1357">
        <v>96</v>
      </c>
      <c r="AK1357" t="s">
        <v>4</v>
      </c>
      <c r="AL1357">
        <v>0</v>
      </c>
      <c r="AM1357">
        <v>0</v>
      </c>
      <c r="AN1357">
        <v>0</v>
      </c>
      <c r="AO1357">
        <v>0</v>
      </c>
      <c r="AP1357">
        <v>0</v>
      </c>
      <c r="AQ1357">
        <v>0</v>
      </c>
      <c r="AR1357">
        <v>0</v>
      </c>
      <c r="AS1357">
        <v>0</v>
      </c>
      <c r="AT1357">
        <v>0</v>
      </c>
      <c r="AU1357">
        <v>0</v>
      </c>
      <c r="AV1357">
        <v>0</v>
      </c>
      <c r="AW1357">
        <v>0</v>
      </c>
      <c r="AX1357">
        <v>1144</v>
      </c>
      <c r="AY1357">
        <v>37</v>
      </c>
      <c r="AZ1357">
        <v>78</v>
      </c>
      <c r="BA1357">
        <v>4773</v>
      </c>
    </row>
    <row r="1358" spans="1:53" x14ac:dyDescent="0.4">
      <c r="A1358">
        <v>1402</v>
      </c>
      <c r="B1358" s="1">
        <v>43249</v>
      </c>
      <c r="C1358">
        <v>1</v>
      </c>
      <c r="D1358" s="1">
        <v>43249.291666666664</v>
      </c>
      <c r="E1358" s="1">
        <v>43249.451388888891</v>
      </c>
      <c r="F1358">
        <v>0</v>
      </c>
      <c r="G1358">
        <v>0</v>
      </c>
      <c r="H1358">
        <v>0</v>
      </c>
      <c r="I1358">
        <v>0</v>
      </c>
      <c r="J1358">
        <v>0</v>
      </c>
      <c r="K1358">
        <v>0</v>
      </c>
      <c r="L1358">
        <v>0</v>
      </c>
      <c r="M1358">
        <v>0</v>
      </c>
      <c r="N1358">
        <v>0</v>
      </c>
      <c r="O1358">
        <v>0</v>
      </c>
      <c r="P1358">
        <v>0</v>
      </c>
      <c r="Q1358">
        <v>0</v>
      </c>
      <c r="R1358">
        <v>0</v>
      </c>
      <c r="S1358">
        <v>0</v>
      </c>
      <c r="T1358">
        <v>0</v>
      </c>
      <c r="U1358">
        <v>0</v>
      </c>
      <c r="V1358">
        <v>0</v>
      </c>
      <c r="W1358">
        <v>0</v>
      </c>
      <c r="X1358">
        <v>0</v>
      </c>
      <c r="Y1358">
        <v>32</v>
      </c>
      <c r="Z1358">
        <v>9</v>
      </c>
      <c r="AA1358">
        <v>85</v>
      </c>
      <c r="AB1358">
        <v>58</v>
      </c>
      <c r="AC1358">
        <v>182</v>
      </c>
      <c r="AD1358">
        <v>46</v>
      </c>
      <c r="AE1358">
        <v>50</v>
      </c>
      <c r="AF1358">
        <v>0</v>
      </c>
      <c r="AG1358">
        <v>50000</v>
      </c>
      <c r="AH1358">
        <v>0</v>
      </c>
      <c r="AI1358">
        <v>50000</v>
      </c>
      <c r="AJ1358">
        <v>0</v>
      </c>
      <c r="AK1358" t="s">
        <v>6</v>
      </c>
      <c r="AL1358">
        <v>0</v>
      </c>
      <c r="AM1358">
        <v>0</v>
      </c>
      <c r="AN1358">
        <v>0</v>
      </c>
      <c r="AO1358">
        <v>0</v>
      </c>
      <c r="AP1358">
        <v>0</v>
      </c>
      <c r="AQ1358">
        <v>0</v>
      </c>
      <c r="AR1358">
        <v>0</v>
      </c>
      <c r="AS1358">
        <v>0</v>
      </c>
      <c r="AT1358">
        <v>0</v>
      </c>
      <c r="AU1358">
        <v>0</v>
      </c>
      <c r="AV1358">
        <v>0</v>
      </c>
      <c r="AW1358">
        <v>0</v>
      </c>
      <c r="AX1358">
        <v>0</v>
      </c>
      <c r="AY1358">
        <v>0</v>
      </c>
      <c r="AZ1358">
        <v>0</v>
      </c>
      <c r="BA1358">
        <v>0</v>
      </c>
    </row>
    <row r="1359" spans="1:53" x14ac:dyDescent="0.4">
      <c r="A1359">
        <v>1403</v>
      </c>
      <c r="B1359" s="1">
        <v>43249</v>
      </c>
      <c r="C1359">
        <v>2</v>
      </c>
      <c r="D1359" s="1">
        <v>43249.451388888891</v>
      </c>
      <c r="E1359" s="1">
        <v>43249.736111111109</v>
      </c>
      <c r="F1359">
        <v>12500</v>
      </c>
      <c r="G1359">
        <v>380</v>
      </c>
      <c r="H1359">
        <v>0</v>
      </c>
      <c r="I1359">
        <v>0</v>
      </c>
      <c r="J1359">
        <v>0</v>
      </c>
      <c r="K1359">
        <v>0</v>
      </c>
      <c r="L1359">
        <v>0</v>
      </c>
      <c r="M1359">
        <v>1030</v>
      </c>
      <c r="N1359">
        <v>0</v>
      </c>
      <c r="O1359">
        <v>0</v>
      </c>
      <c r="P1359">
        <v>5940</v>
      </c>
      <c r="Q1359">
        <v>0</v>
      </c>
      <c r="R1359">
        <v>19850</v>
      </c>
      <c r="S1359">
        <v>0</v>
      </c>
      <c r="T1359">
        <v>0</v>
      </c>
      <c r="U1359">
        <v>0</v>
      </c>
      <c r="V1359">
        <v>0</v>
      </c>
      <c r="W1359">
        <v>1</v>
      </c>
      <c r="X1359">
        <v>0</v>
      </c>
      <c r="Y1359">
        <v>45</v>
      </c>
      <c r="Z1359">
        <v>12</v>
      </c>
      <c r="AA1359">
        <v>88</v>
      </c>
      <c r="AB1359">
        <v>53</v>
      </c>
      <c r="AC1359">
        <v>209</v>
      </c>
      <c r="AD1359">
        <v>51</v>
      </c>
      <c r="AE1359">
        <v>55</v>
      </c>
      <c r="AF1359">
        <v>0</v>
      </c>
      <c r="AG1359">
        <v>69850</v>
      </c>
      <c r="AH1359">
        <v>50000</v>
      </c>
      <c r="AI1359">
        <v>0</v>
      </c>
      <c r="AJ1359">
        <v>96</v>
      </c>
      <c r="AK1359" t="s">
        <v>4</v>
      </c>
      <c r="AL1359">
        <v>0</v>
      </c>
      <c r="AM1359">
        <v>0</v>
      </c>
      <c r="AN1359">
        <v>0</v>
      </c>
      <c r="AO1359">
        <v>0</v>
      </c>
      <c r="AP1359">
        <v>0</v>
      </c>
      <c r="AQ1359">
        <v>0</v>
      </c>
      <c r="AR1359">
        <v>0</v>
      </c>
      <c r="AS1359">
        <v>0</v>
      </c>
      <c r="AT1359">
        <v>0</v>
      </c>
      <c r="AU1359">
        <v>0</v>
      </c>
      <c r="AV1359">
        <v>0</v>
      </c>
      <c r="AW1359">
        <v>0</v>
      </c>
      <c r="AX1359">
        <v>1555</v>
      </c>
      <c r="AY1359">
        <v>22</v>
      </c>
      <c r="AZ1359">
        <v>36</v>
      </c>
      <c r="BA1359">
        <v>3330</v>
      </c>
    </row>
    <row r="1360" spans="1:53" x14ac:dyDescent="0.4">
      <c r="A1360">
        <v>1404</v>
      </c>
      <c r="B1360" s="1">
        <v>43249</v>
      </c>
      <c r="C1360">
        <v>3</v>
      </c>
      <c r="D1360" s="1">
        <v>43249.736111111109</v>
      </c>
      <c r="E1360" s="1">
        <v>43250.013888888891</v>
      </c>
      <c r="F1360">
        <v>50900</v>
      </c>
      <c r="G1360">
        <v>2120</v>
      </c>
      <c r="H1360">
        <v>0</v>
      </c>
      <c r="I1360">
        <v>0</v>
      </c>
      <c r="J1360">
        <v>0</v>
      </c>
      <c r="K1360">
        <v>0</v>
      </c>
      <c r="L1360">
        <v>0</v>
      </c>
      <c r="M1360">
        <v>4241</v>
      </c>
      <c r="N1360">
        <v>0</v>
      </c>
      <c r="O1360">
        <v>0</v>
      </c>
      <c r="P1360">
        <v>-5940</v>
      </c>
      <c r="Q1360">
        <v>0</v>
      </c>
      <c r="R1360">
        <v>51321</v>
      </c>
      <c r="S1360">
        <v>0</v>
      </c>
      <c r="T1360">
        <v>0</v>
      </c>
      <c r="U1360">
        <v>0</v>
      </c>
      <c r="V1360">
        <v>1</v>
      </c>
      <c r="W1360">
        <v>3</v>
      </c>
      <c r="X1360">
        <v>0</v>
      </c>
      <c r="Y1360">
        <v>69</v>
      </c>
      <c r="Z1360">
        <v>12</v>
      </c>
      <c r="AA1360">
        <v>66</v>
      </c>
      <c r="AB1360">
        <v>49</v>
      </c>
      <c r="AC1360">
        <v>208</v>
      </c>
      <c r="AD1360">
        <v>50</v>
      </c>
      <c r="AE1360">
        <v>71</v>
      </c>
      <c r="AF1360">
        <v>9720</v>
      </c>
      <c r="AG1360">
        <v>121171</v>
      </c>
      <c r="AH1360">
        <v>50000</v>
      </c>
      <c r="AI1360">
        <v>0</v>
      </c>
      <c r="AJ1360">
        <v>84</v>
      </c>
      <c r="AK1360" t="s">
        <v>16</v>
      </c>
      <c r="AL1360">
        <v>0</v>
      </c>
      <c r="AM1360">
        <v>0</v>
      </c>
      <c r="AN1360">
        <v>0</v>
      </c>
      <c r="AO1360">
        <v>0</v>
      </c>
      <c r="AP1360">
        <v>0</v>
      </c>
      <c r="AQ1360">
        <v>0</v>
      </c>
      <c r="AR1360">
        <v>0</v>
      </c>
      <c r="AS1360">
        <v>0</v>
      </c>
      <c r="AT1360">
        <v>0</v>
      </c>
      <c r="AU1360">
        <v>0</v>
      </c>
      <c r="AV1360">
        <v>0</v>
      </c>
      <c r="AW1360">
        <v>0</v>
      </c>
      <c r="AX1360">
        <v>3186</v>
      </c>
      <c r="AY1360">
        <v>15</v>
      </c>
      <c r="AZ1360">
        <v>44</v>
      </c>
      <c r="BA1360">
        <v>1869</v>
      </c>
    </row>
    <row r="1361" spans="1:53" x14ac:dyDescent="0.4">
      <c r="A1361">
        <v>1405</v>
      </c>
      <c r="B1361" s="1">
        <v>43250</v>
      </c>
      <c r="C1361">
        <v>1</v>
      </c>
      <c r="D1361" s="1">
        <v>43250.291666666664</v>
      </c>
      <c r="E1361" s="1">
        <v>43250.45</v>
      </c>
      <c r="F1361">
        <v>0</v>
      </c>
      <c r="G1361">
        <v>0</v>
      </c>
      <c r="H1361">
        <v>0</v>
      </c>
      <c r="I1361">
        <v>0</v>
      </c>
      <c r="J1361">
        <v>0</v>
      </c>
      <c r="K1361">
        <v>0</v>
      </c>
      <c r="L1361">
        <v>0</v>
      </c>
      <c r="M1361">
        <v>0</v>
      </c>
      <c r="N1361">
        <v>0</v>
      </c>
      <c r="O1361">
        <v>0</v>
      </c>
      <c r="P1361">
        <v>0</v>
      </c>
      <c r="Q1361">
        <v>0</v>
      </c>
      <c r="R1361">
        <v>0</v>
      </c>
      <c r="S1361">
        <v>0</v>
      </c>
      <c r="T1361">
        <v>0</v>
      </c>
      <c r="U1361">
        <v>0</v>
      </c>
      <c r="V1361">
        <v>0</v>
      </c>
      <c r="W1361">
        <v>0</v>
      </c>
      <c r="X1361">
        <v>0</v>
      </c>
      <c r="Y1361">
        <v>34</v>
      </c>
      <c r="Z1361">
        <v>12</v>
      </c>
      <c r="AA1361">
        <v>63</v>
      </c>
      <c r="AB1361">
        <v>47</v>
      </c>
      <c r="AC1361">
        <v>105</v>
      </c>
      <c r="AD1361">
        <v>49</v>
      </c>
      <c r="AE1361">
        <v>55</v>
      </c>
      <c r="AF1361">
        <v>0</v>
      </c>
      <c r="AG1361">
        <v>50000</v>
      </c>
      <c r="AH1361">
        <v>0</v>
      </c>
      <c r="AI1361">
        <v>50000</v>
      </c>
      <c r="AJ1361">
        <v>0</v>
      </c>
      <c r="AK1361" t="s">
        <v>6</v>
      </c>
      <c r="AL1361">
        <v>0</v>
      </c>
      <c r="AM1361">
        <v>0</v>
      </c>
      <c r="AN1361">
        <v>0</v>
      </c>
      <c r="AO1361">
        <v>0</v>
      </c>
      <c r="AP1361">
        <v>0</v>
      </c>
      <c r="AQ1361">
        <v>0</v>
      </c>
      <c r="AR1361">
        <v>0</v>
      </c>
      <c r="AS1361">
        <v>0</v>
      </c>
      <c r="AT1361">
        <v>0</v>
      </c>
      <c r="AU1361">
        <v>0</v>
      </c>
      <c r="AV1361">
        <v>0</v>
      </c>
      <c r="AW1361">
        <v>0</v>
      </c>
      <c r="AX1361">
        <v>0</v>
      </c>
      <c r="AY1361">
        <v>0</v>
      </c>
      <c r="AZ1361">
        <v>0</v>
      </c>
      <c r="BA1361">
        <v>0</v>
      </c>
    </row>
    <row r="1362" spans="1:53" x14ac:dyDescent="0.4">
      <c r="A1362">
        <v>1406</v>
      </c>
      <c r="B1362" s="1">
        <v>43250</v>
      </c>
      <c r="C1362">
        <v>2</v>
      </c>
      <c r="D1362" s="1">
        <v>43250.45</v>
      </c>
      <c r="E1362" s="1">
        <v>43250.770138888889</v>
      </c>
      <c r="F1362">
        <v>15000</v>
      </c>
      <c r="G1362">
        <v>500</v>
      </c>
      <c r="H1362">
        <v>0</v>
      </c>
      <c r="I1362">
        <v>0</v>
      </c>
      <c r="J1362">
        <v>0</v>
      </c>
      <c r="K1362">
        <v>0</v>
      </c>
      <c r="L1362">
        <v>0</v>
      </c>
      <c r="M1362">
        <v>1240</v>
      </c>
      <c r="N1362">
        <v>0</v>
      </c>
      <c r="O1362">
        <v>0</v>
      </c>
      <c r="P1362">
        <v>12042</v>
      </c>
      <c r="Q1362">
        <v>0</v>
      </c>
      <c r="R1362">
        <v>28782</v>
      </c>
      <c r="S1362">
        <v>0</v>
      </c>
      <c r="T1362">
        <v>0</v>
      </c>
      <c r="U1362">
        <v>0</v>
      </c>
      <c r="V1362">
        <v>1</v>
      </c>
      <c r="W1362">
        <v>0</v>
      </c>
      <c r="X1362">
        <v>0</v>
      </c>
      <c r="Y1362">
        <v>46</v>
      </c>
      <c r="Z1362">
        <v>22</v>
      </c>
      <c r="AA1362">
        <v>70</v>
      </c>
      <c r="AB1362">
        <v>36</v>
      </c>
      <c r="AC1362">
        <v>156</v>
      </c>
      <c r="AD1362">
        <v>47</v>
      </c>
      <c r="AE1362">
        <v>51</v>
      </c>
      <c r="AF1362">
        <v>1136</v>
      </c>
      <c r="AG1362">
        <v>78782</v>
      </c>
      <c r="AH1362">
        <v>50000</v>
      </c>
      <c r="AI1362">
        <v>0</v>
      </c>
      <c r="AJ1362">
        <v>99</v>
      </c>
      <c r="AK1362" t="s">
        <v>9</v>
      </c>
      <c r="AL1362">
        <v>0</v>
      </c>
      <c r="AM1362">
        <v>0</v>
      </c>
      <c r="AN1362">
        <v>0</v>
      </c>
      <c r="AO1362">
        <v>0</v>
      </c>
      <c r="AP1362">
        <v>0</v>
      </c>
      <c r="AQ1362">
        <v>0</v>
      </c>
      <c r="AR1362">
        <v>0</v>
      </c>
      <c r="AS1362">
        <v>0</v>
      </c>
      <c r="AT1362">
        <v>0</v>
      </c>
      <c r="AU1362">
        <v>0</v>
      </c>
      <c r="AV1362">
        <v>0</v>
      </c>
      <c r="AW1362">
        <v>0</v>
      </c>
      <c r="AX1362">
        <v>1318</v>
      </c>
      <c r="AY1362">
        <v>29</v>
      </c>
      <c r="AZ1362">
        <v>48</v>
      </c>
      <c r="BA1362">
        <v>3886</v>
      </c>
    </row>
    <row r="1363" spans="1:53" x14ac:dyDescent="0.4">
      <c r="A1363">
        <v>1407</v>
      </c>
      <c r="B1363" s="1">
        <v>43250</v>
      </c>
      <c r="C1363">
        <v>3</v>
      </c>
      <c r="D1363" s="1">
        <v>43250.770138888889</v>
      </c>
      <c r="E1363" s="1">
        <v>43250.961111111108</v>
      </c>
      <c r="F1363">
        <v>41550</v>
      </c>
      <c r="G1363">
        <v>3320</v>
      </c>
      <c r="H1363">
        <v>0</v>
      </c>
      <c r="I1363">
        <v>0</v>
      </c>
      <c r="J1363">
        <v>250</v>
      </c>
      <c r="K1363">
        <v>1000</v>
      </c>
      <c r="L1363">
        <v>0</v>
      </c>
      <c r="M1363">
        <v>3650</v>
      </c>
      <c r="N1363">
        <v>0</v>
      </c>
      <c r="O1363">
        <v>0</v>
      </c>
      <c r="P1363">
        <v>-9450</v>
      </c>
      <c r="Q1363">
        <v>0</v>
      </c>
      <c r="R1363">
        <v>39820</v>
      </c>
      <c r="S1363">
        <v>0</v>
      </c>
      <c r="T1363">
        <v>0</v>
      </c>
      <c r="U1363">
        <v>0</v>
      </c>
      <c r="V1363">
        <v>6</v>
      </c>
      <c r="W1363">
        <v>0</v>
      </c>
      <c r="X1363">
        <v>0</v>
      </c>
      <c r="Y1363">
        <v>38</v>
      </c>
      <c r="Z1363">
        <v>23</v>
      </c>
      <c r="AA1363">
        <v>46</v>
      </c>
      <c r="AB1363">
        <v>40</v>
      </c>
      <c r="AC1363">
        <v>163</v>
      </c>
      <c r="AD1363">
        <v>45</v>
      </c>
      <c r="AE1363">
        <v>45</v>
      </c>
      <c r="AF1363">
        <v>1136</v>
      </c>
      <c r="AG1363">
        <v>119136</v>
      </c>
      <c r="AH1363">
        <v>50000</v>
      </c>
      <c r="AI1363">
        <v>534</v>
      </c>
      <c r="AJ1363">
        <v>106</v>
      </c>
      <c r="AK1363" t="s">
        <v>29</v>
      </c>
      <c r="AL1363">
        <v>0</v>
      </c>
      <c r="AM1363">
        <v>0</v>
      </c>
      <c r="AN1363">
        <v>0</v>
      </c>
      <c r="AO1363">
        <v>0</v>
      </c>
      <c r="AP1363">
        <v>0</v>
      </c>
      <c r="AQ1363">
        <v>0</v>
      </c>
      <c r="AR1363">
        <v>0</v>
      </c>
      <c r="AS1363">
        <v>0</v>
      </c>
      <c r="AT1363">
        <v>0</v>
      </c>
      <c r="AU1363">
        <v>0</v>
      </c>
      <c r="AV1363">
        <v>0</v>
      </c>
      <c r="AW1363">
        <v>0</v>
      </c>
      <c r="AX1363">
        <v>12269</v>
      </c>
      <c r="AY1363">
        <v>15</v>
      </c>
      <c r="AZ1363">
        <v>42</v>
      </c>
      <c r="BA1363">
        <v>2337</v>
      </c>
    </row>
    <row r="1364" spans="1:53" x14ac:dyDescent="0.4">
      <c r="A1364">
        <v>1408</v>
      </c>
      <c r="B1364" s="1">
        <v>43251</v>
      </c>
      <c r="C1364">
        <v>1</v>
      </c>
      <c r="D1364" s="1">
        <v>43251.291666666664</v>
      </c>
      <c r="E1364" s="1">
        <v>43251.445138888892</v>
      </c>
      <c r="F1364">
        <v>0</v>
      </c>
      <c r="G1364">
        <v>0</v>
      </c>
      <c r="H1364">
        <v>0</v>
      </c>
      <c r="I1364">
        <v>0</v>
      </c>
      <c r="J1364">
        <v>0</v>
      </c>
      <c r="K1364">
        <v>0</v>
      </c>
      <c r="L1364">
        <v>0</v>
      </c>
      <c r="M1364">
        <v>0</v>
      </c>
      <c r="N1364">
        <v>0</v>
      </c>
      <c r="O1364">
        <v>0</v>
      </c>
      <c r="P1364">
        <v>0</v>
      </c>
      <c r="Q1364">
        <v>0</v>
      </c>
      <c r="R1364">
        <v>0</v>
      </c>
      <c r="S1364">
        <v>0</v>
      </c>
      <c r="T1364">
        <v>0</v>
      </c>
      <c r="U1364">
        <v>0</v>
      </c>
      <c r="V1364">
        <v>0</v>
      </c>
      <c r="W1364">
        <v>0</v>
      </c>
      <c r="X1364">
        <v>0</v>
      </c>
      <c r="Y1364">
        <v>29</v>
      </c>
      <c r="Z1364">
        <v>8</v>
      </c>
      <c r="AA1364">
        <v>139</v>
      </c>
      <c r="AB1364">
        <v>36</v>
      </c>
      <c r="AC1364">
        <v>103</v>
      </c>
      <c r="AD1364">
        <v>45</v>
      </c>
      <c r="AE1364">
        <v>45</v>
      </c>
      <c r="AF1364">
        <v>0</v>
      </c>
      <c r="AG1364">
        <v>50000</v>
      </c>
      <c r="AH1364">
        <v>0</v>
      </c>
      <c r="AI1364">
        <v>50000</v>
      </c>
      <c r="AJ1364">
        <v>0</v>
      </c>
      <c r="AK1364" t="s">
        <v>6</v>
      </c>
      <c r="AL1364">
        <v>0</v>
      </c>
      <c r="AM1364">
        <v>0</v>
      </c>
      <c r="AN1364">
        <v>0</v>
      </c>
      <c r="AO1364">
        <v>0</v>
      </c>
      <c r="AP1364">
        <v>0</v>
      </c>
      <c r="AQ1364">
        <v>0</v>
      </c>
      <c r="AR1364">
        <v>0</v>
      </c>
      <c r="AS1364">
        <v>0</v>
      </c>
      <c r="AT1364">
        <v>0</v>
      </c>
      <c r="AU1364">
        <v>0</v>
      </c>
      <c r="AV1364">
        <v>0</v>
      </c>
      <c r="AW1364">
        <v>0</v>
      </c>
      <c r="AX1364">
        <v>0</v>
      </c>
      <c r="AY1364">
        <v>0</v>
      </c>
      <c r="AZ1364">
        <v>0</v>
      </c>
      <c r="BA1364">
        <v>0</v>
      </c>
    </row>
    <row r="1365" spans="1:53" x14ac:dyDescent="0.4">
      <c r="A1365">
        <v>1409</v>
      </c>
      <c r="B1365" s="1">
        <v>43251</v>
      </c>
      <c r="C1365">
        <v>2</v>
      </c>
      <c r="D1365" s="1">
        <v>43251.445138888892</v>
      </c>
      <c r="E1365" s="1">
        <v>43251.740972222222</v>
      </c>
      <c r="F1365">
        <v>14000</v>
      </c>
      <c r="G1365">
        <v>0</v>
      </c>
      <c r="H1365">
        <v>0</v>
      </c>
      <c r="I1365">
        <v>0</v>
      </c>
      <c r="J1365">
        <v>0</v>
      </c>
      <c r="K1365">
        <v>0</v>
      </c>
      <c r="L1365">
        <v>0</v>
      </c>
      <c r="M1365">
        <v>1120</v>
      </c>
      <c r="N1365">
        <v>0</v>
      </c>
      <c r="O1365">
        <v>0</v>
      </c>
      <c r="P1365">
        <v>13500</v>
      </c>
      <c r="Q1365">
        <v>0</v>
      </c>
      <c r="R1365">
        <v>28620</v>
      </c>
      <c r="S1365">
        <v>0</v>
      </c>
      <c r="T1365">
        <v>0</v>
      </c>
      <c r="U1365">
        <v>0</v>
      </c>
      <c r="V1365">
        <v>0</v>
      </c>
      <c r="W1365">
        <v>0</v>
      </c>
      <c r="X1365">
        <v>0</v>
      </c>
      <c r="Y1365">
        <v>52</v>
      </c>
      <c r="Z1365">
        <v>15</v>
      </c>
      <c r="AA1365">
        <v>131</v>
      </c>
      <c r="AB1365">
        <v>32</v>
      </c>
      <c r="AC1365">
        <v>159</v>
      </c>
      <c r="AD1365">
        <v>47</v>
      </c>
      <c r="AE1365">
        <v>42</v>
      </c>
      <c r="AF1365">
        <v>2553</v>
      </c>
      <c r="AG1365">
        <v>78620</v>
      </c>
      <c r="AH1365">
        <v>50000</v>
      </c>
      <c r="AI1365">
        <v>0</v>
      </c>
      <c r="AJ1365">
        <v>96</v>
      </c>
      <c r="AK1365" t="s">
        <v>4</v>
      </c>
      <c r="AL1365">
        <v>0</v>
      </c>
      <c r="AM1365">
        <v>0</v>
      </c>
      <c r="AN1365">
        <v>0</v>
      </c>
      <c r="AO1365">
        <v>0</v>
      </c>
      <c r="AP1365">
        <v>0</v>
      </c>
      <c r="AQ1365">
        <v>0</v>
      </c>
      <c r="AR1365">
        <v>0</v>
      </c>
      <c r="AS1365">
        <v>0</v>
      </c>
      <c r="AT1365">
        <v>0</v>
      </c>
      <c r="AU1365">
        <v>0</v>
      </c>
      <c r="AV1365">
        <v>0</v>
      </c>
      <c r="AW1365">
        <v>0</v>
      </c>
      <c r="AX1365">
        <v>-540</v>
      </c>
      <c r="AY1365">
        <v>32</v>
      </c>
      <c r="AZ1365">
        <v>53</v>
      </c>
      <c r="BA1365">
        <v>3996</v>
      </c>
    </row>
    <row r="1366" spans="1:53" x14ac:dyDescent="0.4">
      <c r="A1366">
        <v>1410</v>
      </c>
      <c r="B1366" s="1">
        <v>43251</v>
      </c>
      <c r="C1366">
        <v>3</v>
      </c>
      <c r="D1366" s="1">
        <v>43251.740972222222</v>
      </c>
      <c r="E1366" s="1">
        <v>43251.965277777781</v>
      </c>
      <c r="F1366">
        <v>112240</v>
      </c>
      <c r="G1366">
        <v>4450</v>
      </c>
      <c r="H1366">
        <v>0</v>
      </c>
      <c r="I1366">
        <v>0</v>
      </c>
      <c r="J1366">
        <v>0</v>
      </c>
      <c r="K1366">
        <v>0</v>
      </c>
      <c r="L1366">
        <v>0</v>
      </c>
      <c r="M1366">
        <v>9335</v>
      </c>
      <c r="N1366">
        <v>0</v>
      </c>
      <c r="O1366">
        <v>0</v>
      </c>
      <c r="P1366">
        <v>-12204</v>
      </c>
      <c r="Q1366">
        <v>0</v>
      </c>
      <c r="R1366">
        <v>113821</v>
      </c>
      <c r="S1366">
        <v>0</v>
      </c>
      <c r="T1366">
        <v>0</v>
      </c>
      <c r="U1366">
        <v>0</v>
      </c>
      <c r="V1366">
        <v>8</v>
      </c>
      <c r="W1366">
        <v>0</v>
      </c>
      <c r="X1366">
        <v>0</v>
      </c>
      <c r="Y1366">
        <v>56</v>
      </c>
      <c r="Z1366">
        <v>9</v>
      </c>
      <c r="AA1366">
        <v>106</v>
      </c>
      <c r="AB1366">
        <v>27</v>
      </c>
      <c r="AC1366">
        <v>148</v>
      </c>
      <c r="AD1366">
        <v>45</v>
      </c>
      <c r="AE1366">
        <v>28</v>
      </c>
      <c r="AF1366">
        <v>38258</v>
      </c>
      <c r="AG1366">
        <v>192441</v>
      </c>
      <c r="AH1366">
        <v>50000</v>
      </c>
      <c r="AI1366">
        <v>0</v>
      </c>
      <c r="AJ1366">
        <v>106</v>
      </c>
      <c r="AK1366" t="s">
        <v>29</v>
      </c>
      <c r="AL1366">
        <v>0</v>
      </c>
      <c r="AM1366">
        <v>0</v>
      </c>
      <c r="AN1366">
        <v>0</v>
      </c>
      <c r="AO1366">
        <v>0</v>
      </c>
      <c r="AP1366">
        <v>0</v>
      </c>
      <c r="AQ1366">
        <v>0</v>
      </c>
      <c r="AR1366">
        <v>0</v>
      </c>
      <c r="AS1366">
        <v>0</v>
      </c>
      <c r="AT1366">
        <v>0</v>
      </c>
      <c r="AU1366">
        <v>0</v>
      </c>
      <c r="AV1366">
        <v>0</v>
      </c>
      <c r="AW1366">
        <v>0</v>
      </c>
      <c r="AX1366">
        <v>13824</v>
      </c>
      <c r="AY1366">
        <v>14</v>
      </c>
      <c r="AZ1366">
        <v>74</v>
      </c>
      <c r="BA1366">
        <v>2260</v>
      </c>
    </row>
    <row r="1367" spans="1:53" x14ac:dyDescent="0.4">
      <c r="A1367">
        <v>1411</v>
      </c>
      <c r="B1367" s="1">
        <v>43252</v>
      </c>
      <c r="C1367">
        <v>1</v>
      </c>
      <c r="D1367" s="1">
        <v>43252.291666666664</v>
      </c>
      <c r="E1367" s="1">
        <v>43252.447916666664</v>
      </c>
      <c r="F1367">
        <v>0</v>
      </c>
      <c r="G1367">
        <v>0</v>
      </c>
      <c r="H1367">
        <v>0</v>
      </c>
      <c r="I1367">
        <v>0</v>
      </c>
      <c r="J1367">
        <v>0</v>
      </c>
      <c r="K1367">
        <v>0</v>
      </c>
      <c r="L1367">
        <v>0</v>
      </c>
      <c r="M1367">
        <v>0</v>
      </c>
      <c r="N1367">
        <v>0</v>
      </c>
      <c r="O1367">
        <v>0</v>
      </c>
      <c r="P1367">
        <v>0</v>
      </c>
      <c r="Q1367">
        <v>0</v>
      </c>
      <c r="R1367">
        <v>0</v>
      </c>
      <c r="S1367">
        <v>0</v>
      </c>
      <c r="T1367">
        <v>0</v>
      </c>
      <c r="U1367">
        <v>0</v>
      </c>
      <c r="V1367">
        <v>0</v>
      </c>
      <c r="W1367">
        <v>0</v>
      </c>
      <c r="X1367">
        <v>0</v>
      </c>
      <c r="Y1367">
        <v>32</v>
      </c>
      <c r="Z1367">
        <v>10</v>
      </c>
      <c r="AA1367">
        <v>104</v>
      </c>
      <c r="AB1367">
        <v>25</v>
      </c>
      <c r="AC1367">
        <v>111</v>
      </c>
      <c r="AD1367">
        <v>43</v>
      </c>
      <c r="AE1367">
        <v>25</v>
      </c>
      <c r="AF1367">
        <v>0</v>
      </c>
      <c r="AG1367">
        <v>50000</v>
      </c>
      <c r="AH1367">
        <v>0</v>
      </c>
      <c r="AI1367">
        <v>50000</v>
      </c>
      <c r="AJ1367">
        <v>0</v>
      </c>
      <c r="AK1367" t="s">
        <v>6</v>
      </c>
      <c r="AL1367">
        <v>0</v>
      </c>
      <c r="AM1367">
        <v>0</v>
      </c>
      <c r="AN1367">
        <v>0</v>
      </c>
      <c r="AO1367">
        <v>0</v>
      </c>
      <c r="AP1367">
        <v>0</v>
      </c>
      <c r="AQ1367">
        <v>0</v>
      </c>
      <c r="AR1367">
        <v>0</v>
      </c>
      <c r="AS1367">
        <v>0</v>
      </c>
      <c r="AT1367">
        <v>0</v>
      </c>
      <c r="AU1367">
        <v>0</v>
      </c>
      <c r="AV1367">
        <v>0</v>
      </c>
      <c r="AW1367">
        <v>0</v>
      </c>
      <c r="AX1367">
        <v>0</v>
      </c>
      <c r="AY1367">
        <v>0</v>
      </c>
      <c r="AZ1367">
        <v>0</v>
      </c>
      <c r="BA1367">
        <v>0</v>
      </c>
    </row>
    <row r="1368" spans="1:53" x14ac:dyDescent="0.4">
      <c r="A1368">
        <v>1412</v>
      </c>
      <c r="B1368" s="1">
        <v>43252</v>
      </c>
      <c r="C1368">
        <v>2</v>
      </c>
      <c r="D1368" s="1">
        <v>43252.447916666664</v>
      </c>
      <c r="E1368" s="1">
        <v>43252.734722222223</v>
      </c>
      <c r="F1368">
        <v>14500</v>
      </c>
      <c r="G1368">
        <v>380</v>
      </c>
      <c r="H1368">
        <v>0</v>
      </c>
      <c r="I1368">
        <v>0</v>
      </c>
      <c r="J1368">
        <v>0</v>
      </c>
      <c r="K1368">
        <v>0</v>
      </c>
      <c r="L1368">
        <v>0</v>
      </c>
      <c r="M1368">
        <v>1190</v>
      </c>
      <c r="N1368">
        <v>0</v>
      </c>
      <c r="O1368">
        <v>0</v>
      </c>
      <c r="P1368">
        <v>12420</v>
      </c>
      <c r="Q1368">
        <v>0</v>
      </c>
      <c r="R1368">
        <v>28490</v>
      </c>
      <c r="S1368">
        <v>0</v>
      </c>
      <c r="T1368">
        <v>0</v>
      </c>
      <c r="U1368">
        <v>0</v>
      </c>
      <c r="V1368">
        <v>0</v>
      </c>
      <c r="W1368">
        <v>3</v>
      </c>
      <c r="X1368">
        <v>0</v>
      </c>
      <c r="Y1368">
        <v>41</v>
      </c>
      <c r="Z1368">
        <v>19</v>
      </c>
      <c r="AA1368">
        <v>101</v>
      </c>
      <c r="AB1368">
        <v>25</v>
      </c>
      <c r="AC1368">
        <v>140</v>
      </c>
      <c r="AD1368">
        <v>43</v>
      </c>
      <c r="AE1368">
        <v>25</v>
      </c>
      <c r="AF1368">
        <v>0</v>
      </c>
      <c r="AG1368">
        <v>78490</v>
      </c>
      <c r="AH1368">
        <v>50000</v>
      </c>
      <c r="AI1368">
        <v>0</v>
      </c>
      <c r="AJ1368">
        <v>96</v>
      </c>
      <c r="AK1368" t="s">
        <v>4</v>
      </c>
      <c r="AL1368">
        <v>0</v>
      </c>
      <c r="AM1368">
        <v>0</v>
      </c>
      <c r="AN1368">
        <v>0</v>
      </c>
      <c r="AO1368">
        <v>0</v>
      </c>
      <c r="AP1368">
        <v>0</v>
      </c>
      <c r="AQ1368">
        <v>0</v>
      </c>
      <c r="AR1368">
        <v>0</v>
      </c>
      <c r="AS1368">
        <v>0</v>
      </c>
      <c r="AT1368">
        <v>0</v>
      </c>
      <c r="AU1368">
        <v>0</v>
      </c>
      <c r="AV1368">
        <v>0</v>
      </c>
      <c r="AW1368">
        <v>0</v>
      </c>
      <c r="AX1368">
        <v>-540</v>
      </c>
      <c r="AY1368">
        <v>34</v>
      </c>
      <c r="AZ1368">
        <v>52</v>
      </c>
      <c r="BA1368">
        <v>4655</v>
      </c>
    </row>
    <row r="1369" spans="1:53" x14ac:dyDescent="0.4">
      <c r="A1369">
        <v>1413</v>
      </c>
      <c r="B1369" s="1">
        <v>43252</v>
      </c>
      <c r="C1369">
        <v>3</v>
      </c>
      <c r="D1369" s="1">
        <v>43252.734722222223</v>
      </c>
      <c r="E1369" s="1">
        <v>43252.965277777781</v>
      </c>
      <c r="F1369">
        <v>99400</v>
      </c>
      <c r="G1369">
        <v>680</v>
      </c>
      <c r="H1369">
        <v>0</v>
      </c>
      <c r="I1369">
        <v>0</v>
      </c>
      <c r="J1369">
        <v>800</v>
      </c>
      <c r="K1369">
        <v>0</v>
      </c>
      <c r="L1369">
        <v>0</v>
      </c>
      <c r="M1369">
        <v>7942</v>
      </c>
      <c r="N1369">
        <v>0</v>
      </c>
      <c r="O1369">
        <v>0</v>
      </c>
      <c r="P1369">
        <v>-7668</v>
      </c>
      <c r="Q1369">
        <v>0</v>
      </c>
      <c r="R1369">
        <v>99554</v>
      </c>
      <c r="S1369">
        <v>0</v>
      </c>
      <c r="T1369">
        <v>0</v>
      </c>
      <c r="U1369">
        <v>0</v>
      </c>
      <c r="V1369">
        <v>4</v>
      </c>
      <c r="W1369">
        <v>4</v>
      </c>
      <c r="X1369">
        <v>0</v>
      </c>
      <c r="Y1369">
        <v>52</v>
      </c>
      <c r="Z1369">
        <v>23</v>
      </c>
      <c r="AA1369">
        <v>89</v>
      </c>
      <c r="AB1369">
        <v>24</v>
      </c>
      <c r="AC1369">
        <v>145</v>
      </c>
      <c r="AD1369">
        <v>42</v>
      </c>
      <c r="AE1369">
        <v>16</v>
      </c>
      <c r="AF1369">
        <v>42768</v>
      </c>
      <c r="AG1369">
        <v>178044</v>
      </c>
      <c r="AH1369">
        <v>50000</v>
      </c>
      <c r="AI1369">
        <v>0</v>
      </c>
      <c r="AJ1369">
        <v>100</v>
      </c>
      <c r="AK1369" t="s">
        <v>0</v>
      </c>
      <c r="AL1369">
        <v>0</v>
      </c>
      <c r="AM1369">
        <v>0</v>
      </c>
      <c r="AN1369">
        <v>0</v>
      </c>
      <c r="AO1369">
        <v>0</v>
      </c>
      <c r="AP1369">
        <v>0</v>
      </c>
      <c r="AQ1369">
        <v>0</v>
      </c>
      <c r="AR1369">
        <v>0</v>
      </c>
      <c r="AS1369">
        <v>0</v>
      </c>
      <c r="AT1369">
        <v>0</v>
      </c>
      <c r="AU1369">
        <v>0</v>
      </c>
      <c r="AV1369">
        <v>0</v>
      </c>
      <c r="AW1369">
        <v>0</v>
      </c>
      <c r="AX1369">
        <v>80845</v>
      </c>
      <c r="AY1369">
        <v>30</v>
      </c>
      <c r="AZ1369">
        <v>136</v>
      </c>
      <c r="BA1369">
        <v>3471</v>
      </c>
    </row>
    <row r="1370" spans="1:53" x14ac:dyDescent="0.4">
      <c r="A1370">
        <v>1414</v>
      </c>
      <c r="B1370" s="1">
        <v>43253</v>
      </c>
      <c r="C1370">
        <v>1</v>
      </c>
      <c r="D1370" s="1">
        <v>43253.291666666664</v>
      </c>
      <c r="E1370" s="1">
        <v>43253.752083333333</v>
      </c>
      <c r="F1370">
        <v>44000</v>
      </c>
      <c r="G1370">
        <v>5320</v>
      </c>
      <c r="H1370">
        <v>0</v>
      </c>
      <c r="I1370">
        <v>0</v>
      </c>
      <c r="J1370">
        <v>0</v>
      </c>
      <c r="K1370">
        <v>0</v>
      </c>
      <c r="L1370">
        <v>0</v>
      </c>
      <c r="M1370">
        <v>3943</v>
      </c>
      <c r="N1370">
        <v>0</v>
      </c>
      <c r="O1370">
        <v>0</v>
      </c>
      <c r="P1370">
        <v>25110</v>
      </c>
      <c r="Q1370">
        <v>0</v>
      </c>
      <c r="R1370">
        <v>78373</v>
      </c>
      <c r="S1370">
        <v>0</v>
      </c>
      <c r="T1370">
        <v>0</v>
      </c>
      <c r="U1370">
        <v>0</v>
      </c>
      <c r="V1370">
        <v>3</v>
      </c>
      <c r="W1370">
        <v>0</v>
      </c>
      <c r="X1370">
        <v>0</v>
      </c>
      <c r="Y1370">
        <v>63</v>
      </c>
      <c r="Z1370">
        <v>26</v>
      </c>
      <c r="AA1370">
        <v>123</v>
      </c>
      <c r="AB1370">
        <v>28</v>
      </c>
      <c r="AC1370">
        <v>218</v>
      </c>
      <c r="AD1370">
        <v>39</v>
      </c>
      <c r="AE1370">
        <v>21</v>
      </c>
      <c r="AF1370">
        <v>5204</v>
      </c>
      <c r="AG1370">
        <v>127300</v>
      </c>
      <c r="AH1370">
        <v>50000</v>
      </c>
      <c r="AI1370">
        <v>-1073</v>
      </c>
      <c r="AJ1370">
        <v>96</v>
      </c>
      <c r="AK1370" t="s">
        <v>4</v>
      </c>
      <c r="AL1370">
        <v>0</v>
      </c>
      <c r="AM1370">
        <v>0</v>
      </c>
      <c r="AN1370">
        <v>0</v>
      </c>
      <c r="AO1370">
        <v>0</v>
      </c>
      <c r="AP1370">
        <v>0</v>
      </c>
      <c r="AQ1370">
        <v>0</v>
      </c>
      <c r="AR1370">
        <v>0</v>
      </c>
      <c r="AS1370">
        <v>0</v>
      </c>
      <c r="AT1370">
        <v>0</v>
      </c>
      <c r="AU1370">
        <v>0</v>
      </c>
      <c r="AV1370">
        <v>0</v>
      </c>
      <c r="AW1370">
        <v>0</v>
      </c>
      <c r="AX1370">
        <v>702</v>
      </c>
      <c r="AY1370">
        <v>59</v>
      </c>
      <c r="AZ1370">
        <v>133</v>
      </c>
      <c r="BA1370">
        <v>8372</v>
      </c>
    </row>
    <row r="1371" spans="1:53" x14ac:dyDescent="0.4">
      <c r="A1371">
        <v>1415</v>
      </c>
      <c r="B1371" s="1">
        <v>43254</v>
      </c>
      <c r="C1371">
        <v>1</v>
      </c>
      <c r="D1371" s="1">
        <v>43254.291666666664</v>
      </c>
      <c r="E1371" s="1">
        <v>43254.410416666666</v>
      </c>
      <c r="F1371">
        <v>0</v>
      </c>
      <c r="G1371">
        <v>0</v>
      </c>
      <c r="H1371">
        <v>0</v>
      </c>
      <c r="I1371">
        <v>0</v>
      </c>
      <c r="J1371">
        <v>0</v>
      </c>
      <c r="K1371">
        <v>0</v>
      </c>
      <c r="L1371">
        <v>0</v>
      </c>
      <c r="M1371">
        <v>0</v>
      </c>
      <c r="N1371">
        <v>0</v>
      </c>
      <c r="O1371">
        <v>0</v>
      </c>
      <c r="P1371">
        <v>0</v>
      </c>
      <c r="Q1371">
        <v>0</v>
      </c>
      <c r="R1371">
        <v>0</v>
      </c>
      <c r="S1371">
        <v>0</v>
      </c>
      <c r="T1371">
        <v>0</v>
      </c>
      <c r="U1371">
        <v>0</v>
      </c>
      <c r="V1371">
        <v>0</v>
      </c>
      <c r="W1371">
        <v>0</v>
      </c>
      <c r="X1371">
        <v>0</v>
      </c>
      <c r="Y1371">
        <v>26</v>
      </c>
      <c r="Z1371">
        <v>14</v>
      </c>
      <c r="AA1371">
        <v>142</v>
      </c>
      <c r="AB1371">
        <v>31</v>
      </c>
      <c r="AC1371">
        <v>106</v>
      </c>
      <c r="AD1371">
        <v>28</v>
      </c>
      <c r="AE1371">
        <v>50</v>
      </c>
      <c r="AF1371">
        <v>0</v>
      </c>
      <c r="AG1371">
        <v>50000</v>
      </c>
      <c r="AH1371">
        <v>0</v>
      </c>
      <c r="AI1371">
        <v>50000</v>
      </c>
      <c r="AJ1371">
        <v>0</v>
      </c>
      <c r="AK1371" t="s">
        <v>6</v>
      </c>
      <c r="AL1371">
        <v>0</v>
      </c>
      <c r="AM1371">
        <v>0</v>
      </c>
      <c r="AN1371">
        <v>0</v>
      </c>
      <c r="AO1371">
        <v>0</v>
      </c>
      <c r="AP1371">
        <v>0</v>
      </c>
      <c r="AQ1371">
        <v>0</v>
      </c>
      <c r="AR1371">
        <v>0</v>
      </c>
      <c r="AS1371">
        <v>0</v>
      </c>
      <c r="AT1371">
        <v>0</v>
      </c>
      <c r="AU1371">
        <v>0</v>
      </c>
      <c r="AV1371">
        <v>0</v>
      </c>
      <c r="AW1371">
        <v>0</v>
      </c>
      <c r="AX1371">
        <v>0</v>
      </c>
      <c r="AY1371">
        <v>0</v>
      </c>
      <c r="AZ1371">
        <v>0</v>
      </c>
      <c r="BA1371">
        <v>0</v>
      </c>
    </row>
    <row r="1372" spans="1:53" x14ac:dyDescent="0.4">
      <c r="A1372">
        <v>1416</v>
      </c>
      <c r="B1372" s="1">
        <v>43254</v>
      </c>
      <c r="C1372">
        <v>2</v>
      </c>
      <c r="D1372" s="1">
        <v>43254.410416666666</v>
      </c>
      <c r="E1372" s="1">
        <v>43254.742361111108</v>
      </c>
      <c r="F1372">
        <v>45000</v>
      </c>
      <c r="G1372">
        <v>5700</v>
      </c>
      <c r="H1372">
        <v>0</v>
      </c>
      <c r="I1372">
        <v>0</v>
      </c>
      <c r="J1372">
        <v>0</v>
      </c>
      <c r="K1372">
        <v>0</v>
      </c>
      <c r="L1372">
        <v>0</v>
      </c>
      <c r="M1372">
        <v>4055</v>
      </c>
      <c r="N1372">
        <v>0</v>
      </c>
      <c r="O1372">
        <v>0</v>
      </c>
      <c r="P1372">
        <v>24840</v>
      </c>
      <c r="Q1372">
        <v>0</v>
      </c>
      <c r="R1372">
        <v>79595</v>
      </c>
      <c r="S1372">
        <v>0</v>
      </c>
      <c r="T1372">
        <v>0</v>
      </c>
      <c r="U1372">
        <v>0</v>
      </c>
      <c r="V1372">
        <v>0</v>
      </c>
      <c r="W1372">
        <v>5</v>
      </c>
      <c r="X1372">
        <v>0</v>
      </c>
      <c r="Y1372">
        <v>66</v>
      </c>
      <c r="Z1372">
        <v>29</v>
      </c>
      <c r="AA1372">
        <v>169</v>
      </c>
      <c r="AB1372">
        <v>48</v>
      </c>
      <c r="AC1372">
        <v>162</v>
      </c>
      <c r="AD1372">
        <v>36</v>
      </c>
      <c r="AE1372">
        <v>84</v>
      </c>
      <c r="AF1372">
        <v>2911</v>
      </c>
      <c r="AG1372">
        <v>129595</v>
      </c>
      <c r="AH1372">
        <v>50000</v>
      </c>
      <c r="AI1372">
        <v>0</v>
      </c>
      <c r="AJ1372">
        <v>96</v>
      </c>
      <c r="AK1372" t="s">
        <v>4</v>
      </c>
      <c r="AL1372">
        <v>0</v>
      </c>
      <c r="AM1372">
        <v>0</v>
      </c>
      <c r="AN1372">
        <v>0</v>
      </c>
      <c r="AO1372">
        <v>0</v>
      </c>
      <c r="AP1372">
        <v>0</v>
      </c>
      <c r="AQ1372">
        <v>0</v>
      </c>
      <c r="AR1372">
        <v>0</v>
      </c>
      <c r="AS1372">
        <v>0</v>
      </c>
      <c r="AT1372">
        <v>0</v>
      </c>
      <c r="AU1372">
        <v>0</v>
      </c>
      <c r="AV1372">
        <v>0</v>
      </c>
      <c r="AW1372">
        <v>0</v>
      </c>
      <c r="AX1372">
        <v>-1080</v>
      </c>
      <c r="AY1372">
        <v>54</v>
      </c>
      <c r="AZ1372">
        <v>133</v>
      </c>
      <c r="BA1372">
        <v>7575</v>
      </c>
    </row>
    <row r="1373" spans="1:53" x14ac:dyDescent="0.4">
      <c r="A1373">
        <v>1417</v>
      </c>
      <c r="B1373" s="1">
        <v>43255</v>
      </c>
      <c r="C1373">
        <v>1</v>
      </c>
      <c r="D1373" s="1">
        <v>43255.291666666664</v>
      </c>
      <c r="E1373" s="1">
        <v>43255.446527777778</v>
      </c>
      <c r="F1373">
        <v>0</v>
      </c>
      <c r="G1373">
        <v>0</v>
      </c>
      <c r="H1373">
        <v>0</v>
      </c>
      <c r="I1373">
        <v>0</v>
      </c>
      <c r="J1373">
        <v>0</v>
      </c>
      <c r="K1373">
        <v>0</v>
      </c>
      <c r="L1373">
        <v>0</v>
      </c>
      <c r="M1373">
        <v>0</v>
      </c>
      <c r="N1373">
        <v>0</v>
      </c>
      <c r="O1373">
        <v>0</v>
      </c>
      <c r="P1373">
        <v>0</v>
      </c>
      <c r="Q1373">
        <v>0</v>
      </c>
      <c r="R1373">
        <v>0</v>
      </c>
      <c r="S1373">
        <v>0</v>
      </c>
      <c r="T1373">
        <v>0</v>
      </c>
      <c r="U1373">
        <v>0</v>
      </c>
      <c r="V1373">
        <v>0</v>
      </c>
      <c r="W1373">
        <v>0</v>
      </c>
      <c r="X1373">
        <v>0</v>
      </c>
      <c r="Y1373">
        <v>30</v>
      </c>
      <c r="Z1373">
        <v>10</v>
      </c>
      <c r="AA1373">
        <v>107</v>
      </c>
      <c r="AB1373">
        <v>53</v>
      </c>
      <c r="AC1373">
        <v>138</v>
      </c>
      <c r="AD1373">
        <v>35</v>
      </c>
      <c r="AE1373">
        <v>95</v>
      </c>
      <c r="AF1373">
        <v>0</v>
      </c>
      <c r="AG1373">
        <v>50000</v>
      </c>
      <c r="AH1373">
        <v>0</v>
      </c>
      <c r="AI1373">
        <v>50000</v>
      </c>
      <c r="AJ1373">
        <v>0</v>
      </c>
      <c r="AK1373" t="s">
        <v>6</v>
      </c>
      <c r="AL1373">
        <v>0</v>
      </c>
      <c r="AM1373">
        <v>0</v>
      </c>
      <c r="AN1373">
        <v>0</v>
      </c>
      <c r="AO1373">
        <v>0</v>
      </c>
      <c r="AP1373">
        <v>0</v>
      </c>
      <c r="AQ1373">
        <v>0</v>
      </c>
      <c r="AR1373">
        <v>0</v>
      </c>
      <c r="AS1373">
        <v>0</v>
      </c>
      <c r="AT1373">
        <v>0</v>
      </c>
      <c r="AU1373">
        <v>0</v>
      </c>
      <c r="AV1373">
        <v>0</v>
      </c>
      <c r="AW1373">
        <v>0</v>
      </c>
      <c r="AX1373">
        <v>0</v>
      </c>
      <c r="AY1373">
        <v>0</v>
      </c>
      <c r="AZ1373">
        <v>0</v>
      </c>
      <c r="BA1373">
        <v>0</v>
      </c>
    </row>
    <row r="1374" spans="1:53" x14ac:dyDescent="0.4">
      <c r="A1374">
        <v>1418</v>
      </c>
      <c r="B1374" s="1">
        <v>43255</v>
      </c>
      <c r="C1374">
        <v>2</v>
      </c>
      <c r="D1374" s="1">
        <v>43255.446527777778</v>
      </c>
      <c r="E1374" s="1">
        <v>43255.740972222222</v>
      </c>
      <c r="F1374">
        <v>18000</v>
      </c>
      <c r="G1374">
        <v>1500</v>
      </c>
      <c r="H1374">
        <v>0</v>
      </c>
      <c r="I1374">
        <v>0</v>
      </c>
      <c r="J1374">
        <v>0</v>
      </c>
      <c r="K1374">
        <v>0</v>
      </c>
      <c r="L1374">
        <v>0</v>
      </c>
      <c r="M1374">
        <v>1560</v>
      </c>
      <c r="N1374">
        <v>0</v>
      </c>
      <c r="O1374">
        <v>0</v>
      </c>
      <c r="P1374">
        <v>7560</v>
      </c>
      <c r="Q1374">
        <v>0</v>
      </c>
      <c r="R1374">
        <v>28620</v>
      </c>
      <c r="S1374">
        <v>0</v>
      </c>
      <c r="T1374">
        <v>0</v>
      </c>
      <c r="U1374">
        <v>0</v>
      </c>
      <c r="V1374">
        <v>1</v>
      </c>
      <c r="W1374">
        <v>0</v>
      </c>
      <c r="X1374">
        <v>0</v>
      </c>
      <c r="Y1374">
        <v>50</v>
      </c>
      <c r="Z1374">
        <v>11</v>
      </c>
      <c r="AA1374">
        <v>91</v>
      </c>
      <c r="AB1374">
        <v>45</v>
      </c>
      <c r="AC1374">
        <v>148</v>
      </c>
      <c r="AD1374">
        <v>36</v>
      </c>
      <c r="AE1374">
        <v>110</v>
      </c>
      <c r="AF1374">
        <v>0</v>
      </c>
      <c r="AG1374">
        <v>78620</v>
      </c>
      <c r="AH1374">
        <v>50000</v>
      </c>
      <c r="AI1374">
        <v>0</v>
      </c>
      <c r="AJ1374">
        <v>96</v>
      </c>
      <c r="AK1374" t="s">
        <v>4</v>
      </c>
      <c r="AL1374">
        <v>0</v>
      </c>
      <c r="AM1374">
        <v>0</v>
      </c>
      <c r="AN1374">
        <v>0</v>
      </c>
      <c r="AO1374">
        <v>0</v>
      </c>
      <c r="AP1374">
        <v>0</v>
      </c>
      <c r="AQ1374">
        <v>0</v>
      </c>
      <c r="AR1374">
        <v>0</v>
      </c>
      <c r="AS1374">
        <v>0</v>
      </c>
      <c r="AT1374">
        <v>0</v>
      </c>
      <c r="AU1374">
        <v>0</v>
      </c>
      <c r="AV1374">
        <v>0</v>
      </c>
      <c r="AW1374">
        <v>0</v>
      </c>
      <c r="AX1374">
        <v>0</v>
      </c>
      <c r="AY1374">
        <v>33</v>
      </c>
      <c r="AZ1374">
        <v>48</v>
      </c>
      <c r="BA1374">
        <v>4842</v>
      </c>
    </row>
    <row r="1375" spans="1:53" x14ac:dyDescent="0.4">
      <c r="A1375">
        <v>1419</v>
      </c>
      <c r="B1375" s="1">
        <v>43256</v>
      </c>
      <c r="C1375">
        <v>1</v>
      </c>
      <c r="D1375" s="1">
        <v>43256.291666666664</v>
      </c>
      <c r="E1375" s="1">
        <v>43256.447916666664</v>
      </c>
      <c r="F1375">
        <v>0</v>
      </c>
      <c r="G1375">
        <v>0</v>
      </c>
      <c r="H1375">
        <v>0</v>
      </c>
      <c r="I1375">
        <v>0</v>
      </c>
      <c r="J1375">
        <v>0</v>
      </c>
      <c r="K1375">
        <v>0</v>
      </c>
      <c r="L1375">
        <v>0</v>
      </c>
      <c r="M1375">
        <v>0</v>
      </c>
      <c r="N1375">
        <v>0</v>
      </c>
      <c r="O1375">
        <v>0</v>
      </c>
      <c r="P1375">
        <v>0</v>
      </c>
      <c r="Q1375">
        <v>0</v>
      </c>
      <c r="R1375">
        <v>0</v>
      </c>
      <c r="S1375">
        <v>0</v>
      </c>
      <c r="T1375">
        <v>0</v>
      </c>
      <c r="U1375">
        <v>0</v>
      </c>
      <c r="V1375">
        <v>0</v>
      </c>
      <c r="W1375">
        <v>0</v>
      </c>
      <c r="X1375">
        <v>0</v>
      </c>
      <c r="Y1375">
        <v>35</v>
      </c>
      <c r="Z1375">
        <v>9</v>
      </c>
      <c r="AA1375">
        <v>72</v>
      </c>
      <c r="AB1375">
        <v>40</v>
      </c>
      <c r="AC1375">
        <v>103</v>
      </c>
      <c r="AD1375">
        <v>35</v>
      </c>
      <c r="AE1375">
        <v>95</v>
      </c>
      <c r="AF1375">
        <v>0</v>
      </c>
      <c r="AG1375">
        <v>50000</v>
      </c>
      <c r="AH1375">
        <v>0</v>
      </c>
      <c r="AI1375">
        <v>50000</v>
      </c>
      <c r="AJ1375">
        <v>0</v>
      </c>
      <c r="AK1375" t="s">
        <v>6</v>
      </c>
      <c r="AL1375">
        <v>0</v>
      </c>
      <c r="AM1375">
        <v>0</v>
      </c>
      <c r="AN1375">
        <v>0</v>
      </c>
      <c r="AO1375">
        <v>0</v>
      </c>
      <c r="AP1375">
        <v>0</v>
      </c>
      <c r="AQ1375">
        <v>0</v>
      </c>
      <c r="AR1375">
        <v>0</v>
      </c>
      <c r="AS1375">
        <v>0</v>
      </c>
      <c r="AT1375">
        <v>0</v>
      </c>
      <c r="AU1375">
        <v>0</v>
      </c>
      <c r="AV1375">
        <v>0</v>
      </c>
      <c r="AW1375">
        <v>0</v>
      </c>
      <c r="AX1375">
        <v>0</v>
      </c>
      <c r="AY1375">
        <v>0</v>
      </c>
      <c r="AZ1375">
        <v>0</v>
      </c>
      <c r="BA1375">
        <v>0</v>
      </c>
    </row>
    <row r="1376" spans="1:53" x14ac:dyDescent="0.4">
      <c r="A1376">
        <v>1420</v>
      </c>
      <c r="B1376" s="1">
        <v>43256</v>
      </c>
      <c r="C1376">
        <v>2</v>
      </c>
      <c r="D1376" s="1">
        <v>43256.447916666664</v>
      </c>
      <c r="E1376" s="1">
        <v>43256.743750000001</v>
      </c>
      <c r="F1376">
        <v>10000</v>
      </c>
      <c r="G1376">
        <v>500</v>
      </c>
      <c r="H1376">
        <v>0</v>
      </c>
      <c r="I1376">
        <v>0</v>
      </c>
      <c r="J1376">
        <v>0</v>
      </c>
      <c r="K1376">
        <v>0</v>
      </c>
      <c r="L1376">
        <v>0</v>
      </c>
      <c r="M1376">
        <v>840</v>
      </c>
      <c r="N1376">
        <v>0</v>
      </c>
      <c r="O1376">
        <v>0</v>
      </c>
      <c r="P1376">
        <v>11880</v>
      </c>
      <c r="Q1376">
        <v>0</v>
      </c>
      <c r="R1376">
        <v>23220</v>
      </c>
      <c r="S1376">
        <v>0</v>
      </c>
      <c r="T1376">
        <v>0</v>
      </c>
      <c r="U1376">
        <v>0</v>
      </c>
      <c r="V1376">
        <v>0</v>
      </c>
      <c r="W1376">
        <v>0</v>
      </c>
      <c r="X1376">
        <v>0</v>
      </c>
      <c r="Y1376">
        <v>44</v>
      </c>
      <c r="Z1376">
        <v>19</v>
      </c>
      <c r="AA1376">
        <v>76</v>
      </c>
      <c r="AB1376">
        <v>36</v>
      </c>
      <c r="AC1376">
        <v>142</v>
      </c>
      <c r="AD1376">
        <v>35</v>
      </c>
      <c r="AE1376">
        <v>103</v>
      </c>
      <c r="AF1376">
        <v>8622</v>
      </c>
      <c r="AG1376">
        <v>73220</v>
      </c>
      <c r="AH1376">
        <v>50000</v>
      </c>
      <c r="AI1376">
        <v>0</v>
      </c>
      <c r="AJ1376">
        <v>96</v>
      </c>
      <c r="AK1376" t="s">
        <v>4</v>
      </c>
      <c r="AL1376">
        <v>0</v>
      </c>
      <c r="AM1376">
        <v>0</v>
      </c>
      <c r="AN1376">
        <v>0</v>
      </c>
      <c r="AO1376">
        <v>0</v>
      </c>
      <c r="AP1376">
        <v>0</v>
      </c>
      <c r="AQ1376">
        <v>0</v>
      </c>
      <c r="AR1376">
        <v>0</v>
      </c>
      <c r="AS1376">
        <v>0</v>
      </c>
      <c r="AT1376">
        <v>0</v>
      </c>
      <c r="AU1376">
        <v>0</v>
      </c>
      <c r="AV1376">
        <v>0</v>
      </c>
      <c r="AW1376">
        <v>0</v>
      </c>
      <c r="AX1376">
        <v>410</v>
      </c>
      <c r="AY1376">
        <v>30</v>
      </c>
      <c r="AZ1376">
        <v>42</v>
      </c>
      <c r="BA1376">
        <v>3370</v>
      </c>
    </row>
    <row r="1377" spans="1:53" x14ac:dyDescent="0.4">
      <c r="A1377">
        <v>1421</v>
      </c>
      <c r="B1377" s="1">
        <v>43256</v>
      </c>
      <c r="C1377">
        <v>3</v>
      </c>
      <c r="D1377" s="1">
        <v>43256.743750000001</v>
      </c>
      <c r="E1377" s="1">
        <v>43256.941666666666</v>
      </c>
      <c r="F1377">
        <v>34100</v>
      </c>
      <c r="G1377">
        <v>880</v>
      </c>
      <c r="H1377">
        <v>0</v>
      </c>
      <c r="I1377">
        <v>0</v>
      </c>
      <c r="J1377">
        <v>0</v>
      </c>
      <c r="K1377">
        <v>0</v>
      </c>
      <c r="L1377">
        <v>0</v>
      </c>
      <c r="M1377">
        <v>2798</v>
      </c>
      <c r="N1377">
        <v>0</v>
      </c>
      <c r="O1377">
        <v>0</v>
      </c>
      <c r="P1377">
        <v>-11880</v>
      </c>
      <c r="Q1377">
        <v>0</v>
      </c>
      <c r="R1377">
        <v>25898</v>
      </c>
      <c r="S1377">
        <v>0</v>
      </c>
      <c r="T1377">
        <v>0</v>
      </c>
      <c r="U1377">
        <v>0</v>
      </c>
      <c r="V1377">
        <v>2</v>
      </c>
      <c r="W1377">
        <v>0</v>
      </c>
      <c r="X1377">
        <v>0</v>
      </c>
      <c r="Y1377">
        <v>48</v>
      </c>
      <c r="Z1377">
        <v>22</v>
      </c>
      <c r="AA1377">
        <v>81</v>
      </c>
      <c r="AB1377">
        <v>35</v>
      </c>
      <c r="AC1377">
        <v>136</v>
      </c>
      <c r="AD1377">
        <v>37</v>
      </c>
      <c r="AE1377">
        <v>101</v>
      </c>
      <c r="AF1377">
        <v>8622</v>
      </c>
      <c r="AG1377">
        <v>99118</v>
      </c>
      <c r="AH1377">
        <v>50000</v>
      </c>
      <c r="AI1377">
        <v>0</v>
      </c>
      <c r="AJ1377">
        <v>99</v>
      </c>
      <c r="AK1377" t="s">
        <v>9</v>
      </c>
      <c r="AL1377">
        <v>0</v>
      </c>
      <c r="AM1377">
        <v>0</v>
      </c>
      <c r="AN1377">
        <v>0</v>
      </c>
      <c r="AO1377">
        <v>0</v>
      </c>
      <c r="AP1377">
        <v>0</v>
      </c>
      <c r="AQ1377">
        <v>0</v>
      </c>
      <c r="AR1377">
        <v>0</v>
      </c>
      <c r="AS1377">
        <v>0</v>
      </c>
      <c r="AT1377">
        <v>0</v>
      </c>
      <c r="AU1377">
        <v>0</v>
      </c>
      <c r="AV1377">
        <v>0</v>
      </c>
      <c r="AW1377">
        <v>0</v>
      </c>
      <c r="AX1377">
        <v>7992</v>
      </c>
      <c r="AY1377">
        <v>9</v>
      </c>
      <c r="AZ1377">
        <v>31</v>
      </c>
      <c r="BA1377">
        <v>2232</v>
      </c>
    </row>
    <row r="1378" spans="1:53" x14ac:dyDescent="0.4">
      <c r="A1378">
        <v>1422</v>
      </c>
      <c r="B1378" s="1">
        <v>43257</v>
      </c>
      <c r="C1378">
        <v>1</v>
      </c>
      <c r="D1378" s="1">
        <v>43257.291666666664</v>
      </c>
      <c r="E1378" s="1">
        <v>43257.450694444444</v>
      </c>
      <c r="F1378">
        <v>0</v>
      </c>
      <c r="G1378">
        <v>0</v>
      </c>
      <c r="H1378">
        <v>0</v>
      </c>
      <c r="I1378">
        <v>0</v>
      </c>
      <c r="J1378">
        <v>0</v>
      </c>
      <c r="K1378">
        <v>0</v>
      </c>
      <c r="L1378">
        <v>0</v>
      </c>
      <c r="M1378">
        <v>0</v>
      </c>
      <c r="N1378">
        <v>0</v>
      </c>
      <c r="O1378">
        <v>0</v>
      </c>
      <c r="P1378">
        <v>0</v>
      </c>
      <c r="Q1378">
        <v>0</v>
      </c>
      <c r="R1378">
        <v>0</v>
      </c>
      <c r="S1378">
        <v>0</v>
      </c>
      <c r="T1378">
        <v>0</v>
      </c>
      <c r="U1378">
        <v>0</v>
      </c>
      <c r="V1378">
        <v>0</v>
      </c>
      <c r="W1378">
        <v>0</v>
      </c>
      <c r="X1378">
        <v>0</v>
      </c>
      <c r="Y1378">
        <v>30</v>
      </c>
      <c r="Z1378">
        <v>18</v>
      </c>
      <c r="AA1378">
        <v>78</v>
      </c>
      <c r="AB1378">
        <v>33</v>
      </c>
      <c r="AC1378">
        <v>127</v>
      </c>
      <c r="AD1378">
        <v>37</v>
      </c>
      <c r="AE1378">
        <v>95</v>
      </c>
      <c r="AF1378">
        <v>0</v>
      </c>
      <c r="AG1378">
        <v>50000</v>
      </c>
      <c r="AH1378">
        <v>0</v>
      </c>
      <c r="AI1378">
        <v>50000</v>
      </c>
      <c r="AJ1378">
        <v>0</v>
      </c>
      <c r="AK1378" t="s">
        <v>6</v>
      </c>
      <c r="AL1378">
        <v>0</v>
      </c>
      <c r="AM1378">
        <v>0</v>
      </c>
      <c r="AN1378">
        <v>0</v>
      </c>
      <c r="AO1378">
        <v>0</v>
      </c>
      <c r="AP1378">
        <v>0</v>
      </c>
      <c r="AQ1378">
        <v>0</v>
      </c>
      <c r="AR1378">
        <v>0</v>
      </c>
      <c r="AS1378">
        <v>0</v>
      </c>
      <c r="AT1378">
        <v>0</v>
      </c>
      <c r="AU1378">
        <v>0</v>
      </c>
      <c r="AV1378">
        <v>0</v>
      </c>
      <c r="AW1378">
        <v>0</v>
      </c>
      <c r="AX1378">
        <v>0</v>
      </c>
      <c r="AY1378">
        <v>0</v>
      </c>
      <c r="AZ1378">
        <v>0</v>
      </c>
      <c r="BA1378">
        <v>0</v>
      </c>
    </row>
    <row r="1379" spans="1:53" x14ac:dyDescent="0.4">
      <c r="A1379">
        <v>1423</v>
      </c>
      <c r="B1379" s="1">
        <v>43257</v>
      </c>
      <c r="C1379">
        <v>2</v>
      </c>
      <c r="D1379" s="1">
        <v>43257.450694444444</v>
      </c>
      <c r="E1379" s="1">
        <v>43257.75277777778</v>
      </c>
      <c r="F1379">
        <v>16500</v>
      </c>
      <c r="G1379">
        <v>1860</v>
      </c>
      <c r="H1379">
        <v>0</v>
      </c>
      <c r="I1379">
        <v>0</v>
      </c>
      <c r="J1379">
        <v>0</v>
      </c>
      <c r="K1379">
        <v>0</v>
      </c>
      <c r="L1379">
        <v>0</v>
      </c>
      <c r="M1379">
        <v>1468</v>
      </c>
      <c r="N1379">
        <v>0</v>
      </c>
      <c r="O1379">
        <v>0</v>
      </c>
      <c r="P1379">
        <v>11340</v>
      </c>
      <c r="Q1379">
        <v>0</v>
      </c>
      <c r="R1379">
        <v>31168</v>
      </c>
      <c r="S1379">
        <v>0</v>
      </c>
      <c r="T1379">
        <v>0</v>
      </c>
      <c r="U1379">
        <v>0</v>
      </c>
      <c r="V1379">
        <v>1</v>
      </c>
      <c r="W1379">
        <v>1</v>
      </c>
      <c r="X1379">
        <v>0</v>
      </c>
      <c r="Y1379">
        <v>40</v>
      </c>
      <c r="Z1379">
        <v>26</v>
      </c>
      <c r="AA1379">
        <v>95</v>
      </c>
      <c r="AB1379">
        <v>31</v>
      </c>
      <c r="AC1379">
        <v>183</v>
      </c>
      <c r="AD1379">
        <v>39</v>
      </c>
      <c r="AE1379">
        <v>93</v>
      </c>
      <c r="AF1379">
        <v>0</v>
      </c>
      <c r="AG1379">
        <v>81168</v>
      </c>
      <c r="AH1379">
        <v>50000</v>
      </c>
      <c r="AI1379">
        <v>0</v>
      </c>
      <c r="AJ1379">
        <v>99</v>
      </c>
      <c r="AK1379" t="s">
        <v>9</v>
      </c>
      <c r="AL1379">
        <v>0</v>
      </c>
      <c r="AM1379">
        <v>0</v>
      </c>
      <c r="AN1379">
        <v>0</v>
      </c>
      <c r="AO1379">
        <v>0</v>
      </c>
      <c r="AP1379">
        <v>0</v>
      </c>
      <c r="AQ1379">
        <v>0</v>
      </c>
      <c r="AR1379">
        <v>0</v>
      </c>
      <c r="AS1379">
        <v>0</v>
      </c>
      <c r="AT1379">
        <v>0</v>
      </c>
      <c r="AU1379">
        <v>0</v>
      </c>
      <c r="AV1379">
        <v>0</v>
      </c>
      <c r="AW1379">
        <v>0</v>
      </c>
      <c r="AX1379">
        <v>0</v>
      </c>
      <c r="AY1379">
        <v>35</v>
      </c>
      <c r="AZ1379">
        <v>53</v>
      </c>
      <c r="BA1379">
        <v>4516</v>
      </c>
    </row>
    <row r="1380" spans="1:53" x14ac:dyDescent="0.4">
      <c r="A1380">
        <v>1424</v>
      </c>
      <c r="B1380" s="1">
        <v>43257</v>
      </c>
      <c r="C1380">
        <v>3</v>
      </c>
      <c r="D1380" s="1">
        <v>43257.75277777778</v>
      </c>
      <c r="E1380" s="1">
        <v>43257.943749999999</v>
      </c>
      <c r="F1380">
        <v>26640</v>
      </c>
      <c r="G1380">
        <v>0</v>
      </c>
      <c r="H1380">
        <v>0</v>
      </c>
      <c r="I1380">
        <v>0</v>
      </c>
      <c r="J1380">
        <v>380</v>
      </c>
      <c r="K1380">
        <v>0</v>
      </c>
      <c r="L1380">
        <v>0</v>
      </c>
      <c r="M1380">
        <v>2101</v>
      </c>
      <c r="N1380">
        <v>0</v>
      </c>
      <c r="O1380">
        <v>0</v>
      </c>
      <c r="P1380">
        <v>2268</v>
      </c>
      <c r="Q1380">
        <v>0</v>
      </c>
      <c r="R1380">
        <v>30629</v>
      </c>
      <c r="S1380">
        <v>0</v>
      </c>
      <c r="T1380">
        <v>0</v>
      </c>
      <c r="U1380">
        <v>0</v>
      </c>
      <c r="V1380">
        <v>4</v>
      </c>
      <c r="W1380">
        <v>2</v>
      </c>
      <c r="X1380">
        <v>0</v>
      </c>
      <c r="Y1380">
        <v>33</v>
      </c>
      <c r="Z1380">
        <v>27</v>
      </c>
      <c r="AA1380">
        <v>90</v>
      </c>
      <c r="AB1380">
        <v>32</v>
      </c>
      <c r="AC1380">
        <v>196</v>
      </c>
      <c r="AD1380">
        <v>39</v>
      </c>
      <c r="AE1380">
        <v>101</v>
      </c>
      <c r="AF1380">
        <v>2441</v>
      </c>
      <c r="AG1380">
        <v>111797</v>
      </c>
      <c r="AH1380">
        <v>50000</v>
      </c>
      <c r="AI1380">
        <v>0</v>
      </c>
      <c r="AJ1380">
        <v>99</v>
      </c>
      <c r="AK1380" t="s">
        <v>9</v>
      </c>
      <c r="AL1380">
        <v>0</v>
      </c>
      <c r="AM1380">
        <v>0</v>
      </c>
      <c r="AN1380">
        <v>0</v>
      </c>
      <c r="AO1380">
        <v>0</v>
      </c>
      <c r="AP1380">
        <v>0</v>
      </c>
      <c r="AQ1380">
        <v>0</v>
      </c>
      <c r="AR1380">
        <v>0</v>
      </c>
      <c r="AS1380">
        <v>0</v>
      </c>
      <c r="AT1380">
        <v>0</v>
      </c>
      <c r="AU1380">
        <v>0</v>
      </c>
      <c r="AV1380">
        <v>0</v>
      </c>
      <c r="AW1380">
        <v>0</v>
      </c>
      <c r="AX1380">
        <v>29441</v>
      </c>
      <c r="AY1380">
        <v>12</v>
      </c>
      <c r="AZ1380">
        <v>47</v>
      </c>
      <c r="BA1380">
        <v>2175</v>
      </c>
    </row>
    <row r="1381" spans="1:53" x14ac:dyDescent="0.4">
      <c r="A1381">
        <v>1425</v>
      </c>
      <c r="B1381" s="1">
        <v>43258</v>
      </c>
      <c r="C1381">
        <v>1</v>
      </c>
      <c r="D1381" s="1">
        <v>43258.291666666664</v>
      </c>
      <c r="E1381" s="1">
        <v>43258.451388888891</v>
      </c>
      <c r="F1381">
        <v>0</v>
      </c>
      <c r="G1381">
        <v>0</v>
      </c>
      <c r="H1381">
        <v>0</v>
      </c>
      <c r="I1381">
        <v>0</v>
      </c>
      <c r="J1381">
        <v>0</v>
      </c>
      <c r="K1381">
        <v>0</v>
      </c>
      <c r="L1381">
        <v>0</v>
      </c>
      <c r="M1381">
        <v>0</v>
      </c>
      <c r="N1381">
        <v>0</v>
      </c>
      <c r="O1381">
        <v>0</v>
      </c>
      <c r="P1381">
        <v>0</v>
      </c>
      <c r="Q1381">
        <v>0</v>
      </c>
      <c r="R1381">
        <v>0</v>
      </c>
      <c r="S1381">
        <v>0</v>
      </c>
      <c r="T1381">
        <v>0</v>
      </c>
      <c r="U1381">
        <v>0</v>
      </c>
      <c r="V1381">
        <v>0</v>
      </c>
      <c r="W1381">
        <v>0</v>
      </c>
      <c r="X1381">
        <v>0</v>
      </c>
      <c r="Y1381">
        <v>27</v>
      </c>
      <c r="Z1381">
        <v>25</v>
      </c>
      <c r="AA1381">
        <v>73</v>
      </c>
      <c r="AB1381">
        <v>30</v>
      </c>
      <c r="AC1381">
        <v>140</v>
      </c>
      <c r="AD1381">
        <v>41</v>
      </c>
      <c r="AE1381">
        <v>95</v>
      </c>
      <c r="AF1381">
        <v>0</v>
      </c>
      <c r="AG1381">
        <v>50000</v>
      </c>
      <c r="AH1381">
        <v>0</v>
      </c>
      <c r="AI1381">
        <v>50000</v>
      </c>
      <c r="AJ1381">
        <v>0</v>
      </c>
      <c r="AK1381" t="s">
        <v>6</v>
      </c>
      <c r="AL1381">
        <v>0</v>
      </c>
      <c r="AM1381">
        <v>0</v>
      </c>
      <c r="AN1381">
        <v>0</v>
      </c>
      <c r="AO1381">
        <v>0</v>
      </c>
      <c r="AP1381">
        <v>0</v>
      </c>
      <c r="AQ1381">
        <v>0</v>
      </c>
      <c r="AR1381">
        <v>0</v>
      </c>
      <c r="AS1381">
        <v>0</v>
      </c>
      <c r="AT1381">
        <v>0</v>
      </c>
      <c r="AU1381">
        <v>0</v>
      </c>
      <c r="AV1381">
        <v>0</v>
      </c>
      <c r="AW1381">
        <v>0</v>
      </c>
      <c r="AX1381">
        <v>0</v>
      </c>
      <c r="AY1381">
        <v>0</v>
      </c>
      <c r="AZ1381">
        <v>0</v>
      </c>
      <c r="BA1381">
        <v>0</v>
      </c>
    </row>
    <row r="1382" spans="1:53" x14ac:dyDescent="0.4">
      <c r="A1382">
        <v>1426</v>
      </c>
      <c r="B1382" s="1">
        <v>43258</v>
      </c>
      <c r="C1382">
        <v>2</v>
      </c>
      <c r="D1382" s="1">
        <v>43258.451388888891</v>
      </c>
      <c r="E1382" s="1">
        <v>43258.736111111109</v>
      </c>
      <c r="F1382">
        <v>14500</v>
      </c>
      <c r="G1382">
        <v>380</v>
      </c>
      <c r="H1382">
        <v>0</v>
      </c>
      <c r="I1382">
        <v>0</v>
      </c>
      <c r="J1382">
        <v>0</v>
      </c>
      <c r="K1382">
        <v>0</v>
      </c>
      <c r="L1382">
        <v>0</v>
      </c>
      <c r="M1382">
        <v>1190</v>
      </c>
      <c r="N1382">
        <v>0</v>
      </c>
      <c r="O1382">
        <v>0</v>
      </c>
      <c r="P1382">
        <v>13500</v>
      </c>
      <c r="Q1382">
        <v>0</v>
      </c>
      <c r="R1382">
        <v>29570</v>
      </c>
      <c r="S1382">
        <v>0</v>
      </c>
      <c r="T1382">
        <v>0</v>
      </c>
      <c r="U1382">
        <v>0</v>
      </c>
      <c r="V1382">
        <v>1</v>
      </c>
      <c r="W1382">
        <v>3</v>
      </c>
      <c r="X1382">
        <v>0</v>
      </c>
      <c r="Y1382">
        <v>18</v>
      </c>
      <c r="Z1382">
        <v>37</v>
      </c>
      <c r="AA1382">
        <v>78</v>
      </c>
      <c r="AB1382">
        <v>33</v>
      </c>
      <c r="AC1382">
        <v>180</v>
      </c>
      <c r="AD1382">
        <v>49</v>
      </c>
      <c r="AE1382">
        <v>90</v>
      </c>
      <c r="AF1382">
        <v>6485</v>
      </c>
      <c r="AG1382">
        <v>79570</v>
      </c>
      <c r="AH1382">
        <v>50000</v>
      </c>
      <c r="AI1382">
        <v>0</v>
      </c>
      <c r="AJ1382">
        <v>96</v>
      </c>
      <c r="AK1382" t="s">
        <v>4</v>
      </c>
      <c r="AL1382">
        <v>0</v>
      </c>
      <c r="AM1382">
        <v>0</v>
      </c>
      <c r="AN1382">
        <v>0</v>
      </c>
      <c r="AO1382">
        <v>0</v>
      </c>
      <c r="AP1382">
        <v>0</v>
      </c>
      <c r="AQ1382">
        <v>0</v>
      </c>
      <c r="AR1382">
        <v>0</v>
      </c>
      <c r="AS1382">
        <v>0</v>
      </c>
      <c r="AT1382">
        <v>0</v>
      </c>
      <c r="AU1382">
        <v>0</v>
      </c>
      <c r="AV1382">
        <v>0</v>
      </c>
      <c r="AW1382">
        <v>0</v>
      </c>
      <c r="AX1382">
        <v>-1620</v>
      </c>
      <c r="AY1382">
        <v>31</v>
      </c>
      <c r="AZ1382">
        <v>54</v>
      </c>
      <c r="BA1382">
        <v>3533</v>
      </c>
    </row>
    <row r="1383" spans="1:53" x14ac:dyDescent="0.4">
      <c r="A1383">
        <v>1427</v>
      </c>
      <c r="B1383" s="1">
        <v>43258</v>
      </c>
      <c r="C1383">
        <v>3</v>
      </c>
      <c r="D1383" s="1">
        <v>43258.736111111109</v>
      </c>
      <c r="E1383" s="1">
        <v>43258.962500000001</v>
      </c>
      <c r="F1383">
        <v>33340</v>
      </c>
      <c r="G1383">
        <v>800</v>
      </c>
      <c r="H1383">
        <v>0</v>
      </c>
      <c r="I1383">
        <v>0</v>
      </c>
      <c r="J1383">
        <v>0</v>
      </c>
      <c r="K1383">
        <v>0</v>
      </c>
      <c r="L1383">
        <v>0</v>
      </c>
      <c r="M1383">
        <v>2731</v>
      </c>
      <c r="N1383">
        <v>0</v>
      </c>
      <c r="O1383">
        <v>0</v>
      </c>
      <c r="P1383">
        <v>-9612</v>
      </c>
      <c r="Q1383">
        <v>0</v>
      </c>
      <c r="R1383">
        <v>27259</v>
      </c>
      <c r="S1383">
        <v>0</v>
      </c>
      <c r="T1383">
        <v>0</v>
      </c>
      <c r="U1383">
        <v>0</v>
      </c>
      <c r="V1383">
        <v>3</v>
      </c>
      <c r="W1383">
        <v>2</v>
      </c>
      <c r="X1383">
        <v>0</v>
      </c>
      <c r="Y1383">
        <v>32</v>
      </c>
      <c r="Z1383">
        <v>37</v>
      </c>
      <c r="AA1383">
        <v>63</v>
      </c>
      <c r="AB1383">
        <v>29</v>
      </c>
      <c r="AC1383">
        <v>177</v>
      </c>
      <c r="AD1383">
        <v>46</v>
      </c>
      <c r="AE1383">
        <v>94</v>
      </c>
      <c r="AF1383">
        <v>6485</v>
      </c>
      <c r="AG1383">
        <v>106829</v>
      </c>
      <c r="AH1383">
        <v>50000</v>
      </c>
      <c r="AI1383">
        <v>0</v>
      </c>
      <c r="AJ1383">
        <v>100</v>
      </c>
      <c r="AK1383" t="s">
        <v>0</v>
      </c>
      <c r="AL1383">
        <v>0</v>
      </c>
      <c r="AM1383">
        <v>0</v>
      </c>
      <c r="AN1383">
        <v>0</v>
      </c>
      <c r="AO1383">
        <v>0</v>
      </c>
      <c r="AP1383">
        <v>0</v>
      </c>
      <c r="AQ1383">
        <v>0</v>
      </c>
      <c r="AR1383">
        <v>0</v>
      </c>
      <c r="AS1383">
        <v>0</v>
      </c>
      <c r="AT1383">
        <v>0</v>
      </c>
      <c r="AU1383">
        <v>0</v>
      </c>
      <c r="AV1383">
        <v>0</v>
      </c>
      <c r="AW1383">
        <v>0</v>
      </c>
      <c r="AX1383">
        <v>22572</v>
      </c>
      <c r="AY1383">
        <v>17</v>
      </c>
      <c r="AZ1383">
        <v>41</v>
      </c>
      <c r="BA1383">
        <v>3053</v>
      </c>
    </row>
    <row r="1384" spans="1:53" x14ac:dyDescent="0.4">
      <c r="A1384">
        <v>1428</v>
      </c>
      <c r="B1384" s="1">
        <v>43258</v>
      </c>
      <c r="C1384">
        <v>4</v>
      </c>
      <c r="D1384" s="1">
        <v>43258.962500000001</v>
      </c>
      <c r="E1384" s="1">
        <v>43259.112500000003</v>
      </c>
      <c r="F1384">
        <v>42520</v>
      </c>
      <c r="G1384">
        <v>2480</v>
      </c>
      <c r="H1384">
        <v>0</v>
      </c>
      <c r="I1384">
        <v>0</v>
      </c>
      <c r="J1384">
        <v>0</v>
      </c>
      <c r="K1384">
        <v>0</v>
      </c>
      <c r="L1384">
        <v>0</v>
      </c>
      <c r="M1384">
        <v>3600</v>
      </c>
      <c r="N1384">
        <v>0</v>
      </c>
      <c r="O1384">
        <v>0</v>
      </c>
      <c r="P1384">
        <v>7776</v>
      </c>
      <c r="Q1384">
        <v>0</v>
      </c>
      <c r="R1384">
        <v>56376</v>
      </c>
      <c r="S1384">
        <v>0</v>
      </c>
      <c r="T1384">
        <v>0</v>
      </c>
      <c r="U1384">
        <v>0</v>
      </c>
      <c r="V1384">
        <v>7</v>
      </c>
      <c r="W1384">
        <v>1</v>
      </c>
      <c r="X1384">
        <v>0</v>
      </c>
      <c r="Y1384">
        <v>47</v>
      </c>
      <c r="Z1384">
        <v>35</v>
      </c>
      <c r="AA1384">
        <v>58</v>
      </c>
      <c r="AB1384">
        <v>28</v>
      </c>
      <c r="AC1384">
        <v>162</v>
      </c>
      <c r="AD1384">
        <v>44</v>
      </c>
      <c r="AE1384">
        <v>80</v>
      </c>
      <c r="AF1384">
        <v>14585</v>
      </c>
      <c r="AG1384">
        <v>163205</v>
      </c>
      <c r="AH1384">
        <v>50000</v>
      </c>
      <c r="AI1384">
        <v>0</v>
      </c>
      <c r="AJ1384">
        <v>100</v>
      </c>
      <c r="AK1384" t="s">
        <v>0</v>
      </c>
      <c r="AL1384">
        <v>0</v>
      </c>
      <c r="AM1384">
        <v>0</v>
      </c>
      <c r="AN1384">
        <v>0</v>
      </c>
      <c r="AO1384">
        <v>0</v>
      </c>
      <c r="AP1384">
        <v>0</v>
      </c>
      <c r="AQ1384">
        <v>0</v>
      </c>
      <c r="AR1384">
        <v>0</v>
      </c>
      <c r="AS1384">
        <v>0</v>
      </c>
      <c r="AT1384">
        <v>0</v>
      </c>
      <c r="AU1384">
        <v>0</v>
      </c>
      <c r="AV1384">
        <v>0</v>
      </c>
      <c r="AW1384">
        <v>0</v>
      </c>
      <c r="AX1384">
        <v>-2376</v>
      </c>
      <c r="AY1384">
        <v>6</v>
      </c>
      <c r="AZ1384">
        <v>14</v>
      </c>
      <c r="BA1384">
        <v>797</v>
      </c>
    </row>
    <row r="1385" spans="1:53" x14ac:dyDescent="0.4">
      <c r="A1385">
        <v>1429</v>
      </c>
      <c r="B1385" s="1">
        <v>43259</v>
      </c>
      <c r="C1385">
        <v>1</v>
      </c>
      <c r="D1385" s="1">
        <v>43259.291666666664</v>
      </c>
      <c r="E1385" s="1">
        <v>43259.453472222223</v>
      </c>
      <c r="F1385">
        <v>0</v>
      </c>
      <c r="G1385">
        <v>0</v>
      </c>
      <c r="H1385">
        <v>0</v>
      </c>
      <c r="I1385">
        <v>0</v>
      </c>
      <c r="J1385">
        <v>0</v>
      </c>
      <c r="K1385">
        <v>0</v>
      </c>
      <c r="L1385">
        <v>0</v>
      </c>
      <c r="M1385">
        <v>0</v>
      </c>
      <c r="N1385">
        <v>0</v>
      </c>
      <c r="O1385">
        <v>0</v>
      </c>
      <c r="P1385">
        <v>0</v>
      </c>
      <c r="Q1385">
        <v>0</v>
      </c>
      <c r="R1385">
        <v>0</v>
      </c>
      <c r="S1385">
        <v>0</v>
      </c>
      <c r="T1385">
        <v>0</v>
      </c>
      <c r="U1385">
        <v>0</v>
      </c>
      <c r="V1385">
        <v>0</v>
      </c>
      <c r="W1385">
        <v>0</v>
      </c>
      <c r="X1385">
        <v>0</v>
      </c>
      <c r="Y1385">
        <v>34</v>
      </c>
      <c r="Z1385">
        <v>16</v>
      </c>
      <c r="AA1385">
        <v>54</v>
      </c>
      <c r="AB1385">
        <v>26</v>
      </c>
      <c r="AC1385">
        <v>101</v>
      </c>
      <c r="AD1385">
        <v>43</v>
      </c>
      <c r="AE1385">
        <v>75</v>
      </c>
      <c r="AF1385">
        <v>0</v>
      </c>
      <c r="AG1385">
        <v>50000</v>
      </c>
      <c r="AH1385">
        <v>0</v>
      </c>
      <c r="AI1385">
        <v>50000</v>
      </c>
      <c r="AJ1385">
        <v>0</v>
      </c>
      <c r="AK1385" t="s">
        <v>6</v>
      </c>
      <c r="AL1385">
        <v>0</v>
      </c>
      <c r="AM1385">
        <v>0</v>
      </c>
      <c r="AN1385">
        <v>0</v>
      </c>
      <c r="AO1385">
        <v>0</v>
      </c>
      <c r="AP1385">
        <v>0</v>
      </c>
      <c r="AQ1385">
        <v>0</v>
      </c>
      <c r="AR1385">
        <v>0</v>
      </c>
      <c r="AS1385">
        <v>0</v>
      </c>
      <c r="AT1385">
        <v>0</v>
      </c>
      <c r="AU1385">
        <v>0</v>
      </c>
      <c r="AV1385">
        <v>0</v>
      </c>
      <c r="AW1385">
        <v>0</v>
      </c>
      <c r="AX1385">
        <v>0</v>
      </c>
      <c r="AY1385">
        <v>0</v>
      </c>
      <c r="AZ1385">
        <v>0</v>
      </c>
      <c r="BA1385">
        <v>0</v>
      </c>
    </row>
    <row r="1386" spans="1:53" x14ac:dyDescent="0.4">
      <c r="A1386">
        <v>1430</v>
      </c>
      <c r="B1386" s="1">
        <v>43259</v>
      </c>
      <c r="C1386">
        <v>2</v>
      </c>
      <c r="D1386" s="1">
        <v>43259.453472222223</v>
      </c>
      <c r="E1386" s="1">
        <v>43259.743055555555</v>
      </c>
      <c r="F1386">
        <v>14000</v>
      </c>
      <c r="G1386">
        <v>1360</v>
      </c>
      <c r="H1386">
        <v>0</v>
      </c>
      <c r="I1386">
        <v>0</v>
      </c>
      <c r="J1386">
        <v>0</v>
      </c>
      <c r="K1386">
        <v>0</v>
      </c>
      <c r="L1386">
        <v>0</v>
      </c>
      <c r="M1386">
        <v>1229</v>
      </c>
      <c r="N1386">
        <v>0</v>
      </c>
      <c r="O1386">
        <v>0</v>
      </c>
      <c r="P1386">
        <v>18360</v>
      </c>
      <c r="Q1386">
        <v>0</v>
      </c>
      <c r="R1386">
        <v>34949</v>
      </c>
      <c r="S1386">
        <v>0</v>
      </c>
      <c r="T1386">
        <v>0</v>
      </c>
      <c r="U1386">
        <v>0</v>
      </c>
      <c r="V1386">
        <v>1</v>
      </c>
      <c r="W1386">
        <v>1</v>
      </c>
      <c r="X1386">
        <v>0</v>
      </c>
      <c r="Y1386">
        <v>48</v>
      </c>
      <c r="Z1386">
        <v>27</v>
      </c>
      <c r="AA1386">
        <v>54</v>
      </c>
      <c r="AB1386">
        <v>23</v>
      </c>
      <c r="AC1386">
        <v>160</v>
      </c>
      <c r="AD1386">
        <v>44</v>
      </c>
      <c r="AE1386">
        <v>79</v>
      </c>
      <c r="AF1386">
        <v>0</v>
      </c>
      <c r="AG1386">
        <v>84949</v>
      </c>
      <c r="AH1386">
        <v>50000</v>
      </c>
      <c r="AI1386">
        <v>0</v>
      </c>
      <c r="AJ1386">
        <v>96</v>
      </c>
      <c r="AK1386" t="s">
        <v>4</v>
      </c>
      <c r="AL1386">
        <v>0</v>
      </c>
      <c r="AM1386">
        <v>0</v>
      </c>
      <c r="AN1386">
        <v>0</v>
      </c>
      <c r="AO1386">
        <v>0</v>
      </c>
      <c r="AP1386">
        <v>0</v>
      </c>
      <c r="AQ1386">
        <v>0</v>
      </c>
      <c r="AR1386">
        <v>0</v>
      </c>
      <c r="AS1386">
        <v>0</v>
      </c>
      <c r="AT1386">
        <v>0</v>
      </c>
      <c r="AU1386">
        <v>0</v>
      </c>
      <c r="AV1386">
        <v>0</v>
      </c>
      <c r="AW1386">
        <v>0</v>
      </c>
      <c r="AX1386">
        <v>259</v>
      </c>
      <c r="AY1386">
        <v>36</v>
      </c>
      <c r="AZ1386">
        <v>62</v>
      </c>
      <c r="BA1386">
        <v>4705</v>
      </c>
    </row>
    <row r="1387" spans="1:53" x14ac:dyDescent="0.4">
      <c r="A1387">
        <v>1431</v>
      </c>
      <c r="B1387" s="1">
        <v>43260</v>
      </c>
      <c r="C1387">
        <v>1</v>
      </c>
      <c r="D1387" s="1">
        <v>43260.291666666664</v>
      </c>
      <c r="E1387" s="1">
        <v>43260.739583333336</v>
      </c>
      <c r="F1387">
        <v>37500</v>
      </c>
      <c r="G1387">
        <v>1740</v>
      </c>
      <c r="H1387">
        <v>0</v>
      </c>
      <c r="I1387">
        <v>0</v>
      </c>
      <c r="J1387">
        <v>0</v>
      </c>
      <c r="K1387">
        <v>0</v>
      </c>
      <c r="L1387">
        <v>0</v>
      </c>
      <c r="M1387">
        <v>3139</v>
      </c>
      <c r="N1387">
        <v>0</v>
      </c>
      <c r="O1387">
        <v>0</v>
      </c>
      <c r="P1387">
        <v>34290</v>
      </c>
      <c r="Q1387">
        <v>0</v>
      </c>
      <c r="R1387">
        <v>76669</v>
      </c>
      <c r="S1387">
        <v>0</v>
      </c>
      <c r="T1387">
        <v>0</v>
      </c>
      <c r="U1387">
        <v>0</v>
      </c>
      <c r="V1387">
        <v>2</v>
      </c>
      <c r="W1387">
        <v>5</v>
      </c>
      <c r="X1387">
        <v>0</v>
      </c>
      <c r="Y1387">
        <v>54</v>
      </c>
      <c r="Z1387">
        <v>35</v>
      </c>
      <c r="AA1387">
        <v>66</v>
      </c>
      <c r="AB1387">
        <v>20</v>
      </c>
      <c r="AC1387">
        <v>225</v>
      </c>
      <c r="AD1387">
        <v>44</v>
      </c>
      <c r="AE1387">
        <v>99</v>
      </c>
      <c r="AF1387">
        <v>0</v>
      </c>
      <c r="AG1387">
        <v>126669</v>
      </c>
      <c r="AH1387">
        <v>50000</v>
      </c>
      <c r="AI1387">
        <v>0</v>
      </c>
      <c r="AJ1387">
        <v>92</v>
      </c>
      <c r="AK1387" t="s">
        <v>22</v>
      </c>
      <c r="AL1387">
        <v>0</v>
      </c>
      <c r="AM1387">
        <v>0</v>
      </c>
      <c r="AN1387">
        <v>0</v>
      </c>
      <c r="AO1387">
        <v>0</v>
      </c>
      <c r="AP1387">
        <v>0</v>
      </c>
      <c r="AQ1387">
        <v>0</v>
      </c>
      <c r="AR1387">
        <v>0</v>
      </c>
      <c r="AS1387">
        <v>0</v>
      </c>
      <c r="AT1387">
        <v>0</v>
      </c>
      <c r="AU1387">
        <v>0</v>
      </c>
      <c r="AV1387">
        <v>0</v>
      </c>
      <c r="AW1387">
        <v>0</v>
      </c>
      <c r="AX1387">
        <v>4665</v>
      </c>
      <c r="AY1387">
        <v>52</v>
      </c>
      <c r="AZ1387">
        <v>134</v>
      </c>
      <c r="BA1387">
        <v>7574</v>
      </c>
    </row>
    <row r="1388" spans="1:53" x14ac:dyDescent="0.4">
      <c r="A1388">
        <v>1432</v>
      </c>
      <c r="B1388" s="1">
        <v>43261</v>
      </c>
      <c r="C1388">
        <v>1</v>
      </c>
      <c r="D1388" s="1">
        <v>43261.291666666664</v>
      </c>
      <c r="E1388" s="1">
        <v>43261.413888888892</v>
      </c>
      <c r="F1388">
        <v>0</v>
      </c>
      <c r="G1388">
        <v>0</v>
      </c>
      <c r="H1388">
        <v>0</v>
      </c>
      <c r="I1388">
        <v>0</v>
      </c>
      <c r="J1388">
        <v>0</v>
      </c>
      <c r="K1388">
        <v>0</v>
      </c>
      <c r="L1388">
        <v>0</v>
      </c>
      <c r="M1388">
        <v>0</v>
      </c>
      <c r="N1388">
        <v>0</v>
      </c>
      <c r="O1388">
        <v>0</v>
      </c>
      <c r="P1388">
        <v>0</v>
      </c>
      <c r="Q1388">
        <v>0</v>
      </c>
      <c r="R1388">
        <v>0</v>
      </c>
      <c r="S1388">
        <v>0</v>
      </c>
      <c r="T1388">
        <v>0</v>
      </c>
      <c r="U1388">
        <v>0</v>
      </c>
      <c r="V1388">
        <v>0</v>
      </c>
      <c r="W1388">
        <v>0</v>
      </c>
      <c r="X1388">
        <v>0</v>
      </c>
      <c r="Y1388">
        <v>36</v>
      </c>
      <c r="Z1388">
        <v>11</v>
      </c>
      <c r="AA1388">
        <v>64</v>
      </c>
      <c r="AB1388">
        <v>15</v>
      </c>
      <c r="AC1388">
        <v>112</v>
      </c>
      <c r="AD1388">
        <v>35</v>
      </c>
      <c r="AE1388">
        <v>55</v>
      </c>
      <c r="AF1388">
        <v>0</v>
      </c>
      <c r="AG1388">
        <v>50000</v>
      </c>
      <c r="AH1388">
        <v>0</v>
      </c>
      <c r="AI1388">
        <v>50000</v>
      </c>
      <c r="AJ1388">
        <v>0</v>
      </c>
      <c r="AK1388" t="s">
        <v>6</v>
      </c>
      <c r="AL1388">
        <v>0</v>
      </c>
      <c r="AM1388">
        <v>0</v>
      </c>
      <c r="AN1388">
        <v>0</v>
      </c>
      <c r="AO1388">
        <v>0</v>
      </c>
      <c r="AP1388">
        <v>0</v>
      </c>
      <c r="AQ1388">
        <v>0</v>
      </c>
      <c r="AR1388">
        <v>0</v>
      </c>
      <c r="AS1388">
        <v>0</v>
      </c>
      <c r="AT1388">
        <v>0</v>
      </c>
      <c r="AU1388">
        <v>0</v>
      </c>
      <c r="AV1388">
        <v>0</v>
      </c>
      <c r="AW1388">
        <v>0</v>
      </c>
      <c r="AX1388">
        <v>0</v>
      </c>
      <c r="AY1388">
        <v>0</v>
      </c>
      <c r="AZ1388">
        <v>0</v>
      </c>
      <c r="BA1388">
        <v>0</v>
      </c>
    </row>
    <row r="1389" spans="1:53" x14ac:dyDescent="0.4">
      <c r="A1389">
        <v>1433</v>
      </c>
      <c r="B1389" s="1">
        <v>43261</v>
      </c>
      <c r="C1389">
        <v>2</v>
      </c>
      <c r="D1389" s="1">
        <v>43261.413888888892</v>
      </c>
      <c r="E1389" s="1">
        <v>43261.753472222219</v>
      </c>
      <c r="F1389">
        <v>50000</v>
      </c>
      <c r="G1389">
        <v>4960</v>
      </c>
      <c r="H1389">
        <v>0</v>
      </c>
      <c r="I1389">
        <v>0</v>
      </c>
      <c r="J1389">
        <v>0</v>
      </c>
      <c r="K1389">
        <v>0</v>
      </c>
      <c r="L1389">
        <v>0</v>
      </c>
      <c r="M1389">
        <v>4395</v>
      </c>
      <c r="N1389">
        <v>0</v>
      </c>
      <c r="O1389">
        <v>0</v>
      </c>
      <c r="P1389">
        <v>26460</v>
      </c>
      <c r="Q1389">
        <v>0</v>
      </c>
      <c r="R1389">
        <v>85815</v>
      </c>
      <c r="S1389">
        <v>0</v>
      </c>
      <c r="T1389">
        <v>0</v>
      </c>
      <c r="U1389">
        <v>0</v>
      </c>
      <c r="V1389">
        <v>0</v>
      </c>
      <c r="W1389">
        <v>2</v>
      </c>
      <c r="X1389">
        <v>0</v>
      </c>
      <c r="Y1389">
        <v>87</v>
      </c>
      <c r="Z1389">
        <v>46</v>
      </c>
      <c r="AA1389">
        <v>89</v>
      </c>
      <c r="AB1389">
        <v>22</v>
      </c>
      <c r="AC1389">
        <v>260</v>
      </c>
      <c r="AD1389">
        <v>38</v>
      </c>
      <c r="AE1389">
        <v>65</v>
      </c>
      <c r="AF1389">
        <v>0</v>
      </c>
      <c r="AG1389">
        <v>132855</v>
      </c>
      <c r="AH1389">
        <v>50000</v>
      </c>
      <c r="AI1389">
        <v>-2960</v>
      </c>
      <c r="AJ1389">
        <v>96</v>
      </c>
      <c r="AK1389" t="s">
        <v>4</v>
      </c>
      <c r="AL1389">
        <v>0</v>
      </c>
      <c r="AM1389">
        <v>0</v>
      </c>
      <c r="AN1389">
        <v>0</v>
      </c>
      <c r="AO1389">
        <v>0</v>
      </c>
      <c r="AP1389">
        <v>0</v>
      </c>
      <c r="AQ1389">
        <v>0</v>
      </c>
      <c r="AR1389">
        <v>0</v>
      </c>
      <c r="AS1389">
        <v>0</v>
      </c>
      <c r="AT1389">
        <v>0</v>
      </c>
      <c r="AU1389">
        <v>0</v>
      </c>
      <c r="AV1389">
        <v>0</v>
      </c>
      <c r="AW1389">
        <v>0</v>
      </c>
      <c r="AX1389">
        <v>0</v>
      </c>
      <c r="AY1389">
        <v>54</v>
      </c>
      <c r="AZ1389">
        <v>144</v>
      </c>
      <c r="BA1389">
        <v>7791</v>
      </c>
    </row>
    <row r="1390" spans="1:53" x14ac:dyDescent="0.4">
      <c r="A1390">
        <v>1434</v>
      </c>
      <c r="B1390" s="1">
        <v>43261</v>
      </c>
      <c r="C1390">
        <v>3</v>
      </c>
      <c r="D1390" s="1">
        <v>43261.753472222219</v>
      </c>
      <c r="E1390" s="1">
        <v>43261.95416666667</v>
      </c>
      <c r="F1390">
        <v>36000</v>
      </c>
      <c r="G1390">
        <v>1180</v>
      </c>
      <c r="H1390">
        <v>0</v>
      </c>
      <c r="I1390">
        <v>0</v>
      </c>
      <c r="J1390">
        <v>600</v>
      </c>
      <c r="K1390">
        <v>0</v>
      </c>
      <c r="L1390">
        <v>0</v>
      </c>
      <c r="M1390">
        <v>2926</v>
      </c>
      <c r="N1390">
        <v>0</v>
      </c>
      <c r="O1390">
        <v>0</v>
      </c>
      <c r="P1390">
        <v>-4320</v>
      </c>
      <c r="Q1390">
        <v>0</v>
      </c>
      <c r="R1390">
        <v>35186</v>
      </c>
      <c r="S1390">
        <v>0</v>
      </c>
      <c r="T1390">
        <v>0</v>
      </c>
      <c r="U1390">
        <v>0</v>
      </c>
      <c r="V1390">
        <v>1</v>
      </c>
      <c r="W1390">
        <v>1</v>
      </c>
      <c r="X1390">
        <v>0</v>
      </c>
      <c r="Y1390">
        <v>119</v>
      </c>
      <c r="Z1390">
        <v>44</v>
      </c>
      <c r="AA1390">
        <v>84</v>
      </c>
      <c r="AB1390">
        <v>17</v>
      </c>
      <c r="AC1390">
        <v>250</v>
      </c>
      <c r="AD1390">
        <v>37</v>
      </c>
      <c r="AE1390">
        <v>46</v>
      </c>
      <c r="AF1390">
        <v>0</v>
      </c>
      <c r="AG1390">
        <v>167981</v>
      </c>
      <c r="AH1390">
        <v>50000</v>
      </c>
      <c r="AI1390">
        <v>-3020</v>
      </c>
      <c r="AJ1390">
        <v>102</v>
      </c>
      <c r="AK1390" t="s">
        <v>8</v>
      </c>
      <c r="AL1390">
        <v>0</v>
      </c>
      <c r="AM1390">
        <v>0</v>
      </c>
      <c r="AN1390">
        <v>0</v>
      </c>
      <c r="AO1390">
        <v>0</v>
      </c>
      <c r="AP1390">
        <v>0</v>
      </c>
      <c r="AQ1390">
        <v>0</v>
      </c>
      <c r="AR1390">
        <v>0</v>
      </c>
      <c r="AS1390">
        <v>0</v>
      </c>
      <c r="AT1390">
        <v>0</v>
      </c>
      <c r="AU1390">
        <v>0</v>
      </c>
      <c r="AV1390">
        <v>0</v>
      </c>
      <c r="AW1390">
        <v>0</v>
      </c>
      <c r="AX1390">
        <v>15629</v>
      </c>
      <c r="AY1390">
        <v>12</v>
      </c>
      <c r="AZ1390">
        <v>34</v>
      </c>
      <c r="BA1390">
        <v>3195</v>
      </c>
    </row>
    <row r="1391" spans="1:53" x14ac:dyDescent="0.4">
      <c r="A1391">
        <v>1435</v>
      </c>
      <c r="B1391" s="1">
        <v>43262</v>
      </c>
      <c r="C1391">
        <v>1</v>
      </c>
      <c r="D1391" s="1">
        <v>43262.291666666664</v>
      </c>
      <c r="E1391" s="1">
        <v>43262.445833333331</v>
      </c>
      <c r="F1391">
        <v>0</v>
      </c>
      <c r="G1391">
        <v>0</v>
      </c>
      <c r="H1391">
        <v>0</v>
      </c>
      <c r="I1391">
        <v>0</v>
      </c>
      <c r="J1391">
        <v>0</v>
      </c>
      <c r="K1391">
        <v>0</v>
      </c>
      <c r="L1391">
        <v>0</v>
      </c>
      <c r="M1391">
        <v>0</v>
      </c>
      <c r="N1391">
        <v>0</v>
      </c>
      <c r="O1391">
        <v>0</v>
      </c>
      <c r="P1391">
        <v>0</v>
      </c>
      <c r="Q1391">
        <v>0</v>
      </c>
      <c r="R1391">
        <v>0</v>
      </c>
      <c r="S1391">
        <v>0</v>
      </c>
      <c r="T1391">
        <v>0</v>
      </c>
      <c r="U1391">
        <v>0</v>
      </c>
      <c r="V1391">
        <v>0</v>
      </c>
      <c r="W1391">
        <v>0</v>
      </c>
      <c r="X1391">
        <v>0</v>
      </c>
      <c r="Y1391">
        <v>30</v>
      </c>
      <c r="Z1391">
        <v>10</v>
      </c>
      <c r="AA1391">
        <v>127</v>
      </c>
      <c r="AB1391">
        <v>19</v>
      </c>
      <c r="AC1391">
        <v>112</v>
      </c>
      <c r="AD1391">
        <v>35</v>
      </c>
      <c r="AE1391">
        <v>55</v>
      </c>
      <c r="AF1391">
        <v>0</v>
      </c>
      <c r="AG1391">
        <v>50000</v>
      </c>
      <c r="AH1391">
        <v>0</v>
      </c>
      <c r="AI1391">
        <v>50000</v>
      </c>
      <c r="AJ1391">
        <v>0</v>
      </c>
      <c r="AK1391" t="s">
        <v>6</v>
      </c>
      <c r="AL1391">
        <v>0</v>
      </c>
      <c r="AM1391">
        <v>0</v>
      </c>
      <c r="AN1391">
        <v>0</v>
      </c>
      <c r="AO1391">
        <v>0</v>
      </c>
      <c r="AP1391">
        <v>0</v>
      </c>
      <c r="AQ1391">
        <v>0</v>
      </c>
      <c r="AR1391">
        <v>0</v>
      </c>
      <c r="AS1391">
        <v>0</v>
      </c>
      <c r="AT1391">
        <v>0</v>
      </c>
      <c r="AU1391">
        <v>0</v>
      </c>
      <c r="AV1391">
        <v>0</v>
      </c>
      <c r="AW1391">
        <v>0</v>
      </c>
      <c r="AX1391">
        <v>0</v>
      </c>
      <c r="AY1391">
        <v>0</v>
      </c>
      <c r="AZ1391">
        <v>0</v>
      </c>
      <c r="BA1391">
        <v>0</v>
      </c>
    </row>
    <row r="1392" spans="1:53" x14ac:dyDescent="0.4">
      <c r="A1392">
        <v>1436</v>
      </c>
      <c r="B1392" s="1">
        <v>43262</v>
      </c>
      <c r="C1392">
        <v>2</v>
      </c>
      <c r="D1392" s="1">
        <v>43262.445833333331</v>
      </c>
      <c r="E1392" s="1">
        <v>43262.738194444442</v>
      </c>
      <c r="F1392">
        <v>14500</v>
      </c>
      <c r="G1392">
        <v>840</v>
      </c>
      <c r="H1392">
        <v>0</v>
      </c>
      <c r="I1392">
        <v>0</v>
      </c>
      <c r="J1392">
        <v>0</v>
      </c>
      <c r="K1392">
        <v>0</v>
      </c>
      <c r="L1392">
        <v>0</v>
      </c>
      <c r="M1392">
        <v>1227</v>
      </c>
      <c r="N1392">
        <v>0</v>
      </c>
      <c r="O1392">
        <v>0</v>
      </c>
      <c r="P1392">
        <v>20520</v>
      </c>
      <c r="Q1392">
        <v>0</v>
      </c>
      <c r="R1392">
        <v>37087</v>
      </c>
      <c r="S1392">
        <v>0</v>
      </c>
      <c r="T1392">
        <v>0</v>
      </c>
      <c r="U1392">
        <v>0</v>
      </c>
      <c r="V1392">
        <v>0</v>
      </c>
      <c r="W1392">
        <v>0</v>
      </c>
      <c r="X1392">
        <v>0</v>
      </c>
      <c r="Y1392">
        <v>59</v>
      </c>
      <c r="Z1392">
        <v>20</v>
      </c>
      <c r="AA1392">
        <v>134</v>
      </c>
      <c r="AB1392">
        <v>15</v>
      </c>
      <c r="AC1392">
        <v>190</v>
      </c>
      <c r="AD1392">
        <v>37</v>
      </c>
      <c r="AE1392">
        <v>58</v>
      </c>
      <c r="AF1392">
        <v>1794</v>
      </c>
      <c r="AG1392">
        <v>87087</v>
      </c>
      <c r="AH1392">
        <v>50000</v>
      </c>
      <c r="AI1392">
        <v>0</v>
      </c>
      <c r="AJ1392">
        <v>96</v>
      </c>
      <c r="AK1392" t="s">
        <v>4</v>
      </c>
      <c r="AL1392">
        <v>0</v>
      </c>
      <c r="AM1392">
        <v>0</v>
      </c>
      <c r="AN1392">
        <v>0</v>
      </c>
      <c r="AO1392">
        <v>0</v>
      </c>
      <c r="AP1392">
        <v>0</v>
      </c>
      <c r="AQ1392">
        <v>0</v>
      </c>
      <c r="AR1392">
        <v>0</v>
      </c>
      <c r="AS1392">
        <v>0</v>
      </c>
      <c r="AT1392">
        <v>0</v>
      </c>
      <c r="AU1392">
        <v>0</v>
      </c>
      <c r="AV1392">
        <v>0</v>
      </c>
      <c r="AW1392">
        <v>0</v>
      </c>
      <c r="AX1392">
        <v>65</v>
      </c>
      <c r="AY1392">
        <v>39</v>
      </c>
      <c r="AZ1392">
        <v>65</v>
      </c>
      <c r="BA1392">
        <v>4894</v>
      </c>
    </row>
    <row r="1393" spans="1:53" x14ac:dyDescent="0.4">
      <c r="A1393">
        <v>1437</v>
      </c>
      <c r="B1393" s="1">
        <v>43262</v>
      </c>
      <c r="C1393">
        <v>3</v>
      </c>
      <c r="D1393" s="1">
        <v>43262.738194444442</v>
      </c>
      <c r="E1393" s="1">
        <v>43262.959027777775</v>
      </c>
      <c r="F1393">
        <v>51780</v>
      </c>
      <c r="G1393">
        <v>2810</v>
      </c>
      <c r="H1393">
        <v>0</v>
      </c>
      <c r="I1393">
        <v>0</v>
      </c>
      <c r="J1393">
        <v>500</v>
      </c>
      <c r="K1393">
        <v>0</v>
      </c>
      <c r="L1393">
        <v>0</v>
      </c>
      <c r="M1393">
        <v>4328</v>
      </c>
      <c r="N1393">
        <v>0</v>
      </c>
      <c r="O1393">
        <v>0</v>
      </c>
      <c r="P1393">
        <v>-14040</v>
      </c>
      <c r="Q1393">
        <v>0</v>
      </c>
      <c r="R1393">
        <v>44378</v>
      </c>
      <c r="S1393">
        <v>0</v>
      </c>
      <c r="T1393">
        <v>0</v>
      </c>
      <c r="U1393">
        <v>0</v>
      </c>
      <c r="V1393">
        <v>3</v>
      </c>
      <c r="W1393">
        <v>2</v>
      </c>
      <c r="X1393">
        <v>0</v>
      </c>
      <c r="Y1393">
        <v>61</v>
      </c>
      <c r="Z1393">
        <v>21</v>
      </c>
      <c r="AA1393">
        <v>104</v>
      </c>
      <c r="AB1393">
        <v>14</v>
      </c>
      <c r="AC1393">
        <v>197</v>
      </c>
      <c r="AD1393">
        <v>34</v>
      </c>
      <c r="AE1393">
        <v>49</v>
      </c>
      <c r="AF1393">
        <v>6676</v>
      </c>
      <c r="AG1393">
        <v>131465</v>
      </c>
      <c r="AH1393">
        <v>50000</v>
      </c>
      <c r="AI1393">
        <v>0</v>
      </c>
      <c r="AJ1393">
        <v>106</v>
      </c>
      <c r="AK1393" t="s">
        <v>29</v>
      </c>
      <c r="AL1393">
        <v>0</v>
      </c>
      <c r="AM1393">
        <v>0</v>
      </c>
      <c r="AN1393">
        <v>0</v>
      </c>
      <c r="AO1393">
        <v>0</v>
      </c>
      <c r="AP1393">
        <v>0</v>
      </c>
      <c r="AQ1393">
        <v>0</v>
      </c>
      <c r="AR1393">
        <v>0</v>
      </c>
      <c r="AS1393">
        <v>0</v>
      </c>
      <c r="AT1393">
        <v>0</v>
      </c>
      <c r="AU1393">
        <v>0</v>
      </c>
      <c r="AV1393">
        <v>0</v>
      </c>
      <c r="AW1393">
        <v>0</v>
      </c>
      <c r="AX1393">
        <v>5961</v>
      </c>
      <c r="AY1393">
        <v>18</v>
      </c>
      <c r="AZ1393">
        <v>42</v>
      </c>
      <c r="BA1393">
        <v>3401</v>
      </c>
    </row>
    <row r="1394" spans="1:53" x14ac:dyDescent="0.4">
      <c r="A1394">
        <v>1438</v>
      </c>
      <c r="B1394" s="1">
        <v>43263</v>
      </c>
      <c r="C1394">
        <v>1</v>
      </c>
      <c r="D1394" s="1">
        <v>43263.291666666664</v>
      </c>
      <c r="E1394" s="1">
        <v>43263.45416666667</v>
      </c>
      <c r="F1394">
        <v>0</v>
      </c>
      <c r="G1394">
        <v>0</v>
      </c>
      <c r="H1394">
        <v>0</v>
      </c>
      <c r="I1394">
        <v>0</v>
      </c>
      <c r="J1394">
        <v>0</v>
      </c>
      <c r="K1394">
        <v>0</v>
      </c>
      <c r="L1394">
        <v>0</v>
      </c>
      <c r="M1394">
        <v>0</v>
      </c>
      <c r="N1394">
        <v>0</v>
      </c>
      <c r="O1394">
        <v>0</v>
      </c>
      <c r="P1394">
        <v>0</v>
      </c>
      <c r="Q1394">
        <v>0</v>
      </c>
      <c r="R1394">
        <v>0</v>
      </c>
      <c r="S1394">
        <v>0</v>
      </c>
      <c r="T1394">
        <v>0</v>
      </c>
      <c r="U1394">
        <v>0</v>
      </c>
      <c r="V1394">
        <v>0</v>
      </c>
      <c r="W1394">
        <v>0</v>
      </c>
      <c r="X1394">
        <v>0</v>
      </c>
      <c r="Y1394">
        <v>34</v>
      </c>
      <c r="Z1394">
        <v>10</v>
      </c>
      <c r="AA1394">
        <v>92</v>
      </c>
      <c r="AB1394">
        <v>12</v>
      </c>
      <c r="AC1394">
        <v>101</v>
      </c>
      <c r="AD1394">
        <v>33</v>
      </c>
      <c r="AE1394">
        <v>25</v>
      </c>
      <c r="AF1394">
        <v>0</v>
      </c>
      <c r="AG1394">
        <v>50000</v>
      </c>
      <c r="AH1394">
        <v>0</v>
      </c>
      <c r="AI1394">
        <v>50000</v>
      </c>
      <c r="AJ1394">
        <v>0</v>
      </c>
      <c r="AK1394" t="s">
        <v>6</v>
      </c>
      <c r="AL1394">
        <v>0</v>
      </c>
      <c r="AM1394">
        <v>0</v>
      </c>
      <c r="AN1394">
        <v>0</v>
      </c>
      <c r="AO1394">
        <v>0</v>
      </c>
      <c r="AP1394">
        <v>0</v>
      </c>
      <c r="AQ1394">
        <v>0</v>
      </c>
      <c r="AR1394">
        <v>0</v>
      </c>
      <c r="AS1394">
        <v>0</v>
      </c>
      <c r="AT1394">
        <v>0</v>
      </c>
      <c r="AU1394">
        <v>0</v>
      </c>
      <c r="AV1394">
        <v>0</v>
      </c>
      <c r="AW1394">
        <v>0</v>
      </c>
      <c r="AX1394">
        <v>0</v>
      </c>
      <c r="AY1394">
        <v>0</v>
      </c>
      <c r="AZ1394">
        <v>0</v>
      </c>
      <c r="BA1394">
        <v>0</v>
      </c>
    </row>
    <row r="1395" spans="1:53" x14ac:dyDescent="0.4">
      <c r="A1395">
        <v>1439</v>
      </c>
      <c r="B1395" s="1">
        <v>43263</v>
      </c>
      <c r="C1395">
        <v>2</v>
      </c>
      <c r="D1395" s="1">
        <v>43263.45416666667</v>
      </c>
      <c r="E1395" s="1">
        <v>43263.732638888891</v>
      </c>
      <c r="F1395">
        <v>7000</v>
      </c>
      <c r="G1395">
        <v>0</v>
      </c>
      <c r="H1395">
        <v>0</v>
      </c>
      <c r="I1395">
        <v>0</v>
      </c>
      <c r="J1395">
        <v>0</v>
      </c>
      <c r="K1395">
        <v>0</v>
      </c>
      <c r="L1395">
        <v>0</v>
      </c>
      <c r="M1395">
        <v>560</v>
      </c>
      <c r="N1395">
        <v>0</v>
      </c>
      <c r="O1395">
        <v>0</v>
      </c>
      <c r="P1395">
        <v>14040</v>
      </c>
      <c r="Q1395">
        <v>0</v>
      </c>
      <c r="R1395">
        <v>21600</v>
      </c>
      <c r="S1395">
        <v>0</v>
      </c>
      <c r="T1395">
        <v>0</v>
      </c>
      <c r="U1395">
        <v>0</v>
      </c>
      <c r="V1395">
        <v>0</v>
      </c>
      <c r="W1395">
        <v>3</v>
      </c>
      <c r="X1395">
        <v>0</v>
      </c>
      <c r="Y1395">
        <v>42</v>
      </c>
      <c r="Z1395">
        <v>12</v>
      </c>
      <c r="AA1395">
        <v>65</v>
      </c>
      <c r="AB1395">
        <v>4</v>
      </c>
      <c r="AC1395">
        <v>112</v>
      </c>
      <c r="AD1395">
        <v>33</v>
      </c>
      <c r="AE1395">
        <v>21</v>
      </c>
      <c r="AF1395">
        <v>594</v>
      </c>
      <c r="AG1395">
        <v>71600</v>
      </c>
      <c r="AH1395">
        <v>50000</v>
      </c>
      <c r="AI1395">
        <v>0</v>
      </c>
      <c r="AJ1395">
        <v>96</v>
      </c>
      <c r="AK1395" t="s">
        <v>4</v>
      </c>
      <c r="AL1395">
        <v>0</v>
      </c>
      <c r="AM1395">
        <v>0</v>
      </c>
      <c r="AN1395">
        <v>0</v>
      </c>
      <c r="AO1395">
        <v>0</v>
      </c>
      <c r="AP1395">
        <v>0</v>
      </c>
      <c r="AQ1395">
        <v>0</v>
      </c>
      <c r="AR1395">
        <v>0</v>
      </c>
      <c r="AS1395">
        <v>0</v>
      </c>
      <c r="AT1395">
        <v>0</v>
      </c>
      <c r="AU1395">
        <v>0</v>
      </c>
      <c r="AV1395">
        <v>0</v>
      </c>
      <c r="AW1395">
        <v>0</v>
      </c>
      <c r="AX1395">
        <v>1663</v>
      </c>
      <c r="AY1395">
        <v>20</v>
      </c>
      <c r="AZ1395">
        <v>40</v>
      </c>
      <c r="BA1395">
        <v>2153</v>
      </c>
    </row>
    <row r="1396" spans="1:53" x14ac:dyDescent="0.4">
      <c r="A1396">
        <v>1440</v>
      </c>
      <c r="B1396" s="1">
        <v>43263</v>
      </c>
      <c r="C1396">
        <v>3</v>
      </c>
      <c r="D1396" s="1">
        <v>43263.732638888891</v>
      </c>
      <c r="E1396" s="1">
        <v>43263.950694444444</v>
      </c>
      <c r="F1396">
        <v>21500</v>
      </c>
      <c r="G1396">
        <v>3380</v>
      </c>
      <c r="H1396">
        <v>0</v>
      </c>
      <c r="I1396">
        <v>0</v>
      </c>
      <c r="J1396">
        <v>0</v>
      </c>
      <c r="K1396">
        <v>0</v>
      </c>
      <c r="L1396">
        <v>0</v>
      </c>
      <c r="M1396">
        <v>1990</v>
      </c>
      <c r="N1396">
        <v>0</v>
      </c>
      <c r="O1396">
        <v>0</v>
      </c>
      <c r="P1396">
        <v>-14040</v>
      </c>
      <c r="Q1396">
        <v>0</v>
      </c>
      <c r="R1396">
        <v>12830</v>
      </c>
      <c r="S1396">
        <v>0</v>
      </c>
      <c r="T1396">
        <v>0</v>
      </c>
      <c r="U1396">
        <v>0</v>
      </c>
      <c r="V1396">
        <v>0</v>
      </c>
      <c r="W1396">
        <v>4</v>
      </c>
      <c r="X1396">
        <v>0</v>
      </c>
      <c r="Y1396">
        <v>48</v>
      </c>
      <c r="Z1396">
        <v>13</v>
      </c>
      <c r="AA1396">
        <v>79</v>
      </c>
      <c r="AB1396">
        <v>4</v>
      </c>
      <c r="AC1396">
        <v>105</v>
      </c>
      <c r="AD1396">
        <v>34</v>
      </c>
      <c r="AE1396">
        <v>16</v>
      </c>
      <c r="AF1396">
        <v>594</v>
      </c>
      <c r="AG1396">
        <v>84430</v>
      </c>
      <c r="AH1396">
        <v>50000</v>
      </c>
      <c r="AI1396">
        <v>0</v>
      </c>
      <c r="AJ1396">
        <v>84</v>
      </c>
      <c r="AK1396" t="s">
        <v>16</v>
      </c>
      <c r="AL1396">
        <v>0</v>
      </c>
      <c r="AM1396">
        <v>0</v>
      </c>
      <c r="AN1396">
        <v>0</v>
      </c>
      <c r="AO1396">
        <v>0</v>
      </c>
      <c r="AP1396">
        <v>0</v>
      </c>
      <c r="AQ1396">
        <v>0</v>
      </c>
      <c r="AR1396">
        <v>0</v>
      </c>
      <c r="AS1396">
        <v>0</v>
      </c>
      <c r="AT1396">
        <v>0</v>
      </c>
      <c r="AU1396">
        <v>0</v>
      </c>
      <c r="AV1396">
        <v>0</v>
      </c>
      <c r="AW1396">
        <v>0</v>
      </c>
      <c r="AX1396">
        <v>5011</v>
      </c>
      <c r="AY1396">
        <v>9</v>
      </c>
      <c r="AZ1396">
        <v>20</v>
      </c>
      <c r="BA1396">
        <v>1756</v>
      </c>
    </row>
    <row r="1397" spans="1:53" x14ac:dyDescent="0.4">
      <c r="A1397">
        <v>1441</v>
      </c>
      <c r="B1397" s="1">
        <v>43264</v>
      </c>
      <c r="C1397">
        <v>1</v>
      </c>
      <c r="D1397" s="1">
        <v>43264.291666666664</v>
      </c>
      <c r="E1397" s="1">
        <v>43264.45208333333</v>
      </c>
      <c r="F1397">
        <v>0</v>
      </c>
      <c r="G1397">
        <v>0</v>
      </c>
      <c r="H1397">
        <v>0</v>
      </c>
      <c r="I1397">
        <v>0</v>
      </c>
      <c r="J1397">
        <v>0</v>
      </c>
      <c r="K1397">
        <v>0</v>
      </c>
      <c r="L1397">
        <v>0</v>
      </c>
      <c r="M1397">
        <v>0</v>
      </c>
      <c r="N1397">
        <v>0</v>
      </c>
      <c r="O1397">
        <v>0</v>
      </c>
      <c r="P1397">
        <v>0</v>
      </c>
      <c r="Q1397">
        <v>0</v>
      </c>
      <c r="R1397">
        <v>0</v>
      </c>
      <c r="S1397">
        <v>0</v>
      </c>
      <c r="T1397">
        <v>0</v>
      </c>
      <c r="U1397">
        <v>0</v>
      </c>
      <c r="V1397">
        <v>0</v>
      </c>
      <c r="W1397">
        <v>0</v>
      </c>
      <c r="X1397">
        <v>0</v>
      </c>
      <c r="Y1397">
        <v>36</v>
      </c>
      <c r="Z1397">
        <v>11</v>
      </c>
      <c r="AA1397">
        <v>73</v>
      </c>
      <c r="AB1397">
        <v>1</v>
      </c>
      <c r="AC1397">
        <v>98</v>
      </c>
      <c r="AD1397">
        <v>33</v>
      </c>
      <c r="AE1397">
        <v>5</v>
      </c>
      <c r="AF1397">
        <v>0</v>
      </c>
      <c r="AG1397">
        <v>50000</v>
      </c>
      <c r="AH1397">
        <v>0</v>
      </c>
      <c r="AI1397">
        <v>50000</v>
      </c>
      <c r="AJ1397">
        <v>0</v>
      </c>
      <c r="AK1397" t="s">
        <v>6</v>
      </c>
      <c r="AL1397">
        <v>0</v>
      </c>
      <c r="AM1397">
        <v>0</v>
      </c>
      <c r="AN1397">
        <v>0</v>
      </c>
      <c r="AO1397">
        <v>0</v>
      </c>
      <c r="AP1397">
        <v>0</v>
      </c>
      <c r="AQ1397">
        <v>0</v>
      </c>
      <c r="AR1397">
        <v>0</v>
      </c>
      <c r="AS1397">
        <v>0</v>
      </c>
      <c r="AT1397">
        <v>0</v>
      </c>
      <c r="AU1397">
        <v>0</v>
      </c>
      <c r="AV1397">
        <v>0</v>
      </c>
      <c r="AW1397">
        <v>0</v>
      </c>
      <c r="AX1397">
        <v>0</v>
      </c>
      <c r="AY1397">
        <v>0</v>
      </c>
      <c r="AZ1397">
        <v>0</v>
      </c>
      <c r="BA1397">
        <v>0</v>
      </c>
    </row>
    <row r="1398" spans="1:53" x14ac:dyDescent="0.4">
      <c r="A1398">
        <v>1442</v>
      </c>
      <c r="B1398" s="1">
        <v>43264</v>
      </c>
      <c r="C1398">
        <v>2</v>
      </c>
      <c r="D1398" s="1">
        <v>43264.45208333333</v>
      </c>
      <c r="E1398" s="1">
        <v>43264.745833333334</v>
      </c>
      <c r="F1398">
        <v>17000</v>
      </c>
      <c r="G1398">
        <v>320</v>
      </c>
      <c r="H1398">
        <v>0</v>
      </c>
      <c r="I1398">
        <v>0</v>
      </c>
      <c r="J1398">
        <v>0</v>
      </c>
      <c r="K1398">
        <v>0</v>
      </c>
      <c r="L1398">
        <v>0</v>
      </c>
      <c r="M1398">
        <v>1386</v>
      </c>
      <c r="N1398">
        <v>0</v>
      </c>
      <c r="O1398">
        <v>0</v>
      </c>
      <c r="P1398">
        <v>14040</v>
      </c>
      <c r="Q1398">
        <v>0</v>
      </c>
      <c r="R1398">
        <v>32746</v>
      </c>
      <c r="S1398">
        <v>0</v>
      </c>
      <c r="T1398">
        <v>0</v>
      </c>
      <c r="U1398">
        <v>0</v>
      </c>
      <c r="V1398">
        <v>1</v>
      </c>
      <c r="W1398">
        <v>1</v>
      </c>
      <c r="X1398">
        <v>0</v>
      </c>
      <c r="Y1398">
        <v>45</v>
      </c>
      <c r="Z1398">
        <v>22</v>
      </c>
      <c r="AA1398">
        <v>99</v>
      </c>
      <c r="AB1398">
        <v>10</v>
      </c>
      <c r="AC1398">
        <v>116</v>
      </c>
      <c r="AD1398">
        <v>34</v>
      </c>
      <c r="AE1398">
        <v>16</v>
      </c>
      <c r="AF1398">
        <v>0</v>
      </c>
      <c r="AG1398">
        <v>82746</v>
      </c>
      <c r="AH1398">
        <v>50000</v>
      </c>
      <c r="AI1398">
        <v>0</v>
      </c>
      <c r="AJ1398">
        <v>96</v>
      </c>
      <c r="AK1398" t="s">
        <v>4</v>
      </c>
      <c r="AL1398">
        <v>0</v>
      </c>
      <c r="AM1398">
        <v>0</v>
      </c>
      <c r="AN1398">
        <v>0</v>
      </c>
      <c r="AO1398">
        <v>0</v>
      </c>
      <c r="AP1398">
        <v>0</v>
      </c>
      <c r="AQ1398">
        <v>0</v>
      </c>
      <c r="AR1398">
        <v>0</v>
      </c>
      <c r="AS1398">
        <v>0</v>
      </c>
      <c r="AT1398">
        <v>0</v>
      </c>
      <c r="AU1398">
        <v>0</v>
      </c>
      <c r="AV1398">
        <v>0</v>
      </c>
      <c r="AW1398">
        <v>0</v>
      </c>
      <c r="AX1398">
        <v>-2700</v>
      </c>
      <c r="AY1398">
        <v>38</v>
      </c>
      <c r="AZ1398">
        <v>59</v>
      </c>
      <c r="BA1398">
        <v>4733</v>
      </c>
    </row>
    <row r="1399" spans="1:53" x14ac:dyDescent="0.4">
      <c r="A1399">
        <v>1443</v>
      </c>
      <c r="B1399" s="1">
        <v>43264</v>
      </c>
      <c r="C1399">
        <v>3</v>
      </c>
      <c r="D1399" s="1">
        <v>43264.745833333334</v>
      </c>
      <c r="E1399" s="1">
        <v>43264.950694444444</v>
      </c>
      <c r="F1399">
        <v>32400</v>
      </c>
      <c r="G1399">
        <v>3990</v>
      </c>
      <c r="H1399">
        <v>0</v>
      </c>
      <c r="I1399">
        <v>0</v>
      </c>
      <c r="J1399">
        <v>0</v>
      </c>
      <c r="K1399">
        <v>0</v>
      </c>
      <c r="L1399">
        <v>0</v>
      </c>
      <c r="M1399">
        <v>2911</v>
      </c>
      <c r="N1399">
        <v>0</v>
      </c>
      <c r="O1399">
        <v>0</v>
      </c>
      <c r="P1399">
        <v>-14040</v>
      </c>
      <c r="Q1399">
        <v>0</v>
      </c>
      <c r="R1399">
        <v>25261</v>
      </c>
      <c r="S1399">
        <v>0</v>
      </c>
      <c r="T1399">
        <v>0</v>
      </c>
      <c r="U1399">
        <v>0</v>
      </c>
      <c r="V1399">
        <v>3</v>
      </c>
      <c r="W1399">
        <v>3</v>
      </c>
      <c r="X1399">
        <v>0</v>
      </c>
      <c r="Y1399">
        <v>41</v>
      </c>
      <c r="Z1399">
        <v>18</v>
      </c>
      <c r="AA1399">
        <v>91</v>
      </c>
      <c r="AB1399">
        <v>10</v>
      </c>
      <c r="AC1399">
        <v>121</v>
      </c>
      <c r="AD1399">
        <v>34</v>
      </c>
      <c r="AE1399">
        <v>7</v>
      </c>
      <c r="AF1399">
        <v>2020</v>
      </c>
      <c r="AG1399">
        <v>108007</v>
      </c>
      <c r="AH1399">
        <v>50000</v>
      </c>
      <c r="AI1399">
        <v>0</v>
      </c>
      <c r="AJ1399">
        <v>108</v>
      </c>
      <c r="AK1399" t="s">
        <v>30</v>
      </c>
      <c r="AL1399">
        <v>0</v>
      </c>
      <c r="AM1399">
        <v>0</v>
      </c>
      <c r="AN1399">
        <v>0</v>
      </c>
      <c r="AO1399">
        <v>0</v>
      </c>
      <c r="AP1399">
        <v>0</v>
      </c>
      <c r="AQ1399">
        <v>0</v>
      </c>
      <c r="AR1399">
        <v>0</v>
      </c>
      <c r="AS1399">
        <v>0</v>
      </c>
      <c r="AT1399">
        <v>0</v>
      </c>
      <c r="AU1399">
        <v>0</v>
      </c>
      <c r="AV1399">
        <v>0</v>
      </c>
      <c r="AW1399">
        <v>0</v>
      </c>
      <c r="AX1399">
        <v>9428</v>
      </c>
      <c r="AY1399">
        <v>7</v>
      </c>
      <c r="AZ1399">
        <v>22</v>
      </c>
      <c r="BA1399">
        <v>1766</v>
      </c>
    </row>
    <row r="1400" spans="1:53" x14ac:dyDescent="0.4">
      <c r="A1400">
        <v>1444</v>
      </c>
      <c r="B1400" s="1">
        <v>43264</v>
      </c>
      <c r="C1400">
        <v>4</v>
      </c>
      <c r="D1400" s="1">
        <v>43264.950694444444</v>
      </c>
      <c r="E1400" s="1">
        <v>43265.109722222223</v>
      </c>
      <c r="F1400">
        <v>15500</v>
      </c>
      <c r="G1400">
        <v>4240</v>
      </c>
      <c r="H1400">
        <v>0</v>
      </c>
      <c r="I1400">
        <v>0</v>
      </c>
      <c r="J1400">
        <v>0</v>
      </c>
      <c r="K1400">
        <v>0</v>
      </c>
      <c r="L1400">
        <v>0</v>
      </c>
      <c r="M1400">
        <v>1578</v>
      </c>
      <c r="N1400">
        <v>0</v>
      </c>
      <c r="O1400">
        <v>0</v>
      </c>
      <c r="P1400">
        <v>3456</v>
      </c>
      <c r="Q1400">
        <v>0</v>
      </c>
      <c r="R1400">
        <v>24774</v>
      </c>
      <c r="S1400">
        <v>0</v>
      </c>
      <c r="T1400">
        <v>0</v>
      </c>
      <c r="U1400">
        <v>0</v>
      </c>
      <c r="V1400">
        <v>6</v>
      </c>
      <c r="W1400">
        <v>3</v>
      </c>
      <c r="X1400">
        <v>0</v>
      </c>
      <c r="Y1400">
        <v>35</v>
      </c>
      <c r="Z1400">
        <v>19</v>
      </c>
      <c r="AA1400">
        <v>92</v>
      </c>
      <c r="AB1400">
        <v>12</v>
      </c>
      <c r="AC1400">
        <v>128</v>
      </c>
      <c r="AD1400">
        <v>34</v>
      </c>
      <c r="AE1400">
        <v>11</v>
      </c>
      <c r="AF1400">
        <v>2020</v>
      </c>
      <c r="AG1400">
        <v>132781</v>
      </c>
      <c r="AH1400">
        <v>50000</v>
      </c>
      <c r="AI1400">
        <v>0</v>
      </c>
      <c r="AJ1400">
        <v>108</v>
      </c>
      <c r="AK1400" t="s">
        <v>30</v>
      </c>
      <c r="AL1400">
        <v>0</v>
      </c>
      <c r="AM1400">
        <v>0</v>
      </c>
      <c r="AN1400">
        <v>0</v>
      </c>
      <c r="AO1400">
        <v>0</v>
      </c>
      <c r="AP1400">
        <v>0</v>
      </c>
      <c r="AQ1400">
        <v>0</v>
      </c>
      <c r="AR1400">
        <v>0</v>
      </c>
      <c r="AS1400">
        <v>0</v>
      </c>
      <c r="AT1400">
        <v>0</v>
      </c>
      <c r="AU1400">
        <v>0</v>
      </c>
      <c r="AV1400">
        <v>0</v>
      </c>
      <c r="AW1400">
        <v>0</v>
      </c>
      <c r="AX1400">
        <v>896</v>
      </c>
      <c r="AY1400">
        <v>3</v>
      </c>
      <c r="AZ1400">
        <v>6</v>
      </c>
      <c r="BA1400">
        <v>378</v>
      </c>
    </row>
    <row r="1401" spans="1:53" x14ac:dyDescent="0.4">
      <c r="A1401">
        <v>1445</v>
      </c>
      <c r="B1401" s="1">
        <v>43265</v>
      </c>
      <c r="C1401">
        <v>1</v>
      </c>
      <c r="D1401" s="1">
        <v>43265.291666666664</v>
      </c>
      <c r="E1401" s="1">
        <v>43265.445138888892</v>
      </c>
      <c r="F1401">
        <v>0</v>
      </c>
      <c r="G1401">
        <v>0</v>
      </c>
      <c r="H1401">
        <v>0</v>
      </c>
      <c r="I1401">
        <v>0</v>
      </c>
      <c r="J1401">
        <v>0</v>
      </c>
      <c r="K1401">
        <v>0</v>
      </c>
      <c r="L1401">
        <v>0</v>
      </c>
      <c r="M1401">
        <v>0</v>
      </c>
      <c r="N1401">
        <v>0</v>
      </c>
      <c r="O1401">
        <v>0</v>
      </c>
      <c r="P1401">
        <v>0</v>
      </c>
      <c r="Q1401">
        <v>0</v>
      </c>
      <c r="R1401">
        <v>0</v>
      </c>
      <c r="S1401">
        <v>0</v>
      </c>
      <c r="T1401">
        <v>0</v>
      </c>
      <c r="U1401">
        <v>0</v>
      </c>
      <c r="V1401">
        <v>0</v>
      </c>
      <c r="W1401">
        <v>0</v>
      </c>
      <c r="X1401">
        <v>0</v>
      </c>
      <c r="Y1401">
        <v>30</v>
      </c>
      <c r="Z1401">
        <v>18</v>
      </c>
      <c r="AA1401">
        <v>90</v>
      </c>
      <c r="AB1401">
        <v>11</v>
      </c>
      <c r="AC1401">
        <v>128</v>
      </c>
      <c r="AD1401">
        <v>33</v>
      </c>
      <c r="AE1401">
        <v>5</v>
      </c>
      <c r="AF1401">
        <v>0</v>
      </c>
      <c r="AG1401">
        <v>50000</v>
      </c>
      <c r="AH1401">
        <v>0</v>
      </c>
      <c r="AI1401">
        <v>50000</v>
      </c>
      <c r="AJ1401">
        <v>0</v>
      </c>
      <c r="AK1401" t="s">
        <v>6</v>
      </c>
      <c r="AL1401">
        <v>0</v>
      </c>
      <c r="AM1401">
        <v>0</v>
      </c>
      <c r="AN1401">
        <v>0</v>
      </c>
      <c r="AO1401">
        <v>0</v>
      </c>
      <c r="AP1401">
        <v>0</v>
      </c>
      <c r="AQ1401">
        <v>0</v>
      </c>
      <c r="AR1401">
        <v>0</v>
      </c>
      <c r="AS1401">
        <v>0</v>
      </c>
      <c r="AT1401">
        <v>0</v>
      </c>
      <c r="AU1401">
        <v>0</v>
      </c>
      <c r="AV1401">
        <v>0</v>
      </c>
      <c r="AW1401">
        <v>0</v>
      </c>
      <c r="AX1401">
        <v>0</v>
      </c>
      <c r="AY1401">
        <v>0</v>
      </c>
      <c r="AZ1401">
        <v>0</v>
      </c>
      <c r="BA1401">
        <v>0</v>
      </c>
    </row>
    <row r="1402" spans="1:53" x14ac:dyDescent="0.4">
      <c r="A1402">
        <v>1446</v>
      </c>
      <c r="B1402" s="1">
        <v>43265</v>
      </c>
      <c r="C1402">
        <v>2</v>
      </c>
      <c r="D1402" s="1">
        <v>43265.445138888892</v>
      </c>
      <c r="E1402" s="1">
        <v>43265.740972222222</v>
      </c>
      <c r="F1402">
        <v>12000</v>
      </c>
      <c r="G1402">
        <v>680</v>
      </c>
      <c r="H1402">
        <v>0</v>
      </c>
      <c r="I1402">
        <v>0</v>
      </c>
      <c r="J1402">
        <v>0</v>
      </c>
      <c r="K1402">
        <v>0</v>
      </c>
      <c r="L1402">
        <v>0</v>
      </c>
      <c r="M1402">
        <v>1014</v>
      </c>
      <c r="N1402">
        <v>0</v>
      </c>
      <c r="O1402">
        <v>0</v>
      </c>
      <c r="P1402">
        <v>14040</v>
      </c>
      <c r="Q1402">
        <v>0</v>
      </c>
      <c r="R1402">
        <v>27734</v>
      </c>
      <c r="S1402">
        <v>0</v>
      </c>
      <c r="T1402">
        <v>0</v>
      </c>
      <c r="U1402">
        <v>0</v>
      </c>
      <c r="V1402">
        <v>1</v>
      </c>
      <c r="W1402">
        <v>0</v>
      </c>
      <c r="X1402">
        <v>0</v>
      </c>
      <c r="Y1402">
        <v>39</v>
      </c>
      <c r="Z1402">
        <v>22</v>
      </c>
      <c r="AA1402">
        <v>126</v>
      </c>
      <c r="AB1402">
        <v>15</v>
      </c>
      <c r="AC1402">
        <v>187</v>
      </c>
      <c r="AD1402">
        <v>37</v>
      </c>
      <c r="AE1402">
        <v>10</v>
      </c>
      <c r="AF1402">
        <v>2319</v>
      </c>
      <c r="AG1402">
        <v>77734</v>
      </c>
      <c r="AH1402">
        <v>50000</v>
      </c>
      <c r="AI1402">
        <v>0</v>
      </c>
      <c r="AJ1402">
        <v>96</v>
      </c>
      <c r="AK1402" t="s">
        <v>4</v>
      </c>
      <c r="AL1402">
        <v>0</v>
      </c>
      <c r="AM1402">
        <v>0</v>
      </c>
      <c r="AN1402">
        <v>0</v>
      </c>
      <c r="AO1402">
        <v>0</v>
      </c>
      <c r="AP1402">
        <v>0</v>
      </c>
      <c r="AQ1402">
        <v>0</v>
      </c>
      <c r="AR1402">
        <v>0</v>
      </c>
      <c r="AS1402">
        <v>0</v>
      </c>
      <c r="AT1402">
        <v>0</v>
      </c>
      <c r="AU1402">
        <v>0</v>
      </c>
      <c r="AV1402">
        <v>0</v>
      </c>
      <c r="AW1402">
        <v>0</v>
      </c>
      <c r="AX1402">
        <v>-1620</v>
      </c>
      <c r="AY1402">
        <v>27</v>
      </c>
      <c r="AZ1402">
        <v>50</v>
      </c>
      <c r="BA1402">
        <v>3165</v>
      </c>
    </row>
    <row r="1403" spans="1:53" x14ac:dyDescent="0.4">
      <c r="A1403">
        <v>1447</v>
      </c>
      <c r="B1403" s="1">
        <v>43265</v>
      </c>
      <c r="C1403">
        <v>3</v>
      </c>
      <c r="D1403" s="1">
        <v>43265.740972222222</v>
      </c>
      <c r="E1403" s="1">
        <v>43265.954861111109</v>
      </c>
      <c r="F1403">
        <v>41540</v>
      </c>
      <c r="G1403">
        <v>0</v>
      </c>
      <c r="H1403">
        <v>0</v>
      </c>
      <c r="I1403">
        <v>0</v>
      </c>
      <c r="J1403">
        <v>0</v>
      </c>
      <c r="K1403">
        <v>0</v>
      </c>
      <c r="L1403">
        <v>0</v>
      </c>
      <c r="M1403">
        <v>3323</v>
      </c>
      <c r="N1403">
        <v>0</v>
      </c>
      <c r="O1403">
        <v>0</v>
      </c>
      <c r="P1403">
        <v>-6264</v>
      </c>
      <c r="Q1403">
        <v>0</v>
      </c>
      <c r="R1403">
        <v>38599</v>
      </c>
      <c r="S1403">
        <v>0</v>
      </c>
      <c r="T1403">
        <v>0</v>
      </c>
      <c r="U1403">
        <v>0</v>
      </c>
      <c r="V1403">
        <v>5</v>
      </c>
      <c r="W1403">
        <v>0</v>
      </c>
      <c r="X1403">
        <v>0</v>
      </c>
      <c r="Y1403">
        <v>28</v>
      </c>
      <c r="Z1403">
        <v>23</v>
      </c>
      <c r="AA1403">
        <v>124</v>
      </c>
      <c r="AB1403">
        <v>12</v>
      </c>
      <c r="AC1403">
        <v>183</v>
      </c>
      <c r="AD1403">
        <v>35</v>
      </c>
      <c r="AE1403">
        <v>5</v>
      </c>
      <c r="AF1403">
        <v>11823</v>
      </c>
      <c r="AG1403">
        <v>116333</v>
      </c>
      <c r="AH1403">
        <v>50000</v>
      </c>
      <c r="AI1403">
        <v>0</v>
      </c>
      <c r="AJ1403">
        <v>100</v>
      </c>
      <c r="AK1403" t="s">
        <v>0</v>
      </c>
      <c r="AL1403">
        <v>0</v>
      </c>
      <c r="AM1403">
        <v>0</v>
      </c>
      <c r="AN1403">
        <v>0</v>
      </c>
      <c r="AO1403">
        <v>0</v>
      </c>
      <c r="AP1403">
        <v>0</v>
      </c>
      <c r="AQ1403">
        <v>0</v>
      </c>
      <c r="AR1403">
        <v>0</v>
      </c>
      <c r="AS1403">
        <v>0</v>
      </c>
      <c r="AT1403">
        <v>0</v>
      </c>
      <c r="AU1403">
        <v>0</v>
      </c>
      <c r="AV1403">
        <v>0</v>
      </c>
      <c r="AW1403">
        <v>0</v>
      </c>
      <c r="AX1403">
        <v>11404</v>
      </c>
      <c r="AY1403">
        <v>10</v>
      </c>
      <c r="AZ1403">
        <v>42</v>
      </c>
      <c r="BA1403">
        <v>2326</v>
      </c>
    </row>
    <row r="1404" spans="1:53" x14ac:dyDescent="0.4">
      <c r="A1404">
        <v>1448</v>
      </c>
      <c r="B1404" s="1">
        <v>43265</v>
      </c>
      <c r="C1404">
        <v>4</v>
      </c>
      <c r="D1404" s="1">
        <v>43265.954861111109</v>
      </c>
      <c r="E1404" s="1">
        <v>43266.086111111108</v>
      </c>
      <c r="F1404">
        <v>25200</v>
      </c>
      <c r="G1404">
        <v>1560</v>
      </c>
      <c r="H1404">
        <v>0</v>
      </c>
      <c r="I1404">
        <v>0</v>
      </c>
      <c r="J1404">
        <v>0</v>
      </c>
      <c r="K1404">
        <v>1760</v>
      </c>
      <c r="L1404">
        <v>0</v>
      </c>
      <c r="M1404">
        <v>2281</v>
      </c>
      <c r="N1404">
        <v>0</v>
      </c>
      <c r="O1404">
        <v>0</v>
      </c>
      <c r="P1404">
        <v>6156</v>
      </c>
      <c r="Q1404">
        <v>0</v>
      </c>
      <c r="R1404">
        <v>36957</v>
      </c>
      <c r="S1404">
        <v>0</v>
      </c>
      <c r="T1404">
        <v>0</v>
      </c>
      <c r="U1404">
        <v>0</v>
      </c>
      <c r="V1404">
        <v>6</v>
      </c>
      <c r="W1404">
        <v>2</v>
      </c>
      <c r="X1404">
        <v>0</v>
      </c>
      <c r="Y1404">
        <v>26</v>
      </c>
      <c r="Z1404">
        <v>22</v>
      </c>
      <c r="AA1404">
        <v>123</v>
      </c>
      <c r="AB1404">
        <v>13</v>
      </c>
      <c r="AC1404">
        <v>184</v>
      </c>
      <c r="AD1404">
        <v>37</v>
      </c>
      <c r="AE1404">
        <v>52</v>
      </c>
      <c r="AF1404">
        <v>31263</v>
      </c>
      <c r="AG1404">
        <v>153290</v>
      </c>
      <c r="AH1404">
        <v>50000</v>
      </c>
      <c r="AI1404">
        <v>0</v>
      </c>
      <c r="AJ1404">
        <v>108</v>
      </c>
      <c r="AK1404" t="s">
        <v>30</v>
      </c>
      <c r="AL1404">
        <v>0</v>
      </c>
      <c r="AM1404">
        <v>0</v>
      </c>
      <c r="AN1404">
        <v>0</v>
      </c>
      <c r="AO1404">
        <v>0</v>
      </c>
      <c r="AP1404">
        <v>0</v>
      </c>
      <c r="AQ1404">
        <v>0</v>
      </c>
      <c r="AR1404">
        <v>0</v>
      </c>
      <c r="AS1404">
        <v>0</v>
      </c>
      <c r="AT1404">
        <v>0</v>
      </c>
      <c r="AU1404">
        <v>0</v>
      </c>
      <c r="AV1404">
        <v>0</v>
      </c>
      <c r="AW1404">
        <v>0</v>
      </c>
      <c r="AX1404">
        <v>4320</v>
      </c>
      <c r="AY1404">
        <v>6</v>
      </c>
      <c r="AZ1404">
        <v>12</v>
      </c>
      <c r="BA1404">
        <v>1048</v>
      </c>
    </row>
    <row r="1405" spans="1:53" x14ac:dyDescent="0.4">
      <c r="A1405">
        <v>1449</v>
      </c>
      <c r="B1405" s="1">
        <v>43266</v>
      </c>
      <c r="C1405">
        <v>1</v>
      </c>
      <c r="D1405" s="1">
        <v>43266.291666666664</v>
      </c>
      <c r="E1405" s="1">
        <v>43266.454861111109</v>
      </c>
      <c r="F1405">
        <v>0</v>
      </c>
      <c r="G1405">
        <v>0</v>
      </c>
      <c r="H1405">
        <v>0</v>
      </c>
      <c r="I1405">
        <v>0</v>
      </c>
      <c r="J1405">
        <v>0</v>
      </c>
      <c r="K1405">
        <v>0</v>
      </c>
      <c r="L1405">
        <v>0</v>
      </c>
      <c r="M1405">
        <v>0</v>
      </c>
      <c r="N1405">
        <v>0</v>
      </c>
      <c r="O1405">
        <v>0</v>
      </c>
      <c r="P1405">
        <v>0</v>
      </c>
      <c r="Q1405">
        <v>0</v>
      </c>
      <c r="R1405">
        <v>0</v>
      </c>
      <c r="S1405">
        <v>0</v>
      </c>
      <c r="T1405">
        <v>0</v>
      </c>
      <c r="U1405">
        <v>0</v>
      </c>
      <c r="V1405">
        <v>0</v>
      </c>
      <c r="W1405">
        <v>0</v>
      </c>
      <c r="X1405">
        <v>0</v>
      </c>
      <c r="Y1405">
        <v>31</v>
      </c>
      <c r="Z1405">
        <v>10</v>
      </c>
      <c r="AA1405">
        <v>119</v>
      </c>
      <c r="AB1405">
        <v>14</v>
      </c>
      <c r="AC1405">
        <v>115</v>
      </c>
      <c r="AD1405">
        <v>39</v>
      </c>
      <c r="AE1405">
        <v>55</v>
      </c>
      <c r="AF1405">
        <v>0</v>
      </c>
      <c r="AG1405">
        <v>50000</v>
      </c>
      <c r="AH1405">
        <v>0</v>
      </c>
      <c r="AI1405">
        <v>50000</v>
      </c>
      <c r="AJ1405">
        <v>0</v>
      </c>
      <c r="AK1405" t="s">
        <v>6</v>
      </c>
      <c r="AL1405">
        <v>0</v>
      </c>
      <c r="AM1405">
        <v>0</v>
      </c>
      <c r="AN1405">
        <v>0</v>
      </c>
      <c r="AO1405">
        <v>0</v>
      </c>
      <c r="AP1405">
        <v>0</v>
      </c>
      <c r="AQ1405">
        <v>0</v>
      </c>
      <c r="AR1405">
        <v>0</v>
      </c>
      <c r="AS1405">
        <v>0</v>
      </c>
      <c r="AT1405">
        <v>0</v>
      </c>
      <c r="AU1405">
        <v>0</v>
      </c>
      <c r="AV1405">
        <v>0</v>
      </c>
      <c r="AW1405">
        <v>0</v>
      </c>
      <c r="AX1405">
        <v>0</v>
      </c>
      <c r="AY1405">
        <v>0</v>
      </c>
      <c r="AZ1405">
        <v>0</v>
      </c>
      <c r="BA1405">
        <v>0</v>
      </c>
    </row>
    <row r="1406" spans="1:53" x14ac:dyDescent="0.4">
      <c r="A1406">
        <v>1450</v>
      </c>
      <c r="B1406" s="1">
        <v>43266</v>
      </c>
      <c r="C1406">
        <v>2</v>
      </c>
      <c r="D1406" s="1">
        <v>43266.454861111109</v>
      </c>
      <c r="E1406" s="1">
        <v>43266.738194444442</v>
      </c>
      <c r="F1406">
        <v>19500</v>
      </c>
      <c r="G1406">
        <v>3080</v>
      </c>
      <c r="H1406">
        <v>0</v>
      </c>
      <c r="I1406">
        <v>0</v>
      </c>
      <c r="J1406">
        <v>0</v>
      </c>
      <c r="K1406">
        <v>0</v>
      </c>
      <c r="L1406">
        <v>0</v>
      </c>
      <c r="M1406">
        <v>1806</v>
      </c>
      <c r="N1406">
        <v>0</v>
      </c>
      <c r="O1406">
        <v>0</v>
      </c>
      <c r="P1406">
        <v>15120</v>
      </c>
      <c r="Q1406">
        <v>0</v>
      </c>
      <c r="R1406">
        <v>39506</v>
      </c>
      <c r="S1406">
        <v>0</v>
      </c>
      <c r="T1406">
        <v>0</v>
      </c>
      <c r="U1406">
        <v>0</v>
      </c>
      <c r="V1406">
        <v>1</v>
      </c>
      <c r="W1406">
        <v>0</v>
      </c>
      <c r="X1406">
        <v>0</v>
      </c>
      <c r="Y1406">
        <v>47</v>
      </c>
      <c r="Z1406">
        <v>38</v>
      </c>
      <c r="AA1406">
        <v>113</v>
      </c>
      <c r="AB1406">
        <v>8</v>
      </c>
      <c r="AC1406">
        <v>154</v>
      </c>
      <c r="AD1406">
        <v>42</v>
      </c>
      <c r="AE1406">
        <v>56</v>
      </c>
      <c r="AF1406">
        <v>0</v>
      </c>
      <c r="AG1406">
        <v>89506</v>
      </c>
      <c r="AH1406">
        <v>50000</v>
      </c>
      <c r="AI1406">
        <v>0</v>
      </c>
      <c r="AJ1406">
        <v>96</v>
      </c>
      <c r="AK1406" t="s">
        <v>4</v>
      </c>
      <c r="AL1406">
        <v>0</v>
      </c>
      <c r="AM1406">
        <v>0</v>
      </c>
      <c r="AN1406">
        <v>0</v>
      </c>
      <c r="AO1406">
        <v>0</v>
      </c>
      <c r="AP1406">
        <v>0</v>
      </c>
      <c r="AQ1406">
        <v>0</v>
      </c>
      <c r="AR1406">
        <v>0</v>
      </c>
      <c r="AS1406">
        <v>0</v>
      </c>
      <c r="AT1406">
        <v>0</v>
      </c>
      <c r="AU1406">
        <v>0</v>
      </c>
      <c r="AV1406">
        <v>0</v>
      </c>
      <c r="AW1406">
        <v>0</v>
      </c>
      <c r="AX1406">
        <v>0</v>
      </c>
      <c r="AY1406">
        <v>38</v>
      </c>
      <c r="AZ1406">
        <v>63</v>
      </c>
      <c r="BA1406">
        <v>5574</v>
      </c>
    </row>
    <row r="1407" spans="1:53" x14ac:dyDescent="0.4">
      <c r="A1407">
        <v>1451</v>
      </c>
      <c r="B1407" s="1">
        <v>43267</v>
      </c>
      <c r="C1407">
        <v>1</v>
      </c>
      <c r="D1407" s="1">
        <v>43267.291666666664</v>
      </c>
      <c r="E1407" s="1">
        <v>43267.404861111114</v>
      </c>
      <c r="F1407">
        <v>0</v>
      </c>
      <c r="G1407">
        <v>0</v>
      </c>
      <c r="H1407">
        <v>0</v>
      </c>
      <c r="I1407">
        <v>0</v>
      </c>
      <c r="J1407">
        <v>0</v>
      </c>
      <c r="K1407">
        <v>0</v>
      </c>
      <c r="L1407">
        <v>0</v>
      </c>
      <c r="M1407">
        <v>0</v>
      </c>
      <c r="N1407">
        <v>0</v>
      </c>
      <c r="O1407">
        <v>0</v>
      </c>
      <c r="P1407">
        <v>0</v>
      </c>
      <c r="Q1407">
        <v>0</v>
      </c>
      <c r="R1407">
        <v>0</v>
      </c>
      <c r="S1407">
        <v>0</v>
      </c>
      <c r="T1407">
        <v>0</v>
      </c>
      <c r="U1407">
        <v>0</v>
      </c>
      <c r="V1407">
        <v>0</v>
      </c>
      <c r="W1407">
        <v>0</v>
      </c>
      <c r="X1407">
        <v>0</v>
      </c>
      <c r="Y1407">
        <v>36</v>
      </c>
      <c r="Z1407">
        <v>10</v>
      </c>
      <c r="AA1407">
        <v>71</v>
      </c>
      <c r="AB1407">
        <v>5</v>
      </c>
      <c r="AC1407">
        <v>141</v>
      </c>
      <c r="AD1407">
        <v>34</v>
      </c>
      <c r="AE1407">
        <v>70</v>
      </c>
      <c r="AF1407">
        <v>0</v>
      </c>
      <c r="AG1407">
        <v>50000</v>
      </c>
      <c r="AH1407">
        <v>50000</v>
      </c>
      <c r="AI1407">
        <v>0</v>
      </c>
      <c r="AJ1407">
        <v>0</v>
      </c>
      <c r="AK1407" t="s">
        <v>6</v>
      </c>
      <c r="AL1407">
        <v>0</v>
      </c>
      <c r="AM1407">
        <v>0</v>
      </c>
      <c r="AN1407">
        <v>0</v>
      </c>
      <c r="AO1407">
        <v>0</v>
      </c>
      <c r="AP1407">
        <v>0</v>
      </c>
      <c r="AQ1407">
        <v>0</v>
      </c>
      <c r="AR1407">
        <v>0</v>
      </c>
      <c r="AS1407">
        <v>0</v>
      </c>
      <c r="AT1407">
        <v>0</v>
      </c>
      <c r="AU1407">
        <v>0</v>
      </c>
      <c r="AV1407">
        <v>0</v>
      </c>
      <c r="AW1407">
        <v>0</v>
      </c>
      <c r="AX1407">
        <v>0</v>
      </c>
      <c r="AY1407">
        <v>0</v>
      </c>
      <c r="AZ1407">
        <v>0</v>
      </c>
      <c r="BA1407">
        <v>0</v>
      </c>
    </row>
    <row r="1408" spans="1:53" x14ac:dyDescent="0.4">
      <c r="A1408">
        <v>1452</v>
      </c>
      <c r="B1408" s="1">
        <v>43267</v>
      </c>
      <c r="C1408">
        <v>2</v>
      </c>
      <c r="D1408" s="1">
        <v>43267.404861111114</v>
      </c>
      <c r="E1408" s="1">
        <v>43267.738194444442</v>
      </c>
      <c r="F1408">
        <v>38750</v>
      </c>
      <c r="G1408">
        <v>1940</v>
      </c>
      <c r="H1408">
        <v>0</v>
      </c>
      <c r="I1408">
        <v>0</v>
      </c>
      <c r="J1408">
        <v>0</v>
      </c>
      <c r="K1408">
        <v>0</v>
      </c>
      <c r="L1408">
        <v>0</v>
      </c>
      <c r="M1408">
        <v>3254</v>
      </c>
      <c r="N1408">
        <v>0</v>
      </c>
      <c r="O1408">
        <v>0</v>
      </c>
      <c r="P1408">
        <v>21060</v>
      </c>
      <c r="Q1408">
        <v>0</v>
      </c>
      <c r="R1408">
        <v>65004</v>
      </c>
      <c r="S1408">
        <v>0</v>
      </c>
      <c r="T1408">
        <v>0</v>
      </c>
      <c r="U1408">
        <v>0</v>
      </c>
      <c r="V1408">
        <v>2</v>
      </c>
      <c r="W1408">
        <v>0</v>
      </c>
      <c r="X1408">
        <v>0</v>
      </c>
      <c r="Y1408">
        <v>73</v>
      </c>
      <c r="Z1408">
        <v>21</v>
      </c>
      <c r="AA1408">
        <v>60</v>
      </c>
      <c r="AB1408">
        <v>5</v>
      </c>
      <c r="AC1408">
        <v>148</v>
      </c>
      <c r="AD1408">
        <v>37</v>
      </c>
      <c r="AE1408">
        <v>66</v>
      </c>
      <c r="AF1408">
        <v>3713</v>
      </c>
      <c r="AG1408">
        <v>115194</v>
      </c>
      <c r="AH1408">
        <v>50000</v>
      </c>
      <c r="AI1408">
        <v>190</v>
      </c>
      <c r="AJ1408">
        <v>93</v>
      </c>
      <c r="AK1408" t="s">
        <v>20</v>
      </c>
      <c r="AL1408">
        <v>0</v>
      </c>
      <c r="AM1408">
        <v>0</v>
      </c>
      <c r="AN1408">
        <v>0</v>
      </c>
      <c r="AO1408">
        <v>0</v>
      </c>
      <c r="AP1408">
        <v>0</v>
      </c>
      <c r="AQ1408">
        <v>0</v>
      </c>
      <c r="AR1408">
        <v>0</v>
      </c>
      <c r="AS1408">
        <v>0</v>
      </c>
      <c r="AT1408">
        <v>0</v>
      </c>
      <c r="AU1408">
        <v>0</v>
      </c>
      <c r="AV1408">
        <v>0</v>
      </c>
      <c r="AW1408">
        <v>0</v>
      </c>
      <c r="AX1408">
        <v>2548</v>
      </c>
      <c r="AY1408">
        <v>50</v>
      </c>
      <c r="AZ1408">
        <v>114</v>
      </c>
      <c r="BA1408">
        <v>7451</v>
      </c>
    </row>
    <row r="1409" spans="1:53" x14ac:dyDescent="0.4">
      <c r="A1409">
        <v>1453</v>
      </c>
      <c r="B1409" s="1">
        <v>43268</v>
      </c>
      <c r="C1409">
        <v>1</v>
      </c>
      <c r="D1409" s="1">
        <v>43268.291666666664</v>
      </c>
      <c r="E1409" s="1">
        <v>43268.40625</v>
      </c>
      <c r="F1409">
        <v>0</v>
      </c>
      <c r="G1409">
        <v>0</v>
      </c>
      <c r="H1409">
        <v>0</v>
      </c>
      <c r="I1409">
        <v>0</v>
      </c>
      <c r="J1409">
        <v>0</v>
      </c>
      <c r="K1409">
        <v>0</v>
      </c>
      <c r="L1409">
        <v>0</v>
      </c>
      <c r="M1409">
        <v>0</v>
      </c>
      <c r="N1409">
        <v>0</v>
      </c>
      <c r="O1409">
        <v>0</v>
      </c>
      <c r="P1409">
        <v>0</v>
      </c>
      <c r="Q1409">
        <v>0</v>
      </c>
      <c r="R1409">
        <v>0</v>
      </c>
      <c r="S1409">
        <v>0</v>
      </c>
      <c r="T1409">
        <v>0</v>
      </c>
      <c r="U1409">
        <v>0</v>
      </c>
      <c r="V1409">
        <v>0</v>
      </c>
      <c r="W1409">
        <v>0</v>
      </c>
      <c r="X1409">
        <v>0</v>
      </c>
      <c r="Y1409">
        <v>36</v>
      </c>
      <c r="Z1409">
        <v>8</v>
      </c>
      <c r="AA1409">
        <v>85</v>
      </c>
      <c r="AB1409">
        <v>3</v>
      </c>
      <c r="AC1409">
        <v>110</v>
      </c>
      <c r="AD1409">
        <v>33</v>
      </c>
      <c r="AE1409">
        <v>85</v>
      </c>
      <c r="AF1409">
        <v>0</v>
      </c>
      <c r="AG1409">
        <v>50000</v>
      </c>
      <c r="AH1409">
        <v>0</v>
      </c>
      <c r="AI1409">
        <v>50000</v>
      </c>
      <c r="AJ1409">
        <v>0</v>
      </c>
      <c r="AK1409" t="s">
        <v>6</v>
      </c>
      <c r="AL1409">
        <v>0</v>
      </c>
      <c r="AM1409">
        <v>0</v>
      </c>
      <c r="AN1409">
        <v>0</v>
      </c>
      <c r="AO1409">
        <v>0</v>
      </c>
      <c r="AP1409">
        <v>0</v>
      </c>
      <c r="AQ1409">
        <v>0</v>
      </c>
      <c r="AR1409">
        <v>0</v>
      </c>
      <c r="AS1409">
        <v>0</v>
      </c>
      <c r="AT1409">
        <v>0</v>
      </c>
      <c r="AU1409">
        <v>0</v>
      </c>
      <c r="AV1409">
        <v>0</v>
      </c>
      <c r="AW1409">
        <v>0</v>
      </c>
      <c r="AX1409">
        <v>0</v>
      </c>
      <c r="AY1409">
        <v>0</v>
      </c>
      <c r="AZ1409">
        <v>0</v>
      </c>
      <c r="BA1409">
        <v>0</v>
      </c>
    </row>
    <row r="1410" spans="1:53" x14ac:dyDescent="0.4">
      <c r="A1410">
        <v>1454</v>
      </c>
      <c r="B1410" s="1">
        <v>43268</v>
      </c>
      <c r="C1410">
        <v>2</v>
      </c>
      <c r="D1410" s="1">
        <v>43268.40625</v>
      </c>
      <c r="E1410" s="1">
        <v>43268.740972222222</v>
      </c>
      <c r="F1410">
        <v>44000</v>
      </c>
      <c r="G1410">
        <v>5910</v>
      </c>
      <c r="H1410">
        <v>0</v>
      </c>
      <c r="I1410">
        <v>0</v>
      </c>
      <c r="J1410">
        <v>0</v>
      </c>
      <c r="K1410">
        <v>0</v>
      </c>
      <c r="L1410">
        <v>0</v>
      </c>
      <c r="M1410">
        <v>3992</v>
      </c>
      <c r="N1410">
        <v>0</v>
      </c>
      <c r="O1410">
        <v>0</v>
      </c>
      <c r="P1410">
        <v>25380</v>
      </c>
      <c r="Q1410">
        <v>0</v>
      </c>
      <c r="R1410">
        <v>79282</v>
      </c>
      <c r="S1410">
        <v>0</v>
      </c>
      <c r="T1410">
        <v>0</v>
      </c>
      <c r="U1410">
        <v>0</v>
      </c>
      <c r="V1410">
        <v>3</v>
      </c>
      <c r="W1410">
        <v>2</v>
      </c>
      <c r="X1410">
        <v>0</v>
      </c>
      <c r="Y1410">
        <v>55</v>
      </c>
      <c r="Z1410">
        <v>31</v>
      </c>
      <c r="AA1410">
        <v>160</v>
      </c>
      <c r="AB1410">
        <v>19</v>
      </c>
      <c r="AC1410">
        <v>153</v>
      </c>
      <c r="AD1410">
        <v>38</v>
      </c>
      <c r="AE1410">
        <v>112</v>
      </c>
      <c r="AF1410">
        <v>0</v>
      </c>
      <c r="AG1410">
        <v>129282</v>
      </c>
      <c r="AH1410">
        <v>50000</v>
      </c>
      <c r="AI1410">
        <v>0</v>
      </c>
      <c r="AJ1410">
        <v>93</v>
      </c>
      <c r="AK1410" t="s">
        <v>20</v>
      </c>
      <c r="AL1410">
        <v>0</v>
      </c>
      <c r="AM1410">
        <v>0</v>
      </c>
      <c r="AN1410">
        <v>0</v>
      </c>
      <c r="AO1410">
        <v>0</v>
      </c>
      <c r="AP1410">
        <v>0</v>
      </c>
      <c r="AQ1410">
        <v>0</v>
      </c>
      <c r="AR1410">
        <v>0</v>
      </c>
      <c r="AS1410">
        <v>0</v>
      </c>
      <c r="AT1410">
        <v>0</v>
      </c>
      <c r="AU1410">
        <v>0</v>
      </c>
      <c r="AV1410">
        <v>0</v>
      </c>
      <c r="AW1410">
        <v>0</v>
      </c>
      <c r="AX1410">
        <v>-2160</v>
      </c>
      <c r="AY1410">
        <v>55</v>
      </c>
      <c r="AZ1410">
        <v>130</v>
      </c>
      <c r="BA1410">
        <v>7695</v>
      </c>
    </row>
    <row r="1411" spans="1:53" x14ac:dyDescent="0.4">
      <c r="A1411">
        <v>1455</v>
      </c>
      <c r="B1411" s="1">
        <v>43268</v>
      </c>
      <c r="C1411">
        <v>3</v>
      </c>
      <c r="D1411" s="1">
        <v>43268.740972222222</v>
      </c>
      <c r="E1411" s="1">
        <v>43268.95208333333</v>
      </c>
      <c r="F1411">
        <v>53980</v>
      </c>
      <c r="G1411">
        <v>500</v>
      </c>
      <c r="H1411">
        <v>0</v>
      </c>
      <c r="I1411">
        <v>0</v>
      </c>
      <c r="J1411">
        <v>0</v>
      </c>
      <c r="K1411">
        <v>0</v>
      </c>
      <c r="L1411">
        <v>0</v>
      </c>
      <c r="M1411">
        <v>4358</v>
      </c>
      <c r="N1411">
        <v>0</v>
      </c>
      <c r="O1411">
        <v>0</v>
      </c>
      <c r="P1411">
        <v>-21492</v>
      </c>
      <c r="Q1411">
        <v>0</v>
      </c>
      <c r="R1411">
        <v>37346</v>
      </c>
      <c r="S1411">
        <v>0</v>
      </c>
      <c r="T1411">
        <v>0</v>
      </c>
      <c r="U1411">
        <v>0</v>
      </c>
      <c r="V1411">
        <v>7</v>
      </c>
      <c r="W1411">
        <v>3</v>
      </c>
      <c r="X1411">
        <v>0</v>
      </c>
      <c r="Y1411">
        <v>49</v>
      </c>
      <c r="Z1411">
        <v>30</v>
      </c>
      <c r="AA1411">
        <v>148</v>
      </c>
      <c r="AB1411">
        <v>20</v>
      </c>
      <c r="AC1411">
        <v>152</v>
      </c>
      <c r="AD1411">
        <v>40</v>
      </c>
      <c r="AE1411">
        <v>108</v>
      </c>
      <c r="AF1411">
        <v>0</v>
      </c>
      <c r="AG1411">
        <v>166628</v>
      </c>
      <c r="AH1411">
        <v>50000</v>
      </c>
      <c r="AI1411">
        <v>0</v>
      </c>
      <c r="AJ1411">
        <v>108</v>
      </c>
      <c r="AK1411" t="s">
        <v>30</v>
      </c>
      <c r="AL1411">
        <v>0</v>
      </c>
      <c r="AM1411">
        <v>0</v>
      </c>
      <c r="AN1411">
        <v>0</v>
      </c>
      <c r="AO1411">
        <v>0</v>
      </c>
      <c r="AP1411">
        <v>0</v>
      </c>
      <c r="AQ1411">
        <v>0</v>
      </c>
      <c r="AR1411">
        <v>0</v>
      </c>
      <c r="AS1411">
        <v>0</v>
      </c>
      <c r="AT1411">
        <v>0</v>
      </c>
      <c r="AU1411">
        <v>0</v>
      </c>
      <c r="AV1411">
        <v>0</v>
      </c>
      <c r="AW1411">
        <v>0</v>
      </c>
      <c r="AX1411">
        <v>21903</v>
      </c>
      <c r="AY1411">
        <v>12</v>
      </c>
      <c r="AZ1411">
        <v>45</v>
      </c>
      <c r="BA1411">
        <v>3113</v>
      </c>
    </row>
    <row r="1412" spans="1:53" x14ac:dyDescent="0.4">
      <c r="A1412">
        <v>1456</v>
      </c>
      <c r="B1412" s="1">
        <v>43268</v>
      </c>
      <c r="C1412">
        <v>4</v>
      </c>
      <c r="D1412" s="1">
        <v>43268.95208333333</v>
      </c>
      <c r="E1412" s="1">
        <v>43269.082638888889</v>
      </c>
      <c r="F1412">
        <v>39120</v>
      </c>
      <c r="G1412">
        <v>2160</v>
      </c>
      <c r="H1412">
        <v>0</v>
      </c>
      <c r="I1412">
        <v>0</v>
      </c>
      <c r="J1412">
        <v>0</v>
      </c>
      <c r="K1412">
        <v>0</v>
      </c>
      <c r="L1412">
        <v>0</v>
      </c>
      <c r="M1412">
        <v>3303</v>
      </c>
      <c r="N1412">
        <v>0</v>
      </c>
      <c r="O1412">
        <v>0</v>
      </c>
      <c r="P1412">
        <v>2376</v>
      </c>
      <c r="Q1412">
        <v>0</v>
      </c>
      <c r="R1412">
        <v>46959</v>
      </c>
      <c r="S1412">
        <v>0</v>
      </c>
      <c r="T1412">
        <v>0</v>
      </c>
      <c r="U1412">
        <v>0</v>
      </c>
      <c r="V1412">
        <v>9</v>
      </c>
      <c r="W1412">
        <v>4</v>
      </c>
      <c r="X1412">
        <v>0</v>
      </c>
      <c r="Y1412">
        <v>57</v>
      </c>
      <c r="Z1412">
        <v>29</v>
      </c>
      <c r="AA1412">
        <v>146</v>
      </c>
      <c r="AB1412">
        <v>20</v>
      </c>
      <c r="AC1412">
        <v>154</v>
      </c>
      <c r="AD1412">
        <v>39</v>
      </c>
      <c r="AE1412">
        <v>101</v>
      </c>
      <c r="AF1412">
        <v>13651</v>
      </c>
      <c r="AG1412">
        <v>212587</v>
      </c>
      <c r="AH1412">
        <v>50000</v>
      </c>
      <c r="AI1412">
        <v>-1000</v>
      </c>
      <c r="AJ1412">
        <v>29</v>
      </c>
      <c r="AK1412" t="s">
        <v>28</v>
      </c>
      <c r="AL1412">
        <v>0</v>
      </c>
      <c r="AM1412">
        <v>0</v>
      </c>
      <c r="AN1412">
        <v>0</v>
      </c>
      <c r="AO1412">
        <v>0</v>
      </c>
      <c r="AP1412">
        <v>0</v>
      </c>
      <c r="AQ1412">
        <v>0</v>
      </c>
      <c r="AR1412">
        <v>0</v>
      </c>
      <c r="AS1412">
        <v>0</v>
      </c>
      <c r="AT1412">
        <v>0</v>
      </c>
      <c r="AU1412">
        <v>0</v>
      </c>
      <c r="AV1412">
        <v>0</v>
      </c>
      <c r="AW1412">
        <v>0</v>
      </c>
      <c r="AX1412">
        <v>16200</v>
      </c>
      <c r="AY1412">
        <v>5</v>
      </c>
      <c r="AZ1412">
        <v>14</v>
      </c>
      <c r="BA1412">
        <v>863</v>
      </c>
    </row>
    <row r="1413" spans="1:53" x14ac:dyDescent="0.4">
      <c r="A1413">
        <v>1457</v>
      </c>
      <c r="B1413" s="1">
        <v>43269</v>
      </c>
      <c r="C1413">
        <v>1</v>
      </c>
      <c r="D1413" s="1">
        <v>43269.291666666664</v>
      </c>
      <c r="E1413" s="1">
        <v>43269.448611111111</v>
      </c>
      <c r="F1413">
        <v>0</v>
      </c>
      <c r="G1413">
        <v>0</v>
      </c>
      <c r="H1413">
        <v>0</v>
      </c>
      <c r="I1413">
        <v>0</v>
      </c>
      <c r="J1413">
        <v>0</v>
      </c>
      <c r="K1413">
        <v>0</v>
      </c>
      <c r="L1413">
        <v>0</v>
      </c>
      <c r="M1413">
        <v>0</v>
      </c>
      <c r="N1413">
        <v>0</v>
      </c>
      <c r="O1413">
        <v>0</v>
      </c>
      <c r="P1413">
        <v>0</v>
      </c>
      <c r="Q1413">
        <v>0</v>
      </c>
      <c r="R1413">
        <v>0</v>
      </c>
      <c r="S1413">
        <v>0</v>
      </c>
      <c r="T1413">
        <v>0</v>
      </c>
      <c r="U1413">
        <v>0</v>
      </c>
      <c r="V1413">
        <v>0</v>
      </c>
      <c r="W1413">
        <v>0</v>
      </c>
      <c r="X1413">
        <v>0</v>
      </c>
      <c r="Y1413">
        <v>28</v>
      </c>
      <c r="Z1413">
        <v>11</v>
      </c>
      <c r="AA1413">
        <v>141</v>
      </c>
      <c r="AB1413">
        <v>21</v>
      </c>
      <c r="AC1413">
        <v>106</v>
      </c>
      <c r="AD1413">
        <v>38</v>
      </c>
      <c r="AE1413">
        <v>100</v>
      </c>
      <c r="AF1413">
        <v>0</v>
      </c>
      <c r="AG1413">
        <v>50000</v>
      </c>
      <c r="AH1413">
        <v>0</v>
      </c>
      <c r="AI1413">
        <v>50000</v>
      </c>
      <c r="AJ1413">
        <v>0</v>
      </c>
      <c r="AK1413" t="s">
        <v>6</v>
      </c>
      <c r="AL1413">
        <v>0</v>
      </c>
      <c r="AM1413">
        <v>0</v>
      </c>
      <c r="AN1413">
        <v>0</v>
      </c>
      <c r="AO1413">
        <v>0</v>
      </c>
      <c r="AP1413">
        <v>0</v>
      </c>
      <c r="AQ1413">
        <v>0</v>
      </c>
      <c r="AR1413">
        <v>0</v>
      </c>
      <c r="AS1413">
        <v>0</v>
      </c>
      <c r="AT1413">
        <v>0</v>
      </c>
      <c r="AU1413">
        <v>0</v>
      </c>
      <c r="AV1413">
        <v>0</v>
      </c>
      <c r="AW1413">
        <v>0</v>
      </c>
      <c r="AX1413">
        <v>0</v>
      </c>
      <c r="AY1413">
        <v>0</v>
      </c>
      <c r="AZ1413">
        <v>0</v>
      </c>
      <c r="BA1413">
        <v>0</v>
      </c>
    </row>
    <row r="1414" spans="1:53" x14ac:dyDescent="0.4">
      <c r="A1414">
        <v>1458</v>
      </c>
      <c r="B1414" s="1">
        <v>43269</v>
      </c>
      <c r="C1414">
        <v>2</v>
      </c>
      <c r="D1414" s="1">
        <v>43269.448611111111</v>
      </c>
      <c r="E1414" s="1">
        <v>43269.738888888889</v>
      </c>
      <c r="F1414">
        <v>22000</v>
      </c>
      <c r="G1414">
        <v>4020</v>
      </c>
      <c r="H1414">
        <v>0</v>
      </c>
      <c r="I1414">
        <v>0</v>
      </c>
      <c r="J1414">
        <v>0</v>
      </c>
      <c r="K1414">
        <v>0</v>
      </c>
      <c r="L1414">
        <v>0</v>
      </c>
      <c r="M1414">
        <v>2081</v>
      </c>
      <c r="N1414">
        <v>0</v>
      </c>
      <c r="O1414">
        <v>0</v>
      </c>
      <c r="P1414">
        <v>11340</v>
      </c>
      <c r="Q1414">
        <v>0</v>
      </c>
      <c r="R1414">
        <v>39441</v>
      </c>
      <c r="S1414">
        <v>0</v>
      </c>
      <c r="T1414">
        <v>0</v>
      </c>
      <c r="U1414">
        <v>0</v>
      </c>
      <c r="V1414">
        <v>2</v>
      </c>
      <c r="W1414">
        <v>1</v>
      </c>
      <c r="X1414">
        <v>0</v>
      </c>
      <c r="Y1414">
        <v>37</v>
      </c>
      <c r="Z1414">
        <v>20</v>
      </c>
      <c r="AA1414">
        <v>140</v>
      </c>
      <c r="AB1414">
        <v>30</v>
      </c>
      <c r="AC1414">
        <v>165</v>
      </c>
      <c r="AD1414">
        <v>38</v>
      </c>
      <c r="AE1414">
        <v>101</v>
      </c>
      <c r="AF1414">
        <v>0</v>
      </c>
      <c r="AG1414">
        <v>89441</v>
      </c>
      <c r="AH1414">
        <v>50000</v>
      </c>
      <c r="AI1414">
        <v>0</v>
      </c>
      <c r="AJ1414">
        <v>96</v>
      </c>
      <c r="AK1414" t="s">
        <v>4</v>
      </c>
      <c r="AL1414">
        <v>0</v>
      </c>
      <c r="AM1414">
        <v>0</v>
      </c>
      <c r="AN1414">
        <v>0</v>
      </c>
      <c r="AO1414">
        <v>0</v>
      </c>
      <c r="AP1414">
        <v>0</v>
      </c>
      <c r="AQ1414">
        <v>0</v>
      </c>
      <c r="AR1414">
        <v>0</v>
      </c>
      <c r="AS1414">
        <v>0</v>
      </c>
      <c r="AT1414">
        <v>0</v>
      </c>
      <c r="AU1414">
        <v>0</v>
      </c>
      <c r="AV1414">
        <v>0</v>
      </c>
      <c r="AW1414">
        <v>0</v>
      </c>
      <c r="AX1414">
        <v>0</v>
      </c>
      <c r="AY1414">
        <v>34</v>
      </c>
      <c r="AZ1414">
        <v>61</v>
      </c>
      <c r="BA1414">
        <v>4624</v>
      </c>
    </row>
    <row r="1415" spans="1:53" x14ac:dyDescent="0.4">
      <c r="A1415">
        <v>1459</v>
      </c>
      <c r="B1415" s="1">
        <v>43270</v>
      </c>
      <c r="C1415">
        <v>1</v>
      </c>
      <c r="D1415" s="1">
        <v>43270.291666666664</v>
      </c>
      <c r="E1415" s="1">
        <v>43270.450694444444</v>
      </c>
      <c r="F1415">
        <v>0</v>
      </c>
      <c r="G1415">
        <v>0</v>
      </c>
      <c r="H1415">
        <v>0</v>
      </c>
      <c r="I1415">
        <v>0</v>
      </c>
      <c r="J1415">
        <v>0</v>
      </c>
      <c r="K1415">
        <v>0</v>
      </c>
      <c r="L1415">
        <v>0</v>
      </c>
      <c r="M1415">
        <v>0</v>
      </c>
      <c r="N1415">
        <v>0</v>
      </c>
      <c r="O1415">
        <v>0</v>
      </c>
      <c r="P1415">
        <v>0</v>
      </c>
      <c r="Q1415">
        <v>0</v>
      </c>
      <c r="R1415">
        <v>0</v>
      </c>
      <c r="S1415">
        <v>0</v>
      </c>
      <c r="T1415">
        <v>0</v>
      </c>
      <c r="U1415">
        <v>0</v>
      </c>
      <c r="V1415">
        <v>0</v>
      </c>
      <c r="W1415">
        <v>0</v>
      </c>
      <c r="X1415">
        <v>0</v>
      </c>
      <c r="Y1415">
        <v>28</v>
      </c>
      <c r="Z1415">
        <v>11</v>
      </c>
      <c r="AA1415">
        <v>133</v>
      </c>
      <c r="AB1415">
        <v>34</v>
      </c>
      <c r="AC1415">
        <v>122</v>
      </c>
      <c r="AD1415">
        <v>35</v>
      </c>
      <c r="AE1415">
        <v>105</v>
      </c>
      <c r="AF1415">
        <v>0</v>
      </c>
      <c r="AG1415">
        <v>50000</v>
      </c>
      <c r="AH1415">
        <v>0</v>
      </c>
      <c r="AI1415">
        <v>50000</v>
      </c>
      <c r="AJ1415">
        <v>0</v>
      </c>
      <c r="AK1415" t="s">
        <v>6</v>
      </c>
      <c r="AL1415">
        <v>0</v>
      </c>
      <c r="AM1415">
        <v>0</v>
      </c>
      <c r="AN1415">
        <v>0</v>
      </c>
      <c r="AO1415">
        <v>0</v>
      </c>
      <c r="AP1415">
        <v>0</v>
      </c>
      <c r="AQ1415">
        <v>0</v>
      </c>
      <c r="AR1415">
        <v>0</v>
      </c>
      <c r="AS1415">
        <v>0</v>
      </c>
      <c r="AT1415">
        <v>0</v>
      </c>
      <c r="AU1415">
        <v>0</v>
      </c>
      <c r="AV1415">
        <v>0</v>
      </c>
      <c r="AW1415">
        <v>0</v>
      </c>
      <c r="AX1415">
        <v>0</v>
      </c>
      <c r="AY1415">
        <v>0</v>
      </c>
      <c r="AZ1415">
        <v>0</v>
      </c>
      <c r="BA1415">
        <v>0</v>
      </c>
    </row>
    <row r="1416" spans="1:53" x14ac:dyDescent="0.4">
      <c r="A1416">
        <v>1460</v>
      </c>
      <c r="B1416" s="1">
        <v>43270</v>
      </c>
      <c r="C1416">
        <v>2</v>
      </c>
      <c r="D1416" s="1">
        <v>43270.450694444444</v>
      </c>
      <c r="E1416" s="1">
        <v>43270.754861111112</v>
      </c>
      <c r="F1416">
        <v>15000</v>
      </c>
      <c r="G1416">
        <v>6980</v>
      </c>
      <c r="H1416">
        <v>0</v>
      </c>
      <c r="I1416">
        <v>0</v>
      </c>
      <c r="J1416">
        <v>0</v>
      </c>
      <c r="K1416">
        <v>0</v>
      </c>
      <c r="L1416">
        <v>0</v>
      </c>
      <c r="M1416">
        <v>1758</v>
      </c>
      <c r="N1416">
        <v>0</v>
      </c>
      <c r="O1416">
        <v>0</v>
      </c>
      <c r="P1416">
        <v>19764</v>
      </c>
      <c r="Q1416">
        <v>0</v>
      </c>
      <c r="R1416">
        <v>43502</v>
      </c>
      <c r="S1416">
        <v>0</v>
      </c>
      <c r="T1416">
        <v>0</v>
      </c>
      <c r="U1416">
        <v>0</v>
      </c>
      <c r="V1416">
        <v>1</v>
      </c>
      <c r="W1416">
        <v>2</v>
      </c>
      <c r="X1416">
        <v>0</v>
      </c>
      <c r="Y1416">
        <v>47</v>
      </c>
      <c r="Z1416">
        <v>14</v>
      </c>
      <c r="AA1416">
        <v>138</v>
      </c>
      <c r="AB1416">
        <v>35</v>
      </c>
      <c r="AC1416">
        <v>180</v>
      </c>
      <c r="AD1416">
        <v>39</v>
      </c>
      <c r="AE1416">
        <v>94</v>
      </c>
      <c r="AF1416">
        <v>1863</v>
      </c>
      <c r="AG1416">
        <v>93502</v>
      </c>
      <c r="AH1416">
        <v>50000</v>
      </c>
      <c r="AI1416">
        <v>0</v>
      </c>
      <c r="AJ1416">
        <v>93</v>
      </c>
      <c r="AK1416" t="s">
        <v>20</v>
      </c>
      <c r="AL1416">
        <v>0</v>
      </c>
      <c r="AM1416">
        <v>0</v>
      </c>
      <c r="AN1416">
        <v>0</v>
      </c>
      <c r="AO1416">
        <v>0</v>
      </c>
      <c r="AP1416">
        <v>0</v>
      </c>
      <c r="AQ1416">
        <v>0</v>
      </c>
      <c r="AR1416">
        <v>0</v>
      </c>
      <c r="AS1416">
        <v>0</v>
      </c>
      <c r="AT1416">
        <v>0</v>
      </c>
      <c r="AU1416">
        <v>0</v>
      </c>
      <c r="AV1416">
        <v>0</v>
      </c>
      <c r="AW1416">
        <v>0</v>
      </c>
      <c r="AX1416">
        <v>-3564</v>
      </c>
      <c r="AY1416">
        <v>36</v>
      </c>
      <c r="AZ1416">
        <v>61</v>
      </c>
      <c r="BA1416">
        <v>4501</v>
      </c>
    </row>
    <row r="1417" spans="1:53" x14ac:dyDescent="0.4">
      <c r="A1417">
        <v>1461</v>
      </c>
      <c r="B1417" s="1">
        <v>43270</v>
      </c>
      <c r="C1417">
        <v>3</v>
      </c>
      <c r="D1417" s="1">
        <v>43270.754861111112</v>
      </c>
      <c r="E1417" s="1">
        <v>43270.961111111108</v>
      </c>
      <c r="F1417">
        <v>26050</v>
      </c>
      <c r="G1417">
        <v>1280</v>
      </c>
      <c r="H1417">
        <v>0</v>
      </c>
      <c r="I1417">
        <v>0</v>
      </c>
      <c r="J1417">
        <v>0</v>
      </c>
      <c r="K1417">
        <v>0</v>
      </c>
      <c r="L1417">
        <v>0</v>
      </c>
      <c r="M1417">
        <v>2186</v>
      </c>
      <c r="N1417">
        <v>0</v>
      </c>
      <c r="O1417">
        <v>0</v>
      </c>
      <c r="P1417">
        <v>-12636</v>
      </c>
      <c r="Q1417">
        <v>0</v>
      </c>
      <c r="R1417">
        <v>16880</v>
      </c>
      <c r="S1417">
        <v>0</v>
      </c>
      <c r="T1417">
        <v>0</v>
      </c>
      <c r="U1417">
        <v>0</v>
      </c>
      <c r="V1417">
        <v>1</v>
      </c>
      <c r="W1417">
        <v>6</v>
      </c>
      <c r="X1417">
        <v>0</v>
      </c>
      <c r="Y1417">
        <v>46</v>
      </c>
      <c r="Z1417">
        <v>12</v>
      </c>
      <c r="AA1417">
        <v>128</v>
      </c>
      <c r="AB1417">
        <v>34</v>
      </c>
      <c r="AC1417">
        <v>174</v>
      </c>
      <c r="AD1417">
        <v>38</v>
      </c>
      <c r="AE1417">
        <v>89</v>
      </c>
      <c r="AF1417">
        <v>1863</v>
      </c>
      <c r="AG1417">
        <v>110382</v>
      </c>
      <c r="AH1417">
        <v>50000</v>
      </c>
      <c r="AI1417">
        <v>0</v>
      </c>
      <c r="AJ1417">
        <v>93</v>
      </c>
      <c r="AK1417" t="s">
        <v>20</v>
      </c>
      <c r="AL1417">
        <v>0</v>
      </c>
      <c r="AM1417">
        <v>0</v>
      </c>
      <c r="AN1417">
        <v>0</v>
      </c>
      <c r="AO1417">
        <v>0</v>
      </c>
      <c r="AP1417">
        <v>0</v>
      </c>
      <c r="AQ1417">
        <v>0</v>
      </c>
      <c r="AR1417">
        <v>0</v>
      </c>
      <c r="AS1417">
        <v>0</v>
      </c>
      <c r="AT1417">
        <v>0</v>
      </c>
      <c r="AU1417">
        <v>0</v>
      </c>
      <c r="AV1417">
        <v>0</v>
      </c>
      <c r="AW1417">
        <v>0</v>
      </c>
      <c r="AX1417">
        <v>5357</v>
      </c>
      <c r="AY1417">
        <v>9</v>
      </c>
      <c r="AZ1417">
        <v>16</v>
      </c>
      <c r="BA1417">
        <v>2579</v>
      </c>
    </row>
    <row r="1418" spans="1:53" x14ac:dyDescent="0.4">
      <c r="A1418">
        <v>1462</v>
      </c>
      <c r="B1418" s="1">
        <v>43271</v>
      </c>
      <c r="C1418">
        <v>1</v>
      </c>
      <c r="D1418" s="1">
        <v>43271.291666666664</v>
      </c>
      <c r="E1418" s="1">
        <v>43271.449305555558</v>
      </c>
      <c r="F1418">
        <v>0</v>
      </c>
      <c r="G1418">
        <v>0</v>
      </c>
      <c r="H1418">
        <v>0</v>
      </c>
      <c r="I1418">
        <v>0</v>
      </c>
      <c r="J1418">
        <v>0</v>
      </c>
      <c r="K1418">
        <v>0</v>
      </c>
      <c r="L1418">
        <v>0</v>
      </c>
      <c r="M1418">
        <v>0</v>
      </c>
      <c r="N1418">
        <v>0</v>
      </c>
      <c r="O1418">
        <v>0</v>
      </c>
      <c r="P1418">
        <v>0</v>
      </c>
      <c r="Q1418">
        <v>0</v>
      </c>
      <c r="R1418">
        <v>0</v>
      </c>
      <c r="S1418">
        <v>0</v>
      </c>
      <c r="T1418">
        <v>0</v>
      </c>
      <c r="U1418">
        <v>0</v>
      </c>
      <c r="V1418">
        <v>0</v>
      </c>
      <c r="W1418">
        <v>0</v>
      </c>
      <c r="X1418">
        <v>0</v>
      </c>
      <c r="Y1418">
        <v>27</v>
      </c>
      <c r="Z1418">
        <v>13</v>
      </c>
      <c r="AA1418">
        <v>135</v>
      </c>
      <c r="AB1418">
        <v>32</v>
      </c>
      <c r="AC1418">
        <v>113</v>
      </c>
      <c r="AD1418">
        <v>37</v>
      </c>
      <c r="AE1418">
        <v>85</v>
      </c>
      <c r="AF1418">
        <v>0</v>
      </c>
      <c r="AG1418">
        <v>50000</v>
      </c>
      <c r="AH1418">
        <v>0</v>
      </c>
      <c r="AI1418">
        <v>50000</v>
      </c>
      <c r="AJ1418">
        <v>0</v>
      </c>
      <c r="AK1418" t="s">
        <v>6</v>
      </c>
      <c r="AL1418">
        <v>0</v>
      </c>
      <c r="AM1418">
        <v>0</v>
      </c>
      <c r="AN1418">
        <v>0</v>
      </c>
      <c r="AO1418">
        <v>0</v>
      </c>
      <c r="AP1418">
        <v>0</v>
      </c>
      <c r="AQ1418">
        <v>0</v>
      </c>
      <c r="AR1418">
        <v>0</v>
      </c>
      <c r="AS1418">
        <v>0</v>
      </c>
      <c r="AT1418">
        <v>0</v>
      </c>
      <c r="AU1418">
        <v>0</v>
      </c>
      <c r="AV1418">
        <v>0</v>
      </c>
      <c r="AW1418">
        <v>0</v>
      </c>
      <c r="AX1418">
        <v>0</v>
      </c>
      <c r="AY1418">
        <v>0</v>
      </c>
      <c r="AZ1418">
        <v>0</v>
      </c>
      <c r="BA1418">
        <v>0</v>
      </c>
    </row>
    <row r="1419" spans="1:53" x14ac:dyDescent="0.4">
      <c r="A1419">
        <v>1463</v>
      </c>
      <c r="B1419" s="1">
        <v>43271</v>
      </c>
      <c r="C1419">
        <v>2</v>
      </c>
      <c r="D1419" s="1">
        <v>43271.449305555558</v>
      </c>
      <c r="E1419" s="1">
        <v>43271.73333333333</v>
      </c>
      <c r="F1419">
        <v>14000</v>
      </c>
      <c r="G1419">
        <v>680</v>
      </c>
      <c r="H1419">
        <v>0</v>
      </c>
      <c r="I1419">
        <v>0</v>
      </c>
      <c r="J1419">
        <v>0</v>
      </c>
      <c r="K1419">
        <v>0</v>
      </c>
      <c r="L1419">
        <v>0</v>
      </c>
      <c r="M1419">
        <v>1174</v>
      </c>
      <c r="N1419">
        <v>0</v>
      </c>
      <c r="O1419">
        <v>0</v>
      </c>
      <c r="P1419">
        <v>8640</v>
      </c>
      <c r="Q1419">
        <v>0</v>
      </c>
      <c r="R1419">
        <v>24494</v>
      </c>
      <c r="S1419">
        <v>0</v>
      </c>
      <c r="T1419">
        <v>0</v>
      </c>
      <c r="U1419">
        <v>0</v>
      </c>
      <c r="V1419">
        <v>0</v>
      </c>
      <c r="W1419">
        <v>1</v>
      </c>
      <c r="X1419">
        <v>0</v>
      </c>
      <c r="Y1419">
        <v>43</v>
      </c>
      <c r="Z1419">
        <v>20</v>
      </c>
      <c r="AA1419">
        <v>132</v>
      </c>
      <c r="AB1419">
        <v>31</v>
      </c>
      <c r="AC1419">
        <v>144</v>
      </c>
      <c r="AD1419">
        <v>42</v>
      </c>
      <c r="AE1419">
        <v>94</v>
      </c>
      <c r="AF1419">
        <v>0</v>
      </c>
      <c r="AG1419">
        <v>74494</v>
      </c>
      <c r="AH1419">
        <v>50000</v>
      </c>
      <c r="AI1419">
        <v>0</v>
      </c>
      <c r="AJ1419">
        <v>96</v>
      </c>
      <c r="AK1419" t="s">
        <v>4</v>
      </c>
      <c r="AL1419">
        <v>0</v>
      </c>
      <c r="AM1419">
        <v>0</v>
      </c>
      <c r="AN1419">
        <v>0</v>
      </c>
      <c r="AO1419">
        <v>0</v>
      </c>
      <c r="AP1419">
        <v>0</v>
      </c>
      <c r="AQ1419">
        <v>0</v>
      </c>
      <c r="AR1419">
        <v>0</v>
      </c>
      <c r="AS1419">
        <v>0</v>
      </c>
      <c r="AT1419">
        <v>0</v>
      </c>
      <c r="AU1419">
        <v>0</v>
      </c>
      <c r="AV1419">
        <v>0</v>
      </c>
      <c r="AW1419">
        <v>0</v>
      </c>
      <c r="AX1419">
        <v>-670</v>
      </c>
      <c r="AY1419">
        <v>25</v>
      </c>
      <c r="AZ1419">
        <v>44</v>
      </c>
      <c r="BA1419">
        <v>3480</v>
      </c>
    </row>
    <row r="1420" spans="1:53" x14ac:dyDescent="0.4">
      <c r="A1420">
        <v>1464</v>
      </c>
      <c r="B1420" s="1">
        <v>43271</v>
      </c>
      <c r="C1420">
        <v>3</v>
      </c>
      <c r="D1420" s="1">
        <v>43271.73333333333</v>
      </c>
      <c r="E1420" s="1">
        <v>43271.955555555556</v>
      </c>
      <c r="F1420">
        <v>39280</v>
      </c>
      <c r="G1420">
        <v>6040</v>
      </c>
      <c r="H1420">
        <v>0</v>
      </c>
      <c r="I1420">
        <v>0</v>
      </c>
      <c r="J1420">
        <v>0</v>
      </c>
      <c r="K1420">
        <v>0</v>
      </c>
      <c r="L1420">
        <v>0</v>
      </c>
      <c r="M1420">
        <v>3625</v>
      </c>
      <c r="N1420">
        <v>0</v>
      </c>
      <c r="O1420">
        <v>0</v>
      </c>
      <c r="P1420">
        <v>2376</v>
      </c>
      <c r="Q1420">
        <v>0</v>
      </c>
      <c r="R1420">
        <v>51321</v>
      </c>
      <c r="S1420">
        <v>0</v>
      </c>
      <c r="T1420">
        <v>0</v>
      </c>
      <c r="U1420">
        <v>0</v>
      </c>
      <c r="V1420">
        <v>1</v>
      </c>
      <c r="W1420">
        <v>0</v>
      </c>
      <c r="X1420">
        <v>0</v>
      </c>
      <c r="Y1420">
        <v>83</v>
      </c>
      <c r="Z1420">
        <v>22</v>
      </c>
      <c r="AA1420">
        <v>132</v>
      </c>
      <c r="AB1420">
        <v>32</v>
      </c>
      <c r="AC1420">
        <v>157</v>
      </c>
      <c r="AD1420">
        <v>41</v>
      </c>
      <c r="AE1420">
        <v>99</v>
      </c>
      <c r="AF1420">
        <v>5141</v>
      </c>
      <c r="AG1420">
        <v>125815</v>
      </c>
      <c r="AH1420">
        <v>50000</v>
      </c>
      <c r="AI1420">
        <v>0</v>
      </c>
      <c r="AJ1420">
        <v>108</v>
      </c>
      <c r="AK1420" t="s">
        <v>30</v>
      </c>
      <c r="AL1420">
        <v>0</v>
      </c>
      <c r="AM1420">
        <v>0</v>
      </c>
      <c r="AN1420">
        <v>0</v>
      </c>
      <c r="AO1420">
        <v>0</v>
      </c>
      <c r="AP1420">
        <v>0</v>
      </c>
      <c r="AQ1420">
        <v>0</v>
      </c>
      <c r="AR1420">
        <v>0</v>
      </c>
      <c r="AS1420">
        <v>0</v>
      </c>
      <c r="AT1420">
        <v>0</v>
      </c>
      <c r="AU1420">
        <v>0</v>
      </c>
      <c r="AV1420">
        <v>0</v>
      </c>
      <c r="AW1420">
        <v>0</v>
      </c>
      <c r="AX1420">
        <v>-1188</v>
      </c>
      <c r="AY1420">
        <v>16</v>
      </c>
      <c r="AZ1420">
        <v>44</v>
      </c>
      <c r="BA1420">
        <v>2279</v>
      </c>
    </row>
    <row r="1421" spans="1:53" x14ac:dyDescent="0.4">
      <c r="A1421">
        <v>1465</v>
      </c>
      <c r="B1421" s="1">
        <v>43272</v>
      </c>
      <c r="C1421">
        <v>1</v>
      </c>
      <c r="D1421" s="1">
        <v>43272.291666666664</v>
      </c>
      <c r="E1421" s="1">
        <v>43272.449305555558</v>
      </c>
      <c r="F1421">
        <v>0</v>
      </c>
      <c r="G1421">
        <v>0</v>
      </c>
      <c r="H1421">
        <v>0</v>
      </c>
      <c r="I1421">
        <v>0</v>
      </c>
      <c r="J1421">
        <v>0</v>
      </c>
      <c r="K1421">
        <v>0</v>
      </c>
      <c r="L1421">
        <v>0</v>
      </c>
      <c r="M1421">
        <v>0</v>
      </c>
      <c r="N1421">
        <v>0</v>
      </c>
      <c r="O1421">
        <v>0</v>
      </c>
      <c r="P1421">
        <v>0</v>
      </c>
      <c r="Q1421">
        <v>0</v>
      </c>
      <c r="R1421">
        <v>0</v>
      </c>
      <c r="S1421">
        <v>0</v>
      </c>
      <c r="T1421">
        <v>0</v>
      </c>
      <c r="U1421">
        <v>0</v>
      </c>
      <c r="V1421">
        <v>0</v>
      </c>
      <c r="W1421">
        <v>0</v>
      </c>
      <c r="X1421">
        <v>0</v>
      </c>
      <c r="Y1421">
        <v>30</v>
      </c>
      <c r="Z1421">
        <v>9</v>
      </c>
      <c r="AA1421">
        <v>124</v>
      </c>
      <c r="AB1421">
        <v>34</v>
      </c>
      <c r="AC1421">
        <v>109</v>
      </c>
      <c r="AD1421">
        <v>42</v>
      </c>
      <c r="AE1421">
        <v>100</v>
      </c>
      <c r="AF1421">
        <v>0</v>
      </c>
      <c r="AG1421">
        <v>50000</v>
      </c>
      <c r="AH1421">
        <v>0</v>
      </c>
      <c r="AI1421">
        <v>50000</v>
      </c>
      <c r="AJ1421">
        <v>0</v>
      </c>
      <c r="AK1421" t="s">
        <v>6</v>
      </c>
      <c r="AL1421">
        <v>0</v>
      </c>
      <c r="AM1421">
        <v>0</v>
      </c>
      <c r="AN1421">
        <v>0</v>
      </c>
      <c r="AO1421">
        <v>0</v>
      </c>
      <c r="AP1421">
        <v>0</v>
      </c>
      <c r="AQ1421">
        <v>0</v>
      </c>
      <c r="AR1421">
        <v>0</v>
      </c>
      <c r="AS1421">
        <v>0</v>
      </c>
      <c r="AT1421">
        <v>0</v>
      </c>
      <c r="AU1421">
        <v>0</v>
      </c>
      <c r="AV1421">
        <v>0</v>
      </c>
      <c r="AW1421">
        <v>0</v>
      </c>
      <c r="AX1421">
        <v>0</v>
      </c>
      <c r="AY1421">
        <v>0</v>
      </c>
      <c r="AZ1421">
        <v>0</v>
      </c>
      <c r="BA1421">
        <v>0</v>
      </c>
    </row>
    <row r="1422" spans="1:53" x14ac:dyDescent="0.4">
      <c r="A1422">
        <v>1466</v>
      </c>
      <c r="B1422" s="1">
        <v>43272</v>
      </c>
      <c r="C1422">
        <v>2</v>
      </c>
      <c r="D1422" s="1">
        <v>43272.449305555558</v>
      </c>
      <c r="E1422" s="1">
        <v>43272.754166666666</v>
      </c>
      <c r="F1422">
        <v>20000</v>
      </c>
      <c r="G1422">
        <v>680</v>
      </c>
      <c r="H1422">
        <v>0</v>
      </c>
      <c r="I1422">
        <v>0</v>
      </c>
      <c r="J1422">
        <v>0</v>
      </c>
      <c r="K1422">
        <v>0</v>
      </c>
      <c r="L1422">
        <v>0</v>
      </c>
      <c r="M1422">
        <v>1654</v>
      </c>
      <c r="N1422">
        <v>0</v>
      </c>
      <c r="O1422">
        <v>0</v>
      </c>
      <c r="P1422">
        <v>7020</v>
      </c>
      <c r="Q1422">
        <v>0</v>
      </c>
      <c r="R1422">
        <v>29354</v>
      </c>
      <c r="S1422">
        <v>0</v>
      </c>
      <c r="T1422">
        <v>0</v>
      </c>
      <c r="U1422">
        <v>0</v>
      </c>
      <c r="V1422">
        <v>0</v>
      </c>
      <c r="W1422">
        <v>3</v>
      </c>
      <c r="X1422">
        <v>0</v>
      </c>
      <c r="Y1422">
        <v>35</v>
      </c>
      <c r="Z1422">
        <v>20</v>
      </c>
      <c r="AA1422">
        <v>138</v>
      </c>
      <c r="AB1422">
        <v>32</v>
      </c>
      <c r="AC1422">
        <v>145</v>
      </c>
      <c r="AD1422">
        <v>42</v>
      </c>
      <c r="AE1422">
        <v>99</v>
      </c>
      <c r="AF1422">
        <v>2195</v>
      </c>
      <c r="AG1422">
        <v>79354</v>
      </c>
      <c r="AH1422">
        <v>50000</v>
      </c>
      <c r="AI1422">
        <v>0</v>
      </c>
      <c r="AJ1422">
        <v>96</v>
      </c>
      <c r="AK1422" t="s">
        <v>4</v>
      </c>
      <c r="AL1422">
        <v>0</v>
      </c>
      <c r="AM1422">
        <v>0</v>
      </c>
      <c r="AN1422">
        <v>0</v>
      </c>
      <c r="AO1422">
        <v>0</v>
      </c>
      <c r="AP1422">
        <v>0</v>
      </c>
      <c r="AQ1422">
        <v>0</v>
      </c>
      <c r="AR1422">
        <v>0</v>
      </c>
      <c r="AS1422">
        <v>0</v>
      </c>
      <c r="AT1422">
        <v>0</v>
      </c>
      <c r="AU1422">
        <v>0</v>
      </c>
      <c r="AV1422">
        <v>0</v>
      </c>
      <c r="AW1422">
        <v>0</v>
      </c>
      <c r="AX1422">
        <v>0</v>
      </c>
      <c r="AY1422">
        <v>32</v>
      </c>
      <c r="AZ1422">
        <v>51</v>
      </c>
      <c r="BA1422">
        <v>4721</v>
      </c>
    </row>
    <row r="1423" spans="1:53" x14ac:dyDescent="0.4">
      <c r="A1423">
        <v>1467</v>
      </c>
      <c r="B1423" s="1">
        <v>43272</v>
      </c>
      <c r="C1423">
        <v>3</v>
      </c>
      <c r="D1423" s="1">
        <v>43272.754166666666</v>
      </c>
      <c r="E1423" s="1">
        <v>43272.962500000001</v>
      </c>
      <c r="F1423">
        <v>40600</v>
      </c>
      <c r="G1423">
        <v>6200</v>
      </c>
      <c r="H1423">
        <v>0</v>
      </c>
      <c r="I1423">
        <v>0</v>
      </c>
      <c r="J1423">
        <v>0</v>
      </c>
      <c r="K1423">
        <v>0</v>
      </c>
      <c r="L1423">
        <v>0</v>
      </c>
      <c r="M1423">
        <v>3744</v>
      </c>
      <c r="N1423">
        <v>0</v>
      </c>
      <c r="O1423">
        <v>0</v>
      </c>
      <c r="P1423">
        <v>-5724</v>
      </c>
      <c r="Q1423">
        <v>0</v>
      </c>
      <c r="R1423">
        <v>44820</v>
      </c>
      <c r="S1423">
        <v>0</v>
      </c>
      <c r="T1423">
        <v>0</v>
      </c>
      <c r="U1423">
        <v>0</v>
      </c>
      <c r="V1423">
        <v>2</v>
      </c>
      <c r="W1423">
        <v>3</v>
      </c>
      <c r="X1423">
        <v>0</v>
      </c>
      <c r="Y1423">
        <v>43</v>
      </c>
      <c r="Z1423">
        <v>20</v>
      </c>
      <c r="AA1423">
        <v>138</v>
      </c>
      <c r="AB1423">
        <v>33</v>
      </c>
      <c r="AC1423">
        <v>148</v>
      </c>
      <c r="AD1423">
        <v>41</v>
      </c>
      <c r="AE1423">
        <v>93</v>
      </c>
      <c r="AF1423">
        <v>18946</v>
      </c>
      <c r="AG1423">
        <v>124174</v>
      </c>
      <c r="AH1423">
        <v>50000</v>
      </c>
      <c r="AI1423">
        <v>0</v>
      </c>
      <c r="AJ1423">
        <v>100</v>
      </c>
      <c r="AK1423" t="s">
        <v>0</v>
      </c>
      <c r="AL1423">
        <v>0</v>
      </c>
      <c r="AM1423">
        <v>0</v>
      </c>
      <c r="AN1423">
        <v>0</v>
      </c>
      <c r="AO1423">
        <v>0</v>
      </c>
      <c r="AP1423">
        <v>0</v>
      </c>
      <c r="AQ1423">
        <v>0</v>
      </c>
      <c r="AR1423">
        <v>0</v>
      </c>
      <c r="AS1423">
        <v>0</v>
      </c>
      <c r="AT1423">
        <v>0</v>
      </c>
      <c r="AU1423">
        <v>0</v>
      </c>
      <c r="AV1423">
        <v>0</v>
      </c>
      <c r="AW1423">
        <v>0</v>
      </c>
      <c r="AX1423">
        <v>15984</v>
      </c>
      <c r="AY1423">
        <v>15</v>
      </c>
      <c r="AZ1423">
        <v>40</v>
      </c>
      <c r="BA1423">
        <v>2625</v>
      </c>
    </row>
    <row r="1424" spans="1:53" x14ac:dyDescent="0.4">
      <c r="A1424">
        <v>1468</v>
      </c>
      <c r="B1424" s="1">
        <v>43272</v>
      </c>
      <c r="C1424">
        <v>4</v>
      </c>
      <c r="D1424" s="1">
        <v>43272.962500000001</v>
      </c>
      <c r="E1424" s="1">
        <v>43273.082638888889</v>
      </c>
      <c r="F1424">
        <v>35200</v>
      </c>
      <c r="G1424">
        <v>1180</v>
      </c>
      <c r="H1424">
        <v>0</v>
      </c>
      <c r="I1424">
        <v>0</v>
      </c>
      <c r="J1424">
        <v>0</v>
      </c>
      <c r="K1424">
        <v>0</v>
      </c>
      <c r="L1424">
        <v>0</v>
      </c>
      <c r="M1424">
        <v>2910</v>
      </c>
      <c r="N1424">
        <v>0</v>
      </c>
      <c r="O1424">
        <v>0</v>
      </c>
      <c r="P1424">
        <v>4536</v>
      </c>
      <c r="Q1424">
        <v>0</v>
      </c>
      <c r="R1424">
        <v>43826</v>
      </c>
      <c r="S1424">
        <v>0</v>
      </c>
      <c r="T1424">
        <v>0</v>
      </c>
      <c r="U1424">
        <v>0</v>
      </c>
      <c r="V1424">
        <v>7</v>
      </c>
      <c r="W1424">
        <v>4</v>
      </c>
      <c r="X1424">
        <v>0</v>
      </c>
      <c r="Y1424">
        <v>33</v>
      </c>
      <c r="Z1424">
        <v>19</v>
      </c>
      <c r="AA1424">
        <v>132</v>
      </c>
      <c r="AB1424">
        <v>32</v>
      </c>
      <c r="AC1424">
        <v>147</v>
      </c>
      <c r="AD1424">
        <v>39</v>
      </c>
      <c r="AE1424">
        <v>89</v>
      </c>
      <c r="AF1424">
        <v>18946</v>
      </c>
      <c r="AG1424">
        <v>168000</v>
      </c>
      <c r="AH1424">
        <v>50000</v>
      </c>
      <c r="AI1424">
        <v>0</v>
      </c>
      <c r="AJ1424">
        <v>108</v>
      </c>
      <c r="AK1424" t="s">
        <v>30</v>
      </c>
      <c r="AL1424">
        <v>0</v>
      </c>
      <c r="AM1424">
        <v>0</v>
      </c>
      <c r="AN1424">
        <v>0</v>
      </c>
      <c r="AO1424">
        <v>0</v>
      </c>
      <c r="AP1424">
        <v>0</v>
      </c>
      <c r="AQ1424">
        <v>0</v>
      </c>
      <c r="AR1424">
        <v>0</v>
      </c>
      <c r="AS1424">
        <v>0</v>
      </c>
      <c r="AT1424">
        <v>0</v>
      </c>
      <c r="AU1424">
        <v>0</v>
      </c>
      <c r="AV1424">
        <v>0</v>
      </c>
      <c r="AW1424">
        <v>0</v>
      </c>
      <c r="AX1424">
        <v>2376</v>
      </c>
      <c r="AY1424">
        <v>1</v>
      </c>
      <c r="AZ1424">
        <v>3</v>
      </c>
      <c r="BA1424">
        <v>312</v>
      </c>
    </row>
    <row r="1425" spans="1:53" x14ac:dyDescent="0.4">
      <c r="A1425">
        <v>1469</v>
      </c>
      <c r="B1425" s="1">
        <v>43273</v>
      </c>
      <c r="C1425">
        <v>1</v>
      </c>
      <c r="D1425" s="1">
        <v>43273.291666666664</v>
      </c>
      <c r="E1425" s="1">
        <v>43273.447222222225</v>
      </c>
      <c r="F1425">
        <v>0</v>
      </c>
      <c r="G1425">
        <v>0</v>
      </c>
      <c r="H1425">
        <v>0</v>
      </c>
      <c r="I1425">
        <v>0</v>
      </c>
      <c r="J1425">
        <v>0</v>
      </c>
      <c r="K1425">
        <v>0</v>
      </c>
      <c r="L1425">
        <v>0</v>
      </c>
      <c r="M1425">
        <v>0</v>
      </c>
      <c r="N1425">
        <v>0</v>
      </c>
      <c r="O1425">
        <v>0</v>
      </c>
      <c r="P1425">
        <v>0</v>
      </c>
      <c r="Q1425">
        <v>0</v>
      </c>
      <c r="R1425">
        <v>0</v>
      </c>
      <c r="S1425">
        <v>0</v>
      </c>
      <c r="T1425">
        <v>0</v>
      </c>
      <c r="U1425">
        <v>0</v>
      </c>
      <c r="V1425">
        <v>0</v>
      </c>
      <c r="W1425">
        <v>0</v>
      </c>
      <c r="X1425">
        <v>0</v>
      </c>
      <c r="Y1425">
        <v>28</v>
      </c>
      <c r="Z1425">
        <v>12</v>
      </c>
      <c r="AA1425">
        <v>131</v>
      </c>
      <c r="AB1425">
        <v>30</v>
      </c>
      <c r="AC1425">
        <v>112</v>
      </c>
      <c r="AD1425">
        <v>39</v>
      </c>
      <c r="AE1425">
        <v>85</v>
      </c>
      <c r="AF1425">
        <v>0</v>
      </c>
      <c r="AG1425">
        <v>50000</v>
      </c>
      <c r="AH1425">
        <v>0</v>
      </c>
      <c r="AI1425">
        <v>50000</v>
      </c>
      <c r="AJ1425">
        <v>0</v>
      </c>
      <c r="AK1425" t="s">
        <v>6</v>
      </c>
      <c r="AL1425">
        <v>0</v>
      </c>
      <c r="AM1425">
        <v>0</v>
      </c>
      <c r="AN1425">
        <v>0</v>
      </c>
      <c r="AO1425">
        <v>0</v>
      </c>
      <c r="AP1425">
        <v>0</v>
      </c>
      <c r="AQ1425">
        <v>0</v>
      </c>
      <c r="AR1425">
        <v>0</v>
      </c>
      <c r="AS1425">
        <v>0</v>
      </c>
      <c r="AT1425">
        <v>0</v>
      </c>
      <c r="AU1425">
        <v>0</v>
      </c>
      <c r="AV1425">
        <v>0</v>
      </c>
      <c r="AW1425">
        <v>0</v>
      </c>
      <c r="AX1425">
        <v>0</v>
      </c>
      <c r="AY1425">
        <v>0</v>
      </c>
      <c r="AZ1425">
        <v>0</v>
      </c>
      <c r="BA1425">
        <v>0</v>
      </c>
    </row>
    <row r="1426" spans="1:53" x14ac:dyDescent="0.4">
      <c r="A1426">
        <v>1470</v>
      </c>
      <c r="B1426" s="1">
        <v>43273</v>
      </c>
      <c r="C1426">
        <v>2</v>
      </c>
      <c r="D1426" s="1">
        <v>43273.447222222225</v>
      </c>
      <c r="E1426" s="1">
        <v>43273.744444444441</v>
      </c>
      <c r="F1426">
        <v>23500</v>
      </c>
      <c r="G1426">
        <v>2720</v>
      </c>
      <c r="H1426">
        <v>0</v>
      </c>
      <c r="I1426">
        <v>0</v>
      </c>
      <c r="J1426">
        <v>0</v>
      </c>
      <c r="K1426">
        <v>0</v>
      </c>
      <c r="L1426">
        <v>0</v>
      </c>
      <c r="M1426">
        <v>2096</v>
      </c>
      <c r="N1426">
        <v>0</v>
      </c>
      <c r="O1426">
        <v>0</v>
      </c>
      <c r="P1426">
        <v>17820</v>
      </c>
      <c r="Q1426">
        <v>0</v>
      </c>
      <c r="R1426">
        <v>46136</v>
      </c>
      <c r="S1426">
        <v>0</v>
      </c>
      <c r="T1426">
        <v>0</v>
      </c>
      <c r="U1426">
        <v>0</v>
      </c>
      <c r="V1426">
        <v>3</v>
      </c>
      <c r="W1426">
        <v>1</v>
      </c>
      <c r="X1426">
        <v>0</v>
      </c>
      <c r="Y1426">
        <v>35</v>
      </c>
      <c r="Z1426">
        <v>20</v>
      </c>
      <c r="AA1426">
        <v>130</v>
      </c>
      <c r="AB1426">
        <v>25</v>
      </c>
      <c r="AC1426">
        <v>161</v>
      </c>
      <c r="AD1426">
        <v>39</v>
      </c>
      <c r="AE1426">
        <v>81</v>
      </c>
      <c r="AF1426">
        <v>0</v>
      </c>
      <c r="AG1426">
        <v>96136</v>
      </c>
      <c r="AH1426">
        <v>50000</v>
      </c>
      <c r="AI1426">
        <v>0</v>
      </c>
      <c r="AJ1426">
        <v>96</v>
      </c>
      <c r="AK1426" t="s">
        <v>4</v>
      </c>
      <c r="AL1426">
        <v>0</v>
      </c>
      <c r="AM1426">
        <v>0</v>
      </c>
      <c r="AN1426">
        <v>0</v>
      </c>
      <c r="AO1426">
        <v>0</v>
      </c>
      <c r="AP1426">
        <v>0</v>
      </c>
      <c r="AQ1426">
        <v>0</v>
      </c>
      <c r="AR1426">
        <v>0</v>
      </c>
      <c r="AS1426">
        <v>0</v>
      </c>
      <c r="AT1426">
        <v>0</v>
      </c>
      <c r="AU1426">
        <v>0</v>
      </c>
      <c r="AV1426">
        <v>0</v>
      </c>
      <c r="AW1426">
        <v>0</v>
      </c>
      <c r="AX1426">
        <v>821</v>
      </c>
      <c r="AY1426">
        <v>40</v>
      </c>
      <c r="AZ1426">
        <v>77</v>
      </c>
      <c r="BA1426">
        <v>5556</v>
      </c>
    </row>
    <row r="1427" spans="1:53" x14ac:dyDescent="0.4">
      <c r="A1427">
        <v>1471</v>
      </c>
      <c r="B1427" s="1">
        <v>43273</v>
      </c>
      <c r="C1427">
        <v>3</v>
      </c>
      <c r="D1427" s="1">
        <v>43273.744444444441</v>
      </c>
      <c r="E1427" s="1">
        <v>43273.975694444445</v>
      </c>
      <c r="F1427">
        <v>185100</v>
      </c>
      <c r="G1427">
        <v>4500</v>
      </c>
      <c r="H1427">
        <v>0</v>
      </c>
      <c r="I1427">
        <v>0</v>
      </c>
      <c r="J1427">
        <v>0</v>
      </c>
      <c r="K1427">
        <v>0</v>
      </c>
      <c r="L1427">
        <v>0</v>
      </c>
      <c r="M1427">
        <v>15168</v>
      </c>
      <c r="N1427">
        <v>0</v>
      </c>
      <c r="O1427">
        <v>0</v>
      </c>
      <c r="P1427">
        <v>-13932</v>
      </c>
      <c r="Q1427">
        <v>0</v>
      </c>
      <c r="R1427">
        <v>190836</v>
      </c>
      <c r="S1427">
        <v>0</v>
      </c>
      <c r="T1427">
        <v>0</v>
      </c>
      <c r="U1427">
        <v>0</v>
      </c>
      <c r="V1427">
        <v>16</v>
      </c>
      <c r="W1427">
        <v>2</v>
      </c>
      <c r="X1427">
        <v>0</v>
      </c>
      <c r="Y1427">
        <v>31</v>
      </c>
      <c r="Z1427">
        <v>15</v>
      </c>
      <c r="AA1427">
        <v>108</v>
      </c>
      <c r="AB1427">
        <v>21</v>
      </c>
      <c r="AC1427">
        <v>156</v>
      </c>
      <c r="AD1427">
        <v>38</v>
      </c>
      <c r="AE1427">
        <v>72</v>
      </c>
      <c r="AF1427">
        <v>64800</v>
      </c>
      <c r="AG1427">
        <v>286972</v>
      </c>
      <c r="AH1427">
        <v>50000</v>
      </c>
      <c r="AI1427">
        <v>0</v>
      </c>
      <c r="AJ1427">
        <v>100</v>
      </c>
      <c r="AK1427" t="s">
        <v>0</v>
      </c>
      <c r="AL1427">
        <v>0</v>
      </c>
      <c r="AM1427">
        <v>0</v>
      </c>
      <c r="AN1427">
        <v>0</v>
      </c>
      <c r="AO1427">
        <v>0</v>
      </c>
      <c r="AP1427">
        <v>0</v>
      </c>
      <c r="AQ1427">
        <v>0</v>
      </c>
      <c r="AR1427">
        <v>0</v>
      </c>
      <c r="AS1427">
        <v>0</v>
      </c>
      <c r="AT1427">
        <v>0</v>
      </c>
      <c r="AU1427">
        <v>0</v>
      </c>
      <c r="AV1427">
        <v>0</v>
      </c>
      <c r="AW1427">
        <v>0</v>
      </c>
      <c r="AX1427">
        <v>80633</v>
      </c>
      <c r="AY1427">
        <v>28</v>
      </c>
      <c r="AZ1427">
        <v>148</v>
      </c>
      <c r="BA1427">
        <v>3854</v>
      </c>
    </row>
    <row r="1428" spans="1:53" x14ac:dyDescent="0.4">
      <c r="A1428">
        <v>1472</v>
      </c>
      <c r="B1428" s="1">
        <v>43274</v>
      </c>
      <c r="C1428">
        <v>1</v>
      </c>
      <c r="D1428" s="1">
        <v>43274.291666666664</v>
      </c>
      <c r="E1428" s="1">
        <v>43274.411111111112</v>
      </c>
      <c r="F1428">
        <v>0</v>
      </c>
      <c r="G1428">
        <v>0</v>
      </c>
      <c r="H1428">
        <v>0</v>
      </c>
      <c r="I1428">
        <v>0</v>
      </c>
      <c r="J1428">
        <v>0</v>
      </c>
      <c r="K1428">
        <v>0</v>
      </c>
      <c r="L1428">
        <v>0</v>
      </c>
      <c r="M1428">
        <v>0</v>
      </c>
      <c r="N1428">
        <v>0</v>
      </c>
      <c r="O1428">
        <v>0</v>
      </c>
      <c r="P1428">
        <v>0</v>
      </c>
      <c r="Q1428">
        <v>0</v>
      </c>
      <c r="R1428">
        <v>0</v>
      </c>
      <c r="S1428">
        <v>0</v>
      </c>
      <c r="T1428">
        <v>0</v>
      </c>
      <c r="U1428">
        <v>0</v>
      </c>
      <c r="V1428">
        <v>0</v>
      </c>
      <c r="W1428">
        <v>0</v>
      </c>
      <c r="X1428">
        <v>0</v>
      </c>
      <c r="Y1428">
        <v>30</v>
      </c>
      <c r="Z1428">
        <v>14</v>
      </c>
      <c r="AA1428">
        <v>109</v>
      </c>
      <c r="AB1428">
        <v>16</v>
      </c>
      <c r="AC1428">
        <v>104</v>
      </c>
      <c r="AD1428">
        <v>39</v>
      </c>
      <c r="AE1428">
        <v>65</v>
      </c>
      <c r="AF1428">
        <v>0</v>
      </c>
      <c r="AG1428">
        <v>50000</v>
      </c>
      <c r="AH1428">
        <v>0</v>
      </c>
      <c r="AI1428">
        <v>50000</v>
      </c>
      <c r="AJ1428">
        <v>0</v>
      </c>
      <c r="AK1428" t="s">
        <v>6</v>
      </c>
      <c r="AL1428">
        <v>0</v>
      </c>
      <c r="AM1428">
        <v>0</v>
      </c>
      <c r="AN1428">
        <v>0</v>
      </c>
      <c r="AO1428">
        <v>0</v>
      </c>
      <c r="AP1428">
        <v>0</v>
      </c>
      <c r="AQ1428">
        <v>0</v>
      </c>
      <c r="AR1428">
        <v>0</v>
      </c>
      <c r="AS1428">
        <v>0</v>
      </c>
      <c r="AT1428">
        <v>0</v>
      </c>
      <c r="AU1428">
        <v>0</v>
      </c>
      <c r="AV1428">
        <v>0</v>
      </c>
      <c r="AW1428">
        <v>0</v>
      </c>
      <c r="AX1428">
        <v>0</v>
      </c>
      <c r="AY1428">
        <v>0</v>
      </c>
      <c r="AZ1428">
        <v>0</v>
      </c>
      <c r="BA1428">
        <v>0</v>
      </c>
    </row>
    <row r="1429" spans="1:53" x14ac:dyDescent="0.4">
      <c r="A1429">
        <v>1473</v>
      </c>
      <c r="B1429" s="1">
        <v>43274</v>
      </c>
      <c r="C1429">
        <v>2</v>
      </c>
      <c r="D1429" s="1">
        <v>43274.411111111112</v>
      </c>
      <c r="E1429" s="1">
        <v>43274.740972222222</v>
      </c>
      <c r="F1429">
        <v>33500</v>
      </c>
      <c r="G1429">
        <v>4200</v>
      </c>
      <c r="H1429">
        <v>0</v>
      </c>
      <c r="I1429">
        <v>0</v>
      </c>
      <c r="J1429">
        <v>0</v>
      </c>
      <c r="K1429">
        <v>0</v>
      </c>
      <c r="L1429">
        <v>0</v>
      </c>
      <c r="M1429">
        <v>3014</v>
      </c>
      <c r="N1429">
        <v>0</v>
      </c>
      <c r="O1429">
        <v>0</v>
      </c>
      <c r="P1429">
        <v>14040</v>
      </c>
      <c r="Q1429">
        <v>0</v>
      </c>
      <c r="R1429">
        <v>54754</v>
      </c>
      <c r="S1429">
        <v>0</v>
      </c>
      <c r="T1429">
        <v>0</v>
      </c>
      <c r="U1429">
        <v>0</v>
      </c>
      <c r="V1429">
        <v>5</v>
      </c>
      <c r="W1429">
        <v>0</v>
      </c>
      <c r="X1429">
        <v>0</v>
      </c>
      <c r="Y1429">
        <v>16</v>
      </c>
      <c r="Z1429">
        <v>40</v>
      </c>
      <c r="AA1429">
        <v>103</v>
      </c>
      <c r="AB1429">
        <v>14</v>
      </c>
      <c r="AC1429">
        <v>161</v>
      </c>
      <c r="AD1429">
        <v>34</v>
      </c>
      <c r="AE1429">
        <v>68</v>
      </c>
      <c r="AF1429">
        <v>5906</v>
      </c>
      <c r="AG1429">
        <v>104754</v>
      </c>
      <c r="AH1429">
        <v>50000</v>
      </c>
      <c r="AI1429">
        <v>0</v>
      </c>
      <c r="AJ1429">
        <v>102</v>
      </c>
      <c r="AK1429" t="s">
        <v>8</v>
      </c>
      <c r="AL1429">
        <v>0</v>
      </c>
      <c r="AM1429">
        <v>0</v>
      </c>
      <c r="AN1429">
        <v>0</v>
      </c>
      <c r="AO1429">
        <v>0</v>
      </c>
      <c r="AP1429">
        <v>0</v>
      </c>
      <c r="AQ1429">
        <v>0</v>
      </c>
      <c r="AR1429">
        <v>0</v>
      </c>
      <c r="AS1429">
        <v>0</v>
      </c>
      <c r="AT1429">
        <v>0</v>
      </c>
      <c r="AU1429">
        <v>0</v>
      </c>
      <c r="AV1429">
        <v>0</v>
      </c>
      <c r="AW1429">
        <v>0</v>
      </c>
      <c r="AX1429">
        <v>194</v>
      </c>
      <c r="AY1429">
        <v>42</v>
      </c>
      <c r="AZ1429">
        <v>90</v>
      </c>
      <c r="BA1429">
        <v>6597</v>
      </c>
    </row>
    <row r="1430" spans="1:53" x14ac:dyDescent="0.4">
      <c r="A1430">
        <v>1474</v>
      </c>
      <c r="B1430" s="1">
        <v>43275</v>
      </c>
      <c r="C1430">
        <v>1</v>
      </c>
      <c r="D1430" s="1">
        <v>43275.291666666664</v>
      </c>
      <c r="E1430" s="1">
        <v>43275.404861111114</v>
      </c>
      <c r="F1430">
        <v>0</v>
      </c>
      <c r="G1430">
        <v>0</v>
      </c>
      <c r="H1430">
        <v>0</v>
      </c>
      <c r="I1430">
        <v>0</v>
      </c>
      <c r="J1430">
        <v>0</v>
      </c>
      <c r="K1430">
        <v>0</v>
      </c>
      <c r="L1430">
        <v>0</v>
      </c>
      <c r="M1430">
        <v>0</v>
      </c>
      <c r="N1430">
        <v>0</v>
      </c>
      <c r="O1430">
        <v>0</v>
      </c>
      <c r="P1430">
        <v>0</v>
      </c>
      <c r="Q1430">
        <v>0</v>
      </c>
      <c r="R1430">
        <v>0</v>
      </c>
      <c r="S1430">
        <v>0</v>
      </c>
      <c r="T1430">
        <v>0</v>
      </c>
      <c r="U1430">
        <v>0</v>
      </c>
      <c r="V1430">
        <v>0</v>
      </c>
      <c r="W1430">
        <v>0</v>
      </c>
      <c r="X1430">
        <v>0</v>
      </c>
      <c r="Y1430">
        <v>25</v>
      </c>
      <c r="Z1430">
        <v>21</v>
      </c>
      <c r="AA1430">
        <v>125</v>
      </c>
      <c r="AB1430">
        <v>11</v>
      </c>
      <c r="AC1430">
        <v>123</v>
      </c>
      <c r="AD1430">
        <v>33</v>
      </c>
      <c r="AE1430">
        <v>55</v>
      </c>
      <c r="AF1430">
        <v>0</v>
      </c>
      <c r="AG1430">
        <v>50000</v>
      </c>
      <c r="AH1430">
        <v>0</v>
      </c>
      <c r="AI1430">
        <v>50000</v>
      </c>
      <c r="AJ1430">
        <v>0</v>
      </c>
      <c r="AK1430" t="s">
        <v>6</v>
      </c>
      <c r="AL1430">
        <v>0</v>
      </c>
      <c r="AM1430">
        <v>0</v>
      </c>
      <c r="AN1430">
        <v>0</v>
      </c>
      <c r="AO1430">
        <v>0</v>
      </c>
      <c r="AP1430">
        <v>0</v>
      </c>
      <c r="AQ1430">
        <v>0</v>
      </c>
      <c r="AR1430">
        <v>0</v>
      </c>
      <c r="AS1430">
        <v>0</v>
      </c>
      <c r="AT1430">
        <v>0</v>
      </c>
      <c r="AU1430">
        <v>0</v>
      </c>
      <c r="AV1430">
        <v>0</v>
      </c>
      <c r="AW1430">
        <v>0</v>
      </c>
      <c r="AX1430">
        <v>0</v>
      </c>
      <c r="AY1430">
        <v>0</v>
      </c>
      <c r="AZ1430">
        <v>0</v>
      </c>
      <c r="BA1430">
        <v>0</v>
      </c>
    </row>
    <row r="1431" spans="1:53" x14ac:dyDescent="0.4">
      <c r="A1431">
        <v>1475</v>
      </c>
      <c r="B1431" s="1">
        <v>43275</v>
      </c>
      <c r="C1431">
        <v>2</v>
      </c>
      <c r="D1431" s="1">
        <v>43275.404861111114</v>
      </c>
      <c r="E1431" s="1">
        <v>43275.74722222222</v>
      </c>
      <c r="F1431">
        <v>39000</v>
      </c>
      <c r="G1431">
        <v>4180</v>
      </c>
      <c r="H1431">
        <v>0</v>
      </c>
      <c r="I1431">
        <v>0</v>
      </c>
      <c r="J1431">
        <v>0</v>
      </c>
      <c r="K1431">
        <v>0</v>
      </c>
      <c r="L1431">
        <v>0</v>
      </c>
      <c r="M1431">
        <v>3454</v>
      </c>
      <c r="N1431">
        <v>0</v>
      </c>
      <c r="O1431">
        <v>0</v>
      </c>
      <c r="P1431">
        <v>15120</v>
      </c>
      <c r="Q1431">
        <v>0</v>
      </c>
      <c r="R1431">
        <v>61754</v>
      </c>
      <c r="S1431">
        <v>0</v>
      </c>
      <c r="T1431">
        <v>0</v>
      </c>
      <c r="U1431">
        <v>0</v>
      </c>
      <c r="V1431">
        <v>2</v>
      </c>
      <c r="W1431">
        <v>3</v>
      </c>
      <c r="X1431">
        <v>0</v>
      </c>
      <c r="Y1431">
        <v>45</v>
      </c>
      <c r="Z1431">
        <v>36</v>
      </c>
      <c r="AA1431">
        <v>104</v>
      </c>
      <c r="AB1431">
        <v>21</v>
      </c>
      <c r="AC1431">
        <v>210</v>
      </c>
      <c r="AD1431">
        <v>36</v>
      </c>
      <c r="AE1431">
        <v>74</v>
      </c>
      <c r="AF1431">
        <v>0</v>
      </c>
      <c r="AG1431">
        <v>111804</v>
      </c>
      <c r="AH1431">
        <v>50000</v>
      </c>
      <c r="AI1431">
        <v>50</v>
      </c>
      <c r="AJ1431">
        <v>30</v>
      </c>
      <c r="AL1431">
        <v>0</v>
      </c>
      <c r="AM1431">
        <v>0</v>
      </c>
      <c r="AN1431">
        <v>0</v>
      </c>
      <c r="AO1431">
        <v>0</v>
      </c>
      <c r="AP1431">
        <v>0</v>
      </c>
      <c r="AQ1431">
        <v>0</v>
      </c>
      <c r="AR1431">
        <v>0</v>
      </c>
      <c r="AS1431">
        <v>0</v>
      </c>
      <c r="AT1431">
        <v>0</v>
      </c>
      <c r="AU1431">
        <v>0</v>
      </c>
      <c r="AV1431">
        <v>0</v>
      </c>
      <c r="AW1431">
        <v>0</v>
      </c>
      <c r="AX1431">
        <v>-346</v>
      </c>
      <c r="AY1431">
        <v>49</v>
      </c>
      <c r="AZ1431">
        <v>105</v>
      </c>
      <c r="BA1431">
        <v>7165</v>
      </c>
    </row>
    <row r="1432" spans="1:53" x14ac:dyDescent="0.4">
      <c r="A1432">
        <v>1476</v>
      </c>
      <c r="B1432" s="1">
        <v>43275</v>
      </c>
      <c r="C1432">
        <v>3</v>
      </c>
      <c r="D1432" s="1">
        <v>43275.74722222222</v>
      </c>
      <c r="E1432" s="1">
        <v>43275.943749999999</v>
      </c>
      <c r="F1432">
        <v>20500</v>
      </c>
      <c r="G1432">
        <v>1320</v>
      </c>
      <c r="H1432">
        <v>0</v>
      </c>
      <c r="I1432">
        <v>0</v>
      </c>
      <c r="J1432">
        <v>0</v>
      </c>
      <c r="K1432">
        <v>0</v>
      </c>
      <c r="L1432">
        <v>0</v>
      </c>
      <c r="M1432">
        <v>1745</v>
      </c>
      <c r="N1432">
        <v>0</v>
      </c>
      <c r="O1432">
        <v>0</v>
      </c>
      <c r="P1432">
        <v>-7344</v>
      </c>
      <c r="Q1432">
        <v>0</v>
      </c>
      <c r="R1432">
        <v>16221</v>
      </c>
      <c r="S1432">
        <v>0</v>
      </c>
      <c r="T1432">
        <v>0</v>
      </c>
      <c r="U1432">
        <v>0</v>
      </c>
      <c r="V1432">
        <v>2</v>
      </c>
      <c r="W1432">
        <v>3</v>
      </c>
      <c r="X1432">
        <v>0</v>
      </c>
      <c r="Y1432">
        <v>60</v>
      </c>
      <c r="Z1432">
        <v>38</v>
      </c>
      <c r="AA1432">
        <v>104</v>
      </c>
      <c r="AB1432">
        <v>23</v>
      </c>
      <c r="AC1432">
        <v>223</v>
      </c>
      <c r="AD1432">
        <v>34</v>
      </c>
      <c r="AE1432">
        <v>25</v>
      </c>
      <c r="AF1432">
        <v>0</v>
      </c>
      <c r="AG1432">
        <v>127975</v>
      </c>
      <c r="AH1432">
        <v>50000</v>
      </c>
      <c r="AI1432">
        <v>0</v>
      </c>
      <c r="AJ1432">
        <v>99</v>
      </c>
      <c r="AK1432" t="s">
        <v>9</v>
      </c>
      <c r="AL1432">
        <v>0</v>
      </c>
      <c r="AM1432">
        <v>0</v>
      </c>
      <c r="AN1432">
        <v>0</v>
      </c>
      <c r="AO1432">
        <v>0</v>
      </c>
      <c r="AP1432">
        <v>0</v>
      </c>
      <c r="AQ1432">
        <v>0</v>
      </c>
      <c r="AR1432">
        <v>0</v>
      </c>
      <c r="AS1432">
        <v>0</v>
      </c>
      <c r="AT1432">
        <v>0</v>
      </c>
      <c r="AU1432">
        <v>0</v>
      </c>
      <c r="AV1432">
        <v>0</v>
      </c>
      <c r="AW1432">
        <v>0</v>
      </c>
      <c r="AX1432">
        <v>5940</v>
      </c>
      <c r="AY1432">
        <v>7</v>
      </c>
      <c r="AZ1432">
        <v>24</v>
      </c>
      <c r="BA1432">
        <v>2009</v>
      </c>
    </row>
    <row r="1433" spans="1:53" x14ac:dyDescent="0.4">
      <c r="A1433">
        <v>1477</v>
      </c>
      <c r="B1433" s="1">
        <v>43275</v>
      </c>
      <c r="C1433">
        <v>4</v>
      </c>
      <c r="D1433" s="1">
        <v>43275.943749999999</v>
      </c>
      <c r="E1433" s="1">
        <v>43276.070833333331</v>
      </c>
      <c r="F1433">
        <v>15450</v>
      </c>
      <c r="G1433">
        <v>0</v>
      </c>
      <c r="H1433">
        <v>0</v>
      </c>
      <c r="I1433">
        <v>0</v>
      </c>
      <c r="J1433">
        <v>0</v>
      </c>
      <c r="K1433">
        <v>0</v>
      </c>
      <c r="L1433">
        <v>0</v>
      </c>
      <c r="M1433">
        <v>1236</v>
      </c>
      <c r="N1433">
        <v>0</v>
      </c>
      <c r="O1433">
        <v>0</v>
      </c>
      <c r="P1433">
        <v>10908</v>
      </c>
      <c r="Q1433">
        <v>0</v>
      </c>
      <c r="R1433">
        <v>27594</v>
      </c>
      <c r="S1433">
        <v>0</v>
      </c>
      <c r="T1433">
        <v>0</v>
      </c>
      <c r="U1433">
        <v>0</v>
      </c>
      <c r="V1433">
        <v>4</v>
      </c>
      <c r="W1433">
        <v>1</v>
      </c>
      <c r="X1433">
        <v>0</v>
      </c>
      <c r="Y1433">
        <v>80</v>
      </c>
      <c r="Z1433">
        <v>32</v>
      </c>
      <c r="AA1433">
        <v>110</v>
      </c>
      <c r="AB1433">
        <v>23</v>
      </c>
      <c r="AC1433">
        <v>219</v>
      </c>
      <c r="AD1433">
        <v>33</v>
      </c>
      <c r="AE1433">
        <v>64</v>
      </c>
      <c r="AF1433">
        <v>0</v>
      </c>
      <c r="AG1433">
        <v>155569</v>
      </c>
      <c r="AH1433">
        <v>50000</v>
      </c>
      <c r="AI1433">
        <v>0</v>
      </c>
      <c r="AJ1433">
        <v>100</v>
      </c>
      <c r="AK1433" t="s">
        <v>0</v>
      </c>
      <c r="AL1433">
        <v>0</v>
      </c>
      <c r="AM1433">
        <v>0</v>
      </c>
      <c r="AN1433">
        <v>0</v>
      </c>
      <c r="AO1433">
        <v>0</v>
      </c>
      <c r="AP1433">
        <v>0</v>
      </c>
      <c r="AQ1433">
        <v>0</v>
      </c>
      <c r="AR1433">
        <v>0</v>
      </c>
      <c r="AS1433">
        <v>0</v>
      </c>
      <c r="AT1433">
        <v>0</v>
      </c>
      <c r="AU1433">
        <v>0</v>
      </c>
      <c r="AV1433">
        <v>0</v>
      </c>
      <c r="AW1433">
        <v>0</v>
      </c>
      <c r="AX1433">
        <v>5076</v>
      </c>
      <c r="AY1433">
        <v>9</v>
      </c>
      <c r="AZ1433">
        <v>21</v>
      </c>
      <c r="BA1433">
        <v>913</v>
      </c>
    </row>
    <row r="1434" spans="1:53" x14ac:dyDescent="0.4">
      <c r="A1434">
        <v>1478</v>
      </c>
      <c r="B1434" s="1">
        <v>43276</v>
      </c>
      <c r="C1434">
        <v>1</v>
      </c>
      <c r="D1434" s="1">
        <v>43276.291666666664</v>
      </c>
      <c r="E1434" s="1">
        <v>43276.448611111111</v>
      </c>
      <c r="F1434">
        <v>0</v>
      </c>
      <c r="G1434">
        <v>0</v>
      </c>
      <c r="H1434">
        <v>0</v>
      </c>
      <c r="I1434">
        <v>0</v>
      </c>
      <c r="J1434">
        <v>0</v>
      </c>
      <c r="K1434">
        <v>0</v>
      </c>
      <c r="L1434">
        <v>0</v>
      </c>
      <c r="M1434">
        <v>0</v>
      </c>
      <c r="N1434">
        <v>0</v>
      </c>
      <c r="O1434">
        <v>0</v>
      </c>
      <c r="P1434">
        <v>0</v>
      </c>
      <c r="Q1434">
        <v>0</v>
      </c>
      <c r="R1434">
        <v>0</v>
      </c>
      <c r="S1434">
        <v>0</v>
      </c>
      <c r="T1434">
        <v>0</v>
      </c>
      <c r="U1434">
        <v>0</v>
      </c>
      <c r="V1434">
        <v>0</v>
      </c>
      <c r="W1434">
        <v>0</v>
      </c>
      <c r="X1434">
        <v>0</v>
      </c>
      <c r="Y1434">
        <v>31</v>
      </c>
      <c r="Z1434">
        <v>10</v>
      </c>
      <c r="AA1434">
        <v>113</v>
      </c>
      <c r="AB1434">
        <v>28</v>
      </c>
      <c r="AC1434">
        <v>106</v>
      </c>
      <c r="AD1434">
        <v>32</v>
      </c>
      <c r="AE1434">
        <v>80</v>
      </c>
      <c r="AF1434">
        <v>0</v>
      </c>
      <c r="AG1434">
        <v>50000</v>
      </c>
      <c r="AH1434">
        <v>0</v>
      </c>
      <c r="AI1434">
        <v>50000</v>
      </c>
      <c r="AJ1434">
        <v>0</v>
      </c>
      <c r="AK1434" t="s">
        <v>6</v>
      </c>
      <c r="AL1434">
        <v>0</v>
      </c>
      <c r="AM1434">
        <v>0</v>
      </c>
      <c r="AN1434">
        <v>0</v>
      </c>
      <c r="AO1434">
        <v>0</v>
      </c>
      <c r="AP1434">
        <v>0</v>
      </c>
      <c r="AQ1434">
        <v>0</v>
      </c>
      <c r="AR1434">
        <v>0</v>
      </c>
      <c r="AS1434">
        <v>0</v>
      </c>
      <c r="AT1434">
        <v>0</v>
      </c>
      <c r="AU1434">
        <v>0</v>
      </c>
      <c r="AV1434">
        <v>0</v>
      </c>
      <c r="AW1434">
        <v>0</v>
      </c>
      <c r="AX1434">
        <v>0</v>
      </c>
      <c r="AY1434">
        <v>0</v>
      </c>
      <c r="AZ1434">
        <v>0</v>
      </c>
      <c r="BA1434">
        <v>0</v>
      </c>
    </row>
    <row r="1435" spans="1:53" x14ac:dyDescent="0.4">
      <c r="A1435">
        <v>1479</v>
      </c>
      <c r="B1435" s="1">
        <v>43276</v>
      </c>
      <c r="C1435">
        <v>2</v>
      </c>
      <c r="D1435" s="1">
        <v>43276.448611111111</v>
      </c>
      <c r="E1435" s="1">
        <v>43276.747916666667</v>
      </c>
      <c r="F1435">
        <v>16500</v>
      </c>
      <c r="G1435">
        <v>1840</v>
      </c>
      <c r="H1435">
        <v>0</v>
      </c>
      <c r="I1435">
        <v>0</v>
      </c>
      <c r="J1435">
        <v>0</v>
      </c>
      <c r="K1435">
        <v>0</v>
      </c>
      <c r="L1435">
        <v>0</v>
      </c>
      <c r="M1435">
        <v>1467</v>
      </c>
      <c r="N1435">
        <v>0</v>
      </c>
      <c r="O1435">
        <v>0</v>
      </c>
      <c r="P1435">
        <v>11880</v>
      </c>
      <c r="Q1435">
        <v>0</v>
      </c>
      <c r="R1435">
        <v>31687</v>
      </c>
      <c r="S1435">
        <v>0</v>
      </c>
      <c r="T1435">
        <v>0</v>
      </c>
      <c r="U1435">
        <v>0</v>
      </c>
      <c r="V1435">
        <v>1</v>
      </c>
      <c r="W1435">
        <v>1</v>
      </c>
      <c r="X1435">
        <v>0</v>
      </c>
      <c r="Y1435">
        <v>38</v>
      </c>
      <c r="Z1435">
        <v>18</v>
      </c>
      <c r="AA1435">
        <v>106</v>
      </c>
      <c r="AB1435">
        <v>25</v>
      </c>
      <c r="AC1435">
        <v>140</v>
      </c>
      <c r="AD1435">
        <v>35</v>
      </c>
      <c r="AE1435">
        <v>82</v>
      </c>
      <c r="AF1435">
        <v>6180</v>
      </c>
      <c r="AG1435">
        <v>81687</v>
      </c>
      <c r="AH1435">
        <v>50000</v>
      </c>
      <c r="AI1435">
        <v>0</v>
      </c>
      <c r="AJ1435">
        <v>106</v>
      </c>
      <c r="AK1435" t="s">
        <v>29</v>
      </c>
      <c r="AL1435">
        <v>0</v>
      </c>
      <c r="AM1435">
        <v>0</v>
      </c>
      <c r="AN1435">
        <v>0</v>
      </c>
      <c r="AO1435">
        <v>0</v>
      </c>
      <c r="AP1435">
        <v>0</v>
      </c>
      <c r="AQ1435">
        <v>0</v>
      </c>
      <c r="AR1435">
        <v>0</v>
      </c>
      <c r="AS1435">
        <v>0</v>
      </c>
      <c r="AT1435">
        <v>0</v>
      </c>
      <c r="AU1435">
        <v>0</v>
      </c>
      <c r="AV1435">
        <v>0</v>
      </c>
      <c r="AW1435">
        <v>0</v>
      </c>
      <c r="AX1435">
        <v>-2160</v>
      </c>
      <c r="AY1435">
        <v>30</v>
      </c>
      <c r="AZ1435">
        <v>53</v>
      </c>
      <c r="BA1435">
        <v>3803</v>
      </c>
    </row>
    <row r="1436" spans="1:53" x14ac:dyDescent="0.4">
      <c r="A1436">
        <v>1480</v>
      </c>
      <c r="B1436" s="1">
        <v>43277</v>
      </c>
      <c r="C1436">
        <v>1</v>
      </c>
      <c r="D1436" s="1">
        <v>43277.291666666664</v>
      </c>
      <c r="E1436" s="1">
        <v>43277.45208333333</v>
      </c>
      <c r="F1436">
        <v>0</v>
      </c>
      <c r="G1436">
        <v>0</v>
      </c>
      <c r="H1436">
        <v>0</v>
      </c>
      <c r="I1436">
        <v>0</v>
      </c>
      <c r="J1436">
        <v>0</v>
      </c>
      <c r="K1436">
        <v>0</v>
      </c>
      <c r="L1436">
        <v>0</v>
      </c>
      <c r="M1436">
        <v>0</v>
      </c>
      <c r="N1436">
        <v>0</v>
      </c>
      <c r="O1436">
        <v>0</v>
      </c>
      <c r="P1436">
        <v>0</v>
      </c>
      <c r="Q1436">
        <v>0</v>
      </c>
      <c r="R1436">
        <v>0</v>
      </c>
      <c r="S1436">
        <v>0</v>
      </c>
      <c r="T1436">
        <v>0</v>
      </c>
      <c r="U1436">
        <v>0</v>
      </c>
      <c r="V1436">
        <v>0</v>
      </c>
      <c r="W1436">
        <v>0</v>
      </c>
      <c r="X1436">
        <v>0</v>
      </c>
      <c r="Y1436">
        <v>33</v>
      </c>
      <c r="Z1436">
        <v>10</v>
      </c>
      <c r="AA1436">
        <v>94</v>
      </c>
      <c r="AB1436">
        <v>24</v>
      </c>
      <c r="AC1436">
        <v>117</v>
      </c>
      <c r="AD1436">
        <v>32</v>
      </c>
      <c r="AE1436">
        <v>70</v>
      </c>
      <c r="AF1436">
        <v>0</v>
      </c>
      <c r="AG1436">
        <v>50000</v>
      </c>
      <c r="AH1436">
        <v>0</v>
      </c>
      <c r="AI1436">
        <v>50000</v>
      </c>
      <c r="AJ1436">
        <v>0</v>
      </c>
      <c r="AK1436" t="s">
        <v>6</v>
      </c>
      <c r="AL1436">
        <v>0</v>
      </c>
      <c r="AM1436">
        <v>0</v>
      </c>
      <c r="AN1436">
        <v>0</v>
      </c>
      <c r="AO1436">
        <v>0</v>
      </c>
      <c r="AP1436">
        <v>0</v>
      </c>
      <c r="AQ1436">
        <v>0</v>
      </c>
      <c r="AR1436">
        <v>0</v>
      </c>
      <c r="AS1436">
        <v>0</v>
      </c>
      <c r="AT1436">
        <v>0</v>
      </c>
      <c r="AU1436">
        <v>0</v>
      </c>
      <c r="AV1436">
        <v>0</v>
      </c>
      <c r="AW1436">
        <v>0</v>
      </c>
      <c r="AX1436">
        <v>0</v>
      </c>
      <c r="AY1436">
        <v>0</v>
      </c>
      <c r="AZ1436">
        <v>0</v>
      </c>
      <c r="BA1436">
        <v>0</v>
      </c>
    </row>
    <row r="1437" spans="1:53" x14ac:dyDescent="0.4">
      <c r="A1437">
        <v>1481</v>
      </c>
      <c r="B1437" s="1">
        <v>43277</v>
      </c>
      <c r="C1437">
        <v>2</v>
      </c>
      <c r="D1437" s="1">
        <v>43277.45208333333</v>
      </c>
      <c r="E1437" s="1">
        <v>43277.745138888888</v>
      </c>
      <c r="F1437">
        <v>12500</v>
      </c>
      <c r="G1437">
        <v>1760</v>
      </c>
      <c r="H1437">
        <v>0</v>
      </c>
      <c r="I1437">
        <v>0</v>
      </c>
      <c r="J1437">
        <v>0</v>
      </c>
      <c r="K1437">
        <v>0</v>
      </c>
      <c r="L1437">
        <v>0</v>
      </c>
      <c r="M1437">
        <v>1140</v>
      </c>
      <c r="N1437">
        <v>0</v>
      </c>
      <c r="O1437">
        <v>0</v>
      </c>
      <c r="P1437">
        <v>8640</v>
      </c>
      <c r="Q1437">
        <v>0</v>
      </c>
      <c r="R1437">
        <v>24040</v>
      </c>
      <c r="S1437">
        <v>0</v>
      </c>
      <c r="T1437">
        <v>0</v>
      </c>
      <c r="U1437">
        <v>0</v>
      </c>
      <c r="V1437">
        <v>0</v>
      </c>
      <c r="W1437">
        <v>0</v>
      </c>
      <c r="X1437">
        <v>0</v>
      </c>
      <c r="Y1437">
        <v>50</v>
      </c>
      <c r="Z1437">
        <v>17</v>
      </c>
      <c r="AA1437">
        <v>110</v>
      </c>
      <c r="AB1437">
        <v>32</v>
      </c>
      <c r="AC1437">
        <v>138</v>
      </c>
      <c r="AD1437">
        <v>32</v>
      </c>
      <c r="AE1437">
        <v>69</v>
      </c>
      <c r="AF1437">
        <v>1331</v>
      </c>
      <c r="AG1437">
        <v>74040</v>
      </c>
      <c r="AH1437">
        <v>50000</v>
      </c>
      <c r="AI1437">
        <v>0</v>
      </c>
      <c r="AJ1437">
        <v>96</v>
      </c>
      <c r="AK1437" t="s">
        <v>4</v>
      </c>
      <c r="AL1437">
        <v>0</v>
      </c>
      <c r="AM1437">
        <v>0</v>
      </c>
      <c r="AN1437">
        <v>0</v>
      </c>
      <c r="AO1437">
        <v>0</v>
      </c>
      <c r="AP1437">
        <v>0</v>
      </c>
      <c r="AQ1437">
        <v>0</v>
      </c>
      <c r="AR1437">
        <v>0</v>
      </c>
      <c r="AS1437">
        <v>0</v>
      </c>
      <c r="AT1437">
        <v>0</v>
      </c>
      <c r="AU1437">
        <v>0</v>
      </c>
      <c r="AV1437">
        <v>0</v>
      </c>
      <c r="AW1437">
        <v>0</v>
      </c>
      <c r="AX1437">
        <v>1274</v>
      </c>
      <c r="AY1437">
        <v>26</v>
      </c>
      <c r="AZ1437">
        <v>38</v>
      </c>
      <c r="BA1437">
        <v>3951</v>
      </c>
    </row>
    <row r="1438" spans="1:53" x14ac:dyDescent="0.4">
      <c r="A1438">
        <v>1482</v>
      </c>
      <c r="B1438" s="1">
        <v>43277</v>
      </c>
      <c r="C1438">
        <v>3</v>
      </c>
      <c r="D1438" s="1">
        <v>43277.745138888888</v>
      </c>
      <c r="E1438" s="1">
        <v>43277.957638888889</v>
      </c>
      <c r="F1438">
        <v>56250</v>
      </c>
      <c r="G1438">
        <v>4140</v>
      </c>
      <c r="H1438">
        <v>0</v>
      </c>
      <c r="I1438">
        <v>0</v>
      </c>
      <c r="J1438">
        <v>0</v>
      </c>
      <c r="K1438">
        <v>0</v>
      </c>
      <c r="L1438">
        <v>0</v>
      </c>
      <c r="M1438">
        <v>4831</v>
      </c>
      <c r="N1438">
        <v>0</v>
      </c>
      <c r="O1438">
        <v>0</v>
      </c>
      <c r="P1438">
        <v>-7344</v>
      </c>
      <c r="Q1438">
        <v>0</v>
      </c>
      <c r="R1438">
        <v>57877</v>
      </c>
      <c r="S1438">
        <v>0</v>
      </c>
      <c r="T1438">
        <v>0</v>
      </c>
      <c r="U1438">
        <v>0</v>
      </c>
      <c r="V1438">
        <v>2</v>
      </c>
      <c r="W1438">
        <v>0</v>
      </c>
      <c r="X1438">
        <v>0</v>
      </c>
      <c r="Y1438">
        <v>60</v>
      </c>
      <c r="Z1438">
        <v>18</v>
      </c>
      <c r="AA1438">
        <v>98</v>
      </c>
      <c r="AB1438">
        <v>31</v>
      </c>
      <c r="AC1438">
        <v>133</v>
      </c>
      <c r="AD1438">
        <v>32</v>
      </c>
      <c r="AE1438">
        <v>61</v>
      </c>
      <c r="AF1438">
        <v>30016</v>
      </c>
      <c r="AG1438">
        <v>131917</v>
      </c>
      <c r="AH1438">
        <v>50000</v>
      </c>
      <c r="AI1438">
        <v>0</v>
      </c>
      <c r="AJ1438">
        <v>100</v>
      </c>
      <c r="AK1438" t="s">
        <v>0</v>
      </c>
      <c r="AL1438">
        <v>0</v>
      </c>
      <c r="AM1438">
        <v>0</v>
      </c>
      <c r="AN1438">
        <v>0</v>
      </c>
      <c r="AO1438">
        <v>0</v>
      </c>
      <c r="AP1438">
        <v>0</v>
      </c>
      <c r="AQ1438">
        <v>0</v>
      </c>
      <c r="AR1438">
        <v>0</v>
      </c>
      <c r="AS1438">
        <v>0</v>
      </c>
      <c r="AT1438">
        <v>0</v>
      </c>
      <c r="AU1438">
        <v>0</v>
      </c>
      <c r="AV1438">
        <v>0</v>
      </c>
      <c r="AW1438">
        <v>0</v>
      </c>
      <c r="AX1438">
        <v>19462</v>
      </c>
      <c r="AY1438">
        <v>13</v>
      </c>
      <c r="AZ1438">
        <v>52</v>
      </c>
      <c r="BA1438">
        <v>1572</v>
      </c>
    </row>
    <row r="1439" spans="1:53" x14ac:dyDescent="0.4">
      <c r="A1439">
        <v>1483</v>
      </c>
      <c r="B1439" s="1">
        <v>43277</v>
      </c>
      <c r="C1439">
        <v>4</v>
      </c>
      <c r="D1439" s="1">
        <v>43277.957638888889</v>
      </c>
      <c r="E1439" s="1">
        <v>43278.102777777778</v>
      </c>
      <c r="F1439">
        <v>36700</v>
      </c>
      <c r="G1439">
        <v>2240</v>
      </c>
      <c r="H1439">
        <v>0</v>
      </c>
      <c r="I1439">
        <v>0</v>
      </c>
      <c r="J1439">
        <v>0</v>
      </c>
      <c r="K1439">
        <v>0</v>
      </c>
      <c r="L1439">
        <v>0</v>
      </c>
      <c r="M1439">
        <v>3115</v>
      </c>
      <c r="N1439">
        <v>0</v>
      </c>
      <c r="O1439">
        <v>0</v>
      </c>
      <c r="P1439">
        <v>7344</v>
      </c>
      <c r="Q1439">
        <v>0</v>
      </c>
      <c r="R1439">
        <v>49399</v>
      </c>
      <c r="S1439">
        <v>0</v>
      </c>
      <c r="T1439">
        <v>0</v>
      </c>
      <c r="U1439">
        <v>0</v>
      </c>
      <c r="V1439">
        <v>6</v>
      </c>
      <c r="W1439">
        <v>2</v>
      </c>
      <c r="X1439">
        <v>0</v>
      </c>
      <c r="Y1439">
        <v>61</v>
      </c>
      <c r="Z1439">
        <v>17</v>
      </c>
      <c r="AA1439">
        <v>89</v>
      </c>
      <c r="AB1439">
        <v>28</v>
      </c>
      <c r="AC1439">
        <v>128</v>
      </c>
      <c r="AD1439">
        <v>32</v>
      </c>
      <c r="AE1439">
        <v>60</v>
      </c>
      <c r="AF1439">
        <v>30016</v>
      </c>
      <c r="AG1439">
        <v>181316</v>
      </c>
      <c r="AH1439">
        <v>50000</v>
      </c>
      <c r="AI1439">
        <v>0</v>
      </c>
      <c r="AJ1439">
        <v>100</v>
      </c>
      <c r="AK1439" t="s">
        <v>0</v>
      </c>
      <c r="AL1439">
        <v>0</v>
      </c>
      <c r="AM1439">
        <v>0</v>
      </c>
      <c r="AN1439">
        <v>0</v>
      </c>
      <c r="AO1439">
        <v>0</v>
      </c>
      <c r="AP1439">
        <v>0</v>
      </c>
      <c r="AQ1439">
        <v>0</v>
      </c>
      <c r="AR1439">
        <v>0</v>
      </c>
      <c r="AS1439">
        <v>0</v>
      </c>
      <c r="AT1439">
        <v>0</v>
      </c>
      <c r="AU1439">
        <v>0</v>
      </c>
      <c r="AV1439">
        <v>0</v>
      </c>
      <c r="AW1439">
        <v>0</v>
      </c>
      <c r="AX1439">
        <v>4298</v>
      </c>
      <c r="AY1439">
        <v>2</v>
      </c>
      <c r="AZ1439">
        <v>9</v>
      </c>
      <c r="BA1439">
        <v>700</v>
      </c>
    </row>
    <row r="1440" spans="1:53" x14ac:dyDescent="0.4">
      <c r="A1440">
        <v>1484</v>
      </c>
      <c r="B1440" s="1">
        <v>43278</v>
      </c>
      <c r="C1440">
        <v>1</v>
      </c>
      <c r="D1440" s="1">
        <v>43278.291666666664</v>
      </c>
      <c r="E1440" s="1">
        <v>43278.74722222222</v>
      </c>
      <c r="F1440">
        <v>21500</v>
      </c>
      <c r="G1440">
        <v>380</v>
      </c>
      <c r="H1440">
        <v>0</v>
      </c>
      <c r="I1440">
        <v>0</v>
      </c>
      <c r="J1440">
        <v>0</v>
      </c>
      <c r="K1440">
        <v>0</v>
      </c>
      <c r="L1440">
        <v>0</v>
      </c>
      <c r="M1440">
        <v>1750</v>
      </c>
      <c r="N1440">
        <v>0</v>
      </c>
      <c r="O1440">
        <v>0</v>
      </c>
      <c r="P1440">
        <v>12960</v>
      </c>
      <c r="Q1440">
        <v>0</v>
      </c>
      <c r="R1440">
        <v>36590</v>
      </c>
      <c r="S1440">
        <v>0</v>
      </c>
      <c r="T1440">
        <v>0</v>
      </c>
      <c r="U1440">
        <v>0</v>
      </c>
      <c r="V1440">
        <v>0</v>
      </c>
      <c r="W1440">
        <v>2</v>
      </c>
      <c r="X1440">
        <v>0</v>
      </c>
      <c r="Y1440">
        <v>61</v>
      </c>
      <c r="Z1440">
        <v>13</v>
      </c>
      <c r="AA1440">
        <v>65</v>
      </c>
      <c r="AB1440">
        <v>19</v>
      </c>
      <c r="AC1440">
        <v>142</v>
      </c>
      <c r="AD1440">
        <v>33</v>
      </c>
      <c r="AE1440">
        <v>55</v>
      </c>
      <c r="AF1440">
        <v>0</v>
      </c>
      <c r="AG1440">
        <v>86590</v>
      </c>
      <c r="AH1440">
        <v>50000</v>
      </c>
      <c r="AI1440">
        <v>0</v>
      </c>
      <c r="AJ1440">
        <v>74</v>
      </c>
      <c r="AL1440">
        <v>0</v>
      </c>
      <c r="AM1440">
        <v>0</v>
      </c>
      <c r="AN1440">
        <v>0</v>
      </c>
      <c r="AO1440">
        <v>0</v>
      </c>
      <c r="AP1440">
        <v>0</v>
      </c>
      <c r="AQ1440">
        <v>0</v>
      </c>
      <c r="AR1440">
        <v>0</v>
      </c>
      <c r="AS1440">
        <v>0</v>
      </c>
      <c r="AT1440">
        <v>0</v>
      </c>
      <c r="AU1440">
        <v>0</v>
      </c>
      <c r="AV1440">
        <v>0</v>
      </c>
      <c r="AW1440">
        <v>0</v>
      </c>
      <c r="AX1440">
        <v>-238</v>
      </c>
      <c r="AY1440">
        <v>37</v>
      </c>
      <c r="AZ1440">
        <v>65</v>
      </c>
      <c r="BA1440">
        <v>5126</v>
      </c>
    </row>
    <row r="1441" spans="1:53" x14ac:dyDescent="0.4">
      <c r="A1441">
        <v>1485</v>
      </c>
      <c r="B1441" s="1">
        <v>43278</v>
      </c>
      <c r="C1441">
        <v>2</v>
      </c>
      <c r="D1441" s="1">
        <v>43278.74722222222</v>
      </c>
      <c r="E1441" s="1">
        <v>43278.95</v>
      </c>
      <c r="F1441">
        <v>38940</v>
      </c>
      <c r="G1441">
        <v>4130</v>
      </c>
      <c r="H1441">
        <v>0</v>
      </c>
      <c r="I1441">
        <v>0</v>
      </c>
      <c r="J1441">
        <v>0</v>
      </c>
      <c r="K1441">
        <v>0</v>
      </c>
      <c r="L1441">
        <v>0</v>
      </c>
      <c r="M1441">
        <v>3445</v>
      </c>
      <c r="N1441">
        <v>0</v>
      </c>
      <c r="O1441">
        <v>0</v>
      </c>
      <c r="P1441">
        <v>-12727</v>
      </c>
      <c r="Q1441">
        <v>0</v>
      </c>
      <c r="R1441">
        <v>33788</v>
      </c>
      <c r="S1441">
        <v>0</v>
      </c>
      <c r="T1441">
        <v>0</v>
      </c>
      <c r="U1441">
        <v>0</v>
      </c>
      <c r="V1441">
        <v>3</v>
      </c>
      <c r="W1441">
        <v>2</v>
      </c>
      <c r="X1441">
        <v>0</v>
      </c>
      <c r="Y1441">
        <v>65</v>
      </c>
      <c r="Z1441">
        <v>13</v>
      </c>
      <c r="AA1441">
        <v>63</v>
      </c>
      <c r="AB1441">
        <v>18</v>
      </c>
      <c r="AC1441">
        <v>147</v>
      </c>
      <c r="AD1441">
        <v>31</v>
      </c>
      <c r="AE1441">
        <v>53</v>
      </c>
      <c r="AF1441">
        <v>0</v>
      </c>
      <c r="AG1441">
        <v>120378</v>
      </c>
      <c r="AH1441">
        <v>50000</v>
      </c>
      <c r="AI1441">
        <v>0</v>
      </c>
      <c r="AJ1441">
        <v>100</v>
      </c>
      <c r="AK1441" t="s">
        <v>0</v>
      </c>
      <c r="AL1441">
        <v>0</v>
      </c>
      <c r="AM1441">
        <v>0</v>
      </c>
      <c r="AN1441">
        <v>0</v>
      </c>
      <c r="AO1441">
        <v>0</v>
      </c>
      <c r="AP1441">
        <v>0</v>
      </c>
      <c r="AQ1441">
        <v>0</v>
      </c>
      <c r="AR1441">
        <v>0</v>
      </c>
      <c r="AS1441">
        <v>0</v>
      </c>
      <c r="AT1441">
        <v>0</v>
      </c>
      <c r="AU1441">
        <v>0</v>
      </c>
      <c r="AV1441">
        <v>0</v>
      </c>
      <c r="AW1441">
        <v>0</v>
      </c>
      <c r="AX1441">
        <v>56467</v>
      </c>
      <c r="AY1441">
        <v>16</v>
      </c>
      <c r="AZ1441">
        <v>59</v>
      </c>
      <c r="BA1441">
        <v>2400</v>
      </c>
    </row>
    <row r="1442" spans="1:53" x14ac:dyDescent="0.4">
      <c r="A1442">
        <v>1486</v>
      </c>
      <c r="B1442" s="1">
        <v>43279</v>
      </c>
      <c r="C1442">
        <v>1</v>
      </c>
      <c r="D1442" s="1">
        <v>43279.291666666664</v>
      </c>
      <c r="E1442" s="1">
        <v>43279.45208333333</v>
      </c>
      <c r="F1442">
        <v>0</v>
      </c>
      <c r="G1442">
        <v>0</v>
      </c>
      <c r="H1442">
        <v>0</v>
      </c>
      <c r="I1442">
        <v>0</v>
      </c>
      <c r="J1442">
        <v>0</v>
      </c>
      <c r="K1442">
        <v>0</v>
      </c>
      <c r="L1442">
        <v>0</v>
      </c>
      <c r="M1442">
        <v>0</v>
      </c>
      <c r="N1442">
        <v>0</v>
      </c>
      <c r="O1442">
        <v>0</v>
      </c>
      <c r="P1442">
        <v>0</v>
      </c>
      <c r="Q1442">
        <v>0</v>
      </c>
      <c r="R1442">
        <v>0</v>
      </c>
      <c r="S1442">
        <v>0</v>
      </c>
      <c r="T1442">
        <v>0</v>
      </c>
      <c r="U1442">
        <v>0</v>
      </c>
      <c r="V1442">
        <v>0</v>
      </c>
      <c r="W1442">
        <v>0</v>
      </c>
      <c r="X1442">
        <v>0</v>
      </c>
      <c r="Y1442">
        <v>38</v>
      </c>
      <c r="Z1442">
        <v>9</v>
      </c>
      <c r="AA1442">
        <v>52</v>
      </c>
      <c r="AB1442">
        <v>22</v>
      </c>
      <c r="AC1442">
        <v>99</v>
      </c>
      <c r="AD1442">
        <v>30</v>
      </c>
      <c r="AE1442">
        <v>60</v>
      </c>
      <c r="AF1442">
        <v>0</v>
      </c>
      <c r="AG1442">
        <v>50000</v>
      </c>
      <c r="AH1442">
        <v>0</v>
      </c>
      <c r="AI1442">
        <v>50000</v>
      </c>
      <c r="AJ1442">
        <v>0</v>
      </c>
      <c r="AK1442" t="s">
        <v>6</v>
      </c>
      <c r="AL1442">
        <v>0</v>
      </c>
      <c r="AM1442">
        <v>0</v>
      </c>
      <c r="AN1442">
        <v>0</v>
      </c>
      <c r="AO1442">
        <v>0</v>
      </c>
      <c r="AP1442">
        <v>0</v>
      </c>
      <c r="AQ1442">
        <v>0</v>
      </c>
      <c r="AR1442">
        <v>0</v>
      </c>
      <c r="AS1442">
        <v>0</v>
      </c>
      <c r="AT1442">
        <v>0</v>
      </c>
      <c r="AU1442">
        <v>0</v>
      </c>
      <c r="AV1442">
        <v>0</v>
      </c>
      <c r="AW1442">
        <v>0</v>
      </c>
      <c r="AX1442">
        <v>0</v>
      </c>
      <c r="AY1442">
        <v>0</v>
      </c>
      <c r="AZ1442">
        <v>0</v>
      </c>
      <c r="BA1442">
        <v>0</v>
      </c>
    </row>
    <row r="1443" spans="1:53" x14ac:dyDescent="0.4">
      <c r="A1443">
        <v>1487</v>
      </c>
      <c r="B1443" s="1">
        <v>43279</v>
      </c>
      <c r="C1443">
        <v>2</v>
      </c>
      <c r="D1443" s="1">
        <v>43279.45208333333</v>
      </c>
      <c r="E1443" s="1">
        <v>43279.730555555558</v>
      </c>
      <c r="F1443">
        <v>15000</v>
      </c>
      <c r="G1443">
        <v>1140</v>
      </c>
      <c r="H1443">
        <v>0</v>
      </c>
      <c r="I1443">
        <v>0</v>
      </c>
      <c r="J1443">
        <v>0</v>
      </c>
      <c r="K1443">
        <v>0</v>
      </c>
      <c r="L1443">
        <v>0</v>
      </c>
      <c r="M1443">
        <v>1291</v>
      </c>
      <c r="N1443">
        <v>0</v>
      </c>
      <c r="O1443">
        <v>0</v>
      </c>
      <c r="P1443">
        <v>9180</v>
      </c>
      <c r="Q1443">
        <v>0</v>
      </c>
      <c r="R1443">
        <v>26611</v>
      </c>
      <c r="S1443">
        <v>0</v>
      </c>
      <c r="T1443">
        <v>0</v>
      </c>
      <c r="U1443">
        <v>0</v>
      </c>
      <c r="V1443">
        <v>1</v>
      </c>
      <c r="W1443">
        <v>0</v>
      </c>
      <c r="X1443">
        <v>0</v>
      </c>
      <c r="Y1443">
        <v>51</v>
      </c>
      <c r="Z1443">
        <v>9</v>
      </c>
      <c r="AA1443">
        <v>76</v>
      </c>
      <c r="AB1443">
        <v>25</v>
      </c>
      <c r="AC1443">
        <v>114</v>
      </c>
      <c r="AD1443">
        <v>29</v>
      </c>
      <c r="AE1443">
        <v>61</v>
      </c>
      <c r="AF1443">
        <v>915</v>
      </c>
      <c r="AG1443">
        <v>76611</v>
      </c>
      <c r="AH1443">
        <v>50000</v>
      </c>
      <c r="AI1443">
        <v>0</v>
      </c>
      <c r="AJ1443">
        <v>96</v>
      </c>
      <c r="AK1443" t="s">
        <v>4</v>
      </c>
      <c r="AL1443">
        <v>0</v>
      </c>
      <c r="AM1443">
        <v>0</v>
      </c>
      <c r="AN1443">
        <v>0</v>
      </c>
      <c r="AO1443">
        <v>0</v>
      </c>
      <c r="AP1443">
        <v>0</v>
      </c>
      <c r="AQ1443">
        <v>0</v>
      </c>
      <c r="AR1443">
        <v>0</v>
      </c>
      <c r="AS1443">
        <v>0</v>
      </c>
      <c r="AT1443">
        <v>0</v>
      </c>
      <c r="AU1443">
        <v>0</v>
      </c>
      <c r="AV1443">
        <v>0</v>
      </c>
      <c r="AW1443">
        <v>0</v>
      </c>
      <c r="AX1443">
        <v>1080</v>
      </c>
      <c r="AY1443">
        <v>28</v>
      </c>
      <c r="AZ1443">
        <v>47</v>
      </c>
      <c r="BA1443">
        <v>4129</v>
      </c>
    </row>
    <row r="1444" spans="1:53" x14ac:dyDescent="0.4">
      <c r="A1444">
        <v>1488</v>
      </c>
      <c r="B1444" s="1">
        <v>43279</v>
      </c>
      <c r="C1444">
        <v>3</v>
      </c>
      <c r="D1444" s="1">
        <v>43279.730555555558</v>
      </c>
      <c r="E1444" s="1">
        <v>43279.957638888889</v>
      </c>
      <c r="F1444">
        <v>91560</v>
      </c>
      <c r="G1444">
        <v>7760</v>
      </c>
      <c r="H1444">
        <v>0</v>
      </c>
      <c r="I1444">
        <v>0</v>
      </c>
      <c r="J1444">
        <v>0</v>
      </c>
      <c r="K1444">
        <v>0</v>
      </c>
      <c r="L1444">
        <v>0</v>
      </c>
      <c r="M1444">
        <v>7946</v>
      </c>
      <c r="N1444">
        <v>0</v>
      </c>
      <c r="O1444">
        <v>0</v>
      </c>
      <c r="P1444">
        <v>13068</v>
      </c>
      <c r="Q1444">
        <v>0</v>
      </c>
      <c r="R1444">
        <v>120334</v>
      </c>
      <c r="S1444">
        <v>0</v>
      </c>
      <c r="T1444">
        <v>0</v>
      </c>
      <c r="U1444">
        <v>0</v>
      </c>
      <c r="V1444">
        <v>4</v>
      </c>
      <c r="W1444">
        <v>2</v>
      </c>
      <c r="X1444">
        <v>0</v>
      </c>
      <c r="Y1444">
        <v>60</v>
      </c>
      <c r="Z1444">
        <v>8</v>
      </c>
      <c r="AA1444">
        <v>61</v>
      </c>
      <c r="AB1444">
        <v>23</v>
      </c>
      <c r="AC1444">
        <v>107</v>
      </c>
      <c r="AD1444">
        <v>25</v>
      </c>
      <c r="AE1444">
        <v>48</v>
      </c>
      <c r="AF1444">
        <v>74442</v>
      </c>
      <c r="AG1444">
        <v>196935</v>
      </c>
      <c r="AH1444">
        <v>50000</v>
      </c>
      <c r="AI1444">
        <v>-10</v>
      </c>
      <c r="AJ1444">
        <v>100</v>
      </c>
      <c r="AK1444" t="s">
        <v>0</v>
      </c>
      <c r="AL1444">
        <v>0</v>
      </c>
      <c r="AM1444">
        <v>0</v>
      </c>
      <c r="AN1444">
        <v>0</v>
      </c>
      <c r="AO1444">
        <v>0</v>
      </c>
      <c r="AP1444">
        <v>0</v>
      </c>
      <c r="AQ1444">
        <v>0</v>
      </c>
      <c r="AR1444">
        <v>0</v>
      </c>
      <c r="AS1444">
        <v>0</v>
      </c>
      <c r="AT1444">
        <v>0</v>
      </c>
      <c r="AU1444">
        <v>0</v>
      </c>
      <c r="AV1444">
        <v>0</v>
      </c>
      <c r="AW1444">
        <v>0</v>
      </c>
      <c r="AX1444">
        <v>12798</v>
      </c>
      <c r="AY1444">
        <v>21</v>
      </c>
      <c r="AZ1444">
        <v>92</v>
      </c>
      <c r="BA1444">
        <v>2185</v>
      </c>
    </row>
    <row r="1445" spans="1:53" x14ac:dyDescent="0.4">
      <c r="A1445">
        <v>1489</v>
      </c>
      <c r="B1445" s="1">
        <v>43279</v>
      </c>
      <c r="C1445">
        <v>4</v>
      </c>
      <c r="D1445" s="1">
        <v>43279.957638888889</v>
      </c>
      <c r="E1445" s="1">
        <v>43280.072222222225</v>
      </c>
      <c r="F1445">
        <v>24100</v>
      </c>
      <c r="G1445">
        <v>770</v>
      </c>
      <c r="H1445">
        <v>0</v>
      </c>
      <c r="I1445">
        <v>0</v>
      </c>
      <c r="J1445">
        <v>0</v>
      </c>
      <c r="K1445">
        <v>0</v>
      </c>
      <c r="L1445">
        <v>0</v>
      </c>
      <c r="M1445">
        <v>1990</v>
      </c>
      <c r="N1445">
        <v>0</v>
      </c>
      <c r="O1445">
        <v>0</v>
      </c>
      <c r="P1445">
        <v>540</v>
      </c>
      <c r="Q1445">
        <v>0</v>
      </c>
      <c r="R1445">
        <v>27400</v>
      </c>
      <c r="S1445">
        <v>0</v>
      </c>
      <c r="T1445">
        <v>0</v>
      </c>
      <c r="U1445">
        <v>0</v>
      </c>
      <c r="V1445">
        <v>6</v>
      </c>
      <c r="W1445">
        <v>3</v>
      </c>
      <c r="X1445">
        <v>0</v>
      </c>
      <c r="Y1445">
        <v>62</v>
      </c>
      <c r="Z1445">
        <v>10</v>
      </c>
      <c r="AA1445">
        <v>55</v>
      </c>
      <c r="AB1445">
        <v>23</v>
      </c>
      <c r="AC1445">
        <v>108</v>
      </c>
      <c r="AD1445">
        <v>23</v>
      </c>
      <c r="AE1445">
        <v>48</v>
      </c>
      <c r="AF1445">
        <v>74442</v>
      </c>
      <c r="AG1445">
        <v>224335</v>
      </c>
      <c r="AH1445">
        <v>50000</v>
      </c>
      <c r="AI1445">
        <v>-10</v>
      </c>
      <c r="AJ1445">
        <v>100</v>
      </c>
      <c r="AK1445" t="s">
        <v>0</v>
      </c>
      <c r="AL1445">
        <v>0</v>
      </c>
      <c r="AM1445">
        <v>0</v>
      </c>
      <c r="AN1445">
        <v>0</v>
      </c>
      <c r="AO1445">
        <v>0</v>
      </c>
      <c r="AP1445">
        <v>0</v>
      </c>
      <c r="AQ1445">
        <v>0</v>
      </c>
      <c r="AR1445">
        <v>0</v>
      </c>
      <c r="AS1445">
        <v>0</v>
      </c>
      <c r="AT1445">
        <v>0</v>
      </c>
      <c r="AU1445">
        <v>0</v>
      </c>
      <c r="AV1445">
        <v>0</v>
      </c>
      <c r="AW1445">
        <v>0</v>
      </c>
      <c r="AX1445">
        <v>2700</v>
      </c>
      <c r="AY1445">
        <v>4</v>
      </c>
      <c r="AZ1445">
        <v>9</v>
      </c>
      <c r="BA1445">
        <v>747</v>
      </c>
    </row>
    <row r="1446" spans="1:53" x14ac:dyDescent="0.4">
      <c r="A1446">
        <v>1490</v>
      </c>
      <c r="B1446" s="1">
        <v>43280</v>
      </c>
      <c r="C1446">
        <v>1</v>
      </c>
      <c r="D1446" s="1">
        <v>43280.291666666664</v>
      </c>
      <c r="E1446" s="1">
        <v>43280.45416666667</v>
      </c>
      <c r="F1446">
        <v>0</v>
      </c>
      <c r="G1446">
        <v>0</v>
      </c>
      <c r="H1446">
        <v>0</v>
      </c>
      <c r="I1446">
        <v>0</v>
      </c>
      <c r="J1446">
        <v>0</v>
      </c>
      <c r="K1446">
        <v>0</v>
      </c>
      <c r="L1446">
        <v>0</v>
      </c>
      <c r="M1446">
        <v>0</v>
      </c>
      <c r="N1446">
        <v>0</v>
      </c>
      <c r="O1446">
        <v>0</v>
      </c>
      <c r="P1446">
        <v>0</v>
      </c>
      <c r="Q1446">
        <v>0</v>
      </c>
      <c r="R1446">
        <v>0</v>
      </c>
      <c r="S1446">
        <v>0</v>
      </c>
      <c r="T1446">
        <v>0</v>
      </c>
      <c r="U1446">
        <v>0</v>
      </c>
      <c r="V1446">
        <v>0</v>
      </c>
      <c r="W1446">
        <v>0</v>
      </c>
      <c r="X1446">
        <v>0</v>
      </c>
      <c r="Y1446">
        <v>37</v>
      </c>
      <c r="Z1446">
        <v>10</v>
      </c>
      <c r="AA1446">
        <v>57</v>
      </c>
      <c r="AB1446">
        <v>22</v>
      </c>
      <c r="AC1446">
        <v>104</v>
      </c>
      <c r="AD1446">
        <v>23</v>
      </c>
      <c r="AE1446">
        <v>45</v>
      </c>
      <c r="AF1446">
        <v>0</v>
      </c>
      <c r="AG1446">
        <v>50000</v>
      </c>
      <c r="AH1446">
        <v>0</v>
      </c>
      <c r="AI1446">
        <v>50000</v>
      </c>
      <c r="AJ1446">
        <v>0</v>
      </c>
      <c r="AK1446" t="s">
        <v>6</v>
      </c>
      <c r="AL1446">
        <v>0</v>
      </c>
      <c r="AM1446">
        <v>0</v>
      </c>
      <c r="AN1446">
        <v>0</v>
      </c>
      <c r="AO1446">
        <v>0</v>
      </c>
      <c r="AP1446">
        <v>0</v>
      </c>
      <c r="AQ1446">
        <v>0</v>
      </c>
      <c r="AR1446">
        <v>0</v>
      </c>
      <c r="AS1446">
        <v>0</v>
      </c>
      <c r="AT1446">
        <v>0</v>
      </c>
      <c r="AU1446">
        <v>0</v>
      </c>
      <c r="AV1446">
        <v>0</v>
      </c>
      <c r="AW1446">
        <v>0</v>
      </c>
      <c r="AX1446">
        <v>0</v>
      </c>
      <c r="AY1446">
        <v>0</v>
      </c>
      <c r="AZ1446">
        <v>0</v>
      </c>
      <c r="BA1446">
        <v>0</v>
      </c>
    </row>
    <row r="1447" spans="1:53" x14ac:dyDescent="0.4">
      <c r="A1447">
        <v>1491</v>
      </c>
      <c r="B1447" s="1">
        <v>43280</v>
      </c>
      <c r="C1447">
        <v>2</v>
      </c>
      <c r="D1447" s="1">
        <v>43280.45416666667</v>
      </c>
      <c r="E1447" s="1">
        <v>43280.75277777778</v>
      </c>
      <c r="F1447">
        <v>26000</v>
      </c>
      <c r="G1447">
        <v>2140</v>
      </c>
      <c r="H1447">
        <v>0</v>
      </c>
      <c r="I1447">
        <v>0</v>
      </c>
      <c r="J1447">
        <v>0</v>
      </c>
      <c r="K1447">
        <v>0</v>
      </c>
      <c r="L1447">
        <v>0</v>
      </c>
      <c r="M1447">
        <v>2251</v>
      </c>
      <c r="N1447">
        <v>0</v>
      </c>
      <c r="O1447">
        <v>0</v>
      </c>
      <c r="P1447">
        <v>20520</v>
      </c>
      <c r="Q1447">
        <v>0</v>
      </c>
      <c r="R1447">
        <v>50911</v>
      </c>
      <c r="S1447">
        <v>0</v>
      </c>
      <c r="T1447">
        <v>0</v>
      </c>
      <c r="U1447">
        <v>0</v>
      </c>
      <c r="V1447">
        <v>1</v>
      </c>
      <c r="W1447">
        <v>2</v>
      </c>
      <c r="X1447">
        <v>0</v>
      </c>
      <c r="Y1447">
        <v>62</v>
      </c>
      <c r="Z1447">
        <v>21</v>
      </c>
      <c r="AA1447">
        <v>27</v>
      </c>
      <c r="AB1447">
        <v>13</v>
      </c>
      <c r="AC1447">
        <v>144</v>
      </c>
      <c r="AD1447">
        <v>26</v>
      </c>
      <c r="AE1447">
        <v>53</v>
      </c>
      <c r="AF1447">
        <v>3458</v>
      </c>
      <c r="AG1447">
        <v>100931</v>
      </c>
      <c r="AH1447">
        <v>50000</v>
      </c>
      <c r="AI1447">
        <v>20</v>
      </c>
      <c r="AJ1447">
        <v>84</v>
      </c>
      <c r="AK1447" t="s">
        <v>16</v>
      </c>
      <c r="AL1447">
        <v>0</v>
      </c>
      <c r="AM1447">
        <v>0</v>
      </c>
      <c r="AN1447">
        <v>0</v>
      </c>
      <c r="AO1447">
        <v>0</v>
      </c>
      <c r="AP1447">
        <v>0</v>
      </c>
      <c r="AQ1447">
        <v>0</v>
      </c>
      <c r="AR1447">
        <v>0</v>
      </c>
      <c r="AS1447">
        <v>0</v>
      </c>
      <c r="AT1447">
        <v>0</v>
      </c>
      <c r="AU1447">
        <v>0</v>
      </c>
      <c r="AV1447">
        <v>0</v>
      </c>
      <c r="AW1447">
        <v>0</v>
      </c>
      <c r="AX1447">
        <v>0</v>
      </c>
      <c r="AY1447">
        <v>38</v>
      </c>
      <c r="AZ1447">
        <v>90</v>
      </c>
      <c r="BA1447">
        <v>5511</v>
      </c>
    </row>
    <row r="1448" spans="1:53" x14ac:dyDescent="0.4">
      <c r="A1448">
        <v>1492</v>
      </c>
      <c r="B1448" s="1">
        <v>43281</v>
      </c>
      <c r="C1448">
        <v>1</v>
      </c>
      <c r="D1448" s="1">
        <v>43281.291666666664</v>
      </c>
      <c r="E1448" s="1">
        <v>43281.406944444447</v>
      </c>
      <c r="F1448">
        <v>0</v>
      </c>
      <c r="G1448">
        <v>0</v>
      </c>
      <c r="H1448">
        <v>0</v>
      </c>
      <c r="I1448">
        <v>0</v>
      </c>
      <c r="J1448">
        <v>0</v>
      </c>
      <c r="K1448">
        <v>0</v>
      </c>
      <c r="L1448">
        <v>0</v>
      </c>
      <c r="M1448">
        <v>0</v>
      </c>
      <c r="N1448">
        <v>0</v>
      </c>
      <c r="O1448">
        <v>0</v>
      </c>
      <c r="P1448">
        <v>0</v>
      </c>
      <c r="Q1448">
        <v>0</v>
      </c>
      <c r="R1448">
        <v>0</v>
      </c>
      <c r="S1448">
        <v>0</v>
      </c>
      <c r="T1448">
        <v>0</v>
      </c>
      <c r="U1448">
        <v>0</v>
      </c>
      <c r="V1448">
        <v>0</v>
      </c>
      <c r="W1448">
        <v>0</v>
      </c>
      <c r="X1448">
        <v>0</v>
      </c>
      <c r="Y1448">
        <v>27</v>
      </c>
      <c r="Z1448">
        <v>11</v>
      </c>
      <c r="AA1448">
        <v>125</v>
      </c>
      <c r="AB1448">
        <v>65</v>
      </c>
      <c r="AC1448">
        <v>120</v>
      </c>
      <c r="AD1448">
        <v>71</v>
      </c>
      <c r="AE1448">
        <v>195</v>
      </c>
      <c r="AF1448">
        <v>0</v>
      </c>
      <c r="AG1448">
        <v>50000</v>
      </c>
      <c r="AH1448">
        <v>0</v>
      </c>
      <c r="AI1448">
        <v>50000</v>
      </c>
      <c r="AJ1448">
        <v>0</v>
      </c>
      <c r="AK1448" t="s">
        <v>6</v>
      </c>
      <c r="AL1448">
        <v>0</v>
      </c>
      <c r="AM1448">
        <v>0</v>
      </c>
      <c r="AN1448">
        <v>0</v>
      </c>
      <c r="AO1448">
        <v>0</v>
      </c>
      <c r="AP1448">
        <v>0</v>
      </c>
      <c r="AQ1448">
        <v>0</v>
      </c>
      <c r="AR1448">
        <v>0</v>
      </c>
      <c r="AS1448">
        <v>0</v>
      </c>
      <c r="AT1448">
        <v>0</v>
      </c>
      <c r="AU1448">
        <v>0</v>
      </c>
      <c r="AV1448">
        <v>0</v>
      </c>
      <c r="AW1448">
        <v>0</v>
      </c>
      <c r="AX1448">
        <v>0</v>
      </c>
      <c r="AY1448">
        <v>0</v>
      </c>
      <c r="AZ1448">
        <v>0</v>
      </c>
      <c r="BA1448">
        <v>0</v>
      </c>
    </row>
    <row r="1449" spans="1:53" x14ac:dyDescent="0.4">
      <c r="A1449">
        <v>1493</v>
      </c>
      <c r="B1449" s="1">
        <v>43281</v>
      </c>
      <c r="C1449">
        <v>2</v>
      </c>
      <c r="D1449" s="1">
        <v>43281.406944444447</v>
      </c>
      <c r="E1449" s="1">
        <v>43281.729166666664</v>
      </c>
      <c r="F1449">
        <v>38000</v>
      </c>
      <c r="G1449">
        <v>5580</v>
      </c>
      <c r="H1449">
        <v>0</v>
      </c>
      <c r="I1449">
        <v>0</v>
      </c>
      <c r="J1449">
        <v>0</v>
      </c>
      <c r="K1449">
        <v>0</v>
      </c>
      <c r="L1449">
        <v>0</v>
      </c>
      <c r="M1449">
        <v>3484</v>
      </c>
      <c r="N1449">
        <v>0</v>
      </c>
      <c r="O1449">
        <v>0</v>
      </c>
      <c r="P1449">
        <v>19440</v>
      </c>
      <c r="Q1449">
        <v>0</v>
      </c>
      <c r="R1449">
        <v>66504</v>
      </c>
      <c r="S1449">
        <v>0</v>
      </c>
      <c r="T1449">
        <v>0</v>
      </c>
      <c r="U1449">
        <v>0</v>
      </c>
      <c r="V1449">
        <v>1</v>
      </c>
      <c r="W1449">
        <v>2</v>
      </c>
      <c r="X1449">
        <v>0</v>
      </c>
      <c r="Y1449">
        <v>65</v>
      </c>
      <c r="Z1449">
        <v>28</v>
      </c>
      <c r="AA1449">
        <v>123</v>
      </c>
      <c r="AB1449">
        <v>54</v>
      </c>
      <c r="AC1449">
        <v>194</v>
      </c>
      <c r="AD1449">
        <v>73</v>
      </c>
      <c r="AE1449">
        <v>200</v>
      </c>
      <c r="AF1449">
        <v>0</v>
      </c>
      <c r="AG1449">
        <v>116505</v>
      </c>
      <c r="AH1449">
        <v>50000</v>
      </c>
      <c r="AI1449">
        <v>1</v>
      </c>
      <c r="AJ1449">
        <v>96</v>
      </c>
      <c r="AK1449" t="s">
        <v>4</v>
      </c>
      <c r="AL1449">
        <v>0</v>
      </c>
      <c r="AM1449">
        <v>0</v>
      </c>
      <c r="AN1449">
        <v>0</v>
      </c>
      <c r="AO1449">
        <v>0</v>
      </c>
      <c r="AP1449">
        <v>0</v>
      </c>
      <c r="AQ1449">
        <v>0</v>
      </c>
      <c r="AR1449">
        <v>0</v>
      </c>
      <c r="AS1449">
        <v>0</v>
      </c>
      <c r="AT1449">
        <v>0</v>
      </c>
      <c r="AU1449">
        <v>0</v>
      </c>
      <c r="AV1449">
        <v>0</v>
      </c>
      <c r="AW1449">
        <v>0</v>
      </c>
      <c r="AX1449">
        <v>-540</v>
      </c>
      <c r="AY1449">
        <v>53</v>
      </c>
      <c r="AZ1449">
        <v>107</v>
      </c>
      <c r="BA1449">
        <v>7446</v>
      </c>
    </row>
    <row r="1450" spans="1:53" x14ac:dyDescent="0.4">
      <c r="A1450">
        <v>1494</v>
      </c>
      <c r="B1450" s="1">
        <v>43281</v>
      </c>
      <c r="C1450">
        <v>3</v>
      </c>
      <c r="D1450" s="1">
        <v>43281.729166666664</v>
      </c>
      <c r="E1450" s="1">
        <v>43282.112500000003</v>
      </c>
      <c r="F1450">
        <v>350200</v>
      </c>
      <c r="G1450">
        <v>11130</v>
      </c>
      <c r="H1450">
        <v>0</v>
      </c>
      <c r="I1450">
        <v>0</v>
      </c>
      <c r="J1450">
        <v>1600</v>
      </c>
      <c r="K1450">
        <v>0</v>
      </c>
      <c r="L1450">
        <v>0</v>
      </c>
      <c r="M1450">
        <v>28776</v>
      </c>
      <c r="N1450">
        <v>0</v>
      </c>
      <c r="O1450">
        <v>0</v>
      </c>
      <c r="P1450">
        <v>79985</v>
      </c>
      <c r="Q1450">
        <v>0</v>
      </c>
      <c r="R1450">
        <v>468491</v>
      </c>
      <c r="S1450">
        <v>0</v>
      </c>
      <c r="T1450">
        <v>0</v>
      </c>
      <c r="U1450">
        <v>0</v>
      </c>
      <c r="V1450">
        <v>40</v>
      </c>
      <c r="W1450">
        <v>6</v>
      </c>
      <c r="X1450">
        <v>0</v>
      </c>
      <c r="Y1450">
        <v>105</v>
      </c>
      <c r="Z1450">
        <v>29</v>
      </c>
      <c r="AA1450">
        <v>113</v>
      </c>
      <c r="AB1450">
        <v>51</v>
      </c>
      <c r="AC1450">
        <v>197</v>
      </c>
      <c r="AD1450">
        <v>74</v>
      </c>
      <c r="AE1450">
        <v>215</v>
      </c>
      <c r="AF1450">
        <v>19112</v>
      </c>
      <c r="AG1450">
        <v>585017</v>
      </c>
      <c r="AH1450">
        <v>50000</v>
      </c>
      <c r="AI1450">
        <v>22</v>
      </c>
      <c r="AJ1450">
        <v>100</v>
      </c>
      <c r="AK1450" t="s">
        <v>0</v>
      </c>
      <c r="AL1450">
        <v>0</v>
      </c>
      <c r="AM1450">
        <v>0</v>
      </c>
      <c r="AN1450">
        <v>0</v>
      </c>
      <c r="AO1450">
        <v>0</v>
      </c>
      <c r="AP1450">
        <v>0</v>
      </c>
      <c r="AQ1450">
        <v>0</v>
      </c>
      <c r="AR1450">
        <v>0</v>
      </c>
      <c r="AS1450">
        <v>0</v>
      </c>
      <c r="AT1450">
        <v>0</v>
      </c>
      <c r="AU1450">
        <v>0</v>
      </c>
      <c r="AV1450">
        <v>0</v>
      </c>
      <c r="AW1450">
        <v>0</v>
      </c>
      <c r="AX1450">
        <v>18662</v>
      </c>
      <c r="AY1450">
        <v>51</v>
      </c>
      <c r="AZ1450">
        <v>233</v>
      </c>
      <c r="BA1450">
        <v>8583</v>
      </c>
    </row>
    <row r="1451" spans="1:53" x14ac:dyDescent="0.4">
      <c r="A1451">
        <v>1495</v>
      </c>
      <c r="B1451" s="1">
        <v>43282</v>
      </c>
      <c r="C1451">
        <v>1</v>
      </c>
      <c r="D1451" s="1">
        <v>43282.291666666664</v>
      </c>
      <c r="E1451" s="1">
        <v>43282.410416666666</v>
      </c>
      <c r="F1451">
        <v>0</v>
      </c>
      <c r="G1451">
        <v>0</v>
      </c>
      <c r="H1451">
        <v>0</v>
      </c>
      <c r="I1451">
        <v>0</v>
      </c>
      <c r="J1451">
        <v>0</v>
      </c>
      <c r="K1451">
        <v>0</v>
      </c>
      <c r="L1451">
        <v>0</v>
      </c>
      <c r="M1451">
        <v>0</v>
      </c>
      <c r="N1451">
        <v>0</v>
      </c>
      <c r="O1451">
        <v>0</v>
      </c>
      <c r="P1451">
        <v>0</v>
      </c>
      <c r="Q1451">
        <v>0</v>
      </c>
      <c r="R1451">
        <v>0</v>
      </c>
      <c r="S1451">
        <v>0</v>
      </c>
      <c r="T1451">
        <v>0</v>
      </c>
      <c r="U1451">
        <v>0</v>
      </c>
      <c r="V1451">
        <v>0</v>
      </c>
      <c r="W1451">
        <v>0</v>
      </c>
      <c r="X1451">
        <v>0</v>
      </c>
      <c r="Y1451">
        <v>25</v>
      </c>
      <c r="Z1451">
        <v>18</v>
      </c>
      <c r="AA1451">
        <v>119</v>
      </c>
      <c r="AB1451">
        <v>54</v>
      </c>
      <c r="AC1451">
        <v>84</v>
      </c>
      <c r="AD1451">
        <v>74</v>
      </c>
      <c r="AE1451">
        <v>190</v>
      </c>
      <c r="AF1451">
        <v>0</v>
      </c>
      <c r="AG1451">
        <v>50000</v>
      </c>
      <c r="AH1451">
        <v>0</v>
      </c>
      <c r="AI1451">
        <v>50000</v>
      </c>
      <c r="AJ1451">
        <v>0</v>
      </c>
      <c r="AK1451" t="s">
        <v>6</v>
      </c>
      <c r="AL1451">
        <v>0</v>
      </c>
      <c r="AM1451">
        <v>0</v>
      </c>
      <c r="AN1451">
        <v>0</v>
      </c>
      <c r="AO1451">
        <v>0</v>
      </c>
      <c r="AP1451">
        <v>0</v>
      </c>
      <c r="AQ1451">
        <v>0</v>
      </c>
      <c r="AR1451">
        <v>0</v>
      </c>
      <c r="AS1451">
        <v>0</v>
      </c>
      <c r="AT1451">
        <v>0</v>
      </c>
      <c r="AU1451">
        <v>0</v>
      </c>
      <c r="AV1451">
        <v>0</v>
      </c>
      <c r="AW1451">
        <v>0</v>
      </c>
      <c r="AX1451">
        <v>0</v>
      </c>
      <c r="AY1451">
        <v>0</v>
      </c>
      <c r="AZ1451">
        <v>0</v>
      </c>
      <c r="BA1451">
        <v>0</v>
      </c>
    </row>
    <row r="1452" spans="1:53" x14ac:dyDescent="0.4">
      <c r="A1452">
        <v>1496</v>
      </c>
      <c r="B1452" s="1">
        <v>43282</v>
      </c>
      <c r="C1452">
        <v>2</v>
      </c>
      <c r="D1452" s="1">
        <v>43282.410416666666</v>
      </c>
      <c r="E1452" s="1">
        <v>43282.744444444441</v>
      </c>
      <c r="F1452">
        <v>43000</v>
      </c>
      <c r="G1452">
        <v>3400</v>
      </c>
      <c r="H1452">
        <v>0</v>
      </c>
      <c r="I1452">
        <v>0</v>
      </c>
      <c r="J1452">
        <v>0</v>
      </c>
      <c r="K1452">
        <v>0</v>
      </c>
      <c r="L1452">
        <v>0</v>
      </c>
      <c r="M1452">
        <v>3711</v>
      </c>
      <c r="N1452">
        <v>0</v>
      </c>
      <c r="O1452">
        <v>0</v>
      </c>
      <c r="P1452">
        <v>17280</v>
      </c>
      <c r="Q1452">
        <v>0</v>
      </c>
      <c r="R1452">
        <v>67391</v>
      </c>
      <c r="S1452">
        <v>0</v>
      </c>
      <c r="T1452">
        <v>0</v>
      </c>
      <c r="U1452">
        <v>0</v>
      </c>
      <c r="V1452">
        <v>0</v>
      </c>
      <c r="W1452">
        <v>3</v>
      </c>
      <c r="X1452">
        <v>0</v>
      </c>
      <c r="Y1452">
        <v>60</v>
      </c>
      <c r="Z1452">
        <v>40</v>
      </c>
      <c r="AA1452">
        <v>166</v>
      </c>
      <c r="AB1452">
        <v>69</v>
      </c>
      <c r="AC1452">
        <v>174</v>
      </c>
      <c r="AD1452">
        <v>81</v>
      </c>
      <c r="AE1452">
        <v>196</v>
      </c>
      <c r="AF1452">
        <v>0</v>
      </c>
      <c r="AG1452">
        <v>117391</v>
      </c>
      <c r="AH1452">
        <v>50000</v>
      </c>
      <c r="AI1452">
        <v>0</v>
      </c>
      <c r="AJ1452">
        <v>90</v>
      </c>
      <c r="AK1452" t="s">
        <v>24</v>
      </c>
      <c r="AL1452">
        <v>0</v>
      </c>
      <c r="AM1452">
        <v>0</v>
      </c>
      <c r="AN1452">
        <v>0</v>
      </c>
      <c r="AO1452">
        <v>0</v>
      </c>
      <c r="AP1452">
        <v>0</v>
      </c>
      <c r="AQ1452">
        <v>0</v>
      </c>
      <c r="AR1452">
        <v>0</v>
      </c>
      <c r="AS1452">
        <v>0</v>
      </c>
      <c r="AT1452">
        <v>0</v>
      </c>
      <c r="AU1452">
        <v>0</v>
      </c>
      <c r="AV1452">
        <v>0</v>
      </c>
      <c r="AW1452">
        <v>0</v>
      </c>
      <c r="AX1452">
        <v>280</v>
      </c>
      <c r="AY1452">
        <v>48</v>
      </c>
      <c r="AZ1452">
        <v>109</v>
      </c>
      <c r="BA1452">
        <v>7462</v>
      </c>
    </row>
    <row r="1453" spans="1:53" x14ac:dyDescent="0.4">
      <c r="A1453">
        <v>1497</v>
      </c>
      <c r="B1453" s="1">
        <v>43282</v>
      </c>
      <c r="C1453">
        <v>3</v>
      </c>
      <c r="D1453" s="1">
        <v>43282.744444444441</v>
      </c>
      <c r="E1453" s="1">
        <v>43282.942361111112</v>
      </c>
      <c r="F1453">
        <v>34960</v>
      </c>
      <c r="G1453">
        <v>3780</v>
      </c>
      <c r="H1453">
        <v>0</v>
      </c>
      <c r="I1453">
        <v>0</v>
      </c>
      <c r="J1453">
        <v>0</v>
      </c>
      <c r="K1453">
        <v>0</v>
      </c>
      <c r="L1453">
        <v>0</v>
      </c>
      <c r="M1453">
        <v>3099</v>
      </c>
      <c r="N1453">
        <v>0</v>
      </c>
      <c r="O1453">
        <v>0</v>
      </c>
      <c r="P1453">
        <v>-17280</v>
      </c>
      <c r="Q1453">
        <v>0</v>
      </c>
      <c r="R1453">
        <v>24559</v>
      </c>
      <c r="S1453">
        <v>0</v>
      </c>
      <c r="T1453">
        <v>0</v>
      </c>
      <c r="U1453">
        <v>0</v>
      </c>
      <c r="V1453">
        <v>1</v>
      </c>
      <c r="W1453">
        <v>3</v>
      </c>
      <c r="X1453">
        <v>0</v>
      </c>
      <c r="Y1453">
        <v>75</v>
      </c>
      <c r="Z1453">
        <v>40</v>
      </c>
      <c r="AA1453">
        <v>163</v>
      </c>
      <c r="AB1453">
        <v>66</v>
      </c>
      <c r="AC1453">
        <v>174</v>
      </c>
      <c r="AD1453">
        <v>82</v>
      </c>
      <c r="AE1453">
        <v>200</v>
      </c>
      <c r="AF1453">
        <v>0</v>
      </c>
      <c r="AG1453">
        <v>141950</v>
      </c>
      <c r="AH1453">
        <v>50000</v>
      </c>
      <c r="AI1453">
        <v>0</v>
      </c>
      <c r="AJ1453">
        <v>108</v>
      </c>
      <c r="AK1453" t="s">
        <v>30</v>
      </c>
      <c r="AL1453">
        <v>0</v>
      </c>
      <c r="AM1453">
        <v>0</v>
      </c>
      <c r="AN1453">
        <v>0</v>
      </c>
      <c r="AO1453">
        <v>0</v>
      </c>
      <c r="AP1453">
        <v>0</v>
      </c>
      <c r="AQ1453">
        <v>0</v>
      </c>
      <c r="AR1453">
        <v>0</v>
      </c>
      <c r="AS1453">
        <v>0</v>
      </c>
      <c r="AT1453">
        <v>0</v>
      </c>
      <c r="AU1453">
        <v>0</v>
      </c>
      <c r="AV1453">
        <v>0</v>
      </c>
      <c r="AW1453">
        <v>0</v>
      </c>
      <c r="AX1453">
        <v>7711</v>
      </c>
      <c r="AY1453">
        <v>13</v>
      </c>
      <c r="AZ1453">
        <v>30</v>
      </c>
      <c r="BA1453">
        <v>2457</v>
      </c>
    </row>
    <row r="1454" spans="1:53" x14ac:dyDescent="0.4">
      <c r="A1454">
        <v>1498</v>
      </c>
      <c r="B1454" s="1">
        <v>43282</v>
      </c>
      <c r="C1454">
        <v>4</v>
      </c>
      <c r="D1454" s="1">
        <v>43282.942361111112</v>
      </c>
      <c r="E1454" s="1">
        <v>43283.074999999997</v>
      </c>
      <c r="F1454">
        <v>17520</v>
      </c>
      <c r="G1454">
        <v>380</v>
      </c>
      <c r="H1454">
        <v>0</v>
      </c>
      <c r="I1454">
        <v>0</v>
      </c>
      <c r="J1454">
        <v>0</v>
      </c>
      <c r="K1454">
        <v>0</v>
      </c>
      <c r="L1454">
        <v>0</v>
      </c>
      <c r="M1454">
        <v>1432</v>
      </c>
      <c r="N1454">
        <v>0</v>
      </c>
      <c r="O1454">
        <v>0</v>
      </c>
      <c r="P1454">
        <v>15768</v>
      </c>
      <c r="Q1454">
        <v>0</v>
      </c>
      <c r="R1454">
        <v>35100</v>
      </c>
      <c r="S1454">
        <v>0</v>
      </c>
      <c r="T1454">
        <v>0</v>
      </c>
      <c r="U1454">
        <v>0</v>
      </c>
      <c r="V1454">
        <v>1</v>
      </c>
      <c r="W1454">
        <v>5</v>
      </c>
      <c r="X1454">
        <v>0</v>
      </c>
      <c r="Y1454">
        <v>91</v>
      </c>
      <c r="Z1454">
        <v>41</v>
      </c>
      <c r="AA1454">
        <v>161</v>
      </c>
      <c r="AB1454">
        <v>69</v>
      </c>
      <c r="AC1454">
        <v>175</v>
      </c>
      <c r="AD1454">
        <v>82</v>
      </c>
      <c r="AE1454">
        <v>200</v>
      </c>
      <c r="AF1454">
        <v>8640</v>
      </c>
      <c r="AG1454">
        <v>177050</v>
      </c>
      <c r="AH1454">
        <v>50000</v>
      </c>
      <c r="AI1454">
        <v>0</v>
      </c>
      <c r="AJ1454">
        <v>100</v>
      </c>
      <c r="AK1454" t="s">
        <v>0</v>
      </c>
      <c r="AL1454">
        <v>0</v>
      </c>
      <c r="AM1454">
        <v>0</v>
      </c>
      <c r="AN1454">
        <v>0</v>
      </c>
      <c r="AO1454">
        <v>0</v>
      </c>
      <c r="AP1454">
        <v>0</v>
      </c>
      <c r="AQ1454">
        <v>0</v>
      </c>
      <c r="AR1454">
        <v>0</v>
      </c>
      <c r="AS1454">
        <v>0</v>
      </c>
      <c r="AT1454">
        <v>0</v>
      </c>
      <c r="AU1454">
        <v>0</v>
      </c>
      <c r="AV1454">
        <v>0</v>
      </c>
      <c r="AW1454">
        <v>0</v>
      </c>
      <c r="AX1454">
        <v>-475</v>
      </c>
      <c r="AY1454">
        <v>3</v>
      </c>
      <c r="AZ1454">
        <v>9</v>
      </c>
      <c r="BA1454">
        <v>492</v>
      </c>
    </row>
    <row r="1455" spans="1:53" x14ac:dyDescent="0.4">
      <c r="A1455">
        <v>1499</v>
      </c>
      <c r="B1455" s="1">
        <v>43283</v>
      </c>
      <c r="C1455">
        <v>1</v>
      </c>
      <c r="D1455" s="1">
        <v>43283.291666666664</v>
      </c>
      <c r="E1455" s="1">
        <v>43283.450694444444</v>
      </c>
      <c r="F1455">
        <v>0</v>
      </c>
      <c r="G1455">
        <v>0</v>
      </c>
      <c r="H1455">
        <v>0</v>
      </c>
      <c r="I1455">
        <v>0</v>
      </c>
      <c r="J1455">
        <v>0</v>
      </c>
      <c r="K1455">
        <v>0</v>
      </c>
      <c r="L1455">
        <v>0</v>
      </c>
      <c r="M1455">
        <v>0</v>
      </c>
      <c r="N1455">
        <v>0</v>
      </c>
      <c r="O1455">
        <v>0</v>
      </c>
      <c r="P1455">
        <v>0</v>
      </c>
      <c r="Q1455">
        <v>0</v>
      </c>
      <c r="R1455">
        <v>0</v>
      </c>
      <c r="S1455">
        <v>0</v>
      </c>
      <c r="T1455">
        <v>0</v>
      </c>
      <c r="U1455">
        <v>0</v>
      </c>
      <c r="V1455">
        <v>0</v>
      </c>
      <c r="W1455">
        <v>0</v>
      </c>
      <c r="X1455">
        <v>0</v>
      </c>
      <c r="Y1455">
        <v>22</v>
      </c>
      <c r="Z1455">
        <v>13</v>
      </c>
      <c r="AA1455">
        <v>159</v>
      </c>
      <c r="AB1455">
        <v>67</v>
      </c>
      <c r="AC1455">
        <v>166</v>
      </c>
      <c r="AD1455">
        <v>79</v>
      </c>
      <c r="AE1455">
        <v>195</v>
      </c>
      <c r="AF1455">
        <v>0</v>
      </c>
      <c r="AG1455">
        <v>50000</v>
      </c>
      <c r="AH1455">
        <v>0</v>
      </c>
      <c r="AI1455">
        <v>50000</v>
      </c>
      <c r="AJ1455">
        <v>0</v>
      </c>
      <c r="AK1455" t="s">
        <v>6</v>
      </c>
      <c r="AL1455">
        <v>0</v>
      </c>
      <c r="AM1455">
        <v>0</v>
      </c>
      <c r="AN1455">
        <v>0</v>
      </c>
      <c r="AO1455">
        <v>0</v>
      </c>
      <c r="AP1455">
        <v>0</v>
      </c>
      <c r="AQ1455">
        <v>0</v>
      </c>
      <c r="AR1455">
        <v>0</v>
      </c>
      <c r="AS1455">
        <v>0</v>
      </c>
      <c r="AT1455">
        <v>0</v>
      </c>
      <c r="AU1455">
        <v>0</v>
      </c>
      <c r="AV1455">
        <v>0</v>
      </c>
      <c r="AW1455">
        <v>0</v>
      </c>
      <c r="AX1455">
        <v>0</v>
      </c>
      <c r="AY1455">
        <v>0</v>
      </c>
      <c r="AZ1455">
        <v>0</v>
      </c>
      <c r="BA1455">
        <v>0</v>
      </c>
    </row>
    <row r="1456" spans="1:53" x14ac:dyDescent="0.4">
      <c r="A1456">
        <v>1500</v>
      </c>
      <c r="B1456" s="1">
        <v>43283</v>
      </c>
      <c r="C1456">
        <v>2</v>
      </c>
      <c r="D1456" s="1">
        <v>43283.450694444444</v>
      </c>
      <c r="E1456" s="1">
        <v>43283.738888888889</v>
      </c>
      <c r="F1456">
        <v>18000</v>
      </c>
      <c r="G1456">
        <v>500</v>
      </c>
      <c r="H1456">
        <v>0</v>
      </c>
      <c r="I1456">
        <v>0</v>
      </c>
      <c r="J1456">
        <v>0</v>
      </c>
      <c r="K1456">
        <v>0</v>
      </c>
      <c r="L1456">
        <v>0</v>
      </c>
      <c r="M1456">
        <v>1480</v>
      </c>
      <c r="N1456">
        <v>0</v>
      </c>
      <c r="O1456">
        <v>0</v>
      </c>
      <c r="P1456">
        <v>17280</v>
      </c>
      <c r="Q1456">
        <v>0</v>
      </c>
      <c r="R1456">
        <v>37260</v>
      </c>
      <c r="S1456">
        <v>0</v>
      </c>
      <c r="T1456">
        <v>0</v>
      </c>
      <c r="U1456">
        <v>0</v>
      </c>
      <c r="V1456">
        <v>1</v>
      </c>
      <c r="W1456">
        <v>0</v>
      </c>
      <c r="X1456">
        <v>0</v>
      </c>
      <c r="Y1456">
        <v>42</v>
      </c>
      <c r="Z1456">
        <v>20</v>
      </c>
      <c r="AA1456">
        <v>193</v>
      </c>
      <c r="AB1456">
        <v>65</v>
      </c>
      <c r="AC1456">
        <v>210</v>
      </c>
      <c r="AD1456">
        <v>83</v>
      </c>
      <c r="AE1456">
        <v>195</v>
      </c>
      <c r="AF1456">
        <v>0</v>
      </c>
      <c r="AG1456">
        <v>87260</v>
      </c>
      <c r="AH1456">
        <v>50000</v>
      </c>
      <c r="AI1456">
        <v>0</v>
      </c>
      <c r="AJ1456">
        <v>96</v>
      </c>
      <c r="AK1456" t="s">
        <v>4</v>
      </c>
      <c r="AL1456">
        <v>0</v>
      </c>
      <c r="AM1456">
        <v>0</v>
      </c>
      <c r="AN1456">
        <v>0</v>
      </c>
      <c r="AO1456">
        <v>0</v>
      </c>
      <c r="AP1456">
        <v>0</v>
      </c>
      <c r="AQ1456">
        <v>0</v>
      </c>
      <c r="AR1456">
        <v>0</v>
      </c>
      <c r="AS1456">
        <v>0</v>
      </c>
      <c r="AT1456">
        <v>0</v>
      </c>
      <c r="AU1456">
        <v>0</v>
      </c>
      <c r="AV1456">
        <v>0</v>
      </c>
      <c r="AW1456">
        <v>0</v>
      </c>
      <c r="AX1456">
        <v>950</v>
      </c>
      <c r="AY1456">
        <v>36</v>
      </c>
      <c r="AZ1456">
        <v>68</v>
      </c>
      <c r="BA1456">
        <v>5258</v>
      </c>
    </row>
    <row r="1457" spans="1:53" x14ac:dyDescent="0.4">
      <c r="A1457">
        <v>1501</v>
      </c>
      <c r="B1457" s="1">
        <v>43283</v>
      </c>
      <c r="C1457">
        <v>3</v>
      </c>
      <c r="D1457" s="1">
        <v>43283.738888888889</v>
      </c>
      <c r="E1457" s="1">
        <v>43283.940972222219</v>
      </c>
      <c r="F1457">
        <v>26600</v>
      </c>
      <c r="G1457">
        <v>880</v>
      </c>
      <c r="H1457">
        <v>0</v>
      </c>
      <c r="I1457">
        <v>0</v>
      </c>
      <c r="J1457">
        <v>0</v>
      </c>
      <c r="K1457">
        <v>0</v>
      </c>
      <c r="L1457">
        <v>0</v>
      </c>
      <c r="M1457">
        <v>2198</v>
      </c>
      <c r="N1457">
        <v>0</v>
      </c>
      <c r="O1457">
        <v>0</v>
      </c>
      <c r="P1457">
        <v>-17280</v>
      </c>
      <c r="Q1457">
        <v>0</v>
      </c>
      <c r="R1457">
        <v>12398</v>
      </c>
      <c r="S1457">
        <v>0</v>
      </c>
      <c r="T1457">
        <v>0</v>
      </c>
      <c r="U1457">
        <v>0</v>
      </c>
      <c r="V1457">
        <v>1</v>
      </c>
      <c r="W1457">
        <v>2</v>
      </c>
      <c r="X1457">
        <v>0</v>
      </c>
      <c r="Y1457">
        <v>43</v>
      </c>
      <c r="Z1457">
        <v>21</v>
      </c>
      <c r="AA1457">
        <v>200</v>
      </c>
      <c r="AB1457">
        <v>67</v>
      </c>
      <c r="AC1457">
        <v>220</v>
      </c>
      <c r="AD1457">
        <v>83</v>
      </c>
      <c r="AE1457">
        <v>193</v>
      </c>
      <c r="AF1457">
        <v>0</v>
      </c>
      <c r="AG1457">
        <v>99658</v>
      </c>
      <c r="AH1457">
        <v>50000</v>
      </c>
      <c r="AI1457">
        <v>0</v>
      </c>
      <c r="AJ1457">
        <v>29</v>
      </c>
      <c r="AK1457" t="s">
        <v>28</v>
      </c>
      <c r="AL1457">
        <v>0</v>
      </c>
      <c r="AM1457">
        <v>0</v>
      </c>
      <c r="AN1457">
        <v>0</v>
      </c>
      <c r="AO1457">
        <v>0</v>
      </c>
      <c r="AP1457">
        <v>0</v>
      </c>
      <c r="AQ1457">
        <v>0</v>
      </c>
      <c r="AR1457">
        <v>0</v>
      </c>
      <c r="AS1457">
        <v>0</v>
      </c>
      <c r="AT1457">
        <v>0</v>
      </c>
      <c r="AU1457">
        <v>0</v>
      </c>
      <c r="AV1457">
        <v>0</v>
      </c>
      <c r="AW1457">
        <v>0</v>
      </c>
      <c r="AX1457">
        <v>2851</v>
      </c>
      <c r="AY1457">
        <v>9</v>
      </c>
      <c r="AZ1457">
        <v>20</v>
      </c>
      <c r="BA1457">
        <v>1863</v>
      </c>
    </row>
    <row r="1458" spans="1:53" x14ac:dyDescent="0.4">
      <c r="A1458">
        <v>1502</v>
      </c>
      <c r="B1458" s="1">
        <v>43284</v>
      </c>
      <c r="C1458">
        <v>1</v>
      </c>
      <c r="D1458" s="1">
        <v>43284.291666666664</v>
      </c>
      <c r="E1458" s="1">
        <v>43284.447916666664</v>
      </c>
      <c r="F1458">
        <v>0</v>
      </c>
      <c r="G1458">
        <v>0</v>
      </c>
      <c r="H1458">
        <v>0</v>
      </c>
      <c r="I1458">
        <v>0</v>
      </c>
      <c r="J1458">
        <v>0</v>
      </c>
      <c r="K1458">
        <v>0</v>
      </c>
      <c r="L1458">
        <v>0</v>
      </c>
      <c r="M1458">
        <v>0</v>
      </c>
      <c r="N1458">
        <v>0</v>
      </c>
      <c r="O1458">
        <v>0</v>
      </c>
      <c r="P1458">
        <v>0</v>
      </c>
      <c r="Q1458">
        <v>0</v>
      </c>
      <c r="R1458">
        <v>0</v>
      </c>
      <c r="S1458">
        <v>0</v>
      </c>
      <c r="T1458">
        <v>0</v>
      </c>
      <c r="U1458">
        <v>0</v>
      </c>
      <c r="V1458">
        <v>0</v>
      </c>
      <c r="W1458">
        <v>0</v>
      </c>
      <c r="X1458">
        <v>0</v>
      </c>
      <c r="Y1458">
        <v>25</v>
      </c>
      <c r="Z1458">
        <v>9</v>
      </c>
      <c r="AA1458">
        <v>150</v>
      </c>
      <c r="AB1458">
        <v>68</v>
      </c>
      <c r="AC1458">
        <v>152</v>
      </c>
      <c r="AD1458">
        <v>81</v>
      </c>
      <c r="AE1458">
        <v>175</v>
      </c>
      <c r="AF1458">
        <v>0</v>
      </c>
      <c r="AG1458">
        <v>50000</v>
      </c>
      <c r="AH1458">
        <v>0</v>
      </c>
      <c r="AI1458">
        <v>50000</v>
      </c>
      <c r="AJ1458">
        <v>0</v>
      </c>
      <c r="AK1458" t="s">
        <v>6</v>
      </c>
      <c r="AL1458">
        <v>0</v>
      </c>
      <c r="AM1458">
        <v>0</v>
      </c>
      <c r="AN1458">
        <v>0</v>
      </c>
      <c r="AO1458">
        <v>0</v>
      </c>
      <c r="AP1458">
        <v>0</v>
      </c>
      <c r="AQ1458">
        <v>0</v>
      </c>
      <c r="AR1458">
        <v>0</v>
      </c>
      <c r="AS1458">
        <v>0</v>
      </c>
      <c r="AT1458">
        <v>0</v>
      </c>
      <c r="AU1458">
        <v>0</v>
      </c>
      <c r="AV1458">
        <v>0</v>
      </c>
      <c r="AW1458">
        <v>0</v>
      </c>
      <c r="AX1458">
        <v>0</v>
      </c>
      <c r="AY1458">
        <v>0</v>
      </c>
      <c r="AZ1458">
        <v>0</v>
      </c>
      <c r="BA1458">
        <v>0</v>
      </c>
    </row>
    <row r="1459" spans="1:53" x14ac:dyDescent="0.4">
      <c r="A1459">
        <v>1503</v>
      </c>
      <c r="B1459" s="1">
        <v>43284</v>
      </c>
      <c r="C1459">
        <v>2</v>
      </c>
      <c r="D1459" s="1">
        <v>43284.447916666664</v>
      </c>
      <c r="E1459" s="1">
        <v>43284.731944444444</v>
      </c>
      <c r="F1459">
        <v>23000</v>
      </c>
      <c r="G1459">
        <v>0</v>
      </c>
      <c r="H1459">
        <v>0</v>
      </c>
      <c r="I1459">
        <v>0</v>
      </c>
      <c r="J1459">
        <v>0</v>
      </c>
      <c r="K1459">
        <v>0</v>
      </c>
      <c r="L1459">
        <v>0</v>
      </c>
      <c r="M1459">
        <v>1840</v>
      </c>
      <c r="N1459">
        <v>0</v>
      </c>
      <c r="O1459">
        <v>0</v>
      </c>
      <c r="P1459">
        <v>28080</v>
      </c>
      <c r="Q1459">
        <v>0</v>
      </c>
      <c r="R1459">
        <v>52920</v>
      </c>
      <c r="S1459">
        <v>0</v>
      </c>
      <c r="T1459">
        <v>0</v>
      </c>
      <c r="U1459">
        <v>0</v>
      </c>
      <c r="V1459">
        <v>0</v>
      </c>
      <c r="W1459">
        <v>1</v>
      </c>
      <c r="X1459">
        <v>0</v>
      </c>
      <c r="Y1459">
        <v>64</v>
      </c>
      <c r="Z1459">
        <v>31</v>
      </c>
      <c r="AA1459">
        <v>119</v>
      </c>
      <c r="AB1459">
        <v>61</v>
      </c>
      <c r="AC1459">
        <v>280</v>
      </c>
      <c r="AD1459">
        <v>91</v>
      </c>
      <c r="AE1459">
        <v>215</v>
      </c>
      <c r="AF1459">
        <v>0</v>
      </c>
      <c r="AG1459">
        <v>102920</v>
      </c>
      <c r="AH1459">
        <v>50000</v>
      </c>
      <c r="AI1459">
        <v>0</v>
      </c>
      <c r="AJ1459">
        <v>96</v>
      </c>
      <c r="AK1459" t="s">
        <v>4</v>
      </c>
      <c r="AL1459">
        <v>0</v>
      </c>
      <c r="AM1459">
        <v>0</v>
      </c>
      <c r="AN1459">
        <v>0</v>
      </c>
      <c r="AO1459">
        <v>0</v>
      </c>
      <c r="AP1459">
        <v>0</v>
      </c>
      <c r="AQ1459">
        <v>0</v>
      </c>
      <c r="AR1459">
        <v>0</v>
      </c>
      <c r="AS1459">
        <v>0</v>
      </c>
      <c r="AT1459">
        <v>0</v>
      </c>
      <c r="AU1459">
        <v>0</v>
      </c>
      <c r="AV1459">
        <v>0</v>
      </c>
      <c r="AW1459">
        <v>0</v>
      </c>
      <c r="AX1459">
        <v>-2700</v>
      </c>
      <c r="AY1459">
        <v>40</v>
      </c>
      <c r="AZ1459">
        <v>98</v>
      </c>
      <c r="BA1459">
        <v>5261</v>
      </c>
    </row>
    <row r="1460" spans="1:53" x14ac:dyDescent="0.4">
      <c r="A1460">
        <v>1504</v>
      </c>
      <c r="B1460" s="1">
        <v>43284</v>
      </c>
      <c r="C1460">
        <v>3</v>
      </c>
      <c r="D1460" s="1">
        <v>43284.731944444444</v>
      </c>
      <c r="E1460" s="1">
        <v>43284.94027777778</v>
      </c>
      <c r="F1460">
        <v>52160</v>
      </c>
      <c r="G1460">
        <v>680</v>
      </c>
      <c r="H1460">
        <v>0</v>
      </c>
      <c r="I1460">
        <v>0</v>
      </c>
      <c r="J1460">
        <v>0</v>
      </c>
      <c r="K1460">
        <v>0</v>
      </c>
      <c r="L1460">
        <v>0</v>
      </c>
      <c r="M1460">
        <v>4227</v>
      </c>
      <c r="N1460">
        <v>0</v>
      </c>
      <c r="O1460">
        <v>0</v>
      </c>
      <c r="P1460">
        <v>-14904</v>
      </c>
      <c r="Q1460">
        <v>0</v>
      </c>
      <c r="R1460">
        <v>42163</v>
      </c>
      <c r="S1460">
        <v>0</v>
      </c>
      <c r="T1460">
        <v>0</v>
      </c>
      <c r="U1460">
        <v>0</v>
      </c>
      <c r="V1460">
        <v>2</v>
      </c>
      <c r="W1460">
        <v>2</v>
      </c>
      <c r="X1460">
        <v>0</v>
      </c>
      <c r="Y1460">
        <v>82</v>
      </c>
      <c r="Z1460">
        <v>29</v>
      </c>
      <c r="AA1460">
        <v>120</v>
      </c>
      <c r="AB1460">
        <v>62</v>
      </c>
      <c r="AC1460">
        <v>283</v>
      </c>
      <c r="AD1460">
        <v>88</v>
      </c>
      <c r="AE1460">
        <v>213</v>
      </c>
      <c r="AF1460">
        <v>0</v>
      </c>
      <c r="AG1460">
        <v>145083</v>
      </c>
      <c r="AH1460">
        <v>50000</v>
      </c>
      <c r="AI1460">
        <v>0</v>
      </c>
      <c r="AJ1460">
        <v>99</v>
      </c>
      <c r="AK1460" t="s">
        <v>9</v>
      </c>
      <c r="AL1460">
        <v>0</v>
      </c>
      <c r="AM1460">
        <v>0</v>
      </c>
      <c r="AN1460">
        <v>0</v>
      </c>
      <c r="AO1460">
        <v>0</v>
      </c>
      <c r="AP1460">
        <v>0</v>
      </c>
      <c r="AQ1460">
        <v>0</v>
      </c>
      <c r="AR1460">
        <v>0</v>
      </c>
      <c r="AS1460">
        <v>0</v>
      </c>
      <c r="AT1460">
        <v>0</v>
      </c>
      <c r="AU1460">
        <v>0</v>
      </c>
      <c r="AV1460">
        <v>0</v>
      </c>
      <c r="AW1460">
        <v>0</v>
      </c>
      <c r="AX1460">
        <v>3412</v>
      </c>
      <c r="AY1460">
        <v>11</v>
      </c>
      <c r="AZ1460">
        <v>30</v>
      </c>
      <c r="BA1460">
        <v>2773</v>
      </c>
    </row>
    <row r="1461" spans="1:53" x14ac:dyDescent="0.4">
      <c r="A1461">
        <v>1505</v>
      </c>
      <c r="B1461" s="1">
        <v>43285</v>
      </c>
      <c r="C1461">
        <v>1</v>
      </c>
      <c r="D1461" s="1">
        <v>43285.291666666664</v>
      </c>
      <c r="E1461" s="1">
        <v>43285.452777777777</v>
      </c>
      <c r="F1461">
        <v>0</v>
      </c>
      <c r="G1461">
        <v>0</v>
      </c>
      <c r="H1461">
        <v>0</v>
      </c>
      <c r="I1461">
        <v>0</v>
      </c>
      <c r="J1461">
        <v>0</v>
      </c>
      <c r="K1461">
        <v>0</v>
      </c>
      <c r="L1461">
        <v>0</v>
      </c>
      <c r="M1461">
        <v>0</v>
      </c>
      <c r="N1461">
        <v>0</v>
      </c>
      <c r="O1461">
        <v>0</v>
      </c>
      <c r="P1461">
        <v>0</v>
      </c>
      <c r="Q1461">
        <v>0</v>
      </c>
      <c r="R1461">
        <v>0</v>
      </c>
      <c r="S1461">
        <v>0</v>
      </c>
      <c r="T1461">
        <v>0</v>
      </c>
      <c r="U1461">
        <v>0</v>
      </c>
      <c r="V1461">
        <v>0</v>
      </c>
      <c r="W1461">
        <v>0</v>
      </c>
      <c r="X1461">
        <v>0</v>
      </c>
      <c r="Y1461">
        <v>25</v>
      </c>
      <c r="Z1461">
        <v>16</v>
      </c>
      <c r="AA1461">
        <v>123</v>
      </c>
      <c r="AB1461">
        <v>63</v>
      </c>
      <c r="AC1461">
        <v>90</v>
      </c>
      <c r="AD1461">
        <v>88</v>
      </c>
      <c r="AE1461">
        <v>210</v>
      </c>
      <c r="AF1461">
        <v>0</v>
      </c>
      <c r="AG1461">
        <v>50000</v>
      </c>
      <c r="AH1461">
        <v>0</v>
      </c>
      <c r="AI1461">
        <v>50000</v>
      </c>
      <c r="AJ1461">
        <v>0</v>
      </c>
      <c r="AK1461" t="s">
        <v>6</v>
      </c>
      <c r="AL1461">
        <v>0</v>
      </c>
      <c r="AM1461">
        <v>0</v>
      </c>
      <c r="AN1461">
        <v>0</v>
      </c>
      <c r="AO1461">
        <v>0</v>
      </c>
      <c r="AP1461">
        <v>0</v>
      </c>
      <c r="AQ1461">
        <v>0</v>
      </c>
      <c r="AR1461">
        <v>0</v>
      </c>
      <c r="AS1461">
        <v>0</v>
      </c>
      <c r="AT1461">
        <v>0</v>
      </c>
      <c r="AU1461">
        <v>0</v>
      </c>
      <c r="AV1461">
        <v>0</v>
      </c>
      <c r="AW1461">
        <v>0</v>
      </c>
      <c r="AX1461">
        <v>0</v>
      </c>
      <c r="AY1461">
        <v>0</v>
      </c>
      <c r="AZ1461">
        <v>0</v>
      </c>
      <c r="BA1461">
        <v>0</v>
      </c>
    </row>
    <row r="1462" spans="1:53" x14ac:dyDescent="0.4">
      <c r="A1462">
        <v>1506</v>
      </c>
      <c r="B1462" s="1">
        <v>43285</v>
      </c>
      <c r="C1462">
        <v>2</v>
      </c>
      <c r="D1462" s="1">
        <v>43285.452777777777</v>
      </c>
      <c r="E1462" s="1">
        <v>43285.738194444442</v>
      </c>
      <c r="F1462">
        <v>15000</v>
      </c>
      <c r="G1462">
        <v>0</v>
      </c>
      <c r="H1462">
        <v>0</v>
      </c>
      <c r="I1462">
        <v>0</v>
      </c>
      <c r="J1462">
        <v>0</v>
      </c>
      <c r="K1462">
        <v>0</v>
      </c>
      <c r="L1462">
        <v>0</v>
      </c>
      <c r="M1462">
        <v>1200</v>
      </c>
      <c r="N1462">
        <v>0</v>
      </c>
      <c r="O1462">
        <v>0</v>
      </c>
      <c r="P1462">
        <v>11340</v>
      </c>
      <c r="Q1462">
        <v>0</v>
      </c>
      <c r="R1462">
        <v>27540</v>
      </c>
      <c r="S1462">
        <v>0</v>
      </c>
      <c r="T1462">
        <v>0</v>
      </c>
      <c r="U1462">
        <v>0</v>
      </c>
      <c r="V1462">
        <v>1</v>
      </c>
      <c r="W1462">
        <v>1</v>
      </c>
      <c r="X1462">
        <v>0</v>
      </c>
      <c r="Y1462">
        <v>32</v>
      </c>
      <c r="Z1462">
        <v>23</v>
      </c>
      <c r="AA1462">
        <v>121</v>
      </c>
      <c r="AB1462">
        <v>64</v>
      </c>
      <c r="AC1462">
        <v>139</v>
      </c>
      <c r="AD1462">
        <v>92</v>
      </c>
      <c r="AE1462">
        <v>208</v>
      </c>
      <c r="AF1462">
        <v>1682</v>
      </c>
      <c r="AG1462">
        <v>77540</v>
      </c>
      <c r="AH1462">
        <v>50000</v>
      </c>
      <c r="AI1462">
        <v>0</v>
      </c>
      <c r="AJ1462">
        <v>96</v>
      </c>
      <c r="AK1462" t="s">
        <v>4</v>
      </c>
      <c r="AL1462">
        <v>0</v>
      </c>
      <c r="AM1462">
        <v>0</v>
      </c>
      <c r="AN1462">
        <v>0</v>
      </c>
      <c r="AO1462">
        <v>0</v>
      </c>
      <c r="AP1462">
        <v>0</v>
      </c>
      <c r="AQ1462">
        <v>0</v>
      </c>
      <c r="AR1462">
        <v>0</v>
      </c>
      <c r="AS1462">
        <v>0</v>
      </c>
      <c r="AT1462">
        <v>0</v>
      </c>
      <c r="AU1462">
        <v>0</v>
      </c>
      <c r="AV1462">
        <v>0</v>
      </c>
      <c r="AW1462">
        <v>0</v>
      </c>
      <c r="AX1462">
        <v>-346</v>
      </c>
      <c r="AY1462">
        <v>30</v>
      </c>
      <c r="AZ1462">
        <v>51</v>
      </c>
      <c r="BA1462">
        <v>3985</v>
      </c>
    </row>
    <row r="1463" spans="1:53" x14ac:dyDescent="0.4">
      <c r="A1463">
        <v>1507</v>
      </c>
      <c r="B1463" s="1">
        <v>43285</v>
      </c>
      <c r="C1463">
        <v>3</v>
      </c>
      <c r="D1463" s="1">
        <v>43285.738194444442</v>
      </c>
      <c r="E1463" s="1">
        <v>43285.950694444444</v>
      </c>
      <c r="F1463">
        <v>32000</v>
      </c>
      <c r="G1463">
        <v>680</v>
      </c>
      <c r="H1463">
        <v>0</v>
      </c>
      <c r="I1463">
        <v>0</v>
      </c>
      <c r="J1463">
        <v>0</v>
      </c>
      <c r="K1463">
        <v>0</v>
      </c>
      <c r="L1463">
        <v>0</v>
      </c>
      <c r="M1463">
        <v>2614</v>
      </c>
      <c r="N1463">
        <v>0</v>
      </c>
      <c r="O1463">
        <v>0</v>
      </c>
      <c r="P1463">
        <v>-9342</v>
      </c>
      <c r="Q1463">
        <v>0</v>
      </c>
      <c r="R1463">
        <v>25952</v>
      </c>
      <c r="S1463">
        <v>0</v>
      </c>
      <c r="T1463">
        <v>0</v>
      </c>
      <c r="U1463">
        <v>0</v>
      </c>
      <c r="V1463">
        <v>4</v>
      </c>
      <c r="W1463">
        <v>0</v>
      </c>
      <c r="X1463">
        <v>0</v>
      </c>
      <c r="Y1463">
        <v>35</v>
      </c>
      <c r="Z1463">
        <v>21</v>
      </c>
      <c r="AA1463">
        <v>111</v>
      </c>
      <c r="AB1463">
        <v>64</v>
      </c>
      <c r="AC1463">
        <v>134</v>
      </c>
      <c r="AD1463">
        <v>92</v>
      </c>
      <c r="AE1463">
        <v>210</v>
      </c>
      <c r="AF1463">
        <v>1682</v>
      </c>
      <c r="AG1463">
        <v>103492</v>
      </c>
      <c r="AH1463">
        <v>50000</v>
      </c>
      <c r="AI1463">
        <v>0</v>
      </c>
      <c r="AJ1463">
        <v>99</v>
      </c>
      <c r="AK1463" t="s">
        <v>9</v>
      </c>
      <c r="AL1463">
        <v>0</v>
      </c>
      <c r="AM1463">
        <v>0</v>
      </c>
      <c r="AN1463">
        <v>0</v>
      </c>
      <c r="AO1463">
        <v>0</v>
      </c>
      <c r="AP1463">
        <v>0</v>
      </c>
      <c r="AQ1463">
        <v>0</v>
      </c>
      <c r="AR1463">
        <v>0</v>
      </c>
      <c r="AS1463">
        <v>0</v>
      </c>
      <c r="AT1463">
        <v>0</v>
      </c>
      <c r="AU1463">
        <v>0</v>
      </c>
      <c r="AV1463">
        <v>0</v>
      </c>
      <c r="AW1463">
        <v>0</v>
      </c>
      <c r="AX1463">
        <v>13548</v>
      </c>
      <c r="AY1463">
        <v>12</v>
      </c>
      <c r="AZ1463">
        <v>41</v>
      </c>
      <c r="BA1463">
        <v>2007</v>
      </c>
    </row>
    <row r="1464" spans="1:53" x14ac:dyDescent="0.4">
      <c r="A1464">
        <v>1508</v>
      </c>
      <c r="B1464" s="1">
        <v>43285</v>
      </c>
      <c r="C1464">
        <v>4</v>
      </c>
      <c r="D1464" s="1">
        <v>43285.950694444444</v>
      </c>
      <c r="E1464" s="1">
        <v>43286.082638888889</v>
      </c>
      <c r="F1464">
        <v>24880</v>
      </c>
      <c r="G1464">
        <v>1260</v>
      </c>
      <c r="H1464">
        <v>0</v>
      </c>
      <c r="I1464">
        <v>0</v>
      </c>
      <c r="J1464">
        <v>0</v>
      </c>
      <c r="K1464">
        <v>0</v>
      </c>
      <c r="L1464">
        <v>0</v>
      </c>
      <c r="M1464">
        <v>2092</v>
      </c>
      <c r="N1464">
        <v>0</v>
      </c>
      <c r="O1464">
        <v>0</v>
      </c>
      <c r="P1464">
        <v>1728</v>
      </c>
      <c r="Q1464">
        <v>0</v>
      </c>
      <c r="R1464">
        <v>29960</v>
      </c>
      <c r="S1464">
        <v>0</v>
      </c>
      <c r="T1464">
        <v>0</v>
      </c>
      <c r="U1464">
        <v>0</v>
      </c>
      <c r="V1464">
        <v>5</v>
      </c>
      <c r="W1464">
        <v>0</v>
      </c>
      <c r="X1464">
        <v>0</v>
      </c>
      <c r="Y1464">
        <v>33</v>
      </c>
      <c r="Z1464">
        <v>21</v>
      </c>
      <c r="AA1464">
        <v>108</v>
      </c>
      <c r="AB1464">
        <v>64</v>
      </c>
      <c r="AC1464">
        <v>134</v>
      </c>
      <c r="AD1464">
        <v>90</v>
      </c>
      <c r="AE1464">
        <v>210</v>
      </c>
      <c r="AF1464">
        <v>23952</v>
      </c>
      <c r="AG1464">
        <v>133452</v>
      </c>
      <c r="AH1464">
        <v>50000</v>
      </c>
      <c r="AI1464">
        <v>0</v>
      </c>
      <c r="AJ1464">
        <v>29</v>
      </c>
      <c r="AK1464" t="s">
        <v>28</v>
      </c>
      <c r="AL1464">
        <v>0</v>
      </c>
      <c r="AM1464">
        <v>0</v>
      </c>
      <c r="AN1464">
        <v>0</v>
      </c>
      <c r="AO1464">
        <v>0</v>
      </c>
      <c r="AP1464">
        <v>0</v>
      </c>
      <c r="AQ1464">
        <v>0</v>
      </c>
      <c r="AR1464">
        <v>0</v>
      </c>
      <c r="AS1464">
        <v>0</v>
      </c>
      <c r="AT1464">
        <v>0</v>
      </c>
      <c r="AU1464">
        <v>0</v>
      </c>
      <c r="AV1464">
        <v>0</v>
      </c>
      <c r="AW1464">
        <v>0</v>
      </c>
      <c r="AX1464">
        <v>0</v>
      </c>
      <c r="AY1464">
        <v>1</v>
      </c>
      <c r="AZ1464">
        <v>1</v>
      </c>
      <c r="BA1464">
        <v>537</v>
      </c>
    </row>
    <row r="1465" spans="1:53" x14ac:dyDescent="0.4">
      <c r="A1465">
        <v>1509</v>
      </c>
      <c r="B1465" s="1">
        <v>43286</v>
      </c>
      <c r="C1465">
        <v>1</v>
      </c>
      <c r="D1465" s="1">
        <v>43286.291666666664</v>
      </c>
      <c r="E1465" s="1">
        <v>43286.451388888891</v>
      </c>
      <c r="F1465">
        <v>0</v>
      </c>
      <c r="G1465">
        <v>0</v>
      </c>
      <c r="H1465">
        <v>0</v>
      </c>
      <c r="I1465">
        <v>0</v>
      </c>
      <c r="J1465">
        <v>0</v>
      </c>
      <c r="K1465">
        <v>0</v>
      </c>
      <c r="L1465">
        <v>0</v>
      </c>
      <c r="M1465">
        <v>0</v>
      </c>
      <c r="N1465">
        <v>0</v>
      </c>
      <c r="O1465">
        <v>0</v>
      </c>
      <c r="P1465">
        <v>0</v>
      </c>
      <c r="Q1465">
        <v>0</v>
      </c>
      <c r="R1465">
        <v>0</v>
      </c>
      <c r="S1465">
        <v>0</v>
      </c>
      <c r="T1465">
        <v>0</v>
      </c>
      <c r="U1465">
        <v>0</v>
      </c>
      <c r="V1465">
        <v>0</v>
      </c>
      <c r="W1465">
        <v>0</v>
      </c>
      <c r="X1465">
        <v>0</v>
      </c>
      <c r="Y1465">
        <v>26</v>
      </c>
      <c r="Z1465">
        <v>17</v>
      </c>
      <c r="AA1465">
        <v>106</v>
      </c>
      <c r="AB1465">
        <v>59</v>
      </c>
      <c r="AC1465">
        <v>130</v>
      </c>
      <c r="AD1465">
        <v>90</v>
      </c>
      <c r="AE1465">
        <v>200</v>
      </c>
      <c r="AF1465">
        <v>0</v>
      </c>
      <c r="AG1465">
        <v>50000</v>
      </c>
      <c r="AH1465">
        <v>0</v>
      </c>
      <c r="AI1465">
        <v>50000</v>
      </c>
      <c r="AJ1465">
        <v>0</v>
      </c>
      <c r="AK1465" t="s">
        <v>6</v>
      </c>
      <c r="AL1465">
        <v>0</v>
      </c>
      <c r="AM1465">
        <v>0</v>
      </c>
      <c r="AN1465">
        <v>0</v>
      </c>
      <c r="AO1465">
        <v>0</v>
      </c>
      <c r="AP1465">
        <v>0</v>
      </c>
      <c r="AQ1465">
        <v>0</v>
      </c>
      <c r="AR1465">
        <v>0</v>
      </c>
      <c r="AS1465">
        <v>0</v>
      </c>
      <c r="AT1465">
        <v>0</v>
      </c>
      <c r="AU1465">
        <v>0</v>
      </c>
      <c r="AV1465">
        <v>0</v>
      </c>
      <c r="AW1465">
        <v>0</v>
      </c>
      <c r="AX1465">
        <v>0</v>
      </c>
      <c r="AY1465">
        <v>0</v>
      </c>
      <c r="AZ1465">
        <v>0</v>
      </c>
      <c r="BA1465">
        <v>0</v>
      </c>
    </row>
    <row r="1466" spans="1:53" x14ac:dyDescent="0.4">
      <c r="A1466">
        <v>1510</v>
      </c>
      <c r="B1466" s="1">
        <v>43286</v>
      </c>
      <c r="C1466">
        <v>2</v>
      </c>
      <c r="D1466" s="1">
        <v>43286.451388888891</v>
      </c>
      <c r="E1466" s="1">
        <v>43286.754166666666</v>
      </c>
      <c r="F1466">
        <v>17000</v>
      </c>
      <c r="G1466">
        <v>2280</v>
      </c>
      <c r="H1466">
        <v>0</v>
      </c>
      <c r="I1466">
        <v>0</v>
      </c>
      <c r="J1466">
        <v>0</v>
      </c>
      <c r="K1466">
        <v>0</v>
      </c>
      <c r="L1466">
        <v>0</v>
      </c>
      <c r="M1466">
        <v>1542</v>
      </c>
      <c r="N1466">
        <v>0</v>
      </c>
      <c r="O1466">
        <v>0</v>
      </c>
      <c r="P1466">
        <v>15120</v>
      </c>
      <c r="Q1466">
        <v>0</v>
      </c>
      <c r="R1466">
        <v>35942</v>
      </c>
      <c r="S1466">
        <v>0</v>
      </c>
      <c r="T1466">
        <v>0</v>
      </c>
      <c r="U1466">
        <v>0</v>
      </c>
      <c r="V1466">
        <v>1</v>
      </c>
      <c r="W1466">
        <v>3</v>
      </c>
      <c r="X1466">
        <v>0</v>
      </c>
      <c r="Y1466">
        <v>33</v>
      </c>
      <c r="Z1466">
        <v>22</v>
      </c>
      <c r="AA1466">
        <v>97</v>
      </c>
      <c r="AB1466">
        <v>54</v>
      </c>
      <c r="AC1466">
        <v>161</v>
      </c>
      <c r="AD1466">
        <v>90</v>
      </c>
      <c r="AE1466">
        <v>204</v>
      </c>
      <c r="AF1466">
        <v>2278</v>
      </c>
      <c r="AG1466">
        <v>85942</v>
      </c>
      <c r="AH1466">
        <v>50000</v>
      </c>
      <c r="AI1466">
        <v>0</v>
      </c>
      <c r="AJ1466">
        <v>96</v>
      </c>
      <c r="AK1466" t="s">
        <v>4</v>
      </c>
      <c r="AL1466">
        <v>0</v>
      </c>
      <c r="AM1466">
        <v>0</v>
      </c>
      <c r="AN1466">
        <v>0</v>
      </c>
      <c r="AO1466">
        <v>0</v>
      </c>
      <c r="AP1466">
        <v>0</v>
      </c>
      <c r="AQ1466">
        <v>0</v>
      </c>
      <c r="AR1466">
        <v>0</v>
      </c>
      <c r="AS1466">
        <v>0</v>
      </c>
      <c r="AT1466">
        <v>0</v>
      </c>
      <c r="AU1466">
        <v>0</v>
      </c>
      <c r="AV1466">
        <v>0</v>
      </c>
      <c r="AW1466">
        <v>0</v>
      </c>
      <c r="AX1466">
        <v>1080</v>
      </c>
      <c r="AY1466">
        <v>33</v>
      </c>
      <c r="AZ1466">
        <v>62</v>
      </c>
      <c r="BA1466">
        <v>4793</v>
      </c>
    </row>
    <row r="1467" spans="1:53" x14ac:dyDescent="0.4">
      <c r="A1467">
        <v>1511</v>
      </c>
      <c r="B1467" s="1">
        <v>43286</v>
      </c>
      <c r="C1467">
        <v>3</v>
      </c>
      <c r="D1467" s="1">
        <v>43286.754166666666</v>
      </c>
      <c r="E1467" s="1">
        <v>43286.948611111111</v>
      </c>
      <c r="F1467">
        <v>43235</v>
      </c>
      <c r="G1467">
        <v>850</v>
      </c>
      <c r="H1467">
        <v>0</v>
      </c>
      <c r="I1467">
        <v>0</v>
      </c>
      <c r="J1467">
        <v>0</v>
      </c>
      <c r="K1467">
        <v>0</v>
      </c>
      <c r="L1467">
        <v>0</v>
      </c>
      <c r="M1467">
        <v>3527</v>
      </c>
      <c r="N1467">
        <v>0</v>
      </c>
      <c r="O1467">
        <v>0</v>
      </c>
      <c r="P1467">
        <v>-11232</v>
      </c>
      <c r="Q1467">
        <v>0</v>
      </c>
      <c r="R1467">
        <v>36380</v>
      </c>
      <c r="S1467">
        <v>0</v>
      </c>
      <c r="T1467">
        <v>0</v>
      </c>
      <c r="U1467">
        <v>0</v>
      </c>
      <c r="V1467">
        <v>2</v>
      </c>
      <c r="W1467">
        <v>4</v>
      </c>
      <c r="X1467">
        <v>0</v>
      </c>
      <c r="Y1467">
        <v>47</v>
      </c>
      <c r="Z1467">
        <v>23</v>
      </c>
      <c r="AA1467">
        <v>94</v>
      </c>
      <c r="AB1467">
        <v>53</v>
      </c>
      <c r="AC1467">
        <v>166</v>
      </c>
      <c r="AD1467">
        <v>89</v>
      </c>
      <c r="AE1467">
        <v>196</v>
      </c>
      <c r="AF1467">
        <v>9471</v>
      </c>
      <c r="AG1467">
        <v>122322</v>
      </c>
      <c r="AH1467">
        <v>50000</v>
      </c>
      <c r="AI1467">
        <v>0</v>
      </c>
      <c r="AJ1467">
        <v>30</v>
      </c>
      <c r="AL1467">
        <v>0</v>
      </c>
      <c r="AM1467">
        <v>0</v>
      </c>
      <c r="AN1467">
        <v>0</v>
      </c>
      <c r="AO1467">
        <v>0</v>
      </c>
      <c r="AP1467">
        <v>0</v>
      </c>
      <c r="AQ1467">
        <v>0</v>
      </c>
      <c r="AR1467">
        <v>0</v>
      </c>
      <c r="AS1467">
        <v>0</v>
      </c>
      <c r="AT1467">
        <v>0</v>
      </c>
      <c r="AU1467">
        <v>0</v>
      </c>
      <c r="AV1467">
        <v>0</v>
      </c>
      <c r="AW1467">
        <v>0</v>
      </c>
      <c r="AX1467">
        <v>13500</v>
      </c>
      <c r="AY1467">
        <v>21</v>
      </c>
      <c r="AZ1467">
        <v>45</v>
      </c>
      <c r="BA1467">
        <v>2934</v>
      </c>
    </row>
    <row r="1468" spans="1:53" x14ac:dyDescent="0.4">
      <c r="A1468">
        <v>1512</v>
      </c>
      <c r="B1468" s="1">
        <v>43287</v>
      </c>
      <c r="C1468">
        <v>1</v>
      </c>
      <c r="D1468" s="1">
        <v>43287.291666666664</v>
      </c>
      <c r="E1468" s="1">
        <v>43287.438888888886</v>
      </c>
      <c r="F1468">
        <v>0</v>
      </c>
      <c r="G1468">
        <v>0</v>
      </c>
      <c r="H1468">
        <v>0</v>
      </c>
      <c r="I1468">
        <v>0</v>
      </c>
      <c r="J1468">
        <v>0</v>
      </c>
      <c r="K1468">
        <v>0</v>
      </c>
      <c r="L1468">
        <v>0</v>
      </c>
      <c r="M1468">
        <v>0</v>
      </c>
      <c r="N1468">
        <v>0</v>
      </c>
      <c r="O1468">
        <v>0</v>
      </c>
      <c r="P1468">
        <v>0</v>
      </c>
      <c r="Q1468">
        <v>0</v>
      </c>
      <c r="R1468">
        <v>0</v>
      </c>
      <c r="S1468">
        <v>0</v>
      </c>
      <c r="T1468">
        <v>0</v>
      </c>
      <c r="U1468">
        <v>0</v>
      </c>
      <c r="V1468">
        <v>0</v>
      </c>
      <c r="W1468">
        <v>0</v>
      </c>
      <c r="X1468">
        <v>0</v>
      </c>
      <c r="Y1468">
        <v>27</v>
      </c>
      <c r="Z1468">
        <v>19</v>
      </c>
      <c r="AA1468">
        <v>92</v>
      </c>
      <c r="AB1468">
        <v>51</v>
      </c>
      <c r="AC1468">
        <v>113</v>
      </c>
      <c r="AD1468">
        <v>88</v>
      </c>
      <c r="AE1468">
        <v>180</v>
      </c>
      <c r="AF1468">
        <v>0</v>
      </c>
      <c r="AG1468">
        <v>50000</v>
      </c>
      <c r="AH1468">
        <v>50000</v>
      </c>
      <c r="AI1468">
        <v>0</v>
      </c>
      <c r="AJ1468">
        <v>0</v>
      </c>
      <c r="AK1468" t="s">
        <v>6</v>
      </c>
      <c r="AL1468">
        <v>0</v>
      </c>
      <c r="AM1468">
        <v>0</v>
      </c>
      <c r="AN1468">
        <v>0</v>
      </c>
      <c r="AO1468">
        <v>0</v>
      </c>
      <c r="AP1468">
        <v>0</v>
      </c>
      <c r="AQ1468">
        <v>0</v>
      </c>
      <c r="AR1468">
        <v>0</v>
      </c>
      <c r="AS1468">
        <v>0</v>
      </c>
      <c r="AT1468">
        <v>0</v>
      </c>
      <c r="AU1468">
        <v>0</v>
      </c>
      <c r="AV1468">
        <v>0</v>
      </c>
      <c r="AW1468">
        <v>0</v>
      </c>
      <c r="AX1468">
        <v>0</v>
      </c>
      <c r="AY1468">
        <v>0</v>
      </c>
      <c r="AZ1468">
        <v>0</v>
      </c>
      <c r="BA1468">
        <v>0</v>
      </c>
    </row>
    <row r="1469" spans="1:53" x14ac:dyDescent="0.4">
      <c r="A1469">
        <v>1513</v>
      </c>
      <c r="B1469" s="1">
        <v>43287</v>
      </c>
      <c r="C1469">
        <v>2</v>
      </c>
      <c r="D1469" s="1">
        <v>43287.438888888886</v>
      </c>
      <c r="E1469" s="1">
        <v>43287.757638888892</v>
      </c>
      <c r="F1469">
        <v>26000</v>
      </c>
      <c r="G1469">
        <v>2380</v>
      </c>
      <c r="H1469">
        <v>0</v>
      </c>
      <c r="I1469">
        <v>0</v>
      </c>
      <c r="J1469">
        <v>0</v>
      </c>
      <c r="K1469">
        <v>0</v>
      </c>
      <c r="L1469">
        <v>0</v>
      </c>
      <c r="M1469">
        <v>2270</v>
      </c>
      <c r="N1469">
        <v>0</v>
      </c>
      <c r="O1469">
        <v>0</v>
      </c>
      <c r="P1469">
        <v>10994</v>
      </c>
      <c r="Q1469">
        <v>0</v>
      </c>
      <c r="R1469">
        <v>41644</v>
      </c>
      <c r="S1469">
        <v>0</v>
      </c>
      <c r="T1469">
        <v>0</v>
      </c>
      <c r="U1469">
        <v>0</v>
      </c>
      <c r="V1469">
        <v>1</v>
      </c>
      <c r="W1469">
        <v>2</v>
      </c>
      <c r="X1469">
        <v>0</v>
      </c>
      <c r="Y1469">
        <v>36</v>
      </c>
      <c r="Z1469">
        <v>24</v>
      </c>
      <c r="AA1469">
        <v>113</v>
      </c>
      <c r="AB1469">
        <v>50</v>
      </c>
      <c r="AC1469">
        <v>132</v>
      </c>
      <c r="AD1469">
        <v>86</v>
      </c>
      <c r="AE1469">
        <v>175</v>
      </c>
      <c r="AF1469">
        <v>7919</v>
      </c>
      <c r="AG1469">
        <v>91644</v>
      </c>
      <c r="AH1469">
        <v>50000</v>
      </c>
      <c r="AI1469">
        <v>0</v>
      </c>
      <c r="AJ1469">
        <v>102</v>
      </c>
      <c r="AK1469" t="s">
        <v>8</v>
      </c>
      <c r="AL1469">
        <v>0</v>
      </c>
      <c r="AM1469">
        <v>0</v>
      </c>
      <c r="AN1469">
        <v>0</v>
      </c>
      <c r="AO1469">
        <v>0</v>
      </c>
      <c r="AP1469">
        <v>0</v>
      </c>
      <c r="AQ1469">
        <v>0</v>
      </c>
      <c r="AR1469">
        <v>0</v>
      </c>
      <c r="AS1469">
        <v>0</v>
      </c>
      <c r="AT1469">
        <v>0</v>
      </c>
      <c r="AU1469">
        <v>0</v>
      </c>
      <c r="AV1469">
        <v>0</v>
      </c>
      <c r="AW1469">
        <v>0</v>
      </c>
      <c r="AX1469">
        <v>1252</v>
      </c>
      <c r="AY1469">
        <v>40</v>
      </c>
      <c r="AZ1469">
        <v>73</v>
      </c>
      <c r="BA1469">
        <v>5182</v>
      </c>
    </row>
    <row r="1470" spans="1:53" x14ac:dyDescent="0.4">
      <c r="A1470">
        <v>1514</v>
      </c>
      <c r="B1470" s="1">
        <v>43288</v>
      </c>
      <c r="C1470">
        <v>1</v>
      </c>
      <c r="D1470" s="1">
        <v>43288.291666666664</v>
      </c>
      <c r="E1470" s="1">
        <v>43288.40625</v>
      </c>
      <c r="F1470">
        <v>0</v>
      </c>
      <c r="G1470">
        <v>0</v>
      </c>
      <c r="H1470">
        <v>0</v>
      </c>
      <c r="I1470">
        <v>0</v>
      </c>
      <c r="J1470">
        <v>0</v>
      </c>
      <c r="K1470">
        <v>0</v>
      </c>
      <c r="L1470">
        <v>0</v>
      </c>
      <c r="M1470">
        <v>0</v>
      </c>
      <c r="N1470">
        <v>0</v>
      </c>
      <c r="O1470">
        <v>0</v>
      </c>
      <c r="P1470">
        <v>0</v>
      </c>
      <c r="Q1470">
        <v>0</v>
      </c>
      <c r="R1470">
        <v>0</v>
      </c>
      <c r="S1470">
        <v>0</v>
      </c>
      <c r="T1470">
        <v>0</v>
      </c>
      <c r="U1470">
        <v>0</v>
      </c>
      <c r="V1470">
        <v>0</v>
      </c>
      <c r="W1470">
        <v>0</v>
      </c>
      <c r="X1470">
        <v>0</v>
      </c>
      <c r="Y1470">
        <v>26</v>
      </c>
      <c r="Z1470">
        <v>19</v>
      </c>
      <c r="AA1470">
        <v>115</v>
      </c>
      <c r="AB1470">
        <v>32</v>
      </c>
      <c r="AC1470">
        <v>84</v>
      </c>
      <c r="AD1470">
        <v>77</v>
      </c>
      <c r="AE1470">
        <v>175</v>
      </c>
      <c r="AF1470">
        <v>0</v>
      </c>
      <c r="AG1470">
        <v>50000</v>
      </c>
      <c r="AH1470">
        <v>50000</v>
      </c>
      <c r="AI1470">
        <v>0</v>
      </c>
      <c r="AJ1470">
        <v>0</v>
      </c>
      <c r="AK1470" t="s">
        <v>6</v>
      </c>
      <c r="AL1470">
        <v>0</v>
      </c>
      <c r="AM1470">
        <v>0</v>
      </c>
      <c r="AN1470">
        <v>0</v>
      </c>
      <c r="AO1470">
        <v>0</v>
      </c>
      <c r="AP1470">
        <v>0</v>
      </c>
      <c r="AQ1470">
        <v>0</v>
      </c>
      <c r="AR1470">
        <v>0</v>
      </c>
      <c r="AS1470">
        <v>0</v>
      </c>
      <c r="AT1470">
        <v>0</v>
      </c>
      <c r="AU1470">
        <v>0</v>
      </c>
      <c r="AV1470">
        <v>0</v>
      </c>
      <c r="AW1470">
        <v>0</v>
      </c>
      <c r="AX1470">
        <v>0</v>
      </c>
      <c r="AY1470">
        <v>0</v>
      </c>
      <c r="AZ1470">
        <v>0</v>
      </c>
      <c r="BA1470">
        <v>0</v>
      </c>
    </row>
    <row r="1471" spans="1:53" x14ac:dyDescent="0.4">
      <c r="A1471">
        <v>1515</v>
      </c>
      <c r="B1471" s="1">
        <v>43288</v>
      </c>
      <c r="C1471">
        <v>2</v>
      </c>
      <c r="D1471" s="1">
        <v>43288.40625</v>
      </c>
      <c r="E1471" s="1">
        <v>43288.736805555556</v>
      </c>
      <c r="F1471">
        <v>41500</v>
      </c>
      <c r="G1471">
        <v>6600</v>
      </c>
      <c r="H1471">
        <v>0</v>
      </c>
      <c r="I1471">
        <v>0</v>
      </c>
      <c r="J1471">
        <v>0</v>
      </c>
      <c r="K1471">
        <v>0</v>
      </c>
      <c r="L1471">
        <v>0</v>
      </c>
      <c r="M1471">
        <v>3846</v>
      </c>
      <c r="N1471">
        <v>0</v>
      </c>
      <c r="O1471">
        <v>0</v>
      </c>
      <c r="P1471">
        <v>19710</v>
      </c>
      <c r="Q1471">
        <v>0</v>
      </c>
      <c r="R1471">
        <v>71656</v>
      </c>
      <c r="S1471">
        <v>0</v>
      </c>
      <c r="T1471">
        <v>0</v>
      </c>
      <c r="U1471">
        <v>0</v>
      </c>
      <c r="V1471">
        <v>0</v>
      </c>
      <c r="W1471">
        <v>3</v>
      </c>
      <c r="X1471">
        <v>0</v>
      </c>
      <c r="Y1471">
        <v>63</v>
      </c>
      <c r="Z1471">
        <v>51</v>
      </c>
      <c r="AA1471">
        <v>137</v>
      </c>
      <c r="AB1471">
        <v>36</v>
      </c>
      <c r="AC1471">
        <v>133</v>
      </c>
      <c r="AD1471">
        <v>76</v>
      </c>
      <c r="AE1471">
        <v>171</v>
      </c>
      <c r="AF1471">
        <v>775</v>
      </c>
      <c r="AG1471">
        <v>121656</v>
      </c>
      <c r="AH1471">
        <v>50000</v>
      </c>
      <c r="AI1471">
        <v>0</v>
      </c>
      <c r="AJ1471">
        <v>84</v>
      </c>
      <c r="AK1471" t="s">
        <v>16</v>
      </c>
      <c r="AL1471">
        <v>0</v>
      </c>
      <c r="AM1471">
        <v>0</v>
      </c>
      <c r="AN1471">
        <v>0</v>
      </c>
      <c r="AO1471">
        <v>0</v>
      </c>
      <c r="AP1471">
        <v>0</v>
      </c>
      <c r="AQ1471">
        <v>0</v>
      </c>
      <c r="AR1471">
        <v>0</v>
      </c>
      <c r="AS1471">
        <v>0</v>
      </c>
      <c r="AT1471">
        <v>0</v>
      </c>
      <c r="AU1471">
        <v>0</v>
      </c>
      <c r="AV1471">
        <v>0</v>
      </c>
      <c r="AW1471">
        <v>0</v>
      </c>
      <c r="AX1471">
        <v>1706</v>
      </c>
      <c r="AY1471">
        <v>50</v>
      </c>
      <c r="AZ1471">
        <v>116</v>
      </c>
      <c r="BA1471">
        <v>7402</v>
      </c>
    </row>
    <row r="1472" spans="1:53" x14ac:dyDescent="0.4">
      <c r="A1472">
        <v>1516</v>
      </c>
      <c r="B1472" s="1">
        <v>43289</v>
      </c>
      <c r="C1472">
        <v>1</v>
      </c>
      <c r="D1472" s="1">
        <v>43289.291666666664</v>
      </c>
      <c r="E1472" s="1">
        <v>43289.411805555559</v>
      </c>
      <c r="F1472">
        <v>0</v>
      </c>
      <c r="G1472">
        <v>0</v>
      </c>
      <c r="H1472">
        <v>0</v>
      </c>
      <c r="I1472">
        <v>0</v>
      </c>
      <c r="J1472">
        <v>0</v>
      </c>
      <c r="K1472">
        <v>0</v>
      </c>
      <c r="L1472">
        <v>0</v>
      </c>
      <c r="M1472">
        <v>0</v>
      </c>
      <c r="N1472">
        <v>0</v>
      </c>
      <c r="O1472">
        <v>0</v>
      </c>
      <c r="P1472">
        <v>0</v>
      </c>
      <c r="Q1472">
        <v>0</v>
      </c>
      <c r="R1472">
        <v>0</v>
      </c>
      <c r="S1472">
        <v>0</v>
      </c>
      <c r="T1472">
        <v>0</v>
      </c>
      <c r="U1472">
        <v>0</v>
      </c>
      <c r="V1472">
        <v>0</v>
      </c>
      <c r="W1472">
        <v>0</v>
      </c>
      <c r="X1472">
        <v>0</v>
      </c>
      <c r="Y1472">
        <v>31</v>
      </c>
      <c r="Z1472">
        <v>11</v>
      </c>
      <c r="AA1472">
        <v>112</v>
      </c>
      <c r="AB1472">
        <v>17</v>
      </c>
      <c r="AC1472">
        <v>100</v>
      </c>
      <c r="AD1472">
        <v>67</v>
      </c>
      <c r="AE1472">
        <v>115</v>
      </c>
      <c r="AF1472">
        <v>0</v>
      </c>
      <c r="AG1472">
        <v>50000</v>
      </c>
      <c r="AH1472">
        <v>0</v>
      </c>
      <c r="AI1472">
        <v>50000</v>
      </c>
      <c r="AJ1472">
        <v>0</v>
      </c>
      <c r="AK1472" t="s">
        <v>6</v>
      </c>
      <c r="AL1472">
        <v>0</v>
      </c>
      <c r="AM1472">
        <v>0</v>
      </c>
      <c r="AN1472">
        <v>0</v>
      </c>
      <c r="AO1472">
        <v>0</v>
      </c>
      <c r="AP1472">
        <v>0</v>
      </c>
      <c r="AQ1472">
        <v>0</v>
      </c>
      <c r="AR1472">
        <v>0</v>
      </c>
      <c r="AS1472">
        <v>0</v>
      </c>
      <c r="AT1472">
        <v>0</v>
      </c>
      <c r="AU1472">
        <v>0</v>
      </c>
      <c r="AV1472">
        <v>0</v>
      </c>
      <c r="AW1472">
        <v>0</v>
      </c>
      <c r="AX1472">
        <v>0</v>
      </c>
      <c r="AY1472">
        <v>0</v>
      </c>
      <c r="AZ1472">
        <v>0</v>
      </c>
      <c r="BA1472">
        <v>0</v>
      </c>
    </row>
    <row r="1473" spans="1:53" x14ac:dyDescent="0.4">
      <c r="A1473">
        <v>1517</v>
      </c>
      <c r="B1473" s="1">
        <v>43289</v>
      </c>
      <c r="C1473">
        <v>2</v>
      </c>
      <c r="D1473" s="1">
        <v>43289.411805555559</v>
      </c>
      <c r="E1473" s="1">
        <v>43289.755555555559</v>
      </c>
      <c r="F1473">
        <v>50500</v>
      </c>
      <c r="G1473">
        <v>8090</v>
      </c>
      <c r="H1473">
        <v>0</v>
      </c>
      <c r="I1473">
        <v>0</v>
      </c>
      <c r="J1473">
        <v>0</v>
      </c>
      <c r="K1473">
        <v>0</v>
      </c>
      <c r="L1473">
        <v>0</v>
      </c>
      <c r="M1473">
        <v>4687</v>
      </c>
      <c r="N1473">
        <v>0</v>
      </c>
      <c r="O1473">
        <v>0</v>
      </c>
      <c r="P1473">
        <v>25110</v>
      </c>
      <c r="Q1473">
        <v>0</v>
      </c>
      <c r="R1473">
        <v>88387</v>
      </c>
      <c r="S1473">
        <v>0</v>
      </c>
      <c r="T1473">
        <v>0</v>
      </c>
      <c r="U1473">
        <v>0</v>
      </c>
      <c r="V1473">
        <v>2</v>
      </c>
      <c r="W1473">
        <v>6</v>
      </c>
      <c r="X1473">
        <v>0</v>
      </c>
      <c r="Y1473">
        <v>57</v>
      </c>
      <c r="Z1473">
        <v>20</v>
      </c>
      <c r="AA1473">
        <v>145</v>
      </c>
      <c r="AB1473">
        <v>12</v>
      </c>
      <c r="AC1473">
        <v>231</v>
      </c>
      <c r="AD1473">
        <v>65</v>
      </c>
      <c r="AE1473">
        <v>127</v>
      </c>
      <c r="AF1473">
        <v>3525</v>
      </c>
      <c r="AG1473">
        <v>138387</v>
      </c>
      <c r="AH1473">
        <v>50000</v>
      </c>
      <c r="AI1473">
        <v>0</v>
      </c>
      <c r="AJ1473">
        <v>90</v>
      </c>
      <c r="AK1473" t="s">
        <v>24</v>
      </c>
      <c r="AL1473">
        <v>0</v>
      </c>
      <c r="AM1473">
        <v>0</v>
      </c>
      <c r="AN1473">
        <v>0</v>
      </c>
      <c r="AO1473">
        <v>0</v>
      </c>
      <c r="AP1473">
        <v>0</v>
      </c>
      <c r="AQ1473">
        <v>0</v>
      </c>
      <c r="AR1473">
        <v>0</v>
      </c>
      <c r="AS1473">
        <v>0</v>
      </c>
      <c r="AT1473">
        <v>0</v>
      </c>
      <c r="AU1473">
        <v>0</v>
      </c>
      <c r="AV1473">
        <v>0</v>
      </c>
      <c r="AW1473">
        <v>0</v>
      </c>
      <c r="AX1473">
        <v>1469</v>
      </c>
      <c r="AY1473">
        <v>51</v>
      </c>
      <c r="AZ1473">
        <v>135</v>
      </c>
      <c r="BA1473">
        <v>7477</v>
      </c>
    </row>
    <row r="1474" spans="1:53" x14ac:dyDescent="0.4">
      <c r="A1474">
        <v>1518</v>
      </c>
      <c r="B1474" s="1">
        <v>43289</v>
      </c>
      <c r="C1474">
        <v>3</v>
      </c>
      <c r="D1474" s="1">
        <v>43289.755555555559</v>
      </c>
      <c r="E1474" s="1">
        <v>43289.95416666667</v>
      </c>
      <c r="F1474">
        <v>53150</v>
      </c>
      <c r="G1474">
        <v>4820</v>
      </c>
      <c r="H1474">
        <v>0</v>
      </c>
      <c r="I1474">
        <v>0</v>
      </c>
      <c r="J1474">
        <v>0</v>
      </c>
      <c r="K1474">
        <v>0</v>
      </c>
      <c r="L1474">
        <v>0</v>
      </c>
      <c r="M1474">
        <v>4637</v>
      </c>
      <c r="N1474">
        <v>0</v>
      </c>
      <c r="O1474">
        <v>0</v>
      </c>
      <c r="P1474">
        <v>-21870</v>
      </c>
      <c r="Q1474">
        <v>0</v>
      </c>
      <c r="R1474">
        <v>40737</v>
      </c>
      <c r="S1474">
        <v>0</v>
      </c>
      <c r="T1474">
        <v>0</v>
      </c>
      <c r="U1474">
        <v>0</v>
      </c>
      <c r="V1474">
        <v>5</v>
      </c>
      <c r="W1474">
        <v>5</v>
      </c>
      <c r="X1474">
        <v>0</v>
      </c>
      <c r="Y1474">
        <v>70</v>
      </c>
      <c r="Z1474">
        <v>22</v>
      </c>
      <c r="AA1474">
        <v>156</v>
      </c>
      <c r="AB1474">
        <v>19</v>
      </c>
      <c r="AC1474">
        <v>261</v>
      </c>
      <c r="AD1474">
        <v>63</v>
      </c>
      <c r="AE1474">
        <v>124</v>
      </c>
      <c r="AF1474">
        <v>3525</v>
      </c>
      <c r="AG1474">
        <v>179124</v>
      </c>
      <c r="AH1474">
        <v>50000</v>
      </c>
      <c r="AI1474">
        <v>0</v>
      </c>
      <c r="AJ1474">
        <v>30</v>
      </c>
      <c r="AL1474">
        <v>0</v>
      </c>
      <c r="AM1474">
        <v>0</v>
      </c>
      <c r="AN1474">
        <v>0</v>
      </c>
      <c r="AO1474">
        <v>0</v>
      </c>
      <c r="AP1474">
        <v>0</v>
      </c>
      <c r="AQ1474">
        <v>0</v>
      </c>
      <c r="AR1474">
        <v>0</v>
      </c>
      <c r="AS1474">
        <v>0</v>
      </c>
      <c r="AT1474">
        <v>0</v>
      </c>
      <c r="AU1474">
        <v>0</v>
      </c>
      <c r="AV1474">
        <v>0</v>
      </c>
      <c r="AW1474">
        <v>0</v>
      </c>
      <c r="AX1474">
        <v>18273</v>
      </c>
      <c r="AY1474">
        <v>14</v>
      </c>
      <c r="AZ1474">
        <v>43</v>
      </c>
      <c r="BA1474">
        <v>3171</v>
      </c>
    </row>
    <row r="1475" spans="1:53" x14ac:dyDescent="0.4">
      <c r="A1475">
        <v>1519</v>
      </c>
      <c r="B1475" s="1">
        <v>43290</v>
      </c>
      <c r="C1475">
        <v>1</v>
      </c>
      <c r="D1475" s="1">
        <v>43290.291666666664</v>
      </c>
      <c r="E1475" s="1">
        <v>43290.452777777777</v>
      </c>
      <c r="F1475">
        <v>0</v>
      </c>
      <c r="G1475">
        <v>0</v>
      </c>
      <c r="H1475">
        <v>0</v>
      </c>
      <c r="I1475">
        <v>0</v>
      </c>
      <c r="J1475">
        <v>0</v>
      </c>
      <c r="K1475">
        <v>0</v>
      </c>
      <c r="L1475">
        <v>0</v>
      </c>
      <c r="M1475">
        <v>0</v>
      </c>
      <c r="N1475">
        <v>0</v>
      </c>
      <c r="O1475">
        <v>0</v>
      </c>
      <c r="P1475">
        <v>0</v>
      </c>
      <c r="Q1475">
        <v>0</v>
      </c>
      <c r="R1475">
        <v>0</v>
      </c>
      <c r="S1475">
        <v>0</v>
      </c>
      <c r="T1475">
        <v>0</v>
      </c>
      <c r="U1475">
        <v>0</v>
      </c>
      <c r="V1475">
        <v>0</v>
      </c>
      <c r="W1475">
        <v>0</v>
      </c>
      <c r="X1475">
        <v>0</v>
      </c>
      <c r="Y1475">
        <v>27</v>
      </c>
      <c r="Z1475">
        <v>11</v>
      </c>
      <c r="AA1475">
        <v>150</v>
      </c>
      <c r="AB1475">
        <v>19</v>
      </c>
      <c r="AC1475">
        <v>110</v>
      </c>
      <c r="AD1475">
        <v>65</v>
      </c>
      <c r="AE1475">
        <v>125</v>
      </c>
      <c r="AF1475">
        <v>0</v>
      </c>
      <c r="AG1475">
        <v>50000</v>
      </c>
      <c r="AH1475">
        <v>0</v>
      </c>
      <c r="AI1475">
        <v>50000</v>
      </c>
      <c r="AJ1475">
        <v>0</v>
      </c>
      <c r="AK1475" t="s">
        <v>6</v>
      </c>
      <c r="AL1475">
        <v>0</v>
      </c>
      <c r="AM1475">
        <v>0</v>
      </c>
      <c r="AN1475">
        <v>0</v>
      </c>
      <c r="AO1475">
        <v>0</v>
      </c>
      <c r="AP1475">
        <v>0</v>
      </c>
      <c r="AQ1475">
        <v>0</v>
      </c>
      <c r="AR1475">
        <v>0</v>
      </c>
      <c r="AS1475">
        <v>0</v>
      </c>
      <c r="AT1475">
        <v>0</v>
      </c>
      <c r="AU1475">
        <v>0</v>
      </c>
      <c r="AV1475">
        <v>0</v>
      </c>
      <c r="AW1475">
        <v>0</v>
      </c>
      <c r="AX1475">
        <v>0</v>
      </c>
      <c r="AY1475">
        <v>0</v>
      </c>
      <c r="AZ1475">
        <v>0</v>
      </c>
      <c r="BA1475">
        <v>0</v>
      </c>
    </row>
    <row r="1476" spans="1:53" x14ac:dyDescent="0.4">
      <c r="A1476">
        <v>1520</v>
      </c>
      <c r="B1476" s="1">
        <v>43290</v>
      </c>
      <c r="C1476">
        <v>2</v>
      </c>
      <c r="D1476" s="1">
        <v>43290.452777777777</v>
      </c>
      <c r="E1476" s="1">
        <v>43290.729861111111</v>
      </c>
      <c r="F1476">
        <v>16000</v>
      </c>
      <c r="G1476">
        <v>1520</v>
      </c>
      <c r="H1476">
        <v>0</v>
      </c>
      <c r="I1476">
        <v>0</v>
      </c>
      <c r="J1476">
        <v>0</v>
      </c>
      <c r="K1476">
        <v>0</v>
      </c>
      <c r="L1476">
        <v>0</v>
      </c>
      <c r="M1476">
        <v>1401</v>
      </c>
      <c r="N1476">
        <v>0</v>
      </c>
      <c r="O1476">
        <v>0</v>
      </c>
      <c r="P1476">
        <v>23220</v>
      </c>
      <c r="Q1476">
        <v>0</v>
      </c>
      <c r="R1476">
        <v>42141</v>
      </c>
      <c r="S1476">
        <v>0</v>
      </c>
      <c r="T1476">
        <v>0</v>
      </c>
      <c r="U1476">
        <v>0</v>
      </c>
      <c r="V1476">
        <v>3</v>
      </c>
      <c r="W1476">
        <v>1</v>
      </c>
      <c r="X1476">
        <v>0</v>
      </c>
      <c r="Y1476">
        <v>24</v>
      </c>
      <c r="Z1476">
        <v>30</v>
      </c>
      <c r="AA1476">
        <v>149</v>
      </c>
      <c r="AB1476">
        <v>23</v>
      </c>
      <c r="AC1476">
        <v>161</v>
      </c>
      <c r="AD1476">
        <v>70</v>
      </c>
      <c r="AE1476">
        <v>131</v>
      </c>
      <c r="AF1476">
        <v>0</v>
      </c>
      <c r="AG1476">
        <v>92141</v>
      </c>
      <c r="AH1476">
        <v>50000</v>
      </c>
      <c r="AI1476">
        <v>0</v>
      </c>
      <c r="AJ1476">
        <v>96</v>
      </c>
      <c r="AK1476" t="s">
        <v>4</v>
      </c>
      <c r="AL1476">
        <v>0</v>
      </c>
      <c r="AM1476">
        <v>0</v>
      </c>
      <c r="AN1476">
        <v>0</v>
      </c>
      <c r="AO1476">
        <v>0</v>
      </c>
      <c r="AP1476">
        <v>0</v>
      </c>
      <c r="AQ1476">
        <v>0</v>
      </c>
      <c r="AR1476">
        <v>0</v>
      </c>
      <c r="AS1476">
        <v>0</v>
      </c>
      <c r="AT1476">
        <v>0</v>
      </c>
      <c r="AU1476">
        <v>0</v>
      </c>
      <c r="AV1476">
        <v>0</v>
      </c>
      <c r="AW1476">
        <v>0</v>
      </c>
      <c r="AX1476">
        <v>-4320</v>
      </c>
      <c r="AY1476">
        <v>39</v>
      </c>
      <c r="AZ1476">
        <v>75</v>
      </c>
      <c r="BA1476">
        <v>4815</v>
      </c>
    </row>
    <row r="1477" spans="1:53" x14ac:dyDescent="0.4">
      <c r="A1477">
        <v>1521</v>
      </c>
      <c r="B1477" s="1">
        <v>43290</v>
      </c>
      <c r="C1477">
        <v>3</v>
      </c>
      <c r="D1477" s="1">
        <v>43290.729861111111</v>
      </c>
      <c r="E1477" s="1">
        <v>43290.961805555555</v>
      </c>
      <c r="F1477">
        <v>45900</v>
      </c>
      <c r="G1477">
        <v>1660</v>
      </c>
      <c r="H1477">
        <v>0</v>
      </c>
      <c r="I1477">
        <v>0</v>
      </c>
      <c r="J1477">
        <v>0</v>
      </c>
      <c r="K1477">
        <v>0</v>
      </c>
      <c r="L1477">
        <v>0</v>
      </c>
      <c r="M1477">
        <v>3805</v>
      </c>
      <c r="N1477">
        <v>0</v>
      </c>
      <c r="O1477">
        <v>0</v>
      </c>
      <c r="P1477">
        <v>-18036</v>
      </c>
      <c r="Q1477">
        <v>0</v>
      </c>
      <c r="R1477">
        <v>33329</v>
      </c>
      <c r="S1477">
        <v>0</v>
      </c>
      <c r="T1477">
        <v>0</v>
      </c>
      <c r="U1477">
        <v>0</v>
      </c>
      <c r="V1477">
        <v>4</v>
      </c>
      <c r="W1477">
        <v>2</v>
      </c>
      <c r="X1477">
        <v>0</v>
      </c>
      <c r="Y1477">
        <v>44</v>
      </c>
      <c r="Z1477">
        <v>28</v>
      </c>
      <c r="AA1477">
        <v>145</v>
      </c>
      <c r="AB1477">
        <v>20</v>
      </c>
      <c r="AC1477">
        <v>151</v>
      </c>
      <c r="AD1477">
        <v>68</v>
      </c>
      <c r="AE1477">
        <v>120</v>
      </c>
      <c r="AF1477">
        <v>0</v>
      </c>
      <c r="AG1477">
        <v>125470</v>
      </c>
      <c r="AH1477">
        <v>50000</v>
      </c>
      <c r="AI1477">
        <v>0</v>
      </c>
      <c r="AJ1477">
        <v>108</v>
      </c>
      <c r="AK1477" t="s">
        <v>30</v>
      </c>
      <c r="AL1477">
        <v>0</v>
      </c>
      <c r="AM1477">
        <v>0</v>
      </c>
      <c r="AN1477">
        <v>0</v>
      </c>
      <c r="AO1477">
        <v>0</v>
      </c>
      <c r="AP1477">
        <v>0</v>
      </c>
      <c r="AQ1477">
        <v>0</v>
      </c>
      <c r="AR1477">
        <v>0</v>
      </c>
      <c r="AS1477">
        <v>0</v>
      </c>
      <c r="AT1477">
        <v>0</v>
      </c>
      <c r="AU1477">
        <v>0</v>
      </c>
      <c r="AV1477">
        <v>0</v>
      </c>
      <c r="AW1477">
        <v>0</v>
      </c>
      <c r="AX1477">
        <v>25812</v>
      </c>
      <c r="AY1477">
        <v>16</v>
      </c>
      <c r="AZ1477">
        <v>49</v>
      </c>
      <c r="BA1477">
        <v>3185</v>
      </c>
    </row>
    <row r="1478" spans="1:53" x14ac:dyDescent="0.4">
      <c r="A1478">
        <v>1522</v>
      </c>
      <c r="B1478" s="1">
        <v>43291</v>
      </c>
      <c r="C1478">
        <v>1</v>
      </c>
      <c r="D1478" s="1">
        <v>43291.291666666664</v>
      </c>
      <c r="E1478" s="1">
        <v>43291.448611111111</v>
      </c>
      <c r="F1478">
        <v>0</v>
      </c>
      <c r="G1478">
        <v>0</v>
      </c>
      <c r="H1478">
        <v>0</v>
      </c>
      <c r="I1478">
        <v>0</v>
      </c>
      <c r="J1478">
        <v>0</v>
      </c>
      <c r="K1478">
        <v>0</v>
      </c>
      <c r="L1478">
        <v>0</v>
      </c>
      <c r="M1478">
        <v>0</v>
      </c>
      <c r="N1478">
        <v>0</v>
      </c>
      <c r="O1478">
        <v>0</v>
      </c>
      <c r="P1478">
        <v>0</v>
      </c>
      <c r="Q1478">
        <v>0</v>
      </c>
      <c r="R1478">
        <v>0</v>
      </c>
      <c r="S1478">
        <v>0</v>
      </c>
      <c r="T1478">
        <v>0</v>
      </c>
      <c r="U1478">
        <v>0</v>
      </c>
      <c r="V1478">
        <v>0</v>
      </c>
      <c r="W1478">
        <v>0</v>
      </c>
      <c r="X1478">
        <v>0</v>
      </c>
      <c r="Y1478">
        <v>27</v>
      </c>
      <c r="Z1478">
        <v>10</v>
      </c>
      <c r="AA1478">
        <v>155</v>
      </c>
      <c r="AB1478">
        <v>14</v>
      </c>
      <c r="AC1478">
        <v>134</v>
      </c>
      <c r="AD1478">
        <v>69</v>
      </c>
      <c r="AE1478">
        <v>115</v>
      </c>
      <c r="AF1478">
        <v>0</v>
      </c>
      <c r="AG1478">
        <v>50000</v>
      </c>
      <c r="AH1478">
        <v>0</v>
      </c>
      <c r="AI1478">
        <v>50000</v>
      </c>
      <c r="AJ1478">
        <v>0</v>
      </c>
      <c r="AK1478" t="s">
        <v>6</v>
      </c>
      <c r="AL1478">
        <v>0</v>
      </c>
      <c r="AM1478">
        <v>0</v>
      </c>
      <c r="AN1478">
        <v>0</v>
      </c>
      <c r="AO1478">
        <v>0</v>
      </c>
      <c r="AP1478">
        <v>0</v>
      </c>
      <c r="AQ1478">
        <v>0</v>
      </c>
      <c r="AR1478">
        <v>0</v>
      </c>
      <c r="AS1478">
        <v>0</v>
      </c>
      <c r="AT1478">
        <v>0</v>
      </c>
      <c r="AU1478">
        <v>0</v>
      </c>
      <c r="AV1478">
        <v>0</v>
      </c>
      <c r="AW1478">
        <v>0</v>
      </c>
      <c r="AX1478">
        <v>0</v>
      </c>
      <c r="AY1478">
        <v>0</v>
      </c>
      <c r="AZ1478">
        <v>0</v>
      </c>
      <c r="BA1478">
        <v>0</v>
      </c>
    </row>
    <row r="1479" spans="1:53" x14ac:dyDescent="0.4">
      <c r="A1479">
        <v>1523</v>
      </c>
      <c r="B1479" s="1">
        <v>43291</v>
      </c>
      <c r="C1479">
        <v>2</v>
      </c>
      <c r="D1479" s="1">
        <v>43291.448611111111</v>
      </c>
      <c r="E1479" s="1">
        <v>43291.734722222223</v>
      </c>
      <c r="F1479">
        <v>22250</v>
      </c>
      <c r="G1479">
        <v>680</v>
      </c>
      <c r="H1479">
        <v>0</v>
      </c>
      <c r="I1479">
        <v>0</v>
      </c>
      <c r="J1479">
        <v>0</v>
      </c>
      <c r="K1479">
        <v>0</v>
      </c>
      <c r="L1479">
        <v>0</v>
      </c>
      <c r="M1479">
        <v>1834</v>
      </c>
      <c r="N1479">
        <v>0</v>
      </c>
      <c r="O1479">
        <v>0</v>
      </c>
      <c r="P1479">
        <v>13500</v>
      </c>
      <c r="Q1479">
        <v>0</v>
      </c>
      <c r="R1479">
        <v>38264</v>
      </c>
      <c r="S1479">
        <v>0</v>
      </c>
      <c r="T1479">
        <v>0</v>
      </c>
      <c r="U1479">
        <v>0</v>
      </c>
      <c r="V1479">
        <v>1</v>
      </c>
      <c r="W1479">
        <v>0</v>
      </c>
      <c r="X1479">
        <v>0</v>
      </c>
      <c r="Y1479">
        <v>37</v>
      </c>
      <c r="Z1479">
        <v>33</v>
      </c>
      <c r="AA1479">
        <v>189</v>
      </c>
      <c r="AB1479">
        <v>10</v>
      </c>
      <c r="AC1479">
        <v>189</v>
      </c>
      <c r="AD1479">
        <v>70</v>
      </c>
      <c r="AE1479">
        <v>116</v>
      </c>
      <c r="AF1479">
        <v>3008</v>
      </c>
      <c r="AG1479">
        <v>88264</v>
      </c>
      <c r="AH1479">
        <v>50000</v>
      </c>
      <c r="AI1479">
        <v>0</v>
      </c>
      <c r="AJ1479">
        <v>96</v>
      </c>
      <c r="AK1479" t="s">
        <v>4</v>
      </c>
      <c r="AL1479">
        <v>0</v>
      </c>
      <c r="AM1479">
        <v>0</v>
      </c>
      <c r="AN1479">
        <v>0</v>
      </c>
      <c r="AO1479">
        <v>0</v>
      </c>
      <c r="AP1479">
        <v>0</v>
      </c>
      <c r="AQ1479">
        <v>0</v>
      </c>
      <c r="AR1479">
        <v>0</v>
      </c>
      <c r="AS1479">
        <v>0</v>
      </c>
      <c r="AT1479">
        <v>0</v>
      </c>
      <c r="AU1479">
        <v>0</v>
      </c>
      <c r="AV1479">
        <v>0</v>
      </c>
      <c r="AW1479">
        <v>0</v>
      </c>
      <c r="AX1479">
        <v>1080</v>
      </c>
      <c r="AY1479">
        <v>36</v>
      </c>
      <c r="AZ1479">
        <v>70</v>
      </c>
      <c r="BA1479">
        <v>4926</v>
      </c>
    </row>
    <row r="1480" spans="1:53" x14ac:dyDescent="0.4">
      <c r="A1480">
        <v>1524</v>
      </c>
      <c r="B1480" s="1">
        <v>43291</v>
      </c>
      <c r="C1480">
        <v>3</v>
      </c>
      <c r="D1480" s="1">
        <v>43291.734722222223</v>
      </c>
      <c r="E1480" s="1">
        <v>43291.939583333333</v>
      </c>
      <c r="F1480">
        <v>28780</v>
      </c>
      <c r="G1480">
        <v>2210</v>
      </c>
      <c r="H1480">
        <v>0</v>
      </c>
      <c r="I1480">
        <v>0</v>
      </c>
      <c r="J1480">
        <v>0</v>
      </c>
      <c r="K1480">
        <v>0</v>
      </c>
      <c r="L1480">
        <v>0</v>
      </c>
      <c r="M1480">
        <v>2479</v>
      </c>
      <c r="N1480">
        <v>0</v>
      </c>
      <c r="O1480">
        <v>0</v>
      </c>
      <c r="P1480">
        <v>-9612</v>
      </c>
      <c r="Q1480">
        <v>0</v>
      </c>
      <c r="R1480">
        <v>23857</v>
      </c>
      <c r="S1480">
        <v>0</v>
      </c>
      <c r="T1480">
        <v>0</v>
      </c>
      <c r="U1480">
        <v>0</v>
      </c>
      <c r="V1480">
        <v>2</v>
      </c>
      <c r="W1480">
        <v>1</v>
      </c>
      <c r="X1480">
        <v>0</v>
      </c>
      <c r="Y1480">
        <v>45</v>
      </c>
      <c r="Z1480">
        <v>34</v>
      </c>
      <c r="AA1480">
        <v>193</v>
      </c>
      <c r="AB1480">
        <v>9</v>
      </c>
      <c r="AC1480">
        <v>189</v>
      </c>
      <c r="AD1480">
        <v>71</v>
      </c>
      <c r="AE1480">
        <v>118</v>
      </c>
      <c r="AF1480">
        <v>3008</v>
      </c>
      <c r="AG1480">
        <v>112121</v>
      </c>
      <c r="AH1480">
        <v>50000</v>
      </c>
      <c r="AI1480">
        <v>0</v>
      </c>
      <c r="AJ1480">
        <v>102</v>
      </c>
      <c r="AK1480" t="s">
        <v>8</v>
      </c>
      <c r="AL1480">
        <v>0</v>
      </c>
      <c r="AM1480">
        <v>0</v>
      </c>
      <c r="AN1480">
        <v>0</v>
      </c>
      <c r="AO1480">
        <v>0</v>
      </c>
      <c r="AP1480">
        <v>0</v>
      </c>
      <c r="AQ1480">
        <v>0</v>
      </c>
      <c r="AR1480">
        <v>0</v>
      </c>
      <c r="AS1480">
        <v>0</v>
      </c>
      <c r="AT1480">
        <v>0</v>
      </c>
      <c r="AU1480">
        <v>0</v>
      </c>
      <c r="AV1480">
        <v>0</v>
      </c>
      <c r="AW1480">
        <v>0</v>
      </c>
      <c r="AX1480">
        <v>2981</v>
      </c>
      <c r="AY1480">
        <v>13</v>
      </c>
      <c r="AZ1480">
        <v>27</v>
      </c>
      <c r="BA1480">
        <v>2004</v>
      </c>
    </row>
    <row r="1481" spans="1:53" x14ac:dyDescent="0.4">
      <c r="A1481">
        <v>1525</v>
      </c>
      <c r="B1481" s="1">
        <v>43291</v>
      </c>
      <c r="C1481">
        <v>4</v>
      </c>
      <c r="D1481" s="1">
        <v>43291.939583333333</v>
      </c>
      <c r="E1481" s="1">
        <v>43292.14166666667</v>
      </c>
      <c r="F1481">
        <v>15140</v>
      </c>
      <c r="G1481">
        <v>0</v>
      </c>
      <c r="H1481">
        <v>0</v>
      </c>
      <c r="I1481">
        <v>0</v>
      </c>
      <c r="J1481">
        <v>0</v>
      </c>
      <c r="K1481">
        <v>0</v>
      </c>
      <c r="L1481">
        <v>0</v>
      </c>
      <c r="M1481">
        <v>1212</v>
      </c>
      <c r="N1481">
        <v>0</v>
      </c>
      <c r="O1481">
        <v>0</v>
      </c>
      <c r="P1481">
        <v>10584</v>
      </c>
      <c r="Q1481">
        <v>0</v>
      </c>
      <c r="R1481">
        <v>26936</v>
      </c>
      <c r="S1481">
        <v>0</v>
      </c>
      <c r="T1481">
        <v>0</v>
      </c>
      <c r="U1481">
        <v>0</v>
      </c>
      <c r="V1481">
        <v>4</v>
      </c>
      <c r="W1481">
        <v>2</v>
      </c>
      <c r="X1481">
        <v>0</v>
      </c>
      <c r="Y1481">
        <v>47</v>
      </c>
      <c r="Z1481">
        <v>34</v>
      </c>
      <c r="AA1481">
        <v>192</v>
      </c>
      <c r="AB1481">
        <v>9</v>
      </c>
      <c r="AC1481">
        <v>193</v>
      </c>
      <c r="AD1481">
        <v>70</v>
      </c>
      <c r="AE1481">
        <v>119</v>
      </c>
      <c r="AF1481">
        <v>3008</v>
      </c>
      <c r="AG1481">
        <v>139057</v>
      </c>
      <c r="AH1481">
        <v>50000</v>
      </c>
      <c r="AI1481">
        <v>0</v>
      </c>
      <c r="AJ1481">
        <v>100</v>
      </c>
      <c r="AK1481" t="s">
        <v>0</v>
      </c>
      <c r="AL1481">
        <v>0</v>
      </c>
      <c r="AM1481">
        <v>0</v>
      </c>
      <c r="AN1481">
        <v>0</v>
      </c>
      <c r="AO1481">
        <v>0</v>
      </c>
      <c r="AP1481">
        <v>0</v>
      </c>
      <c r="AQ1481">
        <v>0</v>
      </c>
      <c r="AR1481">
        <v>0</v>
      </c>
      <c r="AS1481">
        <v>0</v>
      </c>
      <c r="AT1481">
        <v>0</v>
      </c>
      <c r="AU1481">
        <v>0</v>
      </c>
      <c r="AV1481">
        <v>0</v>
      </c>
      <c r="AW1481">
        <v>0</v>
      </c>
      <c r="AX1481">
        <v>0</v>
      </c>
      <c r="AY1481">
        <v>6</v>
      </c>
      <c r="AZ1481">
        <v>18</v>
      </c>
      <c r="BA1481">
        <v>883</v>
      </c>
    </row>
    <row r="1482" spans="1:53" x14ac:dyDescent="0.4">
      <c r="A1482">
        <v>1526</v>
      </c>
      <c r="B1482" s="1">
        <v>43292</v>
      </c>
      <c r="C1482">
        <v>1</v>
      </c>
      <c r="D1482" s="1">
        <v>43292.291666666664</v>
      </c>
      <c r="E1482" s="1">
        <v>43292.450694444444</v>
      </c>
      <c r="F1482">
        <v>0</v>
      </c>
      <c r="G1482">
        <v>0</v>
      </c>
      <c r="H1482">
        <v>0</v>
      </c>
      <c r="I1482">
        <v>0</v>
      </c>
      <c r="J1482">
        <v>0</v>
      </c>
      <c r="K1482">
        <v>0</v>
      </c>
      <c r="L1482">
        <v>0</v>
      </c>
      <c r="M1482">
        <v>0</v>
      </c>
      <c r="N1482">
        <v>0</v>
      </c>
      <c r="O1482">
        <v>0</v>
      </c>
      <c r="P1482">
        <v>0</v>
      </c>
      <c r="Q1482">
        <v>0</v>
      </c>
      <c r="R1482">
        <v>0</v>
      </c>
      <c r="S1482">
        <v>0</v>
      </c>
      <c r="T1482">
        <v>0</v>
      </c>
      <c r="U1482">
        <v>0</v>
      </c>
      <c r="V1482">
        <v>0</v>
      </c>
      <c r="W1482">
        <v>0</v>
      </c>
      <c r="X1482">
        <v>0</v>
      </c>
      <c r="Y1482">
        <v>25</v>
      </c>
      <c r="Z1482">
        <v>10</v>
      </c>
      <c r="AA1482">
        <v>182</v>
      </c>
      <c r="AB1482">
        <v>9</v>
      </c>
      <c r="AC1482">
        <v>89</v>
      </c>
      <c r="AD1482">
        <v>69</v>
      </c>
      <c r="AE1482">
        <v>115</v>
      </c>
      <c r="AF1482">
        <v>0</v>
      </c>
      <c r="AG1482">
        <v>50000</v>
      </c>
      <c r="AH1482">
        <v>0</v>
      </c>
      <c r="AI1482">
        <v>50000</v>
      </c>
      <c r="AJ1482">
        <v>0</v>
      </c>
      <c r="AK1482" t="s">
        <v>6</v>
      </c>
      <c r="AL1482">
        <v>0</v>
      </c>
      <c r="AM1482">
        <v>0</v>
      </c>
      <c r="AN1482">
        <v>0</v>
      </c>
      <c r="AO1482">
        <v>0</v>
      </c>
      <c r="AP1482">
        <v>0</v>
      </c>
      <c r="AQ1482">
        <v>0</v>
      </c>
      <c r="AR1482">
        <v>0</v>
      </c>
      <c r="AS1482">
        <v>0</v>
      </c>
      <c r="AT1482">
        <v>0</v>
      </c>
      <c r="AU1482">
        <v>0</v>
      </c>
      <c r="AV1482">
        <v>0</v>
      </c>
      <c r="AW1482">
        <v>0</v>
      </c>
      <c r="AX1482">
        <v>0</v>
      </c>
      <c r="AY1482">
        <v>0</v>
      </c>
      <c r="AZ1482">
        <v>0</v>
      </c>
      <c r="BA1482">
        <v>0</v>
      </c>
    </row>
    <row r="1483" spans="1:53" x14ac:dyDescent="0.4">
      <c r="A1483">
        <v>1527</v>
      </c>
      <c r="B1483" s="1">
        <v>43292</v>
      </c>
      <c r="C1483">
        <v>2</v>
      </c>
      <c r="D1483" s="1">
        <v>43292.450694444444</v>
      </c>
      <c r="E1483" s="1">
        <v>43292.736805555556</v>
      </c>
      <c r="F1483">
        <v>13500</v>
      </c>
      <c r="G1483">
        <v>1380</v>
      </c>
      <c r="H1483">
        <v>0</v>
      </c>
      <c r="I1483">
        <v>0</v>
      </c>
      <c r="J1483">
        <v>0</v>
      </c>
      <c r="K1483">
        <v>0</v>
      </c>
      <c r="L1483">
        <v>0</v>
      </c>
      <c r="M1483">
        <v>1190</v>
      </c>
      <c r="N1483">
        <v>0</v>
      </c>
      <c r="O1483">
        <v>0</v>
      </c>
      <c r="P1483">
        <v>14040</v>
      </c>
      <c r="Q1483">
        <v>0</v>
      </c>
      <c r="R1483">
        <v>30110</v>
      </c>
      <c r="S1483">
        <v>0</v>
      </c>
      <c r="T1483">
        <v>0</v>
      </c>
      <c r="U1483">
        <v>0</v>
      </c>
      <c r="V1483">
        <v>2</v>
      </c>
      <c r="W1483">
        <v>0</v>
      </c>
      <c r="X1483">
        <v>0</v>
      </c>
      <c r="Y1483">
        <v>26</v>
      </c>
      <c r="Z1483">
        <v>17</v>
      </c>
      <c r="AA1483">
        <v>215</v>
      </c>
      <c r="AB1483">
        <v>5</v>
      </c>
      <c r="AC1483">
        <v>124</v>
      </c>
      <c r="AD1483">
        <v>69</v>
      </c>
      <c r="AE1483">
        <v>115</v>
      </c>
      <c r="AF1483">
        <v>2160</v>
      </c>
      <c r="AG1483">
        <v>80110</v>
      </c>
      <c r="AH1483">
        <v>50000</v>
      </c>
      <c r="AI1483">
        <v>0</v>
      </c>
      <c r="AJ1483">
        <v>96</v>
      </c>
      <c r="AK1483" t="s">
        <v>4</v>
      </c>
      <c r="AL1483">
        <v>0</v>
      </c>
      <c r="AM1483">
        <v>0</v>
      </c>
      <c r="AN1483">
        <v>0</v>
      </c>
      <c r="AO1483">
        <v>0</v>
      </c>
      <c r="AP1483">
        <v>0</v>
      </c>
      <c r="AQ1483">
        <v>0</v>
      </c>
      <c r="AR1483">
        <v>0</v>
      </c>
      <c r="AS1483">
        <v>0</v>
      </c>
      <c r="AT1483">
        <v>0</v>
      </c>
      <c r="AU1483">
        <v>0</v>
      </c>
      <c r="AV1483">
        <v>0</v>
      </c>
      <c r="AW1483">
        <v>0</v>
      </c>
      <c r="AX1483">
        <v>-540</v>
      </c>
      <c r="AY1483">
        <v>33</v>
      </c>
      <c r="AZ1483">
        <v>53</v>
      </c>
      <c r="BA1483">
        <v>4080</v>
      </c>
    </row>
    <row r="1484" spans="1:53" x14ac:dyDescent="0.4">
      <c r="A1484">
        <v>1528</v>
      </c>
      <c r="B1484" s="1">
        <v>43292</v>
      </c>
      <c r="C1484">
        <v>3</v>
      </c>
      <c r="D1484" s="1">
        <v>43292.736805555556</v>
      </c>
      <c r="E1484" s="1">
        <v>43292.954861111109</v>
      </c>
      <c r="F1484">
        <v>30280</v>
      </c>
      <c r="G1484">
        <v>1560</v>
      </c>
      <c r="H1484">
        <v>0</v>
      </c>
      <c r="I1484">
        <v>0</v>
      </c>
      <c r="J1484">
        <v>0</v>
      </c>
      <c r="K1484">
        <v>0</v>
      </c>
      <c r="L1484">
        <v>0</v>
      </c>
      <c r="M1484">
        <v>2547</v>
      </c>
      <c r="N1484">
        <v>0</v>
      </c>
      <c r="O1484">
        <v>0</v>
      </c>
      <c r="P1484">
        <v>-9612</v>
      </c>
      <c r="Q1484">
        <v>0</v>
      </c>
      <c r="R1484">
        <v>24775</v>
      </c>
      <c r="S1484">
        <v>0</v>
      </c>
      <c r="T1484">
        <v>0</v>
      </c>
      <c r="U1484">
        <v>0</v>
      </c>
      <c r="V1484">
        <v>2</v>
      </c>
      <c r="W1484">
        <v>1</v>
      </c>
      <c r="X1484">
        <v>0</v>
      </c>
      <c r="Y1484">
        <v>43</v>
      </c>
      <c r="Z1484">
        <v>18</v>
      </c>
      <c r="AA1484">
        <v>217</v>
      </c>
      <c r="AB1484">
        <v>4</v>
      </c>
      <c r="AC1484">
        <v>121</v>
      </c>
      <c r="AD1484">
        <v>69</v>
      </c>
      <c r="AE1484">
        <v>110</v>
      </c>
      <c r="AF1484">
        <v>4320</v>
      </c>
      <c r="AG1484">
        <v>104885</v>
      </c>
      <c r="AH1484">
        <v>50000</v>
      </c>
      <c r="AI1484">
        <v>0</v>
      </c>
      <c r="AJ1484">
        <v>100</v>
      </c>
      <c r="AK1484" t="s">
        <v>0</v>
      </c>
      <c r="AL1484">
        <v>0</v>
      </c>
      <c r="AM1484">
        <v>0</v>
      </c>
      <c r="AN1484">
        <v>0</v>
      </c>
      <c r="AO1484">
        <v>0</v>
      </c>
      <c r="AP1484">
        <v>0</v>
      </c>
      <c r="AQ1484">
        <v>0</v>
      </c>
      <c r="AR1484">
        <v>0</v>
      </c>
      <c r="AS1484">
        <v>0</v>
      </c>
      <c r="AT1484">
        <v>0</v>
      </c>
      <c r="AU1484">
        <v>0</v>
      </c>
      <c r="AV1484">
        <v>0</v>
      </c>
      <c r="AW1484">
        <v>0</v>
      </c>
      <c r="AX1484">
        <v>51916</v>
      </c>
      <c r="AY1484">
        <v>15</v>
      </c>
      <c r="AZ1484">
        <v>52</v>
      </c>
      <c r="BA1484">
        <v>2853</v>
      </c>
    </row>
    <row r="1485" spans="1:53" x14ac:dyDescent="0.4">
      <c r="A1485">
        <v>1529</v>
      </c>
      <c r="B1485" s="1">
        <v>43292</v>
      </c>
      <c r="C1485">
        <v>4</v>
      </c>
      <c r="D1485" s="1">
        <v>43292.954861111109</v>
      </c>
      <c r="E1485" s="1">
        <v>43293.07916666667</v>
      </c>
      <c r="F1485">
        <v>67140</v>
      </c>
      <c r="G1485">
        <v>550</v>
      </c>
      <c r="H1485">
        <v>0</v>
      </c>
      <c r="I1485">
        <v>0</v>
      </c>
      <c r="J1485">
        <v>0</v>
      </c>
      <c r="K1485">
        <v>500</v>
      </c>
      <c r="L1485">
        <v>0</v>
      </c>
      <c r="M1485">
        <v>5455</v>
      </c>
      <c r="N1485">
        <v>0</v>
      </c>
      <c r="O1485">
        <v>0</v>
      </c>
      <c r="P1485">
        <v>4644</v>
      </c>
      <c r="Q1485">
        <v>0</v>
      </c>
      <c r="R1485">
        <v>78289</v>
      </c>
      <c r="S1485">
        <v>0</v>
      </c>
      <c r="T1485">
        <v>0</v>
      </c>
      <c r="U1485">
        <v>0</v>
      </c>
      <c r="V1485">
        <v>7</v>
      </c>
      <c r="W1485">
        <v>0</v>
      </c>
      <c r="X1485">
        <v>0</v>
      </c>
      <c r="Y1485">
        <v>52</v>
      </c>
      <c r="Z1485">
        <v>15</v>
      </c>
      <c r="AA1485">
        <v>218</v>
      </c>
      <c r="AB1485">
        <v>1</v>
      </c>
      <c r="AC1485">
        <v>108</v>
      </c>
      <c r="AD1485">
        <v>68</v>
      </c>
      <c r="AE1485">
        <v>110</v>
      </c>
      <c r="AF1485">
        <v>30294</v>
      </c>
      <c r="AG1485">
        <v>183174</v>
      </c>
      <c r="AH1485">
        <v>50000</v>
      </c>
      <c r="AI1485">
        <v>0</v>
      </c>
      <c r="AJ1485">
        <v>108</v>
      </c>
      <c r="AK1485" t="s">
        <v>30</v>
      </c>
      <c r="AL1485">
        <v>0</v>
      </c>
      <c r="AM1485">
        <v>0</v>
      </c>
      <c r="AN1485">
        <v>0</v>
      </c>
      <c r="AO1485">
        <v>0</v>
      </c>
      <c r="AP1485">
        <v>0</v>
      </c>
      <c r="AQ1485">
        <v>0</v>
      </c>
      <c r="AR1485">
        <v>0</v>
      </c>
      <c r="AS1485">
        <v>0</v>
      </c>
      <c r="AT1485">
        <v>0</v>
      </c>
      <c r="AU1485">
        <v>0</v>
      </c>
      <c r="AV1485">
        <v>0</v>
      </c>
      <c r="AW1485">
        <v>0</v>
      </c>
      <c r="AX1485">
        <v>1382</v>
      </c>
      <c r="AY1485">
        <v>2</v>
      </c>
      <c r="AZ1485">
        <v>5</v>
      </c>
      <c r="BA1485">
        <v>485</v>
      </c>
    </row>
    <row r="1486" spans="1:53" x14ac:dyDescent="0.4">
      <c r="A1486">
        <v>1530</v>
      </c>
      <c r="B1486" s="1">
        <v>43293</v>
      </c>
      <c r="C1486">
        <v>1</v>
      </c>
      <c r="D1486" s="1">
        <v>43293.291666666664</v>
      </c>
      <c r="E1486" s="1">
        <v>43293.449305555558</v>
      </c>
      <c r="F1486">
        <v>0</v>
      </c>
      <c r="G1486">
        <v>0</v>
      </c>
      <c r="H1486">
        <v>0</v>
      </c>
      <c r="I1486">
        <v>0</v>
      </c>
      <c r="J1486">
        <v>0</v>
      </c>
      <c r="K1486">
        <v>0</v>
      </c>
      <c r="L1486">
        <v>0</v>
      </c>
      <c r="M1486">
        <v>0</v>
      </c>
      <c r="N1486">
        <v>0</v>
      </c>
      <c r="O1486">
        <v>0</v>
      </c>
      <c r="P1486">
        <v>0</v>
      </c>
      <c r="Q1486">
        <v>0</v>
      </c>
      <c r="R1486">
        <v>0</v>
      </c>
      <c r="S1486">
        <v>0</v>
      </c>
      <c r="T1486">
        <v>0</v>
      </c>
      <c r="U1486">
        <v>0</v>
      </c>
      <c r="V1486">
        <v>0</v>
      </c>
      <c r="W1486">
        <v>0</v>
      </c>
      <c r="X1486">
        <v>0</v>
      </c>
      <c r="Y1486">
        <v>28</v>
      </c>
      <c r="Z1486">
        <v>8</v>
      </c>
      <c r="AA1486">
        <v>166</v>
      </c>
      <c r="AB1486">
        <v>0</v>
      </c>
      <c r="AC1486">
        <v>100</v>
      </c>
      <c r="AD1486">
        <v>61</v>
      </c>
      <c r="AE1486">
        <v>95</v>
      </c>
      <c r="AF1486">
        <v>0</v>
      </c>
      <c r="AG1486">
        <v>50000</v>
      </c>
      <c r="AH1486">
        <v>0</v>
      </c>
      <c r="AI1486">
        <v>50000</v>
      </c>
      <c r="AJ1486">
        <v>0</v>
      </c>
      <c r="AK1486" t="s">
        <v>6</v>
      </c>
      <c r="AL1486">
        <v>0</v>
      </c>
      <c r="AM1486">
        <v>0</v>
      </c>
      <c r="AN1486">
        <v>0</v>
      </c>
      <c r="AO1486">
        <v>0</v>
      </c>
      <c r="AP1486">
        <v>0</v>
      </c>
      <c r="AQ1486">
        <v>0</v>
      </c>
      <c r="AR1486">
        <v>0</v>
      </c>
      <c r="AS1486">
        <v>0</v>
      </c>
      <c r="AT1486">
        <v>0</v>
      </c>
      <c r="AU1486">
        <v>0</v>
      </c>
      <c r="AV1486">
        <v>0</v>
      </c>
      <c r="AW1486">
        <v>0</v>
      </c>
      <c r="AX1486">
        <v>0</v>
      </c>
      <c r="AY1486">
        <v>0</v>
      </c>
      <c r="AZ1486">
        <v>0</v>
      </c>
      <c r="BA1486">
        <v>0</v>
      </c>
    </row>
    <row r="1487" spans="1:53" x14ac:dyDescent="0.4">
      <c r="A1487">
        <v>1531</v>
      </c>
      <c r="B1487" s="1">
        <v>43293</v>
      </c>
      <c r="C1487">
        <v>2</v>
      </c>
      <c r="D1487" s="1">
        <v>43293.449305555558</v>
      </c>
      <c r="E1487" s="1">
        <v>43293.745833333334</v>
      </c>
      <c r="F1487">
        <v>17250</v>
      </c>
      <c r="G1487">
        <v>2390</v>
      </c>
      <c r="H1487">
        <v>0</v>
      </c>
      <c r="I1487">
        <v>0</v>
      </c>
      <c r="J1487">
        <v>0</v>
      </c>
      <c r="K1487">
        <v>0</v>
      </c>
      <c r="L1487">
        <v>0</v>
      </c>
      <c r="M1487">
        <v>1571</v>
      </c>
      <c r="N1487">
        <v>0</v>
      </c>
      <c r="O1487">
        <v>0</v>
      </c>
      <c r="P1487">
        <v>12960</v>
      </c>
      <c r="Q1487">
        <v>0</v>
      </c>
      <c r="R1487">
        <v>34171</v>
      </c>
      <c r="S1487">
        <v>0</v>
      </c>
      <c r="T1487">
        <v>0</v>
      </c>
      <c r="U1487">
        <v>0</v>
      </c>
      <c r="V1487">
        <v>0</v>
      </c>
      <c r="W1487">
        <v>0</v>
      </c>
      <c r="X1487">
        <v>0</v>
      </c>
      <c r="Y1487">
        <v>58</v>
      </c>
      <c r="Z1487">
        <v>18</v>
      </c>
      <c r="AA1487">
        <v>156</v>
      </c>
      <c r="AB1487">
        <v>8</v>
      </c>
      <c r="AC1487">
        <v>77</v>
      </c>
      <c r="AD1487">
        <v>61</v>
      </c>
      <c r="AE1487">
        <v>96</v>
      </c>
      <c r="AF1487">
        <v>0</v>
      </c>
      <c r="AG1487">
        <v>84171</v>
      </c>
      <c r="AH1487">
        <v>50000</v>
      </c>
      <c r="AI1487">
        <v>0</v>
      </c>
      <c r="AJ1487">
        <v>100</v>
      </c>
      <c r="AK1487" t="s">
        <v>0</v>
      </c>
      <c r="AL1487">
        <v>0</v>
      </c>
      <c r="AM1487">
        <v>0</v>
      </c>
      <c r="AN1487">
        <v>0</v>
      </c>
      <c r="AO1487">
        <v>0</v>
      </c>
      <c r="AP1487">
        <v>0</v>
      </c>
      <c r="AQ1487">
        <v>0</v>
      </c>
      <c r="AR1487">
        <v>0</v>
      </c>
      <c r="AS1487">
        <v>0</v>
      </c>
      <c r="AT1487">
        <v>0</v>
      </c>
      <c r="AU1487">
        <v>0</v>
      </c>
      <c r="AV1487">
        <v>0</v>
      </c>
      <c r="AW1487">
        <v>0</v>
      </c>
      <c r="AX1487">
        <v>0</v>
      </c>
      <c r="AY1487">
        <v>34</v>
      </c>
      <c r="AZ1487">
        <v>59</v>
      </c>
      <c r="BA1487">
        <v>4710</v>
      </c>
    </row>
    <row r="1488" spans="1:53" x14ac:dyDescent="0.4">
      <c r="A1488">
        <v>1532</v>
      </c>
      <c r="B1488" s="1">
        <v>43293</v>
      </c>
      <c r="C1488">
        <v>3</v>
      </c>
      <c r="D1488" s="1">
        <v>43293.745833333334</v>
      </c>
      <c r="E1488" s="1">
        <v>43293.955555555556</v>
      </c>
      <c r="F1488">
        <v>23920</v>
      </c>
      <c r="G1488">
        <v>0</v>
      </c>
      <c r="H1488">
        <v>0</v>
      </c>
      <c r="I1488">
        <v>0</v>
      </c>
      <c r="J1488">
        <v>0</v>
      </c>
      <c r="K1488">
        <v>0</v>
      </c>
      <c r="L1488">
        <v>0</v>
      </c>
      <c r="M1488">
        <v>1914</v>
      </c>
      <c r="N1488">
        <v>0</v>
      </c>
      <c r="O1488">
        <v>0</v>
      </c>
      <c r="P1488">
        <v>-9072</v>
      </c>
      <c r="Q1488">
        <v>0</v>
      </c>
      <c r="R1488">
        <v>16762</v>
      </c>
      <c r="S1488">
        <v>0</v>
      </c>
      <c r="T1488">
        <v>0</v>
      </c>
      <c r="U1488">
        <v>0</v>
      </c>
      <c r="V1488">
        <v>1</v>
      </c>
      <c r="W1488">
        <v>0</v>
      </c>
      <c r="X1488">
        <v>0</v>
      </c>
      <c r="Y1488">
        <v>64</v>
      </c>
      <c r="Z1488">
        <v>18</v>
      </c>
      <c r="AA1488">
        <v>146</v>
      </c>
      <c r="AB1488">
        <v>3</v>
      </c>
      <c r="AC1488">
        <v>73</v>
      </c>
      <c r="AD1488">
        <v>59</v>
      </c>
      <c r="AE1488">
        <v>87</v>
      </c>
      <c r="AF1488">
        <v>2071</v>
      </c>
      <c r="AG1488">
        <v>100933</v>
      </c>
      <c r="AH1488">
        <v>50000</v>
      </c>
      <c r="AI1488">
        <v>0</v>
      </c>
      <c r="AJ1488">
        <v>30</v>
      </c>
      <c r="AL1488">
        <v>0</v>
      </c>
      <c r="AM1488">
        <v>0</v>
      </c>
      <c r="AN1488">
        <v>0</v>
      </c>
      <c r="AO1488">
        <v>0</v>
      </c>
      <c r="AP1488">
        <v>0</v>
      </c>
      <c r="AQ1488">
        <v>0</v>
      </c>
      <c r="AR1488">
        <v>0</v>
      </c>
      <c r="AS1488">
        <v>0</v>
      </c>
      <c r="AT1488">
        <v>0</v>
      </c>
      <c r="AU1488">
        <v>0</v>
      </c>
      <c r="AV1488">
        <v>0</v>
      </c>
      <c r="AW1488">
        <v>0</v>
      </c>
      <c r="AX1488">
        <v>21524</v>
      </c>
      <c r="AY1488">
        <v>17</v>
      </c>
      <c r="AZ1488">
        <v>40</v>
      </c>
      <c r="BA1488">
        <v>2275</v>
      </c>
    </row>
    <row r="1489" spans="1:53" x14ac:dyDescent="0.4">
      <c r="A1489">
        <v>1533</v>
      </c>
      <c r="B1489" s="1">
        <v>43294</v>
      </c>
      <c r="C1489">
        <v>1</v>
      </c>
      <c r="D1489" s="1">
        <v>43294.291666666664</v>
      </c>
      <c r="E1489" s="1">
        <v>43294.447222222225</v>
      </c>
      <c r="F1489">
        <v>0</v>
      </c>
      <c r="G1489">
        <v>0</v>
      </c>
      <c r="H1489">
        <v>0</v>
      </c>
      <c r="I1489">
        <v>0</v>
      </c>
      <c r="J1489">
        <v>0</v>
      </c>
      <c r="K1489">
        <v>0</v>
      </c>
      <c r="L1489">
        <v>0</v>
      </c>
      <c r="M1489">
        <v>0</v>
      </c>
      <c r="N1489">
        <v>0</v>
      </c>
      <c r="O1489">
        <v>0</v>
      </c>
      <c r="P1489">
        <v>0</v>
      </c>
      <c r="Q1489">
        <v>0</v>
      </c>
      <c r="R1489">
        <v>0</v>
      </c>
      <c r="S1489">
        <v>0</v>
      </c>
      <c r="T1489">
        <v>0</v>
      </c>
      <c r="U1489">
        <v>0</v>
      </c>
      <c r="V1489">
        <v>0</v>
      </c>
      <c r="W1489">
        <v>0</v>
      </c>
      <c r="X1489">
        <v>0</v>
      </c>
      <c r="Y1489">
        <v>30</v>
      </c>
      <c r="Z1489">
        <v>9</v>
      </c>
      <c r="AA1489">
        <v>145</v>
      </c>
      <c r="AB1489">
        <v>0</v>
      </c>
      <c r="AC1489">
        <v>65</v>
      </c>
      <c r="AD1489">
        <v>55</v>
      </c>
      <c r="AE1489">
        <v>75</v>
      </c>
      <c r="AF1489">
        <v>0</v>
      </c>
      <c r="AG1489">
        <v>50000</v>
      </c>
      <c r="AH1489">
        <v>0</v>
      </c>
      <c r="AI1489">
        <v>50000</v>
      </c>
      <c r="AJ1489">
        <v>0</v>
      </c>
      <c r="AK1489" t="s">
        <v>6</v>
      </c>
      <c r="AL1489">
        <v>0</v>
      </c>
      <c r="AM1489">
        <v>0</v>
      </c>
      <c r="AN1489">
        <v>0</v>
      </c>
      <c r="AO1489">
        <v>0</v>
      </c>
      <c r="AP1489">
        <v>0</v>
      </c>
      <c r="AQ1489">
        <v>0</v>
      </c>
      <c r="AR1489">
        <v>0</v>
      </c>
      <c r="AS1489">
        <v>0</v>
      </c>
      <c r="AT1489">
        <v>0</v>
      </c>
      <c r="AU1489">
        <v>0</v>
      </c>
      <c r="AV1489">
        <v>0</v>
      </c>
      <c r="AW1489">
        <v>0</v>
      </c>
      <c r="AX1489">
        <v>0</v>
      </c>
      <c r="AY1489">
        <v>0</v>
      </c>
      <c r="AZ1489">
        <v>0</v>
      </c>
      <c r="BA1489">
        <v>0</v>
      </c>
    </row>
    <row r="1490" spans="1:53" x14ac:dyDescent="0.4">
      <c r="A1490">
        <v>1534</v>
      </c>
      <c r="B1490" s="1">
        <v>43294</v>
      </c>
      <c r="C1490">
        <v>2</v>
      </c>
      <c r="D1490" s="1">
        <v>43294.447222222225</v>
      </c>
      <c r="E1490" s="1">
        <v>43294.75</v>
      </c>
      <c r="F1490">
        <v>20500</v>
      </c>
      <c r="G1490">
        <v>500</v>
      </c>
      <c r="H1490">
        <v>0</v>
      </c>
      <c r="I1490">
        <v>0</v>
      </c>
      <c r="J1490">
        <v>0</v>
      </c>
      <c r="K1490">
        <v>0</v>
      </c>
      <c r="L1490">
        <v>0</v>
      </c>
      <c r="M1490">
        <v>1680</v>
      </c>
      <c r="N1490">
        <v>0</v>
      </c>
      <c r="O1490">
        <v>0</v>
      </c>
      <c r="P1490">
        <v>16740</v>
      </c>
      <c r="Q1490">
        <v>0</v>
      </c>
      <c r="R1490">
        <v>39420</v>
      </c>
      <c r="S1490">
        <v>0</v>
      </c>
      <c r="T1490">
        <v>0</v>
      </c>
      <c r="U1490">
        <v>0</v>
      </c>
      <c r="V1490">
        <v>0</v>
      </c>
      <c r="W1490">
        <v>2</v>
      </c>
      <c r="X1490">
        <v>0</v>
      </c>
      <c r="Y1490">
        <v>49</v>
      </c>
      <c r="Z1490">
        <v>25</v>
      </c>
      <c r="AA1490">
        <v>161</v>
      </c>
      <c r="AB1490">
        <v>15</v>
      </c>
      <c r="AC1490">
        <v>72</v>
      </c>
      <c r="AD1490">
        <v>55</v>
      </c>
      <c r="AE1490">
        <v>75</v>
      </c>
      <c r="AF1490">
        <v>0</v>
      </c>
      <c r="AG1490">
        <v>89420</v>
      </c>
      <c r="AH1490">
        <v>50000</v>
      </c>
      <c r="AI1490">
        <v>0</v>
      </c>
      <c r="AJ1490">
        <v>96</v>
      </c>
      <c r="AK1490" t="s">
        <v>4</v>
      </c>
      <c r="AL1490">
        <v>0</v>
      </c>
      <c r="AM1490">
        <v>0</v>
      </c>
      <c r="AN1490">
        <v>0</v>
      </c>
      <c r="AO1490">
        <v>0</v>
      </c>
      <c r="AP1490">
        <v>0</v>
      </c>
      <c r="AQ1490">
        <v>0</v>
      </c>
      <c r="AR1490">
        <v>0</v>
      </c>
      <c r="AS1490">
        <v>0</v>
      </c>
      <c r="AT1490">
        <v>0</v>
      </c>
      <c r="AU1490">
        <v>0</v>
      </c>
      <c r="AV1490">
        <v>0</v>
      </c>
      <c r="AW1490">
        <v>0</v>
      </c>
      <c r="AX1490">
        <v>-778</v>
      </c>
      <c r="AY1490">
        <v>44</v>
      </c>
      <c r="AZ1490">
        <v>72</v>
      </c>
      <c r="BA1490">
        <v>5997</v>
      </c>
    </row>
    <row r="1491" spans="1:53" x14ac:dyDescent="0.4">
      <c r="A1491">
        <v>1535</v>
      </c>
      <c r="B1491" s="1">
        <v>43294</v>
      </c>
      <c r="C1491">
        <v>3</v>
      </c>
      <c r="D1491" s="1">
        <v>43294.75</v>
      </c>
      <c r="E1491" s="1">
        <v>43294.956944444442</v>
      </c>
      <c r="F1491">
        <v>55700</v>
      </c>
      <c r="G1491">
        <v>280</v>
      </c>
      <c r="H1491">
        <v>0</v>
      </c>
      <c r="I1491">
        <v>0</v>
      </c>
      <c r="J1491">
        <v>0</v>
      </c>
      <c r="K1491">
        <v>0</v>
      </c>
      <c r="L1491">
        <v>0</v>
      </c>
      <c r="M1491">
        <v>4478</v>
      </c>
      <c r="N1491">
        <v>0</v>
      </c>
      <c r="O1491">
        <v>0</v>
      </c>
      <c r="P1491">
        <v>5648</v>
      </c>
      <c r="Q1491">
        <v>0</v>
      </c>
      <c r="R1491">
        <v>66106</v>
      </c>
      <c r="S1491">
        <v>0</v>
      </c>
      <c r="T1491">
        <v>0</v>
      </c>
      <c r="U1491">
        <v>0</v>
      </c>
      <c r="V1491">
        <v>3</v>
      </c>
      <c r="W1491">
        <v>1</v>
      </c>
      <c r="X1491">
        <v>0</v>
      </c>
      <c r="Y1491">
        <v>58</v>
      </c>
      <c r="Z1491">
        <v>27</v>
      </c>
      <c r="AA1491">
        <v>162</v>
      </c>
      <c r="AB1491">
        <v>15</v>
      </c>
      <c r="AC1491">
        <v>71</v>
      </c>
      <c r="AD1491">
        <v>53</v>
      </c>
      <c r="AE1491">
        <v>73</v>
      </c>
      <c r="AF1491">
        <v>31028</v>
      </c>
      <c r="AG1491">
        <v>155526</v>
      </c>
      <c r="AH1491">
        <v>50000</v>
      </c>
      <c r="AI1491">
        <v>0</v>
      </c>
      <c r="AJ1491">
        <v>108</v>
      </c>
      <c r="AK1491" t="s">
        <v>30</v>
      </c>
      <c r="AL1491">
        <v>0</v>
      </c>
      <c r="AM1491">
        <v>0</v>
      </c>
      <c r="AN1491">
        <v>0</v>
      </c>
      <c r="AO1491">
        <v>0</v>
      </c>
      <c r="AP1491">
        <v>0</v>
      </c>
      <c r="AQ1491">
        <v>0</v>
      </c>
      <c r="AR1491">
        <v>0</v>
      </c>
      <c r="AS1491">
        <v>0</v>
      </c>
      <c r="AT1491">
        <v>0</v>
      </c>
      <c r="AU1491">
        <v>0</v>
      </c>
      <c r="AV1491">
        <v>0</v>
      </c>
      <c r="AW1491">
        <v>0</v>
      </c>
      <c r="AX1491">
        <v>102902</v>
      </c>
      <c r="AY1491">
        <v>25</v>
      </c>
      <c r="AZ1491">
        <v>102</v>
      </c>
      <c r="BA1491">
        <v>3430</v>
      </c>
    </row>
    <row r="1492" spans="1:53" x14ac:dyDescent="0.4">
      <c r="A1492">
        <v>1536</v>
      </c>
      <c r="B1492" s="1">
        <v>43294</v>
      </c>
      <c r="C1492">
        <v>4</v>
      </c>
      <c r="D1492" s="1">
        <v>43294.956944444442</v>
      </c>
      <c r="E1492" s="1">
        <v>43295.087500000001</v>
      </c>
      <c r="F1492">
        <v>139600</v>
      </c>
      <c r="G1492">
        <v>13980</v>
      </c>
      <c r="H1492">
        <v>0</v>
      </c>
      <c r="I1492">
        <v>0</v>
      </c>
      <c r="J1492">
        <v>600</v>
      </c>
      <c r="K1492">
        <v>0</v>
      </c>
      <c r="L1492">
        <v>0</v>
      </c>
      <c r="M1492">
        <v>12238</v>
      </c>
      <c r="N1492">
        <v>0</v>
      </c>
      <c r="O1492">
        <v>0</v>
      </c>
      <c r="P1492">
        <v>102028</v>
      </c>
      <c r="Q1492">
        <v>0</v>
      </c>
      <c r="R1492">
        <v>267246</v>
      </c>
      <c r="S1492">
        <v>0</v>
      </c>
      <c r="T1492">
        <v>0</v>
      </c>
      <c r="U1492">
        <v>0</v>
      </c>
      <c r="V1492">
        <v>20</v>
      </c>
      <c r="W1492">
        <v>8</v>
      </c>
      <c r="X1492">
        <v>0</v>
      </c>
      <c r="Y1492">
        <v>105</v>
      </c>
      <c r="Z1492">
        <v>24</v>
      </c>
      <c r="AA1492">
        <v>141</v>
      </c>
      <c r="AB1492">
        <v>14</v>
      </c>
      <c r="AC1492">
        <v>44</v>
      </c>
      <c r="AD1492">
        <v>51</v>
      </c>
      <c r="AE1492">
        <v>53</v>
      </c>
      <c r="AF1492">
        <v>48416</v>
      </c>
      <c r="AG1492">
        <v>420964</v>
      </c>
      <c r="AH1492">
        <v>50000</v>
      </c>
      <c r="AI1492">
        <v>-1808</v>
      </c>
      <c r="AJ1492">
        <v>100</v>
      </c>
      <c r="AK1492" t="s">
        <v>0</v>
      </c>
      <c r="AL1492">
        <v>0</v>
      </c>
      <c r="AM1492">
        <v>0</v>
      </c>
      <c r="AN1492">
        <v>0</v>
      </c>
      <c r="AO1492">
        <v>0</v>
      </c>
      <c r="AP1492">
        <v>0</v>
      </c>
      <c r="AQ1492">
        <v>0</v>
      </c>
      <c r="AR1492">
        <v>0</v>
      </c>
      <c r="AS1492">
        <v>0</v>
      </c>
      <c r="AT1492">
        <v>0</v>
      </c>
      <c r="AU1492">
        <v>0</v>
      </c>
      <c r="AV1492">
        <v>0</v>
      </c>
      <c r="AW1492">
        <v>0</v>
      </c>
      <c r="AX1492">
        <v>7926</v>
      </c>
      <c r="AY1492">
        <v>18</v>
      </c>
      <c r="AZ1492">
        <v>68</v>
      </c>
      <c r="BA1492">
        <v>2455</v>
      </c>
    </row>
    <row r="1493" spans="1:53" x14ac:dyDescent="0.4">
      <c r="A1493">
        <v>1537</v>
      </c>
      <c r="B1493" s="1">
        <v>43295</v>
      </c>
      <c r="C1493">
        <v>1</v>
      </c>
      <c r="D1493" s="1">
        <v>43295.291666666664</v>
      </c>
      <c r="E1493" s="1">
        <v>43295.406944444447</v>
      </c>
      <c r="F1493">
        <v>0</v>
      </c>
      <c r="G1493">
        <v>0</v>
      </c>
      <c r="H1493">
        <v>0</v>
      </c>
      <c r="I1493">
        <v>0</v>
      </c>
      <c r="J1493">
        <v>0</v>
      </c>
      <c r="K1493">
        <v>0</v>
      </c>
      <c r="L1493">
        <v>0</v>
      </c>
      <c r="M1493">
        <v>0</v>
      </c>
      <c r="N1493">
        <v>0</v>
      </c>
      <c r="O1493">
        <v>0</v>
      </c>
      <c r="P1493">
        <v>0</v>
      </c>
      <c r="Q1493">
        <v>0</v>
      </c>
      <c r="R1493">
        <v>0</v>
      </c>
      <c r="S1493">
        <v>0</v>
      </c>
      <c r="T1493">
        <v>0</v>
      </c>
      <c r="U1493">
        <v>0</v>
      </c>
      <c r="V1493">
        <v>0</v>
      </c>
      <c r="W1493">
        <v>0</v>
      </c>
      <c r="X1493">
        <v>0</v>
      </c>
      <c r="Y1493">
        <v>29</v>
      </c>
      <c r="Z1493">
        <v>13</v>
      </c>
      <c r="AA1493">
        <v>135</v>
      </c>
      <c r="AB1493">
        <v>8</v>
      </c>
      <c r="AC1493">
        <v>34</v>
      </c>
      <c r="AD1493">
        <v>42</v>
      </c>
      <c r="AE1493">
        <v>50</v>
      </c>
      <c r="AF1493">
        <v>0</v>
      </c>
      <c r="AG1493">
        <v>50000</v>
      </c>
      <c r="AH1493">
        <v>50000</v>
      </c>
      <c r="AI1493">
        <v>0</v>
      </c>
      <c r="AJ1493">
        <v>0</v>
      </c>
      <c r="AK1493" t="s">
        <v>6</v>
      </c>
      <c r="AL1493">
        <v>0</v>
      </c>
      <c r="AM1493">
        <v>0</v>
      </c>
      <c r="AN1493">
        <v>0</v>
      </c>
      <c r="AO1493">
        <v>0</v>
      </c>
      <c r="AP1493">
        <v>0</v>
      </c>
      <c r="AQ1493">
        <v>0</v>
      </c>
      <c r="AR1493">
        <v>0</v>
      </c>
      <c r="AS1493">
        <v>0</v>
      </c>
      <c r="AT1493">
        <v>0</v>
      </c>
      <c r="AU1493">
        <v>0</v>
      </c>
      <c r="AV1493">
        <v>0</v>
      </c>
      <c r="AW1493">
        <v>0</v>
      </c>
      <c r="AX1493">
        <v>0</v>
      </c>
      <c r="AY1493">
        <v>0</v>
      </c>
      <c r="AZ1493">
        <v>0</v>
      </c>
      <c r="BA1493">
        <v>0</v>
      </c>
    </row>
    <row r="1494" spans="1:53" x14ac:dyDescent="0.4">
      <c r="A1494">
        <v>1538</v>
      </c>
      <c r="B1494" s="1">
        <v>43295</v>
      </c>
      <c r="C1494">
        <v>2</v>
      </c>
      <c r="D1494" s="1">
        <v>43295.406944444447</v>
      </c>
      <c r="E1494" s="1">
        <v>43295.736805555556</v>
      </c>
      <c r="F1494">
        <v>38000</v>
      </c>
      <c r="G1494">
        <v>2240</v>
      </c>
      <c r="H1494">
        <v>0</v>
      </c>
      <c r="I1494">
        <v>0</v>
      </c>
      <c r="J1494">
        <v>0</v>
      </c>
      <c r="K1494">
        <v>0</v>
      </c>
      <c r="L1494">
        <v>0</v>
      </c>
      <c r="M1494">
        <v>3218</v>
      </c>
      <c r="N1494">
        <v>0</v>
      </c>
      <c r="O1494">
        <v>0</v>
      </c>
      <c r="P1494">
        <v>21060</v>
      </c>
      <c r="Q1494">
        <v>0</v>
      </c>
      <c r="R1494">
        <v>64518</v>
      </c>
      <c r="S1494">
        <v>0</v>
      </c>
      <c r="T1494">
        <v>0</v>
      </c>
      <c r="U1494">
        <v>0</v>
      </c>
      <c r="V1494">
        <v>3</v>
      </c>
      <c r="W1494">
        <v>1</v>
      </c>
      <c r="X1494">
        <v>0</v>
      </c>
      <c r="Y1494">
        <v>53</v>
      </c>
      <c r="Z1494">
        <v>23</v>
      </c>
      <c r="AA1494">
        <v>127</v>
      </c>
      <c r="AB1494">
        <v>12</v>
      </c>
      <c r="AC1494">
        <v>38</v>
      </c>
      <c r="AD1494">
        <v>42</v>
      </c>
      <c r="AE1494">
        <v>48</v>
      </c>
      <c r="AF1494">
        <v>1080</v>
      </c>
      <c r="AG1494">
        <v>114518</v>
      </c>
      <c r="AH1494">
        <v>50000</v>
      </c>
      <c r="AI1494">
        <v>0</v>
      </c>
      <c r="AJ1494">
        <v>93</v>
      </c>
      <c r="AK1494" t="s">
        <v>20</v>
      </c>
      <c r="AL1494">
        <v>0</v>
      </c>
      <c r="AM1494">
        <v>0</v>
      </c>
      <c r="AN1494">
        <v>0</v>
      </c>
      <c r="AO1494">
        <v>0</v>
      </c>
      <c r="AP1494">
        <v>0</v>
      </c>
      <c r="AQ1494">
        <v>0</v>
      </c>
      <c r="AR1494">
        <v>0</v>
      </c>
      <c r="AS1494">
        <v>0</v>
      </c>
      <c r="AT1494">
        <v>0</v>
      </c>
      <c r="AU1494">
        <v>0</v>
      </c>
      <c r="AV1494">
        <v>0</v>
      </c>
      <c r="AW1494">
        <v>0</v>
      </c>
      <c r="AX1494">
        <v>2570</v>
      </c>
      <c r="AY1494">
        <v>47</v>
      </c>
      <c r="AZ1494">
        <v>107</v>
      </c>
      <c r="BA1494">
        <v>7282</v>
      </c>
    </row>
    <row r="1495" spans="1:53" x14ac:dyDescent="0.4">
      <c r="A1495">
        <v>1539</v>
      </c>
      <c r="B1495" s="1">
        <v>43296</v>
      </c>
      <c r="C1495">
        <v>1</v>
      </c>
      <c r="D1495" s="1">
        <v>43296.291666666664</v>
      </c>
      <c r="E1495" s="1">
        <v>43296.40625</v>
      </c>
      <c r="F1495">
        <v>0</v>
      </c>
      <c r="G1495">
        <v>0</v>
      </c>
      <c r="H1495">
        <v>0</v>
      </c>
      <c r="I1495">
        <v>0</v>
      </c>
      <c r="J1495">
        <v>0</v>
      </c>
      <c r="K1495">
        <v>0</v>
      </c>
      <c r="L1495">
        <v>0</v>
      </c>
      <c r="M1495">
        <v>0</v>
      </c>
      <c r="N1495">
        <v>0</v>
      </c>
      <c r="O1495">
        <v>0</v>
      </c>
      <c r="P1495">
        <v>0</v>
      </c>
      <c r="Q1495">
        <v>0</v>
      </c>
      <c r="R1495">
        <v>0</v>
      </c>
      <c r="S1495">
        <v>0</v>
      </c>
      <c r="T1495">
        <v>0</v>
      </c>
      <c r="U1495">
        <v>0</v>
      </c>
      <c r="V1495">
        <v>0</v>
      </c>
      <c r="W1495">
        <v>0</v>
      </c>
      <c r="X1495">
        <v>0</v>
      </c>
      <c r="Y1495">
        <v>29</v>
      </c>
      <c r="Z1495">
        <v>11</v>
      </c>
      <c r="AA1495">
        <v>147</v>
      </c>
      <c r="AB1495">
        <v>8</v>
      </c>
      <c r="AC1495">
        <v>19</v>
      </c>
      <c r="AD1495">
        <v>30</v>
      </c>
      <c r="AE1495">
        <v>60</v>
      </c>
      <c r="AF1495">
        <v>0</v>
      </c>
      <c r="AG1495">
        <v>50000</v>
      </c>
      <c r="AH1495">
        <v>0</v>
      </c>
      <c r="AI1495">
        <v>50000</v>
      </c>
      <c r="AJ1495">
        <v>0</v>
      </c>
      <c r="AK1495" t="s">
        <v>6</v>
      </c>
      <c r="AL1495">
        <v>0</v>
      </c>
      <c r="AM1495">
        <v>0</v>
      </c>
      <c r="AN1495">
        <v>0</v>
      </c>
      <c r="AO1495">
        <v>0</v>
      </c>
      <c r="AP1495">
        <v>0</v>
      </c>
      <c r="AQ1495">
        <v>0</v>
      </c>
      <c r="AR1495">
        <v>0</v>
      </c>
      <c r="AS1495">
        <v>0</v>
      </c>
      <c r="AT1495">
        <v>0</v>
      </c>
      <c r="AU1495">
        <v>0</v>
      </c>
      <c r="AV1495">
        <v>0</v>
      </c>
      <c r="AW1495">
        <v>0</v>
      </c>
      <c r="AX1495">
        <v>0</v>
      </c>
      <c r="AY1495">
        <v>0</v>
      </c>
      <c r="AZ1495">
        <v>0</v>
      </c>
      <c r="BA1495">
        <v>0</v>
      </c>
    </row>
    <row r="1496" spans="1:53" x14ac:dyDescent="0.4">
      <c r="A1496">
        <v>1540</v>
      </c>
      <c r="B1496" s="1">
        <v>43296</v>
      </c>
      <c r="C1496">
        <v>2</v>
      </c>
      <c r="D1496" s="1">
        <v>43296.40625</v>
      </c>
      <c r="E1496" s="1">
        <v>43296.738888888889</v>
      </c>
      <c r="F1496">
        <v>46500</v>
      </c>
      <c r="G1496">
        <v>4080</v>
      </c>
      <c r="H1496">
        <v>0</v>
      </c>
      <c r="I1496">
        <v>0</v>
      </c>
      <c r="J1496">
        <v>0</v>
      </c>
      <c r="K1496">
        <v>0</v>
      </c>
      <c r="L1496">
        <v>0</v>
      </c>
      <c r="M1496">
        <v>4045</v>
      </c>
      <c r="N1496">
        <v>0</v>
      </c>
      <c r="O1496">
        <v>0</v>
      </c>
      <c r="P1496">
        <v>19980</v>
      </c>
      <c r="Q1496">
        <v>0</v>
      </c>
      <c r="R1496">
        <v>74605</v>
      </c>
      <c r="S1496">
        <v>0</v>
      </c>
      <c r="T1496">
        <v>0</v>
      </c>
      <c r="U1496">
        <v>0</v>
      </c>
      <c r="V1496">
        <v>0</v>
      </c>
      <c r="W1496">
        <v>2</v>
      </c>
      <c r="X1496">
        <v>0</v>
      </c>
      <c r="Y1496">
        <v>69</v>
      </c>
      <c r="Z1496">
        <v>40</v>
      </c>
      <c r="AA1496">
        <v>188</v>
      </c>
      <c r="AB1496">
        <v>10</v>
      </c>
      <c r="AC1496">
        <v>73</v>
      </c>
      <c r="AD1496">
        <v>37</v>
      </c>
      <c r="AE1496">
        <v>58</v>
      </c>
      <c r="AF1496">
        <v>5332</v>
      </c>
      <c r="AG1496">
        <v>124605</v>
      </c>
      <c r="AH1496">
        <v>50000</v>
      </c>
      <c r="AI1496">
        <v>0</v>
      </c>
      <c r="AJ1496">
        <v>96</v>
      </c>
      <c r="AK1496" t="s">
        <v>4</v>
      </c>
      <c r="AL1496">
        <v>0</v>
      </c>
      <c r="AM1496">
        <v>0</v>
      </c>
      <c r="AN1496">
        <v>0</v>
      </c>
      <c r="AO1496">
        <v>0</v>
      </c>
      <c r="AP1496">
        <v>0</v>
      </c>
      <c r="AQ1496">
        <v>0</v>
      </c>
      <c r="AR1496">
        <v>0</v>
      </c>
      <c r="AS1496">
        <v>0</v>
      </c>
      <c r="AT1496">
        <v>0</v>
      </c>
      <c r="AU1496">
        <v>0</v>
      </c>
      <c r="AV1496">
        <v>0</v>
      </c>
      <c r="AW1496">
        <v>0</v>
      </c>
      <c r="AX1496">
        <v>540</v>
      </c>
      <c r="AY1496">
        <v>52</v>
      </c>
      <c r="AZ1496">
        <v>121</v>
      </c>
      <c r="BA1496">
        <v>7605</v>
      </c>
    </row>
    <row r="1497" spans="1:53" x14ac:dyDescent="0.4">
      <c r="A1497">
        <v>1541</v>
      </c>
      <c r="B1497" s="1">
        <v>43296</v>
      </c>
      <c r="C1497">
        <v>3</v>
      </c>
      <c r="D1497" s="1">
        <v>43296.738888888889</v>
      </c>
      <c r="E1497" s="1">
        <v>43296.944444444445</v>
      </c>
      <c r="F1497">
        <v>51500</v>
      </c>
      <c r="G1497">
        <v>2130</v>
      </c>
      <c r="H1497">
        <v>0</v>
      </c>
      <c r="I1497">
        <v>0</v>
      </c>
      <c r="J1497">
        <v>0</v>
      </c>
      <c r="K1497">
        <v>0</v>
      </c>
      <c r="L1497">
        <v>0</v>
      </c>
      <c r="M1497">
        <v>4290</v>
      </c>
      <c r="N1497">
        <v>0</v>
      </c>
      <c r="O1497">
        <v>0</v>
      </c>
      <c r="P1497">
        <v>-10476</v>
      </c>
      <c r="Q1497">
        <v>0</v>
      </c>
      <c r="R1497">
        <v>47444</v>
      </c>
      <c r="S1497">
        <v>0</v>
      </c>
      <c r="T1497">
        <v>0</v>
      </c>
      <c r="U1497">
        <v>0</v>
      </c>
      <c r="V1497">
        <v>3</v>
      </c>
      <c r="W1497">
        <v>3</v>
      </c>
      <c r="X1497">
        <v>0</v>
      </c>
      <c r="Y1497">
        <v>77</v>
      </c>
      <c r="Z1497">
        <v>38</v>
      </c>
      <c r="AA1497">
        <v>199</v>
      </c>
      <c r="AB1497">
        <v>10</v>
      </c>
      <c r="AC1497">
        <v>76</v>
      </c>
      <c r="AD1497">
        <v>38</v>
      </c>
      <c r="AE1497">
        <v>47</v>
      </c>
      <c r="AF1497">
        <v>9652</v>
      </c>
      <c r="AG1497">
        <v>172049</v>
      </c>
      <c r="AH1497">
        <v>50000</v>
      </c>
      <c r="AI1497">
        <v>0</v>
      </c>
      <c r="AJ1497">
        <v>99</v>
      </c>
      <c r="AK1497" t="s">
        <v>9</v>
      </c>
      <c r="AL1497">
        <v>0</v>
      </c>
      <c r="AM1497">
        <v>0</v>
      </c>
      <c r="AN1497">
        <v>0</v>
      </c>
      <c r="AO1497">
        <v>0</v>
      </c>
      <c r="AP1497">
        <v>0</v>
      </c>
      <c r="AQ1497">
        <v>0</v>
      </c>
      <c r="AR1497">
        <v>0</v>
      </c>
      <c r="AS1497">
        <v>0</v>
      </c>
      <c r="AT1497">
        <v>0</v>
      </c>
      <c r="AU1497">
        <v>0</v>
      </c>
      <c r="AV1497">
        <v>0</v>
      </c>
      <c r="AW1497">
        <v>0</v>
      </c>
      <c r="AX1497">
        <v>27641</v>
      </c>
      <c r="AY1497">
        <v>22</v>
      </c>
      <c r="AZ1497">
        <v>60</v>
      </c>
      <c r="BA1497">
        <v>3570</v>
      </c>
    </row>
    <row r="1498" spans="1:53" x14ac:dyDescent="0.4">
      <c r="A1498">
        <v>1542</v>
      </c>
      <c r="B1498" s="1">
        <v>43297</v>
      </c>
      <c r="C1498">
        <v>1</v>
      </c>
      <c r="D1498" s="1">
        <v>43297.291666666664</v>
      </c>
      <c r="E1498" s="1">
        <v>43297.40625</v>
      </c>
      <c r="F1498">
        <v>0</v>
      </c>
      <c r="G1498">
        <v>0</v>
      </c>
      <c r="H1498">
        <v>0</v>
      </c>
      <c r="I1498">
        <v>0</v>
      </c>
      <c r="J1498">
        <v>0</v>
      </c>
      <c r="K1498">
        <v>0</v>
      </c>
      <c r="L1498">
        <v>0</v>
      </c>
      <c r="M1498">
        <v>0</v>
      </c>
      <c r="N1498">
        <v>0</v>
      </c>
      <c r="O1498">
        <v>0</v>
      </c>
      <c r="P1498">
        <v>0</v>
      </c>
      <c r="Q1498">
        <v>0</v>
      </c>
      <c r="R1498">
        <v>0</v>
      </c>
      <c r="S1498">
        <v>0</v>
      </c>
      <c r="T1498">
        <v>0</v>
      </c>
      <c r="U1498">
        <v>0</v>
      </c>
      <c r="V1498">
        <v>0</v>
      </c>
      <c r="W1498">
        <v>0</v>
      </c>
      <c r="X1498">
        <v>0</v>
      </c>
      <c r="Y1498">
        <v>30</v>
      </c>
      <c r="Z1498">
        <v>10</v>
      </c>
      <c r="AA1498">
        <v>137</v>
      </c>
      <c r="AB1498">
        <v>6</v>
      </c>
      <c r="AC1498">
        <v>76</v>
      </c>
      <c r="AD1498">
        <v>39</v>
      </c>
      <c r="AE1498">
        <v>45</v>
      </c>
      <c r="AF1498">
        <v>0</v>
      </c>
      <c r="AG1498">
        <v>50000</v>
      </c>
      <c r="AH1498">
        <v>0</v>
      </c>
      <c r="AI1498">
        <v>50000</v>
      </c>
      <c r="AJ1498">
        <v>0</v>
      </c>
      <c r="AK1498" t="s">
        <v>6</v>
      </c>
      <c r="AL1498">
        <v>0</v>
      </c>
      <c r="AM1498">
        <v>0</v>
      </c>
      <c r="AN1498">
        <v>0</v>
      </c>
      <c r="AO1498">
        <v>0</v>
      </c>
      <c r="AP1498">
        <v>0</v>
      </c>
      <c r="AQ1498">
        <v>0</v>
      </c>
      <c r="AR1498">
        <v>0</v>
      </c>
      <c r="AS1498">
        <v>0</v>
      </c>
      <c r="AT1498">
        <v>0</v>
      </c>
      <c r="AU1498">
        <v>0</v>
      </c>
      <c r="AV1498">
        <v>0</v>
      </c>
      <c r="AW1498">
        <v>0</v>
      </c>
      <c r="AX1498">
        <v>0</v>
      </c>
      <c r="AY1498">
        <v>0</v>
      </c>
      <c r="AZ1498">
        <v>0</v>
      </c>
      <c r="BA1498">
        <v>0</v>
      </c>
    </row>
    <row r="1499" spans="1:53" x14ac:dyDescent="0.4">
      <c r="A1499">
        <v>1543</v>
      </c>
      <c r="B1499" s="1">
        <v>43297</v>
      </c>
      <c r="C1499">
        <v>2</v>
      </c>
      <c r="D1499" s="1">
        <v>43297.40625</v>
      </c>
      <c r="E1499" s="1">
        <v>43297.742361111108</v>
      </c>
      <c r="F1499">
        <v>45500</v>
      </c>
      <c r="G1499">
        <v>2680</v>
      </c>
      <c r="H1499">
        <v>0</v>
      </c>
      <c r="I1499">
        <v>0</v>
      </c>
      <c r="J1499">
        <v>0</v>
      </c>
      <c r="K1499">
        <v>0</v>
      </c>
      <c r="L1499">
        <v>0</v>
      </c>
      <c r="M1499">
        <v>3853</v>
      </c>
      <c r="N1499">
        <v>0</v>
      </c>
      <c r="O1499">
        <v>0</v>
      </c>
      <c r="P1499">
        <v>19980</v>
      </c>
      <c r="Q1499">
        <v>0</v>
      </c>
      <c r="R1499">
        <v>72013</v>
      </c>
      <c r="S1499">
        <v>0</v>
      </c>
      <c r="T1499">
        <v>0</v>
      </c>
      <c r="U1499">
        <v>0</v>
      </c>
      <c r="V1499">
        <v>1</v>
      </c>
      <c r="W1499">
        <v>1</v>
      </c>
      <c r="X1499">
        <v>0</v>
      </c>
      <c r="Y1499">
        <v>71</v>
      </c>
      <c r="Z1499">
        <v>41</v>
      </c>
      <c r="AA1499">
        <v>135</v>
      </c>
      <c r="AB1499">
        <v>9</v>
      </c>
      <c r="AC1499">
        <v>127</v>
      </c>
      <c r="AD1499">
        <v>48</v>
      </c>
      <c r="AE1499">
        <v>53</v>
      </c>
      <c r="AF1499">
        <v>0</v>
      </c>
      <c r="AG1499">
        <v>122013</v>
      </c>
      <c r="AH1499">
        <v>50000</v>
      </c>
      <c r="AI1499">
        <v>0</v>
      </c>
      <c r="AJ1499">
        <v>96</v>
      </c>
      <c r="AK1499" t="s">
        <v>4</v>
      </c>
      <c r="AL1499">
        <v>0</v>
      </c>
      <c r="AM1499">
        <v>0</v>
      </c>
      <c r="AN1499">
        <v>0</v>
      </c>
      <c r="AO1499">
        <v>0</v>
      </c>
      <c r="AP1499">
        <v>0</v>
      </c>
      <c r="AQ1499">
        <v>0</v>
      </c>
      <c r="AR1499">
        <v>0</v>
      </c>
      <c r="AS1499">
        <v>0</v>
      </c>
      <c r="AT1499">
        <v>0</v>
      </c>
      <c r="AU1499">
        <v>0</v>
      </c>
      <c r="AV1499">
        <v>0</v>
      </c>
      <c r="AW1499">
        <v>0</v>
      </c>
      <c r="AX1499">
        <v>-1426</v>
      </c>
      <c r="AY1499">
        <v>48</v>
      </c>
      <c r="AZ1499">
        <v>117</v>
      </c>
      <c r="BA1499">
        <v>7526</v>
      </c>
    </row>
    <row r="1500" spans="1:53" x14ac:dyDescent="0.4">
      <c r="A1500">
        <v>1544</v>
      </c>
      <c r="B1500" s="1">
        <v>43297</v>
      </c>
      <c r="C1500">
        <v>3</v>
      </c>
      <c r="D1500" s="1">
        <v>43297.742361111108</v>
      </c>
      <c r="E1500" s="1">
        <v>43297.95208333333</v>
      </c>
      <c r="F1500">
        <v>34040</v>
      </c>
      <c r="G1500">
        <v>1740</v>
      </c>
      <c r="H1500">
        <v>0</v>
      </c>
      <c r="I1500">
        <v>0</v>
      </c>
      <c r="J1500">
        <v>500</v>
      </c>
      <c r="K1500">
        <v>0</v>
      </c>
      <c r="L1500">
        <v>0</v>
      </c>
      <c r="M1500">
        <v>2822</v>
      </c>
      <c r="N1500">
        <v>0</v>
      </c>
      <c r="O1500">
        <v>0</v>
      </c>
      <c r="P1500">
        <v>-19980</v>
      </c>
      <c r="Q1500">
        <v>0</v>
      </c>
      <c r="R1500">
        <v>18122</v>
      </c>
      <c r="S1500">
        <v>0</v>
      </c>
      <c r="T1500">
        <v>0</v>
      </c>
      <c r="U1500">
        <v>0</v>
      </c>
      <c r="V1500">
        <v>5</v>
      </c>
      <c r="W1500">
        <v>0</v>
      </c>
      <c r="X1500">
        <v>0</v>
      </c>
      <c r="Y1500">
        <v>56</v>
      </c>
      <c r="Z1500">
        <v>39</v>
      </c>
      <c r="AA1500">
        <v>127</v>
      </c>
      <c r="AB1500">
        <v>7</v>
      </c>
      <c r="AC1500">
        <v>129</v>
      </c>
      <c r="AD1500">
        <v>47</v>
      </c>
      <c r="AE1500">
        <v>60</v>
      </c>
      <c r="AF1500">
        <v>0</v>
      </c>
      <c r="AG1500">
        <v>140135</v>
      </c>
      <c r="AH1500">
        <v>50000</v>
      </c>
      <c r="AI1500">
        <v>0</v>
      </c>
      <c r="AJ1500">
        <v>100</v>
      </c>
      <c r="AK1500" t="s">
        <v>0</v>
      </c>
      <c r="AL1500">
        <v>0</v>
      </c>
      <c r="AM1500">
        <v>0</v>
      </c>
      <c r="AN1500">
        <v>0</v>
      </c>
      <c r="AO1500">
        <v>0</v>
      </c>
      <c r="AP1500">
        <v>0</v>
      </c>
      <c r="AQ1500">
        <v>0</v>
      </c>
      <c r="AR1500">
        <v>0</v>
      </c>
      <c r="AS1500">
        <v>0</v>
      </c>
      <c r="AT1500">
        <v>0</v>
      </c>
      <c r="AU1500">
        <v>0</v>
      </c>
      <c r="AV1500">
        <v>0</v>
      </c>
      <c r="AW1500">
        <v>0</v>
      </c>
      <c r="AX1500">
        <v>7625</v>
      </c>
      <c r="AY1500">
        <v>11</v>
      </c>
      <c r="AZ1500">
        <v>24</v>
      </c>
      <c r="BA1500">
        <v>2646</v>
      </c>
    </row>
    <row r="1501" spans="1:53" x14ac:dyDescent="0.4">
      <c r="A1501">
        <v>1545</v>
      </c>
      <c r="B1501" s="1">
        <v>43298</v>
      </c>
      <c r="C1501">
        <v>1</v>
      </c>
      <c r="D1501" s="1">
        <v>43298.291666666664</v>
      </c>
      <c r="E1501" s="1">
        <v>43298.45208333333</v>
      </c>
      <c r="F1501">
        <v>0</v>
      </c>
      <c r="G1501">
        <v>0</v>
      </c>
      <c r="H1501">
        <v>0</v>
      </c>
      <c r="I1501">
        <v>0</v>
      </c>
      <c r="J1501">
        <v>0</v>
      </c>
      <c r="K1501">
        <v>0</v>
      </c>
      <c r="L1501">
        <v>0</v>
      </c>
      <c r="M1501">
        <v>0</v>
      </c>
      <c r="N1501">
        <v>0</v>
      </c>
      <c r="O1501">
        <v>0</v>
      </c>
      <c r="P1501">
        <v>0</v>
      </c>
      <c r="Q1501">
        <v>0</v>
      </c>
      <c r="R1501">
        <v>0</v>
      </c>
      <c r="S1501">
        <v>0</v>
      </c>
      <c r="T1501">
        <v>0</v>
      </c>
      <c r="U1501">
        <v>0</v>
      </c>
      <c r="V1501">
        <v>0</v>
      </c>
      <c r="W1501">
        <v>0</v>
      </c>
      <c r="X1501">
        <v>0</v>
      </c>
      <c r="Y1501">
        <v>37</v>
      </c>
      <c r="Z1501">
        <v>8</v>
      </c>
      <c r="AA1501">
        <v>70</v>
      </c>
      <c r="AB1501">
        <v>8</v>
      </c>
      <c r="AC1501">
        <v>131</v>
      </c>
      <c r="AD1501">
        <v>45</v>
      </c>
      <c r="AE1501">
        <v>65</v>
      </c>
      <c r="AF1501">
        <v>0</v>
      </c>
      <c r="AG1501">
        <v>50000</v>
      </c>
      <c r="AH1501">
        <v>0</v>
      </c>
      <c r="AI1501">
        <v>50000</v>
      </c>
      <c r="AJ1501">
        <v>0</v>
      </c>
      <c r="AK1501" t="s">
        <v>6</v>
      </c>
      <c r="AL1501">
        <v>0</v>
      </c>
      <c r="AM1501">
        <v>0</v>
      </c>
      <c r="AN1501">
        <v>0</v>
      </c>
      <c r="AO1501">
        <v>0</v>
      </c>
      <c r="AP1501">
        <v>0</v>
      </c>
      <c r="AQ1501">
        <v>0</v>
      </c>
      <c r="AR1501">
        <v>0</v>
      </c>
      <c r="AS1501">
        <v>0</v>
      </c>
      <c r="AT1501">
        <v>0</v>
      </c>
      <c r="AU1501">
        <v>0</v>
      </c>
      <c r="AV1501">
        <v>0</v>
      </c>
      <c r="AW1501">
        <v>0</v>
      </c>
      <c r="AX1501">
        <v>0</v>
      </c>
      <c r="AY1501">
        <v>0</v>
      </c>
      <c r="AZ1501">
        <v>0</v>
      </c>
      <c r="BA1501">
        <v>0</v>
      </c>
    </row>
    <row r="1502" spans="1:53" x14ac:dyDescent="0.4">
      <c r="A1502">
        <v>1546</v>
      </c>
      <c r="B1502" s="1">
        <v>43298</v>
      </c>
      <c r="C1502">
        <v>2</v>
      </c>
      <c r="D1502" s="1">
        <v>43298.45208333333</v>
      </c>
      <c r="E1502" s="1">
        <v>43298.736111111109</v>
      </c>
      <c r="F1502">
        <v>14000</v>
      </c>
      <c r="G1502">
        <v>760</v>
      </c>
      <c r="H1502">
        <v>0</v>
      </c>
      <c r="I1502">
        <v>0</v>
      </c>
      <c r="J1502">
        <v>0</v>
      </c>
      <c r="K1502">
        <v>0</v>
      </c>
      <c r="L1502">
        <v>0</v>
      </c>
      <c r="M1502">
        <v>1180</v>
      </c>
      <c r="N1502">
        <v>0</v>
      </c>
      <c r="O1502">
        <v>0</v>
      </c>
      <c r="P1502">
        <v>17820</v>
      </c>
      <c r="Q1502">
        <v>0</v>
      </c>
      <c r="R1502">
        <v>33760</v>
      </c>
      <c r="S1502">
        <v>0</v>
      </c>
      <c r="T1502">
        <v>0</v>
      </c>
      <c r="U1502">
        <v>0</v>
      </c>
      <c r="V1502">
        <v>0</v>
      </c>
      <c r="W1502">
        <v>0</v>
      </c>
      <c r="X1502">
        <v>0</v>
      </c>
      <c r="Y1502">
        <v>64</v>
      </c>
      <c r="Z1502">
        <v>19</v>
      </c>
      <c r="AA1502">
        <v>68</v>
      </c>
      <c r="AB1502">
        <v>14</v>
      </c>
      <c r="AC1502">
        <v>191</v>
      </c>
      <c r="AD1502">
        <v>47</v>
      </c>
      <c r="AE1502">
        <v>75</v>
      </c>
      <c r="AF1502">
        <v>540</v>
      </c>
      <c r="AG1502">
        <v>83760</v>
      </c>
      <c r="AH1502">
        <v>50000</v>
      </c>
      <c r="AI1502">
        <v>0</v>
      </c>
      <c r="AJ1502">
        <v>96</v>
      </c>
      <c r="AK1502" t="s">
        <v>4</v>
      </c>
      <c r="AL1502">
        <v>0</v>
      </c>
      <c r="AM1502">
        <v>0</v>
      </c>
      <c r="AN1502">
        <v>0</v>
      </c>
      <c r="AO1502">
        <v>0</v>
      </c>
      <c r="AP1502">
        <v>0</v>
      </c>
      <c r="AQ1502">
        <v>0</v>
      </c>
      <c r="AR1502">
        <v>0</v>
      </c>
      <c r="AS1502">
        <v>0</v>
      </c>
      <c r="AT1502">
        <v>0</v>
      </c>
      <c r="AU1502">
        <v>0</v>
      </c>
      <c r="AV1502">
        <v>0</v>
      </c>
      <c r="AW1502">
        <v>0</v>
      </c>
      <c r="AX1502">
        <v>0</v>
      </c>
      <c r="AY1502">
        <v>36</v>
      </c>
      <c r="AZ1502">
        <v>61</v>
      </c>
      <c r="BA1502">
        <v>4760</v>
      </c>
    </row>
    <row r="1503" spans="1:53" x14ac:dyDescent="0.4">
      <c r="A1503">
        <v>1547</v>
      </c>
      <c r="B1503" s="1">
        <v>43298</v>
      </c>
      <c r="C1503">
        <v>3</v>
      </c>
      <c r="D1503" s="1">
        <v>43298.736111111109</v>
      </c>
      <c r="E1503" s="1">
        <v>43298.95208333333</v>
      </c>
      <c r="F1503">
        <v>20000</v>
      </c>
      <c r="G1503">
        <v>500</v>
      </c>
      <c r="H1503">
        <v>0</v>
      </c>
      <c r="I1503">
        <v>0</v>
      </c>
      <c r="J1503">
        <v>0</v>
      </c>
      <c r="K1503">
        <v>0</v>
      </c>
      <c r="L1503">
        <v>0</v>
      </c>
      <c r="M1503">
        <v>1640</v>
      </c>
      <c r="N1503">
        <v>0</v>
      </c>
      <c r="O1503">
        <v>0</v>
      </c>
      <c r="P1503">
        <v>-2052</v>
      </c>
      <c r="Q1503">
        <v>0</v>
      </c>
      <c r="R1503">
        <v>20088</v>
      </c>
      <c r="S1503">
        <v>0</v>
      </c>
      <c r="T1503">
        <v>0</v>
      </c>
      <c r="U1503">
        <v>0</v>
      </c>
      <c r="V1503">
        <v>0</v>
      </c>
      <c r="W1503">
        <v>1</v>
      </c>
      <c r="X1503">
        <v>0</v>
      </c>
      <c r="Y1503">
        <v>77</v>
      </c>
      <c r="Z1503">
        <v>23</v>
      </c>
      <c r="AA1503">
        <v>63</v>
      </c>
      <c r="AB1503">
        <v>20</v>
      </c>
      <c r="AC1503">
        <v>220</v>
      </c>
      <c r="AD1503">
        <v>47</v>
      </c>
      <c r="AE1503">
        <v>73</v>
      </c>
      <c r="AF1503">
        <v>540</v>
      </c>
      <c r="AG1503">
        <v>103848</v>
      </c>
      <c r="AH1503">
        <v>50000</v>
      </c>
      <c r="AI1503">
        <v>0</v>
      </c>
      <c r="AJ1503">
        <v>100</v>
      </c>
      <c r="AK1503" t="s">
        <v>0</v>
      </c>
      <c r="AL1503">
        <v>0</v>
      </c>
      <c r="AM1503">
        <v>0</v>
      </c>
      <c r="AN1503">
        <v>0</v>
      </c>
      <c r="AO1503">
        <v>0</v>
      </c>
      <c r="AP1503">
        <v>0</v>
      </c>
      <c r="AQ1503">
        <v>0</v>
      </c>
      <c r="AR1503">
        <v>0</v>
      </c>
      <c r="AS1503">
        <v>0</v>
      </c>
      <c r="AT1503">
        <v>0</v>
      </c>
      <c r="AU1503">
        <v>0</v>
      </c>
      <c r="AV1503">
        <v>0</v>
      </c>
      <c r="AW1503">
        <v>0</v>
      </c>
      <c r="AX1503">
        <v>14005</v>
      </c>
      <c r="AY1503">
        <v>9</v>
      </c>
      <c r="AZ1503">
        <v>34</v>
      </c>
      <c r="BA1503">
        <v>2108</v>
      </c>
    </row>
    <row r="1504" spans="1:53" x14ac:dyDescent="0.4">
      <c r="A1504">
        <v>1548</v>
      </c>
      <c r="B1504" s="1">
        <v>43299</v>
      </c>
      <c r="C1504">
        <v>1</v>
      </c>
      <c r="D1504" s="1">
        <v>43299.291666666664</v>
      </c>
      <c r="E1504" s="1">
        <v>43299.447916666664</v>
      </c>
      <c r="F1504">
        <v>0</v>
      </c>
      <c r="G1504">
        <v>0</v>
      </c>
      <c r="H1504">
        <v>0</v>
      </c>
      <c r="I1504">
        <v>0</v>
      </c>
      <c r="J1504">
        <v>0</v>
      </c>
      <c r="K1504">
        <v>0</v>
      </c>
      <c r="L1504">
        <v>0</v>
      </c>
      <c r="M1504">
        <v>0</v>
      </c>
      <c r="N1504">
        <v>0</v>
      </c>
      <c r="O1504">
        <v>0</v>
      </c>
      <c r="P1504">
        <v>0</v>
      </c>
      <c r="Q1504">
        <v>0</v>
      </c>
      <c r="R1504">
        <v>0</v>
      </c>
      <c r="S1504">
        <v>0</v>
      </c>
      <c r="T1504">
        <v>0</v>
      </c>
      <c r="U1504">
        <v>0</v>
      </c>
      <c r="V1504">
        <v>0</v>
      </c>
      <c r="W1504">
        <v>0</v>
      </c>
      <c r="X1504">
        <v>0</v>
      </c>
      <c r="Y1504">
        <v>36</v>
      </c>
      <c r="Z1504">
        <v>12</v>
      </c>
      <c r="AA1504">
        <v>55</v>
      </c>
      <c r="AB1504">
        <v>19</v>
      </c>
      <c r="AC1504">
        <v>126</v>
      </c>
      <c r="AD1504">
        <v>45</v>
      </c>
      <c r="AE1504">
        <v>65</v>
      </c>
      <c r="AF1504">
        <v>0</v>
      </c>
      <c r="AG1504">
        <v>50000</v>
      </c>
      <c r="AH1504">
        <v>0</v>
      </c>
      <c r="AI1504">
        <v>50000</v>
      </c>
      <c r="AJ1504">
        <v>0</v>
      </c>
      <c r="AK1504" t="s">
        <v>6</v>
      </c>
      <c r="AL1504">
        <v>0</v>
      </c>
      <c r="AM1504">
        <v>0</v>
      </c>
      <c r="AN1504">
        <v>0</v>
      </c>
      <c r="AO1504">
        <v>0</v>
      </c>
      <c r="AP1504">
        <v>0</v>
      </c>
      <c r="AQ1504">
        <v>0</v>
      </c>
      <c r="AR1504">
        <v>0</v>
      </c>
      <c r="AS1504">
        <v>0</v>
      </c>
      <c r="AT1504">
        <v>0</v>
      </c>
      <c r="AU1504">
        <v>0</v>
      </c>
      <c r="AV1504">
        <v>0</v>
      </c>
      <c r="AW1504">
        <v>0</v>
      </c>
      <c r="AX1504">
        <v>0</v>
      </c>
      <c r="AY1504">
        <v>0</v>
      </c>
      <c r="AZ1504">
        <v>0</v>
      </c>
      <c r="BA1504">
        <v>0</v>
      </c>
    </row>
    <row r="1505" spans="1:53" x14ac:dyDescent="0.4">
      <c r="A1505">
        <v>1549</v>
      </c>
      <c r="B1505" s="1">
        <v>43299</v>
      </c>
      <c r="C1505">
        <v>2</v>
      </c>
      <c r="D1505" s="1">
        <v>43299.447916666664</v>
      </c>
      <c r="E1505" s="1">
        <v>43299.746527777781</v>
      </c>
      <c r="F1505">
        <v>14500</v>
      </c>
      <c r="G1505">
        <v>680</v>
      </c>
      <c r="H1505">
        <v>0</v>
      </c>
      <c r="I1505">
        <v>0</v>
      </c>
      <c r="J1505">
        <v>0</v>
      </c>
      <c r="K1505">
        <v>0</v>
      </c>
      <c r="L1505">
        <v>0</v>
      </c>
      <c r="M1505">
        <v>1214</v>
      </c>
      <c r="N1505">
        <v>0</v>
      </c>
      <c r="O1505">
        <v>0</v>
      </c>
      <c r="P1505">
        <v>16200</v>
      </c>
      <c r="Q1505">
        <v>0</v>
      </c>
      <c r="R1505">
        <v>32594</v>
      </c>
      <c r="S1505">
        <v>0</v>
      </c>
      <c r="T1505">
        <v>0</v>
      </c>
      <c r="U1505">
        <v>0</v>
      </c>
      <c r="V1505">
        <v>1</v>
      </c>
      <c r="W1505">
        <v>0</v>
      </c>
      <c r="X1505">
        <v>0</v>
      </c>
      <c r="Y1505">
        <v>58</v>
      </c>
      <c r="Z1505">
        <v>15</v>
      </c>
      <c r="AA1505">
        <v>38</v>
      </c>
      <c r="AB1505">
        <v>15</v>
      </c>
      <c r="AC1505">
        <v>171</v>
      </c>
      <c r="AD1505">
        <v>45</v>
      </c>
      <c r="AE1505">
        <v>69</v>
      </c>
      <c r="AF1505">
        <v>540</v>
      </c>
      <c r="AG1505">
        <v>82594</v>
      </c>
      <c r="AH1505">
        <v>50000</v>
      </c>
      <c r="AI1505">
        <v>0</v>
      </c>
      <c r="AJ1505">
        <v>106</v>
      </c>
      <c r="AK1505" t="s">
        <v>29</v>
      </c>
      <c r="AL1505">
        <v>0</v>
      </c>
      <c r="AM1505">
        <v>0</v>
      </c>
      <c r="AN1505">
        <v>0</v>
      </c>
      <c r="AO1505">
        <v>0</v>
      </c>
      <c r="AP1505">
        <v>0</v>
      </c>
      <c r="AQ1505">
        <v>0</v>
      </c>
      <c r="AR1505">
        <v>0</v>
      </c>
      <c r="AS1505">
        <v>0</v>
      </c>
      <c r="AT1505">
        <v>0</v>
      </c>
      <c r="AU1505">
        <v>0</v>
      </c>
      <c r="AV1505">
        <v>0</v>
      </c>
      <c r="AW1505">
        <v>0</v>
      </c>
      <c r="AX1505">
        <v>798</v>
      </c>
      <c r="AY1505">
        <v>34</v>
      </c>
      <c r="AZ1505">
        <v>59</v>
      </c>
      <c r="BA1505">
        <v>4422</v>
      </c>
    </row>
    <row r="1506" spans="1:53" x14ac:dyDescent="0.4">
      <c r="A1506">
        <v>1550</v>
      </c>
      <c r="B1506" s="1">
        <v>43299</v>
      </c>
      <c r="C1506">
        <v>3</v>
      </c>
      <c r="D1506" s="1">
        <v>43299.746527777781</v>
      </c>
      <c r="E1506" s="1">
        <v>43299.956944444442</v>
      </c>
      <c r="F1506">
        <v>22260</v>
      </c>
      <c r="G1506">
        <v>3300</v>
      </c>
      <c r="H1506">
        <v>0</v>
      </c>
      <c r="I1506">
        <v>0</v>
      </c>
      <c r="J1506">
        <v>0</v>
      </c>
      <c r="K1506">
        <v>0</v>
      </c>
      <c r="L1506">
        <v>0</v>
      </c>
      <c r="M1506">
        <v>2044</v>
      </c>
      <c r="N1506">
        <v>0</v>
      </c>
      <c r="O1506">
        <v>0</v>
      </c>
      <c r="P1506">
        <v>-11016</v>
      </c>
      <c r="Q1506">
        <v>0</v>
      </c>
      <c r="R1506">
        <v>16588</v>
      </c>
      <c r="S1506">
        <v>0</v>
      </c>
      <c r="T1506">
        <v>0</v>
      </c>
      <c r="U1506">
        <v>0</v>
      </c>
      <c r="V1506">
        <v>2</v>
      </c>
      <c r="W1506">
        <v>0</v>
      </c>
      <c r="X1506">
        <v>0</v>
      </c>
      <c r="Y1506">
        <v>64</v>
      </c>
      <c r="Z1506">
        <v>16</v>
      </c>
      <c r="AA1506">
        <v>38</v>
      </c>
      <c r="AB1506">
        <v>14</v>
      </c>
      <c r="AC1506">
        <v>185</v>
      </c>
      <c r="AD1506">
        <v>44</v>
      </c>
      <c r="AE1506">
        <v>72</v>
      </c>
      <c r="AF1506">
        <v>540</v>
      </c>
      <c r="AG1506">
        <v>99182</v>
      </c>
      <c r="AH1506">
        <v>50000</v>
      </c>
      <c r="AI1506">
        <v>0</v>
      </c>
      <c r="AJ1506">
        <v>100</v>
      </c>
      <c r="AK1506" t="s">
        <v>0</v>
      </c>
      <c r="AL1506">
        <v>0</v>
      </c>
      <c r="AM1506">
        <v>0</v>
      </c>
      <c r="AN1506">
        <v>0</v>
      </c>
      <c r="AO1506">
        <v>0</v>
      </c>
      <c r="AP1506">
        <v>0</v>
      </c>
      <c r="AQ1506">
        <v>0</v>
      </c>
      <c r="AR1506">
        <v>0</v>
      </c>
      <c r="AS1506">
        <v>0</v>
      </c>
      <c r="AT1506">
        <v>0</v>
      </c>
      <c r="AU1506">
        <v>0</v>
      </c>
      <c r="AV1506">
        <v>0</v>
      </c>
      <c r="AW1506">
        <v>0</v>
      </c>
      <c r="AX1506">
        <v>51138</v>
      </c>
      <c r="AY1506">
        <v>10</v>
      </c>
      <c r="AZ1506">
        <v>43</v>
      </c>
      <c r="BA1506">
        <v>2063</v>
      </c>
    </row>
    <row r="1507" spans="1:53" x14ac:dyDescent="0.4">
      <c r="A1507">
        <v>1551</v>
      </c>
      <c r="B1507" s="1">
        <v>43299</v>
      </c>
      <c r="C1507">
        <v>4</v>
      </c>
      <c r="D1507" s="1">
        <v>43299.956944444442</v>
      </c>
      <c r="E1507" s="1">
        <v>43300.143750000003</v>
      </c>
      <c r="F1507">
        <v>75200</v>
      </c>
      <c r="G1507">
        <v>2150</v>
      </c>
      <c r="H1507">
        <v>0</v>
      </c>
      <c r="I1507">
        <v>0</v>
      </c>
      <c r="J1507">
        <v>0</v>
      </c>
      <c r="K1507">
        <v>4760</v>
      </c>
      <c r="L1507">
        <v>0</v>
      </c>
      <c r="M1507">
        <v>6569</v>
      </c>
      <c r="N1507">
        <v>0</v>
      </c>
      <c r="O1507">
        <v>0</v>
      </c>
      <c r="P1507">
        <v>8208</v>
      </c>
      <c r="Q1507">
        <v>0</v>
      </c>
      <c r="R1507">
        <v>96887</v>
      </c>
      <c r="S1507">
        <v>0</v>
      </c>
      <c r="T1507">
        <v>0</v>
      </c>
      <c r="U1507">
        <v>0</v>
      </c>
      <c r="V1507">
        <v>9</v>
      </c>
      <c r="W1507">
        <v>3</v>
      </c>
      <c r="X1507">
        <v>0</v>
      </c>
      <c r="Y1507">
        <v>74</v>
      </c>
      <c r="Z1507">
        <v>15</v>
      </c>
      <c r="AA1507">
        <v>33</v>
      </c>
      <c r="AB1507">
        <v>13</v>
      </c>
      <c r="AC1507">
        <v>189</v>
      </c>
      <c r="AD1507">
        <v>41</v>
      </c>
      <c r="AE1507">
        <v>68</v>
      </c>
      <c r="AF1507">
        <v>3456</v>
      </c>
      <c r="AG1507">
        <v>196069</v>
      </c>
      <c r="AH1507">
        <v>50000</v>
      </c>
      <c r="AI1507">
        <v>0</v>
      </c>
      <c r="AJ1507">
        <v>100</v>
      </c>
      <c r="AK1507" t="s">
        <v>0</v>
      </c>
      <c r="AL1507">
        <v>0</v>
      </c>
      <c r="AM1507">
        <v>0</v>
      </c>
      <c r="AN1507">
        <v>0</v>
      </c>
      <c r="AO1507">
        <v>0</v>
      </c>
      <c r="AP1507">
        <v>0</v>
      </c>
      <c r="AQ1507">
        <v>0</v>
      </c>
      <c r="AR1507">
        <v>0</v>
      </c>
      <c r="AS1507">
        <v>0</v>
      </c>
      <c r="AT1507">
        <v>0</v>
      </c>
      <c r="AU1507">
        <v>0</v>
      </c>
      <c r="AV1507">
        <v>0</v>
      </c>
      <c r="AW1507">
        <v>0</v>
      </c>
      <c r="AX1507">
        <v>2840</v>
      </c>
      <c r="AY1507">
        <v>8</v>
      </c>
      <c r="AZ1507">
        <v>18</v>
      </c>
      <c r="BA1507">
        <v>1532</v>
      </c>
    </row>
    <row r="1508" spans="1:53" x14ac:dyDescent="0.4">
      <c r="A1508">
        <v>1552</v>
      </c>
      <c r="B1508" s="1">
        <v>43300</v>
      </c>
      <c r="C1508">
        <v>1</v>
      </c>
      <c r="D1508" s="1">
        <v>43300.291666666664</v>
      </c>
      <c r="E1508" s="1">
        <v>43300.449305555558</v>
      </c>
      <c r="F1508">
        <v>0</v>
      </c>
      <c r="G1508">
        <v>0</v>
      </c>
      <c r="H1508">
        <v>0</v>
      </c>
      <c r="I1508">
        <v>0</v>
      </c>
      <c r="J1508">
        <v>0</v>
      </c>
      <c r="K1508">
        <v>0</v>
      </c>
      <c r="L1508">
        <v>0</v>
      </c>
      <c r="M1508">
        <v>0</v>
      </c>
      <c r="N1508">
        <v>0</v>
      </c>
      <c r="O1508">
        <v>0</v>
      </c>
      <c r="P1508">
        <v>0</v>
      </c>
      <c r="Q1508">
        <v>0</v>
      </c>
      <c r="R1508">
        <v>0</v>
      </c>
      <c r="S1508">
        <v>0</v>
      </c>
      <c r="T1508">
        <v>0</v>
      </c>
      <c r="U1508">
        <v>0</v>
      </c>
      <c r="V1508">
        <v>0</v>
      </c>
      <c r="W1508">
        <v>0</v>
      </c>
      <c r="X1508">
        <v>0</v>
      </c>
      <c r="Y1508">
        <v>37</v>
      </c>
      <c r="Z1508">
        <v>16</v>
      </c>
      <c r="AA1508">
        <v>27</v>
      </c>
      <c r="AB1508">
        <v>13</v>
      </c>
      <c r="AC1508">
        <v>137</v>
      </c>
      <c r="AD1508">
        <v>42</v>
      </c>
      <c r="AE1508">
        <v>70</v>
      </c>
      <c r="AF1508">
        <v>0</v>
      </c>
      <c r="AG1508">
        <v>50000</v>
      </c>
      <c r="AH1508">
        <v>0</v>
      </c>
      <c r="AI1508">
        <v>50000</v>
      </c>
      <c r="AJ1508">
        <v>0</v>
      </c>
      <c r="AK1508" t="s">
        <v>6</v>
      </c>
      <c r="AL1508">
        <v>0</v>
      </c>
      <c r="AM1508">
        <v>0</v>
      </c>
      <c r="AN1508">
        <v>0</v>
      </c>
      <c r="AO1508">
        <v>0</v>
      </c>
      <c r="AP1508">
        <v>0</v>
      </c>
      <c r="AQ1508">
        <v>0</v>
      </c>
      <c r="AR1508">
        <v>0</v>
      </c>
      <c r="AS1508">
        <v>0</v>
      </c>
      <c r="AT1508">
        <v>0</v>
      </c>
      <c r="AU1508">
        <v>0</v>
      </c>
      <c r="AV1508">
        <v>0</v>
      </c>
      <c r="AW1508">
        <v>0</v>
      </c>
      <c r="AX1508">
        <v>0</v>
      </c>
      <c r="AY1508">
        <v>0</v>
      </c>
      <c r="AZ1508">
        <v>0</v>
      </c>
      <c r="BA1508">
        <v>0</v>
      </c>
    </row>
    <row r="1509" spans="1:53" x14ac:dyDescent="0.4">
      <c r="A1509">
        <v>1553</v>
      </c>
      <c r="B1509" s="1">
        <v>43300</v>
      </c>
      <c r="C1509">
        <v>2</v>
      </c>
      <c r="D1509" s="1">
        <v>43300.449305555558</v>
      </c>
      <c r="E1509" s="1">
        <v>43300.738888888889</v>
      </c>
      <c r="F1509">
        <v>15000</v>
      </c>
      <c r="G1509">
        <v>680</v>
      </c>
      <c r="H1509">
        <v>0</v>
      </c>
      <c r="I1509">
        <v>0</v>
      </c>
      <c r="J1509">
        <v>0</v>
      </c>
      <c r="K1509">
        <v>0</v>
      </c>
      <c r="L1509">
        <v>0</v>
      </c>
      <c r="M1509">
        <v>1254</v>
      </c>
      <c r="N1509">
        <v>0</v>
      </c>
      <c r="O1509">
        <v>0</v>
      </c>
      <c r="P1509">
        <v>12420</v>
      </c>
      <c r="Q1509">
        <v>0</v>
      </c>
      <c r="R1509">
        <v>29354</v>
      </c>
      <c r="S1509">
        <v>0</v>
      </c>
      <c r="T1509">
        <v>0</v>
      </c>
      <c r="U1509">
        <v>0</v>
      </c>
      <c r="V1509">
        <v>1</v>
      </c>
      <c r="W1509">
        <v>0</v>
      </c>
      <c r="X1509">
        <v>0</v>
      </c>
      <c r="Y1509">
        <v>48</v>
      </c>
      <c r="Z1509">
        <v>19</v>
      </c>
      <c r="AA1509">
        <v>22</v>
      </c>
      <c r="AB1509">
        <v>19</v>
      </c>
      <c r="AC1509">
        <v>201</v>
      </c>
      <c r="AD1509">
        <v>41</v>
      </c>
      <c r="AE1509">
        <v>71</v>
      </c>
      <c r="AF1509">
        <v>6418</v>
      </c>
      <c r="AG1509">
        <v>79354</v>
      </c>
      <c r="AH1509">
        <v>50000</v>
      </c>
      <c r="AI1509">
        <v>0</v>
      </c>
      <c r="AJ1509">
        <v>100</v>
      </c>
      <c r="AK1509" t="s">
        <v>0</v>
      </c>
      <c r="AL1509">
        <v>0</v>
      </c>
      <c r="AM1509">
        <v>0</v>
      </c>
      <c r="AN1509">
        <v>0</v>
      </c>
      <c r="AO1509">
        <v>0</v>
      </c>
      <c r="AP1509">
        <v>0</v>
      </c>
      <c r="AQ1509">
        <v>0</v>
      </c>
      <c r="AR1509">
        <v>0</v>
      </c>
      <c r="AS1509">
        <v>0</v>
      </c>
      <c r="AT1509">
        <v>0</v>
      </c>
      <c r="AU1509">
        <v>0</v>
      </c>
      <c r="AV1509">
        <v>0</v>
      </c>
      <c r="AW1509">
        <v>0</v>
      </c>
      <c r="AX1509">
        <v>-346</v>
      </c>
      <c r="AY1509">
        <v>29</v>
      </c>
      <c r="AZ1509">
        <v>53</v>
      </c>
      <c r="BA1509">
        <v>3969</v>
      </c>
    </row>
    <row r="1510" spans="1:53" x14ac:dyDescent="0.4">
      <c r="A1510">
        <v>1554</v>
      </c>
      <c r="B1510" s="1">
        <v>43301</v>
      </c>
      <c r="C1510">
        <v>1</v>
      </c>
      <c r="D1510" s="1">
        <v>43301.291666666664</v>
      </c>
      <c r="E1510" s="1">
        <v>43301.45416666667</v>
      </c>
      <c r="F1510">
        <v>0</v>
      </c>
      <c r="G1510">
        <v>0</v>
      </c>
      <c r="H1510">
        <v>0</v>
      </c>
      <c r="I1510">
        <v>0</v>
      </c>
      <c r="J1510">
        <v>0</v>
      </c>
      <c r="K1510">
        <v>0</v>
      </c>
      <c r="L1510">
        <v>0</v>
      </c>
      <c r="M1510">
        <v>0</v>
      </c>
      <c r="N1510">
        <v>0</v>
      </c>
      <c r="O1510">
        <v>0</v>
      </c>
      <c r="P1510">
        <v>0</v>
      </c>
      <c r="Q1510">
        <v>0</v>
      </c>
      <c r="R1510">
        <v>0</v>
      </c>
      <c r="S1510">
        <v>0</v>
      </c>
      <c r="T1510">
        <v>0</v>
      </c>
      <c r="U1510">
        <v>0</v>
      </c>
      <c r="V1510">
        <v>0</v>
      </c>
      <c r="W1510">
        <v>0</v>
      </c>
      <c r="X1510">
        <v>0</v>
      </c>
      <c r="Y1510">
        <v>25</v>
      </c>
      <c r="Z1510">
        <v>14</v>
      </c>
      <c r="AA1510">
        <v>125</v>
      </c>
      <c r="AB1510">
        <v>70</v>
      </c>
      <c r="AC1510">
        <v>134</v>
      </c>
      <c r="AD1510">
        <v>90</v>
      </c>
      <c r="AE1510">
        <v>210</v>
      </c>
      <c r="AF1510">
        <v>0</v>
      </c>
      <c r="AG1510">
        <v>50000</v>
      </c>
      <c r="AH1510">
        <v>0</v>
      </c>
      <c r="AI1510">
        <v>50000</v>
      </c>
      <c r="AJ1510">
        <v>0</v>
      </c>
      <c r="AK1510" t="s">
        <v>6</v>
      </c>
      <c r="AL1510">
        <v>0</v>
      </c>
      <c r="AM1510">
        <v>0</v>
      </c>
      <c r="AN1510">
        <v>0</v>
      </c>
      <c r="AO1510">
        <v>0</v>
      </c>
      <c r="AP1510">
        <v>0</v>
      </c>
      <c r="AQ1510">
        <v>0</v>
      </c>
      <c r="AR1510">
        <v>0</v>
      </c>
      <c r="AS1510">
        <v>0</v>
      </c>
      <c r="AT1510">
        <v>0</v>
      </c>
      <c r="AU1510">
        <v>0</v>
      </c>
      <c r="AV1510">
        <v>0</v>
      </c>
      <c r="AW1510">
        <v>0</v>
      </c>
      <c r="AX1510">
        <v>0</v>
      </c>
      <c r="AY1510">
        <v>0</v>
      </c>
      <c r="AZ1510">
        <v>0</v>
      </c>
      <c r="BA1510">
        <v>0</v>
      </c>
    </row>
    <row r="1511" spans="1:53" x14ac:dyDescent="0.4">
      <c r="A1511">
        <v>1555</v>
      </c>
      <c r="B1511" s="1">
        <v>43301</v>
      </c>
      <c r="C1511">
        <v>2</v>
      </c>
      <c r="D1511" s="1">
        <v>43301.45416666667</v>
      </c>
      <c r="E1511" s="1">
        <v>43301.740277777775</v>
      </c>
      <c r="F1511">
        <v>24000</v>
      </c>
      <c r="G1511">
        <v>880</v>
      </c>
      <c r="H1511">
        <v>0</v>
      </c>
      <c r="I1511">
        <v>0</v>
      </c>
      <c r="J1511">
        <v>0</v>
      </c>
      <c r="K1511">
        <v>0</v>
      </c>
      <c r="L1511">
        <v>0</v>
      </c>
      <c r="M1511">
        <v>1990</v>
      </c>
      <c r="N1511">
        <v>0</v>
      </c>
      <c r="O1511">
        <v>0</v>
      </c>
      <c r="P1511">
        <v>21600</v>
      </c>
      <c r="Q1511">
        <v>0</v>
      </c>
      <c r="R1511">
        <v>48470</v>
      </c>
      <c r="S1511">
        <v>0</v>
      </c>
      <c r="T1511">
        <v>0</v>
      </c>
      <c r="U1511">
        <v>0</v>
      </c>
      <c r="V1511">
        <v>0</v>
      </c>
      <c r="W1511">
        <v>1</v>
      </c>
      <c r="X1511">
        <v>0</v>
      </c>
      <c r="Y1511">
        <v>60</v>
      </c>
      <c r="Z1511">
        <v>31</v>
      </c>
      <c r="AA1511">
        <v>75</v>
      </c>
      <c r="AB1511">
        <v>63</v>
      </c>
      <c r="AC1511">
        <v>182</v>
      </c>
      <c r="AD1511">
        <v>99</v>
      </c>
      <c r="AE1511">
        <v>216</v>
      </c>
      <c r="AF1511">
        <v>4789</v>
      </c>
      <c r="AG1511">
        <v>98470</v>
      </c>
      <c r="AH1511">
        <v>50000</v>
      </c>
      <c r="AI1511">
        <v>0</v>
      </c>
      <c r="AJ1511">
        <v>96</v>
      </c>
      <c r="AK1511" t="s">
        <v>4</v>
      </c>
      <c r="AL1511">
        <v>0</v>
      </c>
      <c r="AM1511">
        <v>0</v>
      </c>
      <c r="AN1511">
        <v>0</v>
      </c>
      <c r="AO1511">
        <v>0</v>
      </c>
      <c r="AP1511">
        <v>0</v>
      </c>
      <c r="AQ1511">
        <v>0</v>
      </c>
      <c r="AR1511">
        <v>0</v>
      </c>
      <c r="AS1511">
        <v>0</v>
      </c>
      <c r="AT1511">
        <v>0</v>
      </c>
      <c r="AU1511">
        <v>0</v>
      </c>
      <c r="AV1511">
        <v>0</v>
      </c>
      <c r="AW1511">
        <v>0</v>
      </c>
      <c r="AX1511">
        <v>734</v>
      </c>
      <c r="AY1511">
        <v>37</v>
      </c>
      <c r="AZ1511">
        <v>85</v>
      </c>
      <c r="BA1511">
        <v>6018</v>
      </c>
    </row>
    <row r="1512" spans="1:53" x14ac:dyDescent="0.4">
      <c r="A1512">
        <v>1556</v>
      </c>
      <c r="B1512" s="1">
        <v>43301</v>
      </c>
      <c r="C1512">
        <v>3</v>
      </c>
      <c r="D1512" s="1">
        <v>43301.740277777775</v>
      </c>
      <c r="E1512" s="1">
        <v>43301.965277777781</v>
      </c>
      <c r="F1512">
        <v>101400</v>
      </c>
      <c r="G1512">
        <v>2910</v>
      </c>
      <c r="H1512">
        <v>0</v>
      </c>
      <c r="I1512">
        <v>0</v>
      </c>
      <c r="J1512">
        <v>0</v>
      </c>
      <c r="K1512">
        <v>0</v>
      </c>
      <c r="L1512">
        <v>0</v>
      </c>
      <c r="M1512">
        <v>8344</v>
      </c>
      <c r="N1512">
        <v>0</v>
      </c>
      <c r="O1512">
        <v>0</v>
      </c>
      <c r="P1512">
        <v>-8640</v>
      </c>
      <c r="Q1512">
        <v>0</v>
      </c>
      <c r="R1512">
        <v>104014</v>
      </c>
      <c r="S1512">
        <v>0</v>
      </c>
      <c r="T1512">
        <v>0</v>
      </c>
      <c r="U1512">
        <v>0</v>
      </c>
      <c r="V1512">
        <v>5</v>
      </c>
      <c r="W1512">
        <v>5</v>
      </c>
      <c r="X1512">
        <v>0</v>
      </c>
      <c r="Y1512">
        <v>75</v>
      </c>
      <c r="Z1512">
        <v>31</v>
      </c>
      <c r="AA1512">
        <v>56</v>
      </c>
      <c r="AB1512">
        <v>58</v>
      </c>
      <c r="AC1512">
        <v>182</v>
      </c>
      <c r="AD1512">
        <v>94</v>
      </c>
      <c r="AE1512">
        <v>205</v>
      </c>
      <c r="AF1512">
        <v>20989</v>
      </c>
      <c r="AG1512">
        <v>197484</v>
      </c>
      <c r="AH1512">
        <v>50000</v>
      </c>
      <c r="AI1512">
        <v>-5000</v>
      </c>
      <c r="AJ1512">
        <v>108</v>
      </c>
      <c r="AK1512" t="s">
        <v>30</v>
      </c>
      <c r="AL1512">
        <v>0</v>
      </c>
      <c r="AM1512">
        <v>0</v>
      </c>
      <c r="AN1512">
        <v>0</v>
      </c>
      <c r="AO1512">
        <v>0</v>
      </c>
      <c r="AP1512">
        <v>0</v>
      </c>
      <c r="AQ1512">
        <v>0</v>
      </c>
      <c r="AR1512">
        <v>0</v>
      </c>
      <c r="AS1512">
        <v>0</v>
      </c>
      <c r="AT1512">
        <v>0</v>
      </c>
      <c r="AU1512">
        <v>0</v>
      </c>
      <c r="AV1512">
        <v>0</v>
      </c>
      <c r="AW1512">
        <v>0</v>
      </c>
      <c r="AX1512">
        <v>171568</v>
      </c>
      <c r="AY1512">
        <v>32</v>
      </c>
      <c r="AZ1512">
        <v>190</v>
      </c>
      <c r="BA1512">
        <v>3581</v>
      </c>
    </row>
    <row r="1513" spans="1:53" x14ac:dyDescent="0.4">
      <c r="A1513">
        <v>1557</v>
      </c>
      <c r="B1513" s="1">
        <v>43302</v>
      </c>
      <c r="C1513">
        <v>1</v>
      </c>
      <c r="D1513" s="1">
        <v>43302.291666666664</v>
      </c>
      <c r="E1513" s="1">
        <v>43302.398611111108</v>
      </c>
      <c r="F1513">
        <v>0</v>
      </c>
      <c r="G1513">
        <v>0</v>
      </c>
      <c r="H1513">
        <v>0</v>
      </c>
      <c r="I1513">
        <v>0</v>
      </c>
      <c r="J1513">
        <v>0</v>
      </c>
      <c r="K1513">
        <v>0</v>
      </c>
      <c r="L1513">
        <v>0</v>
      </c>
      <c r="M1513">
        <v>0</v>
      </c>
      <c r="N1513">
        <v>0</v>
      </c>
      <c r="O1513">
        <v>0</v>
      </c>
      <c r="P1513">
        <v>0</v>
      </c>
      <c r="Q1513">
        <v>0</v>
      </c>
      <c r="R1513">
        <v>0</v>
      </c>
      <c r="S1513">
        <v>0</v>
      </c>
      <c r="T1513">
        <v>0</v>
      </c>
      <c r="U1513">
        <v>0</v>
      </c>
      <c r="V1513">
        <v>0</v>
      </c>
      <c r="W1513">
        <v>0</v>
      </c>
      <c r="X1513">
        <v>0</v>
      </c>
      <c r="Y1513">
        <v>31</v>
      </c>
      <c r="Z1513">
        <v>22</v>
      </c>
      <c r="AA1513">
        <v>35</v>
      </c>
      <c r="AB1513">
        <v>52</v>
      </c>
      <c r="AC1513">
        <v>122</v>
      </c>
      <c r="AD1513">
        <v>97</v>
      </c>
      <c r="AE1513">
        <v>195</v>
      </c>
      <c r="AF1513">
        <v>0</v>
      </c>
      <c r="AG1513">
        <v>50000</v>
      </c>
      <c r="AH1513">
        <v>0</v>
      </c>
      <c r="AI1513">
        <v>50000</v>
      </c>
      <c r="AJ1513">
        <v>0</v>
      </c>
      <c r="AK1513" t="s">
        <v>6</v>
      </c>
      <c r="AL1513">
        <v>0</v>
      </c>
      <c r="AM1513">
        <v>0</v>
      </c>
      <c r="AN1513">
        <v>0</v>
      </c>
      <c r="AO1513">
        <v>0</v>
      </c>
      <c r="AP1513">
        <v>0</v>
      </c>
      <c r="AQ1513">
        <v>0</v>
      </c>
      <c r="AR1513">
        <v>0</v>
      </c>
      <c r="AS1513">
        <v>0</v>
      </c>
      <c r="AT1513">
        <v>0</v>
      </c>
      <c r="AU1513">
        <v>0</v>
      </c>
      <c r="AV1513">
        <v>0</v>
      </c>
      <c r="AW1513">
        <v>0</v>
      </c>
      <c r="AX1513">
        <v>0</v>
      </c>
      <c r="AY1513">
        <v>0</v>
      </c>
      <c r="AZ1513">
        <v>0</v>
      </c>
      <c r="BA1513">
        <v>0</v>
      </c>
    </row>
    <row r="1514" spans="1:53" x14ac:dyDescent="0.4">
      <c r="A1514">
        <v>1558</v>
      </c>
      <c r="B1514" s="1">
        <v>43302</v>
      </c>
      <c r="C1514">
        <v>2</v>
      </c>
      <c r="D1514" s="1">
        <v>43302.398611111108</v>
      </c>
      <c r="E1514" s="1">
        <v>43302.400000000001</v>
      </c>
      <c r="F1514">
        <v>0</v>
      </c>
      <c r="G1514">
        <v>0</v>
      </c>
      <c r="H1514">
        <v>0</v>
      </c>
      <c r="I1514">
        <v>0</v>
      </c>
      <c r="J1514">
        <v>0</v>
      </c>
      <c r="K1514">
        <v>0</v>
      </c>
      <c r="L1514">
        <v>0</v>
      </c>
      <c r="M1514">
        <v>0</v>
      </c>
      <c r="N1514">
        <v>0</v>
      </c>
      <c r="O1514">
        <v>0</v>
      </c>
      <c r="P1514">
        <v>0</v>
      </c>
      <c r="Q1514">
        <v>0</v>
      </c>
      <c r="R1514">
        <v>0</v>
      </c>
      <c r="S1514">
        <v>0</v>
      </c>
      <c r="T1514">
        <v>0</v>
      </c>
      <c r="U1514">
        <v>0</v>
      </c>
      <c r="V1514">
        <v>0</v>
      </c>
      <c r="W1514">
        <v>0</v>
      </c>
      <c r="X1514">
        <v>0</v>
      </c>
      <c r="Y1514">
        <v>31</v>
      </c>
      <c r="Z1514">
        <v>22</v>
      </c>
      <c r="AA1514">
        <v>35</v>
      </c>
      <c r="AB1514">
        <v>52</v>
      </c>
      <c r="AC1514">
        <v>122</v>
      </c>
      <c r="AD1514">
        <v>97</v>
      </c>
      <c r="AE1514">
        <v>195</v>
      </c>
      <c r="AF1514">
        <v>0</v>
      </c>
      <c r="AG1514">
        <v>50000</v>
      </c>
      <c r="AH1514">
        <v>50000</v>
      </c>
      <c r="AI1514">
        <v>0</v>
      </c>
      <c r="AJ1514">
        <v>0</v>
      </c>
      <c r="AK1514" t="s">
        <v>6</v>
      </c>
      <c r="AL1514">
        <v>0</v>
      </c>
      <c r="AM1514">
        <v>0</v>
      </c>
      <c r="AN1514">
        <v>0</v>
      </c>
      <c r="AO1514">
        <v>0</v>
      </c>
      <c r="AP1514">
        <v>0</v>
      </c>
      <c r="AQ1514">
        <v>0</v>
      </c>
      <c r="AR1514">
        <v>0</v>
      </c>
      <c r="AS1514">
        <v>0</v>
      </c>
      <c r="AT1514">
        <v>0</v>
      </c>
      <c r="AU1514">
        <v>0</v>
      </c>
      <c r="AV1514">
        <v>0</v>
      </c>
      <c r="AW1514">
        <v>0</v>
      </c>
      <c r="AX1514">
        <v>0</v>
      </c>
      <c r="AY1514">
        <v>0</v>
      </c>
      <c r="AZ1514">
        <v>0</v>
      </c>
      <c r="BA1514">
        <v>0</v>
      </c>
    </row>
    <row r="1515" spans="1:53" x14ac:dyDescent="0.4">
      <c r="A1515">
        <v>1559</v>
      </c>
      <c r="B1515" s="1">
        <v>43302</v>
      </c>
      <c r="C1515">
        <v>3</v>
      </c>
      <c r="D1515" s="1">
        <v>43302.400000000001</v>
      </c>
      <c r="E1515" s="1">
        <v>43302.738888888889</v>
      </c>
      <c r="F1515">
        <v>47500</v>
      </c>
      <c r="G1515">
        <v>5160</v>
      </c>
      <c r="H1515">
        <v>0</v>
      </c>
      <c r="I1515">
        <v>0</v>
      </c>
      <c r="J1515">
        <v>0</v>
      </c>
      <c r="K1515">
        <v>0</v>
      </c>
      <c r="L1515">
        <v>0</v>
      </c>
      <c r="M1515">
        <v>4212</v>
      </c>
      <c r="N1515">
        <v>0</v>
      </c>
      <c r="O1515">
        <v>0</v>
      </c>
      <c r="P1515">
        <v>15660</v>
      </c>
      <c r="Q1515">
        <v>0</v>
      </c>
      <c r="R1515">
        <v>72532</v>
      </c>
      <c r="S1515">
        <v>0</v>
      </c>
      <c r="T1515">
        <v>0</v>
      </c>
      <c r="U1515">
        <v>0</v>
      </c>
      <c r="V1515">
        <v>2</v>
      </c>
      <c r="W1515">
        <v>0</v>
      </c>
      <c r="X1515">
        <v>0</v>
      </c>
      <c r="Y1515">
        <v>76</v>
      </c>
      <c r="Z1515">
        <v>30</v>
      </c>
      <c r="AA1515">
        <v>61</v>
      </c>
      <c r="AB1515">
        <v>51</v>
      </c>
      <c r="AC1515">
        <v>220</v>
      </c>
      <c r="AD1515">
        <v>98</v>
      </c>
      <c r="AE1515">
        <v>192</v>
      </c>
      <c r="AF1515">
        <v>0</v>
      </c>
      <c r="AG1515">
        <v>122532</v>
      </c>
      <c r="AH1515">
        <v>50000</v>
      </c>
      <c r="AI1515">
        <v>0</v>
      </c>
      <c r="AJ1515">
        <v>92</v>
      </c>
      <c r="AK1515" t="s">
        <v>22</v>
      </c>
      <c r="AL1515">
        <v>0</v>
      </c>
      <c r="AM1515">
        <v>0</v>
      </c>
      <c r="AN1515">
        <v>0</v>
      </c>
      <c r="AO1515">
        <v>0</v>
      </c>
      <c r="AP1515">
        <v>0</v>
      </c>
      <c r="AQ1515">
        <v>0</v>
      </c>
      <c r="AR1515">
        <v>0</v>
      </c>
      <c r="AS1515">
        <v>0</v>
      </c>
      <c r="AT1515">
        <v>0</v>
      </c>
      <c r="AU1515">
        <v>0</v>
      </c>
      <c r="AV1515">
        <v>0</v>
      </c>
      <c r="AW1515">
        <v>0</v>
      </c>
      <c r="AX1515">
        <v>-346</v>
      </c>
      <c r="AY1515">
        <v>52</v>
      </c>
      <c r="AZ1515">
        <v>124</v>
      </c>
      <c r="BA1515">
        <v>7363</v>
      </c>
    </row>
    <row r="1516" spans="1:53" x14ac:dyDescent="0.4">
      <c r="A1516">
        <v>1560</v>
      </c>
      <c r="B1516" s="1">
        <v>43303</v>
      </c>
      <c r="C1516">
        <v>1</v>
      </c>
      <c r="D1516" s="1">
        <v>43303.291666666664</v>
      </c>
      <c r="E1516" s="1">
        <v>43303.412499999999</v>
      </c>
      <c r="F1516">
        <v>0</v>
      </c>
      <c r="G1516">
        <v>0</v>
      </c>
      <c r="H1516">
        <v>0</v>
      </c>
      <c r="I1516">
        <v>0</v>
      </c>
      <c r="J1516">
        <v>0</v>
      </c>
      <c r="K1516">
        <v>0</v>
      </c>
      <c r="L1516">
        <v>0</v>
      </c>
      <c r="M1516">
        <v>0</v>
      </c>
      <c r="N1516">
        <v>0</v>
      </c>
      <c r="O1516">
        <v>0</v>
      </c>
      <c r="P1516">
        <v>0</v>
      </c>
      <c r="Q1516">
        <v>0</v>
      </c>
      <c r="R1516">
        <v>0</v>
      </c>
      <c r="S1516">
        <v>0</v>
      </c>
      <c r="T1516">
        <v>0</v>
      </c>
      <c r="U1516">
        <v>0</v>
      </c>
      <c r="V1516">
        <v>0</v>
      </c>
      <c r="W1516">
        <v>0</v>
      </c>
      <c r="X1516">
        <v>0</v>
      </c>
      <c r="Y1516">
        <v>35</v>
      </c>
      <c r="Z1516">
        <v>16</v>
      </c>
      <c r="AA1516">
        <v>32</v>
      </c>
      <c r="AB1516">
        <v>44</v>
      </c>
      <c r="AC1516">
        <v>103</v>
      </c>
      <c r="AD1516">
        <v>83</v>
      </c>
      <c r="AE1516">
        <v>155</v>
      </c>
      <c r="AF1516">
        <v>0</v>
      </c>
      <c r="AG1516">
        <v>50000</v>
      </c>
      <c r="AH1516">
        <v>0</v>
      </c>
      <c r="AI1516">
        <v>50000</v>
      </c>
      <c r="AJ1516">
        <v>0</v>
      </c>
      <c r="AK1516" t="s">
        <v>6</v>
      </c>
      <c r="AL1516">
        <v>0</v>
      </c>
      <c r="AM1516">
        <v>0</v>
      </c>
      <c r="AN1516">
        <v>0</v>
      </c>
      <c r="AO1516">
        <v>0</v>
      </c>
      <c r="AP1516">
        <v>0</v>
      </c>
      <c r="AQ1516">
        <v>0</v>
      </c>
      <c r="AR1516">
        <v>0</v>
      </c>
      <c r="AS1516">
        <v>0</v>
      </c>
      <c r="AT1516">
        <v>0</v>
      </c>
      <c r="AU1516">
        <v>0</v>
      </c>
      <c r="AV1516">
        <v>0</v>
      </c>
      <c r="AW1516">
        <v>0</v>
      </c>
      <c r="AX1516">
        <v>0</v>
      </c>
      <c r="AY1516">
        <v>0</v>
      </c>
      <c r="AZ1516">
        <v>0</v>
      </c>
      <c r="BA1516">
        <v>0</v>
      </c>
    </row>
    <row r="1517" spans="1:53" x14ac:dyDescent="0.4">
      <c r="A1517">
        <v>1561</v>
      </c>
      <c r="B1517" s="1">
        <v>43303</v>
      </c>
      <c r="C1517">
        <v>2</v>
      </c>
      <c r="D1517" s="1">
        <v>43303.412499999999</v>
      </c>
      <c r="E1517" s="1">
        <v>43303.745138888888</v>
      </c>
      <c r="F1517">
        <v>46750</v>
      </c>
      <c r="G1517">
        <v>5660</v>
      </c>
      <c r="H1517">
        <v>0</v>
      </c>
      <c r="I1517">
        <v>0</v>
      </c>
      <c r="J1517">
        <v>0</v>
      </c>
      <c r="K1517">
        <v>0</v>
      </c>
      <c r="L1517">
        <v>0</v>
      </c>
      <c r="M1517">
        <v>4191</v>
      </c>
      <c r="N1517">
        <v>0</v>
      </c>
      <c r="O1517">
        <v>0</v>
      </c>
      <c r="P1517">
        <v>28933</v>
      </c>
      <c r="Q1517">
        <v>0</v>
      </c>
      <c r="R1517">
        <v>85534</v>
      </c>
      <c r="S1517">
        <v>0</v>
      </c>
      <c r="T1517">
        <v>0</v>
      </c>
      <c r="U1517">
        <v>0</v>
      </c>
      <c r="V1517">
        <v>2</v>
      </c>
      <c r="W1517">
        <v>3</v>
      </c>
      <c r="X1517">
        <v>0</v>
      </c>
      <c r="Y1517">
        <v>73</v>
      </c>
      <c r="Z1517">
        <v>34</v>
      </c>
      <c r="AA1517">
        <v>47</v>
      </c>
      <c r="AB1517">
        <v>37</v>
      </c>
      <c r="AC1517">
        <v>254</v>
      </c>
      <c r="AD1517">
        <v>91</v>
      </c>
      <c r="AE1517">
        <v>179</v>
      </c>
      <c r="AF1517">
        <v>810</v>
      </c>
      <c r="AG1517">
        <v>135534</v>
      </c>
      <c r="AH1517">
        <v>50000</v>
      </c>
      <c r="AI1517">
        <v>0</v>
      </c>
      <c r="AJ1517">
        <v>92</v>
      </c>
      <c r="AK1517" t="s">
        <v>22</v>
      </c>
      <c r="AL1517">
        <v>0</v>
      </c>
      <c r="AM1517">
        <v>0</v>
      </c>
      <c r="AN1517">
        <v>0</v>
      </c>
      <c r="AO1517">
        <v>0</v>
      </c>
      <c r="AP1517">
        <v>0</v>
      </c>
      <c r="AQ1517">
        <v>0</v>
      </c>
      <c r="AR1517">
        <v>0</v>
      </c>
      <c r="AS1517">
        <v>0</v>
      </c>
      <c r="AT1517">
        <v>0</v>
      </c>
      <c r="AU1517">
        <v>0</v>
      </c>
      <c r="AV1517">
        <v>0</v>
      </c>
      <c r="AW1517">
        <v>0</v>
      </c>
      <c r="AX1517">
        <v>1901</v>
      </c>
      <c r="AY1517">
        <v>48</v>
      </c>
      <c r="AZ1517">
        <v>129</v>
      </c>
      <c r="BA1517">
        <v>7292</v>
      </c>
    </row>
    <row r="1518" spans="1:53" x14ac:dyDescent="0.4">
      <c r="A1518">
        <v>1562</v>
      </c>
      <c r="B1518" s="1">
        <v>43304</v>
      </c>
      <c r="C1518">
        <v>1</v>
      </c>
      <c r="D1518" s="1">
        <v>43304.291666666664</v>
      </c>
      <c r="E1518" s="1">
        <v>43304.40347222222</v>
      </c>
      <c r="F1518">
        <v>0</v>
      </c>
      <c r="G1518">
        <v>0</v>
      </c>
      <c r="H1518">
        <v>0</v>
      </c>
      <c r="I1518">
        <v>0</v>
      </c>
      <c r="J1518">
        <v>0</v>
      </c>
      <c r="K1518">
        <v>0</v>
      </c>
      <c r="L1518">
        <v>0</v>
      </c>
      <c r="M1518">
        <v>0</v>
      </c>
      <c r="N1518">
        <v>0</v>
      </c>
      <c r="O1518">
        <v>0</v>
      </c>
      <c r="P1518">
        <v>0</v>
      </c>
      <c r="Q1518">
        <v>0</v>
      </c>
      <c r="R1518">
        <v>0</v>
      </c>
      <c r="S1518">
        <v>0</v>
      </c>
      <c r="T1518">
        <v>0</v>
      </c>
      <c r="U1518">
        <v>0</v>
      </c>
      <c r="V1518">
        <v>0</v>
      </c>
      <c r="W1518">
        <v>0</v>
      </c>
      <c r="X1518">
        <v>0</v>
      </c>
      <c r="Y1518">
        <v>30</v>
      </c>
      <c r="Z1518">
        <v>21</v>
      </c>
      <c r="AA1518">
        <v>58</v>
      </c>
      <c r="AB1518">
        <v>39</v>
      </c>
      <c r="AC1518">
        <v>114</v>
      </c>
      <c r="AD1518">
        <v>86</v>
      </c>
      <c r="AE1518">
        <v>180</v>
      </c>
      <c r="AF1518">
        <v>0</v>
      </c>
      <c r="AG1518">
        <v>50000</v>
      </c>
      <c r="AH1518">
        <v>0</v>
      </c>
      <c r="AI1518">
        <v>50000</v>
      </c>
      <c r="AJ1518">
        <v>0</v>
      </c>
      <c r="AK1518" t="s">
        <v>6</v>
      </c>
      <c r="AL1518">
        <v>0</v>
      </c>
      <c r="AM1518">
        <v>0</v>
      </c>
      <c r="AN1518">
        <v>0</v>
      </c>
      <c r="AO1518">
        <v>0</v>
      </c>
      <c r="AP1518">
        <v>0</v>
      </c>
      <c r="AQ1518">
        <v>0</v>
      </c>
      <c r="AR1518">
        <v>0</v>
      </c>
      <c r="AS1518">
        <v>0</v>
      </c>
      <c r="AT1518">
        <v>0</v>
      </c>
      <c r="AU1518">
        <v>0</v>
      </c>
      <c r="AV1518">
        <v>0</v>
      </c>
      <c r="AW1518">
        <v>0</v>
      </c>
      <c r="AX1518">
        <v>0</v>
      </c>
      <c r="AY1518">
        <v>0</v>
      </c>
      <c r="AZ1518">
        <v>0</v>
      </c>
      <c r="BA1518">
        <v>0</v>
      </c>
    </row>
    <row r="1519" spans="1:53" x14ac:dyDescent="0.4">
      <c r="A1519">
        <v>1563</v>
      </c>
      <c r="B1519" s="1">
        <v>43304</v>
      </c>
      <c r="C1519">
        <v>2</v>
      </c>
      <c r="D1519" s="1">
        <v>43304.40347222222</v>
      </c>
      <c r="E1519" s="1">
        <v>43304.745138888888</v>
      </c>
      <c r="F1519">
        <v>18500</v>
      </c>
      <c r="G1519">
        <v>2400</v>
      </c>
      <c r="H1519">
        <v>0</v>
      </c>
      <c r="I1519">
        <v>0</v>
      </c>
      <c r="J1519">
        <v>0</v>
      </c>
      <c r="K1519">
        <v>0</v>
      </c>
      <c r="L1519">
        <v>0</v>
      </c>
      <c r="M1519">
        <v>1671</v>
      </c>
      <c r="N1519">
        <v>0</v>
      </c>
      <c r="O1519">
        <v>0</v>
      </c>
      <c r="P1519">
        <v>7020</v>
      </c>
      <c r="Q1519">
        <v>0</v>
      </c>
      <c r="R1519">
        <v>29591</v>
      </c>
      <c r="S1519">
        <v>0</v>
      </c>
      <c r="T1519">
        <v>0</v>
      </c>
      <c r="U1519">
        <v>0</v>
      </c>
      <c r="V1519">
        <v>0</v>
      </c>
      <c r="W1519">
        <v>1</v>
      </c>
      <c r="X1519">
        <v>0</v>
      </c>
      <c r="Y1519">
        <v>48</v>
      </c>
      <c r="Z1519">
        <v>29</v>
      </c>
      <c r="AA1519">
        <v>59</v>
      </c>
      <c r="AB1519">
        <v>41</v>
      </c>
      <c r="AC1519">
        <v>164</v>
      </c>
      <c r="AD1519">
        <v>86</v>
      </c>
      <c r="AE1519">
        <v>187</v>
      </c>
      <c r="AF1519">
        <v>1884</v>
      </c>
      <c r="AG1519">
        <v>79591</v>
      </c>
      <c r="AH1519">
        <v>50000</v>
      </c>
      <c r="AI1519">
        <v>0</v>
      </c>
      <c r="AJ1519">
        <v>102</v>
      </c>
      <c r="AK1519" t="s">
        <v>8</v>
      </c>
      <c r="AL1519">
        <v>0</v>
      </c>
      <c r="AM1519">
        <v>0</v>
      </c>
      <c r="AN1519">
        <v>0</v>
      </c>
      <c r="AO1519">
        <v>0</v>
      </c>
      <c r="AP1519">
        <v>0</v>
      </c>
      <c r="AQ1519">
        <v>0</v>
      </c>
      <c r="AR1519">
        <v>0</v>
      </c>
      <c r="AS1519">
        <v>0</v>
      </c>
      <c r="AT1519">
        <v>0</v>
      </c>
      <c r="AU1519">
        <v>0</v>
      </c>
      <c r="AV1519">
        <v>0</v>
      </c>
      <c r="AW1519">
        <v>0</v>
      </c>
      <c r="AX1519">
        <v>0</v>
      </c>
      <c r="AY1519">
        <v>18</v>
      </c>
      <c r="AZ1519">
        <v>51</v>
      </c>
      <c r="BA1519">
        <v>2681</v>
      </c>
    </row>
    <row r="1520" spans="1:53" x14ac:dyDescent="0.4">
      <c r="A1520">
        <v>1564</v>
      </c>
      <c r="B1520" s="1">
        <v>43304</v>
      </c>
      <c r="C1520">
        <v>3</v>
      </c>
      <c r="D1520" s="1">
        <v>43304.745138888888</v>
      </c>
      <c r="E1520" s="1">
        <v>43304.960416666669</v>
      </c>
      <c r="F1520">
        <v>14600</v>
      </c>
      <c r="G1520">
        <v>1950</v>
      </c>
      <c r="H1520">
        <v>0</v>
      </c>
      <c r="I1520">
        <v>0</v>
      </c>
      <c r="J1520">
        <v>0</v>
      </c>
      <c r="K1520">
        <v>0</v>
      </c>
      <c r="L1520">
        <v>0</v>
      </c>
      <c r="M1520">
        <v>1324</v>
      </c>
      <c r="N1520">
        <v>0</v>
      </c>
      <c r="O1520">
        <v>0</v>
      </c>
      <c r="P1520">
        <v>-7020</v>
      </c>
      <c r="Q1520">
        <v>0</v>
      </c>
      <c r="R1520">
        <v>10854</v>
      </c>
      <c r="S1520">
        <v>0</v>
      </c>
      <c r="T1520">
        <v>0</v>
      </c>
      <c r="U1520">
        <v>0</v>
      </c>
      <c r="V1520">
        <v>0</v>
      </c>
      <c r="W1520">
        <v>2</v>
      </c>
      <c r="X1520">
        <v>0</v>
      </c>
      <c r="Y1520">
        <v>51</v>
      </c>
      <c r="Z1520">
        <v>30</v>
      </c>
      <c r="AA1520">
        <v>65</v>
      </c>
      <c r="AB1520">
        <v>43</v>
      </c>
      <c r="AC1520">
        <v>168</v>
      </c>
      <c r="AD1520">
        <v>85</v>
      </c>
      <c r="AE1520">
        <v>186</v>
      </c>
      <c r="AF1520">
        <v>3504</v>
      </c>
      <c r="AG1520">
        <v>90445</v>
      </c>
      <c r="AH1520">
        <v>50000</v>
      </c>
      <c r="AI1520">
        <v>0</v>
      </c>
      <c r="AJ1520">
        <v>30</v>
      </c>
      <c r="AL1520">
        <v>0</v>
      </c>
      <c r="AM1520">
        <v>0</v>
      </c>
      <c r="AN1520">
        <v>0</v>
      </c>
      <c r="AO1520">
        <v>0</v>
      </c>
      <c r="AP1520">
        <v>0</v>
      </c>
      <c r="AQ1520">
        <v>0</v>
      </c>
      <c r="AR1520">
        <v>0</v>
      </c>
      <c r="AS1520">
        <v>0</v>
      </c>
      <c r="AT1520">
        <v>0</v>
      </c>
      <c r="AU1520">
        <v>0</v>
      </c>
      <c r="AV1520">
        <v>0</v>
      </c>
      <c r="AW1520">
        <v>0</v>
      </c>
      <c r="AX1520">
        <v>3240</v>
      </c>
      <c r="AY1520">
        <v>5</v>
      </c>
      <c r="AZ1520">
        <v>12</v>
      </c>
      <c r="BA1520">
        <v>1020</v>
      </c>
    </row>
    <row r="1521" spans="1:53" x14ac:dyDescent="0.4">
      <c r="A1521">
        <v>1565</v>
      </c>
      <c r="B1521" s="1">
        <v>43305</v>
      </c>
      <c r="C1521">
        <v>1</v>
      </c>
      <c r="D1521" s="1">
        <v>43305.291666666664</v>
      </c>
      <c r="E1521" s="1">
        <v>43305.40625</v>
      </c>
      <c r="F1521">
        <v>0</v>
      </c>
      <c r="G1521">
        <v>0</v>
      </c>
      <c r="H1521">
        <v>0</v>
      </c>
      <c r="I1521">
        <v>0</v>
      </c>
      <c r="J1521">
        <v>0</v>
      </c>
      <c r="K1521">
        <v>0</v>
      </c>
      <c r="L1521">
        <v>0</v>
      </c>
      <c r="M1521">
        <v>0</v>
      </c>
      <c r="N1521">
        <v>0</v>
      </c>
      <c r="O1521">
        <v>0</v>
      </c>
      <c r="P1521">
        <v>0</v>
      </c>
      <c r="Q1521">
        <v>0</v>
      </c>
      <c r="R1521">
        <v>0</v>
      </c>
      <c r="S1521">
        <v>0</v>
      </c>
      <c r="T1521">
        <v>0</v>
      </c>
      <c r="U1521">
        <v>0</v>
      </c>
      <c r="V1521">
        <v>0</v>
      </c>
      <c r="W1521">
        <v>0</v>
      </c>
      <c r="X1521">
        <v>0</v>
      </c>
      <c r="Y1521">
        <v>28</v>
      </c>
      <c r="Z1521">
        <v>23</v>
      </c>
      <c r="AA1521">
        <v>66</v>
      </c>
      <c r="AB1521">
        <v>41</v>
      </c>
      <c r="AC1521">
        <v>124</v>
      </c>
      <c r="AD1521">
        <v>84</v>
      </c>
      <c r="AE1521">
        <v>190</v>
      </c>
      <c r="AF1521">
        <v>0</v>
      </c>
      <c r="AG1521">
        <v>50000</v>
      </c>
      <c r="AH1521">
        <v>0</v>
      </c>
      <c r="AI1521">
        <v>50000</v>
      </c>
      <c r="AJ1521">
        <v>0</v>
      </c>
      <c r="AK1521" t="s">
        <v>6</v>
      </c>
      <c r="AL1521">
        <v>0</v>
      </c>
      <c r="AM1521">
        <v>0</v>
      </c>
      <c r="AN1521">
        <v>0</v>
      </c>
      <c r="AO1521">
        <v>0</v>
      </c>
      <c r="AP1521">
        <v>0</v>
      </c>
      <c r="AQ1521">
        <v>0</v>
      </c>
      <c r="AR1521">
        <v>0</v>
      </c>
      <c r="AS1521">
        <v>0</v>
      </c>
      <c r="AT1521">
        <v>0</v>
      </c>
      <c r="AU1521">
        <v>0</v>
      </c>
      <c r="AV1521">
        <v>0</v>
      </c>
      <c r="AW1521">
        <v>0</v>
      </c>
      <c r="AX1521">
        <v>0</v>
      </c>
      <c r="AY1521">
        <v>0</v>
      </c>
      <c r="AZ1521">
        <v>0</v>
      </c>
      <c r="BA1521">
        <v>0</v>
      </c>
    </row>
    <row r="1522" spans="1:53" x14ac:dyDescent="0.4">
      <c r="A1522">
        <v>1566</v>
      </c>
      <c r="B1522" s="1">
        <v>43305</v>
      </c>
      <c r="C1522">
        <v>2</v>
      </c>
      <c r="D1522" s="1">
        <v>43305.40625</v>
      </c>
      <c r="E1522" s="1">
        <v>43305.734722222223</v>
      </c>
      <c r="F1522">
        <v>16750</v>
      </c>
      <c r="G1522">
        <v>1000</v>
      </c>
      <c r="H1522">
        <v>0</v>
      </c>
      <c r="I1522">
        <v>0</v>
      </c>
      <c r="J1522">
        <v>0</v>
      </c>
      <c r="K1522">
        <v>0</v>
      </c>
      <c r="L1522">
        <v>0</v>
      </c>
      <c r="M1522">
        <v>1420</v>
      </c>
      <c r="N1522">
        <v>0</v>
      </c>
      <c r="O1522">
        <v>0</v>
      </c>
      <c r="P1522">
        <v>11340</v>
      </c>
      <c r="Q1522">
        <v>0</v>
      </c>
      <c r="R1522">
        <v>30510</v>
      </c>
      <c r="S1522">
        <v>0</v>
      </c>
      <c r="T1522">
        <v>0</v>
      </c>
      <c r="U1522">
        <v>0</v>
      </c>
      <c r="V1522">
        <v>0</v>
      </c>
      <c r="W1522">
        <v>0</v>
      </c>
      <c r="X1522">
        <v>0</v>
      </c>
      <c r="Y1522">
        <v>52</v>
      </c>
      <c r="Z1522">
        <v>37</v>
      </c>
      <c r="AA1522">
        <v>49</v>
      </c>
      <c r="AB1522">
        <v>31</v>
      </c>
      <c r="AC1522">
        <v>202</v>
      </c>
      <c r="AD1522">
        <v>83</v>
      </c>
      <c r="AE1522">
        <v>186</v>
      </c>
      <c r="AF1522">
        <v>939</v>
      </c>
      <c r="AG1522">
        <v>80510</v>
      </c>
      <c r="AH1522">
        <v>50000</v>
      </c>
      <c r="AI1522">
        <v>0</v>
      </c>
      <c r="AJ1522">
        <v>96</v>
      </c>
      <c r="AK1522" t="s">
        <v>4</v>
      </c>
      <c r="AL1522">
        <v>0</v>
      </c>
      <c r="AM1522">
        <v>0</v>
      </c>
      <c r="AN1522">
        <v>0</v>
      </c>
      <c r="AO1522">
        <v>0</v>
      </c>
      <c r="AP1522">
        <v>0</v>
      </c>
      <c r="AQ1522">
        <v>0</v>
      </c>
      <c r="AR1522">
        <v>0</v>
      </c>
      <c r="AS1522">
        <v>0</v>
      </c>
      <c r="AT1522">
        <v>0</v>
      </c>
      <c r="AU1522">
        <v>0</v>
      </c>
      <c r="AV1522">
        <v>0</v>
      </c>
      <c r="AW1522">
        <v>0</v>
      </c>
      <c r="AX1522">
        <v>-1080</v>
      </c>
      <c r="AY1522">
        <v>21</v>
      </c>
      <c r="AZ1522">
        <v>55</v>
      </c>
      <c r="BA1522">
        <v>2580</v>
      </c>
    </row>
    <row r="1523" spans="1:53" x14ac:dyDescent="0.4">
      <c r="A1523">
        <v>1567</v>
      </c>
      <c r="B1523" s="1">
        <v>43305</v>
      </c>
      <c r="C1523">
        <v>3</v>
      </c>
      <c r="D1523" s="1">
        <v>43305.734722222223</v>
      </c>
      <c r="E1523" s="1">
        <v>43305.949305555558</v>
      </c>
      <c r="F1523">
        <v>22540</v>
      </c>
      <c r="G1523">
        <v>2560</v>
      </c>
      <c r="H1523">
        <v>200</v>
      </c>
      <c r="I1523">
        <v>0</v>
      </c>
      <c r="J1523">
        <v>0</v>
      </c>
      <c r="K1523">
        <v>0</v>
      </c>
      <c r="L1523">
        <v>0</v>
      </c>
      <c r="M1523">
        <v>2024</v>
      </c>
      <c r="N1523">
        <v>0</v>
      </c>
      <c r="O1523">
        <v>0</v>
      </c>
      <c r="P1523">
        <v>-11340</v>
      </c>
      <c r="Q1523">
        <v>0</v>
      </c>
      <c r="R1523">
        <v>15984</v>
      </c>
      <c r="S1523">
        <v>0</v>
      </c>
      <c r="T1523">
        <v>0</v>
      </c>
      <c r="U1523">
        <v>0</v>
      </c>
      <c r="V1523">
        <v>0</v>
      </c>
      <c r="W1523">
        <v>0</v>
      </c>
      <c r="X1523">
        <v>0</v>
      </c>
      <c r="Y1523">
        <v>67</v>
      </c>
      <c r="Z1523">
        <v>37</v>
      </c>
      <c r="AA1523">
        <v>55</v>
      </c>
      <c r="AB1523">
        <v>34</v>
      </c>
      <c r="AC1523">
        <v>224</v>
      </c>
      <c r="AD1523">
        <v>84</v>
      </c>
      <c r="AE1523">
        <v>195</v>
      </c>
      <c r="AF1523">
        <v>939</v>
      </c>
      <c r="AG1523">
        <v>96494</v>
      </c>
      <c r="AH1523">
        <v>50000</v>
      </c>
      <c r="AI1523">
        <v>0</v>
      </c>
      <c r="AJ1523">
        <v>102</v>
      </c>
      <c r="AK1523" t="s">
        <v>8</v>
      </c>
      <c r="AL1523">
        <v>0</v>
      </c>
      <c r="AM1523">
        <v>0</v>
      </c>
      <c r="AN1523">
        <v>0</v>
      </c>
      <c r="AO1523">
        <v>0</v>
      </c>
      <c r="AP1523">
        <v>0</v>
      </c>
      <c r="AQ1523">
        <v>0</v>
      </c>
      <c r="AR1523">
        <v>0</v>
      </c>
      <c r="AS1523">
        <v>0</v>
      </c>
      <c r="AT1523">
        <v>0</v>
      </c>
      <c r="AU1523">
        <v>0</v>
      </c>
      <c r="AV1523">
        <v>0</v>
      </c>
      <c r="AW1523">
        <v>0</v>
      </c>
      <c r="AX1523">
        <v>25531</v>
      </c>
      <c r="AY1523">
        <v>8</v>
      </c>
      <c r="AZ1523">
        <v>35</v>
      </c>
      <c r="BA1523">
        <v>1584</v>
      </c>
    </row>
    <row r="1524" spans="1:53" x14ac:dyDescent="0.4">
      <c r="A1524">
        <v>1568</v>
      </c>
      <c r="B1524" s="1">
        <v>43306</v>
      </c>
      <c r="C1524">
        <v>1</v>
      </c>
      <c r="D1524" s="1">
        <v>43306.291666666664</v>
      </c>
      <c r="E1524" s="1">
        <v>43306.409722222219</v>
      </c>
      <c r="F1524">
        <v>0</v>
      </c>
      <c r="G1524">
        <v>0</v>
      </c>
      <c r="H1524">
        <v>0</v>
      </c>
      <c r="I1524">
        <v>0</v>
      </c>
      <c r="J1524">
        <v>0</v>
      </c>
      <c r="K1524">
        <v>0</v>
      </c>
      <c r="L1524">
        <v>0</v>
      </c>
      <c r="M1524">
        <v>0</v>
      </c>
      <c r="N1524">
        <v>0</v>
      </c>
      <c r="O1524">
        <v>0</v>
      </c>
      <c r="P1524">
        <v>0</v>
      </c>
      <c r="Q1524">
        <v>0</v>
      </c>
      <c r="R1524">
        <v>0</v>
      </c>
      <c r="S1524">
        <v>0</v>
      </c>
      <c r="T1524">
        <v>0</v>
      </c>
      <c r="U1524">
        <v>0</v>
      </c>
      <c r="V1524">
        <v>0</v>
      </c>
      <c r="W1524">
        <v>0</v>
      </c>
      <c r="X1524">
        <v>0</v>
      </c>
      <c r="Y1524">
        <v>34</v>
      </c>
      <c r="Z1524">
        <v>16</v>
      </c>
      <c r="AA1524">
        <v>46</v>
      </c>
      <c r="AB1524">
        <v>34</v>
      </c>
      <c r="AC1524">
        <v>110</v>
      </c>
      <c r="AD1524">
        <v>83</v>
      </c>
      <c r="AE1524">
        <v>185</v>
      </c>
      <c r="AF1524">
        <v>0</v>
      </c>
      <c r="AG1524">
        <v>50000</v>
      </c>
      <c r="AH1524">
        <v>0</v>
      </c>
      <c r="AI1524">
        <v>50000</v>
      </c>
      <c r="AJ1524">
        <v>0</v>
      </c>
      <c r="AK1524" t="s">
        <v>6</v>
      </c>
      <c r="AL1524">
        <v>0</v>
      </c>
      <c r="AM1524">
        <v>0</v>
      </c>
      <c r="AN1524">
        <v>0</v>
      </c>
      <c r="AO1524">
        <v>0</v>
      </c>
      <c r="AP1524">
        <v>0</v>
      </c>
      <c r="AQ1524">
        <v>0</v>
      </c>
      <c r="AR1524">
        <v>0</v>
      </c>
      <c r="AS1524">
        <v>0</v>
      </c>
      <c r="AT1524">
        <v>0</v>
      </c>
      <c r="AU1524">
        <v>0</v>
      </c>
      <c r="AV1524">
        <v>0</v>
      </c>
      <c r="AW1524">
        <v>0</v>
      </c>
      <c r="AX1524">
        <v>0</v>
      </c>
      <c r="AY1524">
        <v>0</v>
      </c>
      <c r="AZ1524">
        <v>0</v>
      </c>
      <c r="BA1524">
        <v>0</v>
      </c>
    </row>
    <row r="1525" spans="1:53" x14ac:dyDescent="0.4">
      <c r="A1525">
        <v>1569</v>
      </c>
      <c r="B1525" s="1">
        <v>43306</v>
      </c>
      <c r="C1525">
        <v>2</v>
      </c>
      <c r="D1525" s="1">
        <v>43306.409722222219</v>
      </c>
      <c r="E1525" s="1">
        <v>43306.737500000003</v>
      </c>
      <c r="F1525">
        <v>9500</v>
      </c>
      <c r="G1525">
        <v>680</v>
      </c>
      <c r="H1525">
        <v>0</v>
      </c>
      <c r="I1525">
        <v>0</v>
      </c>
      <c r="J1525">
        <v>0</v>
      </c>
      <c r="K1525">
        <v>0</v>
      </c>
      <c r="L1525">
        <v>0</v>
      </c>
      <c r="M1525">
        <v>814</v>
      </c>
      <c r="N1525">
        <v>0</v>
      </c>
      <c r="O1525">
        <v>0</v>
      </c>
      <c r="P1525">
        <v>7560</v>
      </c>
      <c r="Q1525">
        <v>0</v>
      </c>
      <c r="R1525">
        <v>18554</v>
      </c>
      <c r="S1525">
        <v>0</v>
      </c>
      <c r="T1525">
        <v>0</v>
      </c>
      <c r="U1525">
        <v>0</v>
      </c>
      <c r="V1525">
        <v>0</v>
      </c>
      <c r="W1525">
        <v>1</v>
      </c>
      <c r="X1525">
        <v>0</v>
      </c>
      <c r="Y1525">
        <v>41</v>
      </c>
      <c r="Z1525">
        <v>22</v>
      </c>
      <c r="AA1525">
        <v>79</v>
      </c>
      <c r="AB1525">
        <v>36</v>
      </c>
      <c r="AC1525">
        <v>125</v>
      </c>
      <c r="AD1525">
        <v>83</v>
      </c>
      <c r="AE1525">
        <v>189</v>
      </c>
      <c r="AF1525">
        <v>0</v>
      </c>
      <c r="AG1525">
        <v>68554</v>
      </c>
      <c r="AH1525">
        <v>50000</v>
      </c>
      <c r="AI1525">
        <v>0</v>
      </c>
      <c r="AJ1525">
        <v>96</v>
      </c>
      <c r="AK1525" t="s">
        <v>4</v>
      </c>
      <c r="AL1525">
        <v>0</v>
      </c>
      <c r="AM1525">
        <v>0</v>
      </c>
      <c r="AN1525">
        <v>0</v>
      </c>
      <c r="AO1525">
        <v>0</v>
      </c>
      <c r="AP1525">
        <v>0</v>
      </c>
      <c r="AQ1525">
        <v>0</v>
      </c>
      <c r="AR1525">
        <v>0</v>
      </c>
      <c r="AS1525">
        <v>0</v>
      </c>
      <c r="AT1525">
        <v>0</v>
      </c>
      <c r="AU1525">
        <v>0</v>
      </c>
      <c r="AV1525">
        <v>0</v>
      </c>
      <c r="AW1525">
        <v>0</v>
      </c>
      <c r="AX1525">
        <v>-1080</v>
      </c>
      <c r="AY1525">
        <v>17</v>
      </c>
      <c r="AZ1525">
        <v>32</v>
      </c>
      <c r="BA1525">
        <v>2318</v>
      </c>
    </row>
    <row r="1526" spans="1:53" x14ac:dyDescent="0.4">
      <c r="A1526">
        <v>1570</v>
      </c>
      <c r="B1526" s="1">
        <v>43306</v>
      </c>
      <c r="C1526">
        <v>3</v>
      </c>
      <c r="D1526" s="1">
        <v>43306.737500000003</v>
      </c>
      <c r="E1526" s="1">
        <v>43306.954861111109</v>
      </c>
      <c r="F1526">
        <v>9900</v>
      </c>
      <c r="G1526">
        <v>0</v>
      </c>
      <c r="H1526">
        <v>0</v>
      </c>
      <c r="I1526">
        <v>0</v>
      </c>
      <c r="J1526">
        <v>0</v>
      </c>
      <c r="K1526">
        <v>0</v>
      </c>
      <c r="L1526">
        <v>0</v>
      </c>
      <c r="M1526">
        <v>792</v>
      </c>
      <c r="N1526">
        <v>0</v>
      </c>
      <c r="O1526">
        <v>0</v>
      </c>
      <c r="P1526">
        <v>-3672</v>
      </c>
      <c r="Q1526">
        <v>0</v>
      </c>
      <c r="R1526">
        <v>7020</v>
      </c>
      <c r="S1526">
        <v>0</v>
      </c>
      <c r="T1526">
        <v>0</v>
      </c>
      <c r="U1526">
        <v>0</v>
      </c>
      <c r="V1526">
        <v>3</v>
      </c>
      <c r="W1526">
        <v>0</v>
      </c>
      <c r="X1526">
        <v>0</v>
      </c>
      <c r="Y1526">
        <v>22</v>
      </c>
      <c r="Z1526">
        <v>23</v>
      </c>
      <c r="AA1526">
        <v>78</v>
      </c>
      <c r="AB1526">
        <v>37</v>
      </c>
      <c r="AC1526">
        <v>128</v>
      </c>
      <c r="AD1526">
        <v>83</v>
      </c>
      <c r="AE1526">
        <v>189</v>
      </c>
      <c r="AF1526">
        <v>540</v>
      </c>
      <c r="AG1526">
        <v>75574</v>
      </c>
      <c r="AH1526">
        <v>50000</v>
      </c>
      <c r="AI1526">
        <v>0</v>
      </c>
      <c r="AJ1526">
        <v>108</v>
      </c>
      <c r="AK1526" t="s">
        <v>30</v>
      </c>
      <c r="AL1526">
        <v>0</v>
      </c>
      <c r="AM1526">
        <v>0</v>
      </c>
      <c r="AN1526">
        <v>0</v>
      </c>
      <c r="AO1526">
        <v>0</v>
      </c>
      <c r="AP1526">
        <v>0</v>
      </c>
      <c r="AQ1526">
        <v>0</v>
      </c>
      <c r="AR1526">
        <v>0</v>
      </c>
      <c r="AS1526">
        <v>0</v>
      </c>
      <c r="AT1526">
        <v>0</v>
      </c>
      <c r="AU1526">
        <v>0</v>
      </c>
      <c r="AV1526">
        <v>0</v>
      </c>
      <c r="AW1526">
        <v>0</v>
      </c>
      <c r="AX1526">
        <v>30737</v>
      </c>
      <c r="AY1526">
        <v>13</v>
      </c>
      <c r="AZ1526">
        <v>32</v>
      </c>
      <c r="BA1526">
        <v>1594</v>
      </c>
    </row>
    <row r="1527" spans="1:53" x14ac:dyDescent="0.4">
      <c r="A1527">
        <v>1571</v>
      </c>
      <c r="B1527" s="1">
        <v>43306</v>
      </c>
      <c r="C1527">
        <v>4</v>
      </c>
      <c r="D1527" s="1">
        <v>43306.954861111109</v>
      </c>
      <c r="E1527" s="1">
        <v>43307.104861111111</v>
      </c>
      <c r="F1527">
        <v>67700</v>
      </c>
      <c r="G1527">
        <v>950</v>
      </c>
      <c r="H1527">
        <v>200</v>
      </c>
      <c r="I1527">
        <v>0</v>
      </c>
      <c r="J1527">
        <v>0</v>
      </c>
      <c r="K1527">
        <v>0</v>
      </c>
      <c r="L1527">
        <v>0</v>
      </c>
      <c r="M1527">
        <v>5508</v>
      </c>
      <c r="N1527">
        <v>0</v>
      </c>
      <c r="O1527">
        <v>0</v>
      </c>
      <c r="P1527">
        <v>-1512</v>
      </c>
      <c r="Q1527">
        <v>0</v>
      </c>
      <c r="R1527">
        <v>72846</v>
      </c>
      <c r="S1527">
        <v>0</v>
      </c>
      <c r="T1527">
        <v>0</v>
      </c>
      <c r="U1527">
        <v>0</v>
      </c>
      <c r="V1527">
        <v>4</v>
      </c>
      <c r="W1527">
        <v>2</v>
      </c>
      <c r="X1527">
        <v>0</v>
      </c>
      <c r="Y1527">
        <v>47</v>
      </c>
      <c r="Z1527">
        <v>23</v>
      </c>
      <c r="AA1527">
        <v>71</v>
      </c>
      <c r="AB1527">
        <v>32</v>
      </c>
      <c r="AC1527">
        <v>112</v>
      </c>
      <c r="AD1527">
        <v>82</v>
      </c>
      <c r="AE1527">
        <v>184</v>
      </c>
      <c r="AF1527">
        <v>29506</v>
      </c>
      <c r="AG1527">
        <v>148420</v>
      </c>
      <c r="AH1527">
        <v>50000</v>
      </c>
      <c r="AI1527">
        <v>0</v>
      </c>
      <c r="AJ1527">
        <v>108</v>
      </c>
      <c r="AK1527" t="s">
        <v>30</v>
      </c>
      <c r="AL1527">
        <v>0</v>
      </c>
      <c r="AM1527">
        <v>0</v>
      </c>
      <c r="AN1527">
        <v>0</v>
      </c>
      <c r="AO1527">
        <v>0</v>
      </c>
      <c r="AP1527">
        <v>0</v>
      </c>
      <c r="AQ1527">
        <v>0</v>
      </c>
      <c r="AR1527">
        <v>0</v>
      </c>
      <c r="AS1527">
        <v>0</v>
      </c>
      <c r="AT1527">
        <v>0</v>
      </c>
      <c r="AU1527">
        <v>0</v>
      </c>
      <c r="AV1527">
        <v>0</v>
      </c>
      <c r="AW1527">
        <v>0</v>
      </c>
      <c r="AX1527">
        <v>0</v>
      </c>
      <c r="AY1527">
        <v>5</v>
      </c>
      <c r="AZ1527">
        <v>22</v>
      </c>
      <c r="BA1527">
        <v>782</v>
      </c>
    </row>
    <row r="1528" spans="1:53" x14ac:dyDescent="0.4">
      <c r="A1528">
        <v>1572</v>
      </c>
      <c r="B1528" s="1">
        <v>43307</v>
      </c>
      <c r="C1528">
        <v>1</v>
      </c>
      <c r="D1528" s="1">
        <v>43307.291666666664</v>
      </c>
      <c r="E1528" s="1">
        <v>43307.404166666667</v>
      </c>
      <c r="F1528">
        <v>0</v>
      </c>
      <c r="G1528">
        <v>0</v>
      </c>
      <c r="H1528">
        <v>0</v>
      </c>
      <c r="I1528">
        <v>0</v>
      </c>
      <c r="J1528">
        <v>0</v>
      </c>
      <c r="K1528">
        <v>0</v>
      </c>
      <c r="L1528">
        <v>0</v>
      </c>
      <c r="M1528">
        <v>0</v>
      </c>
      <c r="N1528">
        <v>0</v>
      </c>
      <c r="O1528">
        <v>0</v>
      </c>
      <c r="P1528">
        <v>0</v>
      </c>
      <c r="Q1528">
        <v>0</v>
      </c>
      <c r="R1528">
        <v>0</v>
      </c>
      <c r="S1528">
        <v>0</v>
      </c>
      <c r="T1528">
        <v>0</v>
      </c>
      <c r="U1528">
        <v>0</v>
      </c>
      <c r="V1528">
        <v>0</v>
      </c>
      <c r="W1528">
        <v>0</v>
      </c>
      <c r="X1528">
        <v>0</v>
      </c>
      <c r="Y1528">
        <v>29</v>
      </c>
      <c r="Z1528">
        <v>22</v>
      </c>
      <c r="AA1528">
        <v>69</v>
      </c>
      <c r="AB1528">
        <v>28</v>
      </c>
      <c r="AC1528">
        <v>111</v>
      </c>
      <c r="AD1528">
        <v>82</v>
      </c>
      <c r="AE1528">
        <v>180</v>
      </c>
      <c r="AF1528">
        <v>0</v>
      </c>
      <c r="AG1528">
        <v>50000</v>
      </c>
      <c r="AH1528">
        <v>0</v>
      </c>
      <c r="AI1528">
        <v>50000</v>
      </c>
      <c r="AJ1528">
        <v>0</v>
      </c>
      <c r="AK1528" t="s">
        <v>6</v>
      </c>
      <c r="AL1528">
        <v>0</v>
      </c>
      <c r="AM1528">
        <v>0</v>
      </c>
      <c r="AN1528">
        <v>0</v>
      </c>
      <c r="AO1528">
        <v>0</v>
      </c>
      <c r="AP1528">
        <v>0</v>
      </c>
      <c r="AQ1528">
        <v>0</v>
      </c>
      <c r="AR1528">
        <v>0</v>
      </c>
      <c r="AS1528">
        <v>0</v>
      </c>
      <c r="AT1528">
        <v>0</v>
      </c>
      <c r="AU1528">
        <v>0</v>
      </c>
      <c r="AV1528">
        <v>0</v>
      </c>
      <c r="AW1528">
        <v>0</v>
      </c>
      <c r="AX1528">
        <v>0</v>
      </c>
      <c r="AY1528">
        <v>0</v>
      </c>
      <c r="AZ1528">
        <v>0</v>
      </c>
      <c r="BA1528">
        <v>0</v>
      </c>
    </row>
    <row r="1529" spans="1:53" x14ac:dyDescent="0.4">
      <c r="A1529">
        <v>1573</v>
      </c>
      <c r="B1529" s="1">
        <v>43307</v>
      </c>
      <c r="C1529">
        <v>2</v>
      </c>
      <c r="D1529" s="1">
        <v>43307.404166666667</v>
      </c>
      <c r="E1529" s="1">
        <v>43307.736805555556</v>
      </c>
      <c r="F1529">
        <v>10500</v>
      </c>
      <c r="G1529">
        <v>500</v>
      </c>
      <c r="H1529">
        <v>0</v>
      </c>
      <c r="I1529">
        <v>0</v>
      </c>
      <c r="J1529">
        <v>0</v>
      </c>
      <c r="K1529">
        <v>0</v>
      </c>
      <c r="L1529">
        <v>0</v>
      </c>
      <c r="M1529">
        <v>880</v>
      </c>
      <c r="N1529">
        <v>0</v>
      </c>
      <c r="O1529">
        <v>0</v>
      </c>
      <c r="P1529">
        <v>6480</v>
      </c>
      <c r="Q1529">
        <v>0</v>
      </c>
      <c r="R1529">
        <v>18360</v>
      </c>
      <c r="S1529">
        <v>0</v>
      </c>
      <c r="T1529">
        <v>0</v>
      </c>
      <c r="U1529">
        <v>0</v>
      </c>
      <c r="V1529">
        <v>0</v>
      </c>
      <c r="W1529">
        <v>2</v>
      </c>
      <c r="X1529">
        <v>0</v>
      </c>
      <c r="Y1529">
        <v>36</v>
      </c>
      <c r="Z1529">
        <v>28</v>
      </c>
      <c r="AA1529">
        <v>54</v>
      </c>
      <c r="AB1529">
        <v>21</v>
      </c>
      <c r="AC1529">
        <v>129</v>
      </c>
      <c r="AD1529">
        <v>88</v>
      </c>
      <c r="AE1529">
        <v>180</v>
      </c>
      <c r="AF1529">
        <v>0</v>
      </c>
      <c r="AG1529">
        <v>68360</v>
      </c>
      <c r="AH1529">
        <v>50000</v>
      </c>
      <c r="AI1529">
        <v>0</v>
      </c>
      <c r="AJ1529">
        <v>96</v>
      </c>
      <c r="AK1529" t="s">
        <v>4</v>
      </c>
      <c r="AL1529">
        <v>0</v>
      </c>
      <c r="AM1529">
        <v>0</v>
      </c>
      <c r="AN1529">
        <v>0</v>
      </c>
      <c r="AO1529">
        <v>0</v>
      </c>
      <c r="AP1529">
        <v>0</v>
      </c>
      <c r="AQ1529">
        <v>0</v>
      </c>
      <c r="AR1529">
        <v>0</v>
      </c>
      <c r="AS1529">
        <v>0</v>
      </c>
      <c r="AT1529">
        <v>0</v>
      </c>
      <c r="AU1529">
        <v>0</v>
      </c>
      <c r="AV1529">
        <v>0</v>
      </c>
      <c r="AW1529">
        <v>0</v>
      </c>
      <c r="AX1529">
        <v>0</v>
      </c>
      <c r="AY1529">
        <v>17</v>
      </c>
      <c r="AZ1529">
        <v>33</v>
      </c>
      <c r="BA1529">
        <v>2351</v>
      </c>
    </row>
    <row r="1530" spans="1:53" x14ac:dyDescent="0.4">
      <c r="A1530">
        <v>1574</v>
      </c>
      <c r="B1530" s="1">
        <v>43307</v>
      </c>
      <c r="C1530">
        <v>3</v>
      </c>
      <c r="D1530" s="1">
        <v>43307.736805555556</v>
      </c>
      <c r="E1530" s="1">
        <v>43307.956944444442</v>
      </c>
      <c r="F1530">
        <v>25460</v>
      </c>
      <c r="G1530">
        <v>1060</v>
      </c>
      <c r="H1530">
        <v>0</v>
      </c>
      <c r="I1530">
        <v>0</v>
      </c>
      <c r="J1530">
        <v>0</v>
      </c>
      <c r="K1530">
        <v>0</v>
      </c>
      <c r="L1530">
        <v>0</v>
      </c>
      <c r="M1530">
        <v>2121</v>
      </c>
      <c r="N1530">
        <v>0</v>
      </c>
      <c r="O1530">
        <v>0</v>
      </c>
      <c r="P1530">
        <v>-5184</v>
      </c>
      <c r="Q1530">
        <v>0</v>
      </c>
      <c r="R1530">
        <v>23457</v>
      </c>
      <c r="S1530">
        <v>0</v>
      </c>
      <c r="T1530">
        <v>0</v>
      </c>
      <c r="U1530">
        <v>0</v>
      </c>
      <c r="V1530">
        <v>1</v>
      </c>
      <c r="W1530">
        <v>2</v>
      </c>
      <c r="X1530">
        <v>0</v>
      </c>
      <c r="Y1530">
        <v>49</v>
      </c>
      <c r="Z1530">
        <v>28</v>
      </c>
      <c r="AA1530">
        <v>58</v>
      </c>
      <c r="AB1530">
        <v>22</v>
      </c>
      <c r="AC1530">
        <v>128</v>
      </c>
      <c r="AD1530">
        <v>90</v>
      </c>
      <c r="AE1530">
        <v>187</v>
      </c>
      <c r="AF1530">
        <v>0</v>
      </c>
      <c r="AG1530">
        <v>91817</v>
      </c>
      <c r="AH1530">
        <v>50000</v>
      </c>
      <c r="AI1530">
        <v>0</v>
      </c>
      <c r="AJ1530">
        <v>108</v>
      </c>
      <c r="AK1530" t="s">
        <v>30</v>
      </c>
      <c r="AL1530">
        <v>0</v>
      </c>
      <c r="AM1530">
        <v>0</v>
      </c>
      <c r="AN1530">
        <v>0</v>
      </c>
      <c r="AO1530">
        <v>0</v>
      </c>
      <c r="AP1530">
        <v>0</v>
      </c>
      <c r="AQ1530">
        <v>0</v>
      </c>
      <c r="AR1530">
        <v>0</v>
      </c>
      <c r="AS1530">
        <v>0</v>
      </c>
      <c r="AT1530">
        <v>0</v>
      </c>
      <c r="AU1530">
        <v>0</v>
      </c>
      <c r="AV1530">
        <v>0</v>
      </c>
      <c r="AW1530">
        <v>0</v>
      </c>
      <c r="AX1530">
        <v>36461</v>
      </c>
      <c r="AY1530">
        <v>14</v>
      </c>
      <c r="AZ1530">
        <v>50</v>
      </c>
      <c r="BA1530">
        <v>1933</v>
      </c>
    </row>
    <row r="1531" spans="1:53" x14ac:dyDescent="0.4">
      <c r="A1531">
        <v>1575</v>
      </c>
      <c r="B1531" s="1">
        <v>43308</v>
      </c>
      <c r="C1531">
        <v>1</v>
      </c>
      <c r="D1531" s="1">
        <v>43308.291666666664</v>
      </c>
      <c r="E1531" s="1">
        <v>43308.402777777781</v>
      </c>
      <c r="F1531">
        <v>0</v>
      </c>
      <c r="G1531">
        <v>0</v>
      </c>
      <c r="H1531">
        <v>0</v>
      </c>
      <c r="I1531">
        <v>0</v>
      </c>
      <c r="J1531">
        <v>0</v>
      </c>
      <c r="K1531">
        <v>0</v>
      </c>
      <c r="L1531">
        <v>0</v>
      </c>
      <c r="M1531">
        <v>0</v>
      </c>
      <c r="N1531">
        <v>0</v>
      </c>
      <c r="O1531">
        <v>0</v>
      </c>
      <c r="P1531">
        <v>0</v>
      </c>
      <c r="Q1531">
        <v>0</v>
      </c>
      <c r="R1531">
        <v>0</v>
      </c>
      <c r="S1531">
        <v>0</v>
      </c>
      <c r="T1531">
        <v>0</v>
      </c>
      <c r="U1531">
        <v>0</v>
      </c>
      <c r="V1531">
        <v>0</v>
      </c>
      <c r="W1531">
        <v>0</v>
      </c>
      <c r="X1531">
        <v>0</v>
      </c>
      <c r="Y1531">
        <v>32</v>
      </c>
      <c r="Z1531">
        <v>18</v>
      </c>
      <c r="AA1531">
        <v>60</v>
      </c>
      <c r="AB1531">
        <v>23</v>
      </c>
      <c r="AC1531">
        <v>122</v>
      </c>
      <c r="AD1531">
        <v>90</v>
      </c>
      <c r="AE1531">
        <v>180</v>
      </c>
      <c r="AF1531">
        <v>0</v>
      </c>
      <c r="AG1531">
        <v>50000</v>
      </c>
      <c r="AH1531">
        <v>0</v>
      </c>
      <c r="AI1531">
        <v>50000</v>
      </c>
      <c r="AJ1531">
        <v>0</v>
      </c>
      <c r="AK1531" t="s">
        <v>6</v>
      </c>
      <c r="AL1531">
        <v>0</v>
      </c>
      <c r="AM1531">
        <v>0</v>
      </c>
      <c r="AN1531">
        <v>0</v>
      </c>
      <c r="AO1531">
        <v>0</v>
      </c>
      <c r="AP1531">
        <v>0</v>
      </c>
      <c r="AQ1531">
        <v>0</v>
      </c>
      <c r="AR1531">
        <v>0</v>
      </c>
      <c r="AS1531">
        <v>0</v>
      </c>
      <c r="AT1531">
        <v>0</v>
      </c>
      <c r="AU1531">
        <v>0</v>
      </c>
      <c r="AV1531">
        <v>0</v>
      </c>
      <c r="AW1531">
        <v>0</v>
      </c>
      <c r="AX1531">
        <v>0</v>
      </c>
      <c r="AY1531">
        <v>0</v>
      </c>
      <c r="AZ1531">
        <v>0</v>
      </c>
      <c r="BA1531">
        <v>0</v>
      </c>
    </row>
    <row r="1532" spans="1:53" x14ac:dyDescent="0.4">
      <c r="A1532">
        <v>1576</v>
      </c>
      <c r="B1532" s="1">
        <v>43308</v>
      </c>
      <c r="C1532">
        <v>2</v>
      </c>
      <c r="D1532" s="1">
        <v>43308.402777777781</v>
      </c>
      <c r="E1532" s="1">
        <v>43308.729861111111</v>
      </c>
      <c r="F1532">
        <v>14500</v>
      </c>
      <c r="G1532">
        <v>880</v>
      </c>
      <c r="H1532">
        <v>0</v>
      </c>
      <c r="I1532">
        <v>0</v>
      </c>
      <c r="J1532">
        <v>0</v>
      </c>
      <c r="K1532">
        <v>0</v>
      </c>
      <c r="L1532">
        <v>0</v>
      </c>
      <c r="M1532">
        <v>1230</v>
      </c>
      <c r="N1532">
        <v>0</v>
      </c>
      <c r="O1532">
        <v>0</v>
      </c>
      <c r="P1532">
        <v>7020</v>
      </c>
      <c r="Q1532">
        <v>0</v>
      </c>
      <c r="R1532">
        <v>23630</v>
      </c>
      <c r="S1532">
        <v>0</v>
      </c>
      <c r="T1532">
        <v>0</v>
      </c>
      <c r="U1532">
        <v>0</v>
      </c>
      <c r="V1532">
        <v>0</v>
      </c>
      <c r="W1532">
        <v>1</v>
      </c>
      <c r="X1532">
        <v>0</v>
      </c>
      <c r="Y1532">
        <v>39</v>
      </c>
      <c r="Z1532">
        <v>26</v>
      </c>
      <c r="AA1532">
        <v>54</v>
      </c>
      <c r="AB1532">
        <v>26</v>
      </c>
      <c r="AC1532">
        <v>135</v>
      </c>
      <c r="AD1532">
        <v>90</v>
      </c>
      <c r="AE1532">
        <v>178</v>
      </c>
      <c r="AF1532">
        <v>7952</v>
      </c>
      <c r="AG1532">
        <v>73630</v>
      </c>
      <c r="AH1532">
        <v>50000</v>
      </c>
      <c r="AI1532">
        <v>0</v>
      </c>
      <c r="AJ1532">
        <v>96</v>
      </c>
      <c r="AK1532" t="s">
        <v>4</v>
      </c>
      <c r="AL1532">
        <v>0</v>
      </c>
      <c r="AM1532">
        <v>0</v>
      </c>
      <c r="AN1532">
        <v>0</v>
      </c>
      <c r="AO1532">
        <v>0</v>
      </c>
      <c r="AP1532">
        <v>0</v>
      </c>
      <c r="AQ1532">
        <v>0</v>
      </c>
      <c r="AR1532">
        <v>0</v>
      </c>
      <c r="AS1532">
        <v>0</v>
      </c>
      <c r="AT1532">
        <v>0</v>
      </c>
      <c r="AU1532">
        <v>0</v>
      </c>
      <c r="AV1532">
        <v>0</v>
      </c>
      <c r="AW1532">
        <v>0</v>
      </c>
      <c r="AX1532">
        <v>-2160</v>
      </c>
      <c r="AY1532">
        <v>22</v>
      </c>
      <c r="AZ1532">
        <v>42</v>
      </c>
      <c r="BA1532">
        <v>2975</v>
      </c>
    </row>
    <row r="1533" spans="1:53" x14ac:dyDescent="0.4">
      <c r="A1533">
        <v>1577</v>
      </c>
      <c r="B1533" s="1">
        <v>43309</v>
      </c>
      <c r="C1533">
        <v>1</v>
      </c>
      <c r="D1533" s="1">
        <v>43309.291666666664</v>
      </c>
      <c r="E1533" s="1">
        <v>43309.40625</v>
      </c>
      <c r="F1533">
        <v>0</v>
      </c>
      <c r="G1533">
        <v>0</v>
      </c>
      <c r="H1533">
        <v>0</v>
      </c>
      <c r="I1533">
        <v>0</v>
      </c>
      <c r="J1533">
        <v>0</v>
      </c>
      <c r="K1533">
        <v>0</v>
      </c>
      <c r="L1533">
        <v>0</v>
      </c>
      <c r="M1533">
        <v>0</v>
      </c>
      <c r="N1533">
        <v>0</v>
      </c>
      <c r="O1533">
        <v>0</v>
      </c>
      <c r="P1533">
        <v>0</v>
      </c>
      <c r="Q1533">
        <v>0</v>
      </c>
      <c r="R1533">
        <v>0</v>
      </c>
      <c r="S1533">
        <v>0</v>
      </c>
      <c r="T1533">
        <v>0</v>
      </c>
      <c r="U1533">
        <v>0</v>
      </c>
      <c r="V1533">
        <v>0</v>
      </c>
      <c r="W1533">
        <v>0</v>
      </c>
      <c r="X1533">
        <v>0</v>
      </c>
      <c r="Y1533">
        <v>29</v>
      </c>
      <c r="Z1533">
        <v>28</v>
      </c>
      <c r="AA1533">
        <v>42</v>
      </c>
      <c r="AB1533">
        <v>24</v>
      </c>
      <c r="AC1533">
        <v>100</v>
      </c>
      <c r="AD1533">
        <v>88</v>
      </c>
      <c r="AE1533">
        <v>160</v>
      </c>
      <c r="AF1533">
        <v>0</v>
      </c>
      <c r="AG1533">
        <v>50000</v>
      </c>
      <c r="AH1533">
        <v>50000</v>
      </c>
      <c r="AI1533">
        <v>0</v>
      </c>
      <c r="AJ1533">
        <v>0</v>
      </c>
      <c r="AK1533" t="s">
        <v>6</v>
      </c>
      <c r="AL1533">
        <v>0</v>
      </c>
      <c r="AM1533">
        <v>0</v>
      </c>
      <c r="AN1533">
        <v>0</v>
      </c>
      <c r="AO1533">
        <v>0</v>
      </c>
      <c r="AP1533">
        <v>0</v>
      </c>
      <c r="AQ1533">
        <v>0</v>
      </c>
      <c r="AR1533">
        <v>0</v>
      </c>
      <c r="AS1533">
        <v>0</v>
      </c>
      <c r="AT1533">
        <v>0</v>
      </c>
      <c r="AU1533">
        <v>0</v>
      </c>
      <c r="AV1533">
        <v>0</v>
      </c>
      <c r="AW1533">
        <v>0</v>
      </c>
      <c r="AX1533">
        <v>0</v>
      </c>
      <c r="AY1533">
        <v>0</v>
      </c>
      <c r="AZ1533">
        <v>0</v>
      </c>
      <c r="BA1533">
        <v>0</v>
      </c>
    </row>
    <row r="1534" spans="1:53" x14ac:dyDescent="0.4">
      <c r="A1534">
        <v>1578</v>
      </c>
      <c r="B1534" s="1">
        <v>43309</v>
      </c>
      <c r="C1534">
        <v>2</v>
      </c>
      <c r="D1534" s="1">
        <v>43309.40625</v>
      </c>
      <c r="E1534" s="1">
        <v>43309.731944444444</v>
      </c>
      <c r="F1534">
        <v>23500</v>
      </c>
      <c r="G1534">
        <v>500</v>
      </c>
      <c r="H1534">
        <v>0</v>
      </c>
      <c r="I1534">
        <v>0</v>
      </c>
      <c r="J1534">
        <v>0</v>
      </c>
      <c r="K1534">
        <v>0</v>
      </c>
      <c r="L1534">
        <v>0</v>
      </c>
      <c r="M1534">
        <v>1920</v>
      </c>
      <c r="N1534">
        <v>0</v>
      </c>
      <c r="O1534">
        <v>0</v>
      </c>
      <c r="P1534">
        <v>12420</v>
      </c>
      <c r="Q1534">
        <v>0</v>
      </c>
      <c r="R1534">
        <v>38340</v>
      </c>
      <c r="S1534">
        <v>0</v>
      </c>
      <c r="T1534">
        <v>0</v>
      </c>
      <c r="U1534">
        <v>0</v>
      </c>
      <c r="V1534">
        <v>0</v>
      </c>
      <c r="W1534">
        <v>0</v>
      </c>
      <c r="X1534">
        <v>0</v>
      </c>
      <c r="Y1534">
        <v>55</v>
      </c>
      <c r="Z1534">
        <v>46</v>
      </c>
      <c r="AA1534">
        <v>65</v>
      </c>
      <c r="AB1534">
        <v>29</v>
      </c>
      <c r="AC1534">
        <v>176</v>
      </c>
      <c r="AD1534">
        <v>92</v>
      </c>
      <c r="AE1534">
        <v>170</v>
      </c>
      <c r="AF1534">
        <v>0</v>
      </c>
      <c r="AG1534">
        <v>88340</v>
      </c>
      <c r="AH1534">
        <v>50000</v>
      </c>
      <c r="AI1534">
        <v>0</v>
      </c>
      <c r="AJ1534">
        <v>84</v>
      </c>
      <c r="AK1534" t="s">
        <v>16</v>
      </c>
      <c r="AL1534">
        <v>0</v>
      </c>
      <c r="AM1534">
        <v>0</v>
      </c>
      <c r="AN1534">
        <v>0</v>
      </c>
      <c r="AO1534">
        <v>0</v>
      </c>
      <c r="AP1534">
        <v>0</v>
      </c>
      <c r="AQ1534">
        <v>0</v>
      </c>
      <c r="AR1534">
        <v>0</v>
      </c>
      <c r="AS1534">
        <v>0</v>
      </c>
      <c r="AT1534">
        <v>0</v>
      </c>
      <c r="AU1534">
        <v>0</v>
      </c>
      <c r="AV1534">
        <v>0</v>
      </c>
      <c r="AW1534">
        <v>0</v>
      </c>
      <c r="AX1534">
        <v>-1620</v>
      </c>
      <c r="AY1534">
        <v>23</v>
      </c>
      <c r="AZ1534">
        <v>68</v>
      </c>
      <c r="BA1534">
        <v>3167</v>
      </c>
    </row>
    <row r="1535" spans="1:53" x14ac:dyDescent="0.4">
      <c r="A1535">
        <v>1579</v>
      </c>
      <c r="B1535" s="1">
        <v>43310</v>
      </c>
      <c r="C1535">
        <v>1</v>
      </c>
      <c r="D1535" s="1">
        <v>43310.291666666664</v>
      </c>
      <c r="E1535" s="1">
        <v>43310.40347222222</v>
      </c>
      <c r="F1535">
        <v>0</v>
      </c>
      <c r="G1535">
        <v>0</v>
      </c>
      <c r="H1535">
        <v>0</v>
      </c>
      <c r="I1535">
        <v>0</v>
      </c>
      <c r="J1535">
        <v>0</v>
      </c>
      <c r="K1535">
        <v>0</v>
      </c>
      <c r="L1535">
        <v>0</v>
      </c>
      <c r="M1535">
        <v>0</v>
      </c>
      <c r="N1535">
        <v>0</v>
      </c>
      <c r="O1535">
        <v>0</v>
      </c>
      <c r="P1535">
        <v>0</v>
      </c>
      <c r="Q1535">
        <v>0</v>
      </c>
      <c r="R1535">
        <v>0</v>
      </c>
      <c r="S1535">
        <v>0</v>
      </c>
      <c r="T1535">
        <v>0</v>
      </c>
      <c r="U1535">
        <v>0</v>
      </c>
      <c r="V1535">
        <v>0</v>
      </c>
      <c r="W1535">
        <v>0</v>
      </c>
      <c r="X1535">
        <v>0</v>
      </c>
      <c r="Y1535">
        <v>29</v>
      </c>
      <c r="Z1535">
        <v>20</v>
      </c>
      <c r="AA1535">
        <v>78</v>
      </c>
      <c r="AB1535">
        <v>30</v>
      </c>
      <c r="AC1535">
        <v>107</v>
      </c>
      <c r="AD1535">
        <v>92</v>
      </c>
      <c r="AE1535">
        <v>170</v>
      </c>
      <c r="AF1535">
        <v>0</v>
      </c>
      <c r="AG1535">
        <v>50000</v>
      </c>
      <c r="AH1535">
        <v>0</v>
      </c>
      <c r="AI1535">
        <v>50000</v>
      </c>
      <c r="AJ1535">
        <v>0</v>
      </c>
      <c r="AK1535" t="s">
        <v>6</v>
      </c>
      <c r="AL1535">
        <v>0</v>
      </c>
      <c r="AM1535">
        <v>0</v>
      </c>
      <c r="AN1535">
        <v>0</v>
      </c>
      <c r="AO1535">
        <v>0</v>
      </c>
      <c r="AP1535">
        <v>0</v>
      </c>
      <c r="AQ1535">
        <v>0</v>
      </c>
      <c r="AR1535">
        <v>0</v>
      </c>
      <c r="AS1535">
        <v>0</v>
      </c>
      <c r="AT1535">
        <v>0</v>
      </c>
      <c r="AU1535">
        <v>0</v>
      </c>
      <c r="AV1535">
        <v>0</v>
      </c>
      <c r="AW1535">
        <v>0</v>
      </c>
      <c r="AX1535">
        <v>0</v>
      </c>
      <c r="AY1535">
        <v>0</v>
      </c>
      <c r="AZ1535">
        <v>0</v>
      </c>
      <c r="BA1535">
        <v>0</v>
      </c>
    </row>
    <row r="1536" spans="1:53" x14ac:dyDescent="0.4">
      <c r="A1536">
        <v>1580</v>
      </c>
      <c r="B1536" s="1">
        <v>43310</v>
      </c>
      <c r="C1536">
        <v>2</v>
      </c>
      <c r="D1536" s="1">
        <v>43310.40347222222</v>
      </c>
      <c r="E1536" s="1">
        <v>43310.738888888889</v>
      </c>
      <c r="F1536">
        <v>19500</v>
      </c>
      <c r="G1536">
        <v>840</v>
      </c>
      <c r="H1536">
        <v>0</v>
      </c>
      <c r="I1536">
        <v>0</v>
      </c>
      <c r="J1536">
        <v>0</v>
      </c>
      <c r="K1536">
        <v>0</v>
      </c>
      <c r="L1536">
        <v>0</v>
      </c>
      <c r="M1536">
        <v>1627</v>
      </c>
      <c r="N1536">
        <v>0</v>
      </c>
      <c r="O1536">
        <v>0</v>
      </c>
      <c r="P1536">
        <v>14580</v>
      </c>
      <c r="Q1536">
        <v>0</v>
      </c>
      <c r="R1536">
        <v>36547</v>
      </c>
      <c r="S1536">
        <v>0</v>
      </c>
      <c r="T1536">
        <v>0</v>
      </c>
      <c r="U1536">
        <v>0</v>
      </c>
      <c r="V1536">
        <v>1</v>
      </c>
      <c r="W1536">
        <v>0</v>
      </c>
      <c r="X1536">
        <v>0</v>
      </c>
      <c r="Y1536">
        <v>49</v>
      </c>
      <c r="Z1536">
        <v>29</v>
      </c>
      <c r="AA1536">
        <v>90</v>
      </c>
      <c r="AB1536">
        <v>34</v>
      </c>
      <c r="AC1536">
        <v>170</v>
      </c>
      <c r="AD1536">
        <v>95</v>
      </c>
      <c r="AE1536">
        <v>172</v>
      </c>
      <c r="AF1536">
        <v>0</v>
      </c>
      <c r="AG1536">
        <v>86547</v>
      </c>
      <c r="AH1536">
        <v>50000</v>
      </c>
      <c r="AI1536">
        <v>0</v>
      </c>
      <c r="AJ1536">
        <v>96</v>
      </c>
      <c r="AK1536" t="s">
        <v>4</v>
      </c>
      <c r="AL1536">
        <v>0</v>
      </c>
      <c r="AM1536">
        <v>0</v>
      </c>
      <c r="AN1536">
        <v>0</v>
      </c>
      <c r="AO1536">
        <v>0</v>
      </c>
      <c r="AP1536">
        <v>0</v>
      </c>
      <c r="AQ1536">
        <v>0</v>
      </c>
      <c r="AR1536">
        <v>0</v>
      </c>
      <c r="AS1536">
        <v>0</v>
      </c>
      <c r="AT1536">
        <v>0</v>
      </c>
      <c r="AU1536">
        <v>0</v>
      </c>
      <c r="AV1536">
        <v>0</v>
      </c>
      <c r="AW1536">
        <v>0</v>
      </c>
      <c r="AX1536">
        <v>-2700</v>
      </c>
      <c r="AY1536">
        <v>21</v>
      </c>
      <c r="AZ1536">
        <v>64</v>
      </c>
      <c r="BA1536">
        <v>2899</v>
      </c>
    </row>
    <row r="1537" spans="1:53" x14ac:dyDescent="0.4">
      <c r="A1537">
        <v>1581</v>
      </c>
      <c r="B1537" s="1">
        <v>43310</v>
      </c>
      <c r="C1537">
        <v>3</v>
      </c>
      <c r="D1537" s="1">
        <v>43310.738888888889</v>
      </c>
      <c r="E1537" s="1">
        <v>43310.982638888891</v>
      </c>
      <c r="F1537">
        <v>40130</v>
      </c>
      <c r="G1537">
        <v>5030</v>
      </c>
      <c r="H1537">
        <v>0</v>
      </c>
      <c r="I1537">
        <v>0</v>
      </c>
      <c r="J1537">
        <v>300</v>
      </c>
      <c r="K1537">
        <v>0</v>
      </c>
      <c r="L1537">
        <v>0</v>
      </c>
      <c r="M1537">
        <v>3588</v>
      </c>
      <c r="N1537">
        <v>0</v>
      </c>
      <c r="O1537">
        <v>0</v>
      </c>
      <c r="P1537">
        <v>-1296</v>
      </c>
      <c r="Q1537">
        <v>0</v>
      </c>
      <c r="R1537">
        <v>47152</v>
      </c>
      <c r="S1537">
        <v>0</v>
      </c>
      <c r="T1537">
        <v>0</v>
      </c>
      <c r="U1537">
        <v>0</v>
      </c>
      <c r="V1537">
        <v>4</v>
      </c>
      <c r="W1537">
        <v>0</v>
      </c>
      <c r="X1537">
        <v>0</v>
      </c>
      <c r="Y1537">
        <v>63</v>
      </c>
      <c r="Z1537">
        <v>32</v>
      </c>
      <c r="AA1537">
        <v>103</v>
      </c>
      <c r="AB1537">
        <v>39</v>
      </c>
      <c r="AC1537">
        <v>181</v>
      </c>
      <c r="AD1537">
        <v>95</v>
      </c>
      <c r="AE1537">
        <v>164</v>
      </c>
      <c r="AF1537">
        <v>0</v>
      </c>
      <c r="AG1537">
        <v>133699</v>
      </c>
      <c r="AH1537">
        <v>50000</v>
      </c>
      <c r="AI1537">
        <v>0</v>
      </c>
      <c r="AJ1537">
        <v>100</v>
      </c>
      <c r="AK1537" t="s">
        <v>0</v>
      </c>
      <c r="AL1537">
        <v>0</v>
      </c>
      <c r="AM1537">
        <v>0</v>
      </c>
      <c r="AN1537">
        <v>0</v>
      </c>
      <c r="AO1537">
        <v>0</v>
      </c>
      <c r="AP1537">
        <v>0</v>
      </c>
      <c r="AQ1537">
        <v>0</v>
      </c>
      <c r="AR1537">
        <v>0</v>
      </c>
      <c r="AS1537">
        <v>0</v>
      </c>
      <c r="AT1537">
        <v>0</v>
      </c>
      <c r="AU1537">
        <v>0</v>
      </c>
      <c r="AV1537">
        <v>0</v>
      </c>
      <c r="AW1537">
        <v>0</v>
      </c>
      <c r="AX1537">
        <v>11388</v>
      </c>
      <c r="AY1537">
        <v>15</v>
      </c>
      <c r="AZ1537">
        <v>44</v>
      </c>
      <c r="BA1537">
        <v>2094</v>
      </c>
    </row>
    <row r="1538" spans="1:53" x14ac:dyDescent="0.4">
      <c r="A1538">
        <v>1582</v>
      </c>
      <c r="B1538" s="1">
        <v>43310</v>
      </c>
      <c r="C1538">
        <v>4</v>
      </c>
      <c r="D1538" s="1">
        <v>43310.982638888891</v>
      </c>
      <c r="E1538" s="1">
        <v>43311.103472222225</v>
      </c>
      <c r="F1538">
        <v>24100</v>
      </c>
      <c r="G1538">
        <v>2430</v>
      </c>
      <c r="H1538">
        <v>0</v>
      </c>
      <c r="I1538">
        <v>0</v>
      </c>
      <c r="J1538">
        <v>0</v>
      </c>
      <c r="K1538">
        <v>0</v>
      </c>
      <c r="L1538">
        <v>0</v>
      </c>
      <c r="M1538">
        <v>2122</v>
      </c>
      <c r="N1538">
        <v>0</v>
      </c>
      <c r="O1538">
        <v>0</v>
      </c>
      <c r="P1538">
        <v>24732</v>
      </c>
      <c r="Q1538">
        <v>0</v>
      </c>
      <c r="R1538">
        <v>53384</v>
      </c>
      <c r="S1538">
        <v>0</v>
      </c>
      <c r="T1538">
        <v>0</v>
      </c>
      <c r="U1538">
        <v>0</v>
      </c>
      <c r="V1538">
        <v>7</v>
      </c>
      <c r="W1538">
        <v>3</v>
      </c>
      <c r="X1538">
        <v>0</v>
      </c>
      <c r="Y1538">
        <v>59</v>
      </c>
      <c r="Z1538">
        <v>29</v>
      </c>
      <c r="AA1538">
        <v>97</v>
      </c>
      <c r="AB1538">
        <v>38</v>
      </c>
      <c r="AC1538">
        <v>183</v>
      </c>
      <c r="AD1538">
        <v>96</v>
      </c>
      <c r="AE1538">
        <v>169</v>
      </c>
      <c r="AF1538">
        <v>14504</v>
      </c>
      <c r="AG1538">
        <v>187083</v>
      </c>
      <c r="AH1538">
        <v>50000</v>
      </c>
      <c r="AI1538">
        <v>0</v>
      </c>
      <c r="AJ1538">
        <v>108</v>
      </c>
      <c r="AK1538" t="s">
        <v>30</v>
      </c>
      <c r="AL1538">
        <v>0</v>
      </c>
      <c r="AM1538">
        <v>0</v>
      </c>
      <c r="AN1538">
        <v>0</v>
      </c>
      <c r="AO1538">
        <v>0</v>
      </c>
      <c r="AP1538">
        <v>0</v>
      </c>
      <c r="AQ1538">
        <v>0</v>
      </c>
      <c r="AR1538">
        <v>0</v>
      </c>
      <c r="AS1538">
        <v>0</v>
      </c>
      <c r="AT1538">
        <v>0</v>
      </c>
      <c r="AU1538">
        <v>0</v>
      </c>
      <c r="AV1538">
        <v>0</v>
      </c>
      <c r="AW1538">
        <v>0</v>
      </c>
      <c r="AX1538">
        <v>886</v>
      </c>
      <c r="AY1538">
        <v>6</v>
      </c>
      <c r="AZ1538">
        <v>15</v>
      </c>
      <c r="BA1538">
        <v>1125</v>
      </c>
    </row>
    <row r="1539" spans="1:53" x14ac:dyDescent="0.4">
      <c r="A1539">
        <v>1583</v>
      </c>
      <c r="B1539" s="1">
        <v>43311</v>
      </c>
      <c r="C1539">
        <v>1</v>
      </c>
      <c r="D1539" s="1">
        <v>43311.291666666664</v>
      </c>
      <c r="E1539" s="1">
        <v>43311.404861111114</v>
      </c>
      <c r="F1539">
        <v>0</v>
      </c>
      <c r="G1539">
        <v>0</v>
      </c>
      <c r="H1539">
        <v>0</v>
      </c>
      <c r="I1539">
        <v>0</v>
      </c>
      <c r="J1539">
        <v>0</v>
      </c>
      <c r="K1539">
        <v>0</v>
      </c>
      <c r="L1539">
        <v>0</v>
      </c>
      <c r="M1539">
        <v>0</v>
      </c>
      <c r="N1539">
        <v>0</v>
      </c>
      <c r="O1539">
        <v>0</v>
      </c>
      <c r="P1539">
        <v>0</v>
      </c>
      <c r="Q1539">
        <v>0</v>
      </c>
      <c r="R1539">
        <v>0</v>
      </c>
      <c r="S1539">
        <v>0</v>
      </c>
      <c r="T1539">
        <v>0</v>
      </c>
      <c r="U1539">
        <v>0</v>
      </c>
      <c r="V1539">
        <v>0</v>
      </c>
      <c r="W1539">
        <v>0</v>
      </c>
      <c r="X1539">
        <v>0</v>
      </c>
      <c r="Y1539">
        <v>27</v>
      </c>
      <c r="Z1539">
        <v>17</v>
      </c>
      <c r="AA1539">
        <v>109</v>
      </c>
      <c r="AB1539">
        <v>34</v>
      </c>
      <c r="AC1539">
        <v>130</v>
      </c>
      <c r="AD1539">
        <v>89</v>
      </c>
      <c r="AE1539">
        <v>155</v>
      </c>
      <c r="AF1539">
        <v>0</v>
      </c>
      <c r="AG1539">
        <v>50000</v>
      </c>
      <c r="AH1539">
        <v>0</v>
      </c>
      <c r="AI1539">
        <v>50000</v>
      </c>
      <c r="AJ1539">
        <v>0</v>
      </c>
      <c r="AK1539" t="s">
        <v>6</v>
      </c>
      <c r="AL1539">
        <v>0</v>
      </c>
      <c r="AM1539">
        <v>0</v>
      </c>
      <c r="AN1539">
        <v>0</v>
      </c>
      <c r="AO1539">
        <v>0</v>
      </c>
      <c r="AP1539">
        <v>0</v>
      </c>
      <c r="AQ1539">
        <v>0</v>
      </c>
      <c r="AR1539">
        <v>0</v>
      </c>
      <c r="AS1539">
        <v>0</v>
      </c>
      <c r="AT1539">
        <v>0</v>
      </c>
      <c r="AU1539">
        <v>0</v>
      </c>
      <c r="AV1539">
        <v>0</v>
      </c>
      <c r="AW1539">
        <v>0</v>
      </c>
      <c r="AX1539">
        <v>0</v>
      </c>
      <c r="AY1539">
        <v>0</v>
      </c>
      <c r="AZ1539">
        <v>0</v>
      </c>
      <c r="BA1539">
        <v>0</v>
      </c>
    </row>
    <row r="1540" spans="1:53" x14ac:dyDescent="0.4">
      <c r="A1540">
        <v>1584</v>
      </c>
      <c r="B1540" s="1">
        <v>43311</v>
      </c>
      <c r="C1540">
        <v>2</v>
      </c>
      <c r="D1540" s="1">
        <v>43311.404861111114</v>
      </c>
      <c r="E1540" s="1">
        <v>43311.740277777775</v>
      </c>
      <c r="F1540">
        <v>16000</v>
      </c>
      <c r="G1540">
        <v>1260</v>
      </c>
      <c r="H1540">
        <v>0</v>
      </c>
      <c r="I1540">
        <v>0</v>
      </c>
      <c r="J1540">
        <v>0</v>
      </c>
      <c r="K1540">
        <v>0</v>
      </c>
      <c r="L1540">
        <v>0</v>
      </c>
      <c r="M1540">
        <v>1380</v>
      </c>
      <c r="N1540">
        <v>0</v>
      </c>
      <c r="O1540">
        <v>0</v>
      </c>
      <c r="P1540">
        <v>10260</v>
      </c>
      <c r="Q1540">
        <v>0</v>
      </c>
      <c r="R1540">
        <v>28900</v>
      </c>
      <c r="S1540">
        <v>0</v>
      </c>
      <c r="T1540">
        <v>0</v>
      </c>
      <c r="U1540">
        <v>0</v>
      </c>
      <c r="V1540">
        <v>0</v>
      </c>
      <c r="W1540">
        <v>2</v>
      </c>
      <c r="X1540">
        <v>0</v>
      </c>
      <c r="Y1540">
        <v>36</v>
      </c>
      <c r="Z1540">
        <v>29</v>
      </c>
      <c r="AA1540">
        <v>120</v>
      </c>
      <c r="AB1540">
        <v>38</v>
      </c>
      <c r="AC1540">
        <v>163</v>
      </c>
      <c r="AD1540">
        <v>96</v>
      </c>
      <c r="AE1540">
        <v>155</v>
      </c>
      <c r="AF1540">
        <v>2245</v>
      </c>
      <c r="AG1540">
        <v>78910</v>
      </c>
      <c r="AH1540">
        <v>50000</v>
      </c>
      <c r="AI1540">
        <v>10</v>
      </c>
      <c r="AJ1540">
        <v>96</v>
      </c>
      <c r="AK1540" t="s">
        <v>4</v>
      </c>
      <c r="AL1540">
        <v>0</v>
      </c>
      <c r="AM1540">
        <v>0</v>
      </c>
      <c r="AN1540">
        <v>0</v>
      </c>
      <c r="AO1540">
        <v>0</v>
      </c>
      <c r="AP1540">
        <v>0</v>
      </c>
      <c r="AQ1540">
        <v>0</v>
      </c>
      <c r="AR1540">
        <v>0</v>
      </c>
      <c r="AS1540">
        <v>0</v>
      </c>
      <c r="AT1540">
        <v>0</v>
      </c>
      <c r="AU1540">
        <v>0</v>
      </c>
      <c r="AV1540">
        <v>0</v>
      </c>
      <c r="AW1540">
        <v>0</v>
      </c>
      <c r="AX1540">
        <v>-1620</v>
      </c>
      <c r="AY1540">
        <v>20</v>
      </c>
      <c r="AZ1540">
        <v>51</v>
      </c>
      <c r="BA1540">
        <v>2868</v>
      </c>
    </row>
    <row r="1541" spans="1:53" x14ac:dyDescent="0.4">
      <c r="A1541">
        <v>1585</v>
      </c>
      <c r="B1541" s="1">
        <v>43311</v>
      </c>
      <c r="C1541">
        <v>3</v>
      </c>
      <c r="D1541" s="1">
        <v>43311.740277777775</v>
      </c>
      <c r="E1541" s="1">
        <v>43312.076388888891</v>
      </c>
      <c r="F1541">
        <v>35340</v>
      </c>
      <c r="G1541">
        <v>1940</v>
      </c>
      <c r="H1541">
        <v>0</v>
      </c>
      <c r="I1541">
        <v>0</v>
      </c>
      <c r="J1541">
        <v>0</v>
      </c>
      <c r="K1541">
        <v>0</v>
      </c>
      <c r="L1541">
        <v>0</v>
      </c>
      <c r="M1541">
        <v>2982</v>
      </c>
      <c r="N1541">
        <v>0</v>
      </c>
      <c r="O1541">
        <v>0</v>
      </c>
      <c r="P1541">
        <v>-4968</v>
      </c>
      <c r="Q1541">
        <v>0</v>
      </c>
      <c r="R1541">
        <v>35294</v>
      </c>
      <c r="S1541">
        <v>0</v>
      </c>
      <c r="T1541">
        <v>0</v>
      </c>
      <c r="U1541">
        <v>0</v>
      </c>
      <c r="V1541">
        <v>5</v>
      </c>
      <c r="W1541">
        <v>1</v>
      </c>
      <c r="X1541">
        <v>0</v>
      </c>
      <c r="Y1541">
        <v>29</v>
      </c>
      <c r="Z1541">
        <v>27</v>
      </c>
      <c r="AA1541">
        <v>104</v>
      </c>
      <c r="AB1541">
        <v>37</v>
      </c>
      <c r="AC1541">
        <v>158</v>
      </c>
      <c r="AD1541">
        <v>95</v>
      </c>
      <c r="AE1541">
        <v>144</v>
      </c>
      <c r="AF1541">
        <v>2245</v>
      </c>
      <c r="AG1541">
        <v>114194</v>
      </c>
      <c r="AH1541">
        <v>50000</v>
      </c>
      <c r="AI1541">
        <v>0</v>
      </c>
      <c r="AJ1541">
        <v>92</v>
      </c>
      <c r="AK1541" t="s">
        <v>22</v>
      </c>
      <c r="AL1541">
        <v>0</v>
      </c>
      <c r="AM1541">
        <v>0</v>
      </c>
      <c r="AN1541">
        <v>0</v>
      </c>
      <c r="AO1541">
        <v>0</v>
      </c>
      <c r="AP1541">
        <v>0</v>
      </c>
      <c r="AQ1541">
        <v>0</v>
      </c>
      <c r="AR1541">
        <v>0</v>
      </c>
      <c r="AS1541">
        <v>0</v>
      </c>
      <c r="AT1541">
        <v>0</v>
      </c>
      <c r="AU1541">
        <v>0</v>
      </c>
      <c r="AV1541">
        <v>0</v>
      </c>
      <c r="AW1541">
        <v>0</v>
      </c>
      <c r="AX1541">
        <v>0</v>
      </c>
      <c r="AY1541">
        <v>11</v>
      </c>
      <c r="AZ1541">
        <v>33</v>
      </c>
      <c r="BA1541">
        <v>1699</v>
      </c>
    </row>
    <row r="1542" spans="1:53" x14ac:dyDescent="0.4">
      <c r="A1542">
        <v>1586</v>
      </c>
      <c r="B1542" s="1">
        <v>43311</v>
      </c>
      <c r="C1542">
        <v>4</v>
      </c>
      <c r="D1542" s="1">
        <v>43312.076388888891</v>
      </c>
      <c r="E1542" s="1">
        <v>43312.245833333334</v>
      </c>
      <c r="F1542">
        <v>5400</v>
      </c>
      <c r="G1542">
        <v>0</v>
      </c>
      <c r="H1542">
        <v>0</v>
      </c>
      <c r="I1542">
        <v>0</v>
      </c>
      <c r="J1542">
        <v>500</v>
      </c>
      <c r="K1542">
        <v>0</v>
      </c>
      <c r="L1542">
        <v>0</v>
      </c>
      <c r="M1542">
        <v>392</v>
      </c>
      <c r="N1542">
        <v>0</v>
      </c>
      <c r="O1542">
        <v>0</v>
      </c>
      <c r="P1542">
        <v>-5292</v>
      </c>
      <c r="Q1542">
        <v>0</v>
      </c>
      <c r="R1542">
        <v>0</v>
      </c>
      <c r="S1542">
        <v>0</v>
      </c>
      <c r="T1542">
        <v>0</v>
      </c>
      <c r="U1542">
        <v>0</v>
      </c>
      <c r="V1542">
        <v>0</v>
      </c>
      <c r="W1542">
        <v>0</v>
      </c>
      <c r="X1542">
        <v>0</v>
      </c>
      <c r="Y1542">
        <v>25</v>
      </c>
      <c r="Z1542">
        <v>22</v>
      </c>
      <c r="AA1542">
        <v>100</v>
      </c>
      <c r="AB1542">
        <v>37</v>
      </c>
      <c r="AC1542">
        <v>154</v>
      </c>
      <c r="AD1542">
        <v>94</v>
      </c>
      <c r="AE1542">
        <v>140</v>
      </c>
      <c r="AF1542">
        <v>0</v>
      </c>
      <c r="AG1542">
        <v>50000</v>
      </c>
      <c r="AH1542">
        <v>50000</v>
      </c>
      <c r="AI1542">
        <v>-64194</v>
      </c>
      <c r="AJ1542">
        <v>92</v>
      </c>
      <c r="AK1542" t="s">
        <v>22</v>
      </c>
      <c r="AL1542">
        <v>0</v>
      </c>
      <c r="AM1542">
        <v>0</v>
      </c>
      <c r="AN1542">
        <v>0</v>
      </c>
      <c r="AO1542">
        <v>0</v>
      </c>
      <c r="AP1542">
        <v>0</v>
      </c>
      <c r="AQ1542">
        <v>0</v>
      </c>
      <c r="AR1542">
        <v>0</v>
      </c>
      <c r="AS1542">
        <v>0</v>
      </c>
      <c r="AT1542">
        <v>0</v>
      </c>
      <c r="AU1542">
        <v>0</v>
      </c>
      <c r="AV1542">
        <v>0</v>
      </c>
      <c r="AW1542">
        <v>0</v>
      </c>
      <c r="AX1542">
        <v>0</v>
      </c>
      <c r="AY1542">
        <v>0</v>
      </c>
      <c r="AZ1542">
        <v>0</v>
      </c>
      <c r="BA1542">
        <v>137</v>
      </c>
    </row>
    <row r="1543" spans="1:53" x14ac:dyDescent="0.4">
      <c r="A1543">
        <v>1587</v>
      </c>
      <c r="B1543" s="1">
        <v>43312</v>
      </c>
      <c r="C1543">
        <v>1</v>
      </c>
      <c r="D1543" s="1">
        <v>43312.291666666664</v>
      </c>
      <c r="E1543" s="1">
        <v>43312.400694444441</v>
      </c>
      <c r="F1543">
        <v>0</v>
      </c>
      <c r="G1543">
        <v>0</v>
      </c>
      <c r="H1543">
        <v>0</v>
      </c>
      <c r="I1543">
        <v>0</v>
      </c>
      <c r="J1543">
        <v>0</v>
      </c>
      <c r="K1543">
        <v>0</v>
      </c>
      <c r="L1543">
        <v>0</v>
      </c>
      <c r="M1543">
        <v>0</v>
      </c>
      <c r="N1543">
        <v>0</v>
      </c>
      <c r="O1543">
        <v>0</v>
      </c>
      <c r="P1543">
        <v>0</v>
      </c>
      <c r="Q1543">
        <v>0</v>
      </c>
      <c r="R1543">
        <v>0</v>
      </c>
      <c r="S1543">
        <v>0</v>
      </c>
      <c r="T1543">
        <v>0</v>
      </c>
      <c r="U1543">
        <v>0</v>
      </c>
      <c r="V1543">
        <v>0</v>
      </c>
      <c r="W1543">
        <v>0</v>
      </c>
      <c r="X1543">
        <v>0</v>
      </c>
      <c r="Y1543">
        <v>25</v>
      </c>
      <c r="Z1543">
        <v>22</v>
      </c>
      <c r="AA1543">
        <v>100</v>
      </c>
      <c r="AB1543">
        <v>37</v>
      </c>
      <c r="AC1543">
        <v>154</v>
      </c>
      <c r="AD1543">
        <v>94</v>
      </c>
      <c r="AE1543">
        <v>140</v>
      </c>
      <c r="AF1543">
        <v>0</v>
      </c>
      <c r="AG1543">
        <v>50000</v>
      </c>
      <c r="AH1543">
        <v>0</v>
      </c>
      <c r="AI1543">
        <v>50000</v>
      </c>
      <c r="AJ1543">
        <v>0</v>
      </c>
      <c r="AK1543" t="s">
        <v>6</v>
      </c>
      <c r="AL1543">
        <v>0</v>
      </c>
      <c r="AM1543">
        <v>0</v>
      </c>
      <c r="AN1543">
        <v>0</v>
      </c>
      <c r="AO1543">
        <v>0</v>
      </c>
      <c r="AP1543">
        <v>0</v>
      </c>
      <c r="AQ1543">
        <v>0</v>
      </c>
      <c r="AR1543">
        <v>0</v>
      </c>
      <c r="AS1543">
        <v>0</v>
      </c>
      <c r="AT1543">
        <v>0</v>
      </c>
      <c r="AU1543">
        <v>0</v>
      </c>
      <c r="AV1543">
        <v>0</v>
      </c>
      <c r="AW1543">
        <v>0</v>
      </c>
      <c r="AX1543">
        <v>0</v>
      </c>
      <c r="AY1543">
        <v>0</v>
      </c>
      <c r="AZ1543">
        <v>0</v>
      </c>
      <c r="BA1543">
        <v>0</v>
      </c>
    </row>
    <row r="1544" spans="1:53" x14ac:dyDescent="0.4">
      <c r="A1544">
        <v>1588</v>
      </c>
      <c r="B1544" s="1">
        <v>43312</v>
      </c>
      <c r="C1544">
        <v>2</v>
      </c>
      <c r="D1544" s="1">
        <v>43312.400694444441</v>
      </c>
      <c r="E1544" s="1">
        <v>43312.722916666666</v>
      </c>
      <c r="F1544">
        <v>13750</v>
      </c>
      <c r="G1544">
        <v>1060</v>
      </c>
      <c r="H1544">
        <v>200</v>
      </c>
      <c r="I1544">
        <v>0</v>
      </c>
      <c r="J1544">
        <v>0</v>
      </c>
      <c r="K1544">
        <v>0</v>
      </c>
      <c r="L1544">
        <v>0</v>
      </c>
      <c r="M1544">
        <v>1200</v>
      </c>
      <c r="N1544">
        <v>0</v>
      </c>
      <c r="O1544">
        <v>0</v>
      </c>
      <c r="P1544">
        <v>9180</v>
      </c>
      <c r="Q1544">
        <v>0</v>
      </c>
      <c r="R1544">
        <v>25390</v>
      </c>
      <c r="S1544">
        <v>0</v>
      </c>
      <c r="T1544">
        <v>0</v>
      </c>
      <c r="U1544">
        <v>0</v>
      </c>
      <c r="V1544">
        <v>2</v>
      </c>
      <c r="W1544">
        <v>1</v>
      </c>
      <c r="X1544">
        <v>0</v>
      </c>
      <c r="Y1544">
        <v>21</v>
      </c>
      <c r="Z1544">
        <v>32</v>
      </c>
      <c r="AA1544">
        <v>85</v>
      </c>
      <c r="AB1544">
        <v>31</v>
      </c>
      <c r="AC1544">
        <v>150</v>
      </c>
      <c r="AD1544">
        <v>96</v>
      </c>
      <c r="AE1544">
        <v>140</v>
      </c>
      <c r="AF1544">
        <v>1220</v>
      </c>
      <c r="AG1544">
        <v>75390</v>
      </c>
      <c r="AH1544">
        <v>50000</v>
      </c>
      <c r="AI1544">
        <v>0</v>
      </c>
      <c r="AJ1544">
        <v>96</v>
      </c>
      <c r="AK1544" t="s">
        <v>4</v>
      </c>
      <c r="AL1544">
        <v>0</v>
      </c>
      <c r="AM1544">
        <v>0</v>
      </c>
      <c r="AN1544">
        <v>0</v>
      </c>
      <c r="AO1544">
        <v>0</v>
      </c>
      <c r="AP1544">
        <v>0</v>
      </c>
      <c r="AQ1544">
        <v>0</v>
      </c>
      <c r="AR1544">
        <v>0</v>
      </c>
      <c r="AS1544">
        <v>0</v>
      </c>
      <c r="AT1544">
        <v>0</v>
      </c>
      <c r="AU1544">
        <v>0</v>
      </c>
      <c r="AV1544">
        <v>0</v>
      </c>
      <c r="AW1544">
        <v>0</v>
      </c>
      <c r="AX1544">
        <v>0</v>
      </c>
      <c r="AY1544">
        <v>21</v>
      </c>
      <c r="AZ1544">
        <v>45</v>
      </c>
      <c r="BA1544">
        <v>2785</v>
      </c>
    </row>
    <row r="1545" spans="1:53" x14ac:dyDescent="0.4">
      <c r="A1545">
        <v>1589</v>
      </c>
      <c r="B1545" s="1">
        <v>43312</v>
      </c>
      <c r="C1545">
        <v>3</v>
      </c>
      <c r="D1545" s="1">
        <v>43312.722916666666</v>
      </c>
      <c r="E1545" s="1">
        <v>43312.943749999999</v>
      </c>
      <c r="F1545">
        <v>20500</v>
      </c>
      <c r="G1545">
        <v>0</v>
      </c>
      <c r="H1545">
        <v>200</v>
      </c>
      <c r="I1545">
        <v>0</v>
      </c>
      <c r="J1545">
        <v>1000</v>
      </c>
      <c r="K1545">
        <v>0</v>
      </c>
      <c r="L1545">
        <v>0</v>
      </c>
      <c r="M1545">
        <v>1576</v>
      </c>
      <c r="N1545">
        <v>0</v>
      </c>
      <c r="O1545">
        <v>0</v>
      </c>
      <c r="P1545">
        <v>-5292</v>
      </c>
      <c r="Q1545">
        <v>0</v>
      </c>
      <c r="R1545">
        <v>15984</v>
      </c>
      <c r="S1545">
        <v>0</v>
      </c>
      <c r="T1545">
        <v>0</v>
      </c>
      <c r="U1545">
        <v>0</v>
      </c>
      <c r="V1545">
        <v>3</v>
      </c>
      <c r="W1545">
        <v>1</v>
      </c>
      <c r="X1545">
        <v>0</v>
      </c>
      <c r="Y1545">
        <v>25</v>
      </c>
      <c r="Z1545">
        <v>32</v>
      </c>
      <c r="AA1545">
        <v>87</v>
      </c>
      <c r="AB1545">
        <v>34</v>
      </c>
      <c r="AC1545">
        <v>153</v>
      </c>
      <c r="AD1545">
        <v>101</v>
      </c>
      <c r="AE1545">
        <v>139</v>
      </c>
      <c r="AF1545">
        <v>2800</v>
      </c>
      <c r="AG1545">
        <v>91374</v>
      </c>
      <c r="AH1545">
        <v>50000</v>
      </c>
      <c r="AI1545">
        <v>0</v>
      </c>
      <c r="AJ1545">
        <v>29</v>
      </c>
      <c r="AK1545" t="s">
        <v>28</v>
      </c>
      <c r="AL1545">
        <v>0</v>
      </c>
      <c r="AM1545">
        <v>0</v>
      </c>
      <c r="AN1545">
        <v>0</v>
      </c>
      <c r="AO1545">
        <v>0</v>
      </c>
      <c r="AP1545">
        <v>0</v>
      </c>
      <c r="AQ1545">
        <v>0</v>
      </c>
      <c r="AR1545">
        <v>0</v>
      </c>
      <c r="AS1545">
        <v>0</v>
      </c>
      <c r="AT1545">
        <v>0</v>
      </c>
      <c r="AU1545">
        <v>0</v>
      </c>
      <c r="AV1545">
        <v>0</v>
      </c>
      <c r="AW1545">
        <v>0</v>
      </c>
      <c r="AX1545">
        <v>36461</v>
      </c>
      <c r="AY1545">
        <v>8</v>
      </c>
      <c r="AZ1545">
        <v>44</v>
      </c>
      <c r="BA1545">
        <v>1420</v>
      </c>
    </row>
    <row r="1546" spans="1:53" x14ac:dyDescent="0.4">
      <c r="A1546">
        <v>1590</v>
      </c>
      <c r="B1546" s="1">
        <v>43312</v>
      </c>
      <c r="C1546">
        <v>4</v>
      </c>
      <c r="D1546" s="1">
        <v>43312.943749999999</v>
      </c>
      <c r="E1546" s="1">
        <v>43313.088194444441</v>
      </c>
      <c r="F1546">
        <v>51120</v>
      </c>
      <c r="G1546">
        <v>0</v>
      </c>
      <c r="H1546">
        <v>200</v>
      </c>
      <c r="I1546">
        <v>0</v>
      </c>
      <c r="J1546">
        <v>0</v>
      </c>
      <c r="K1546">
        <v>0</v>
      </c>
      <c r="L1546">
        <v>0</v>
      </c>
      <c r="M1546">
        <v>4106</v>
      </c>
      <c r="N1546">
        <v>0</v>
      </c>
      <c r="O1546">
        <v>0</v>
      </c>
      <c r="P1546">
        <v>-54</v>
      </c>
      <c r="Q1546">
        <v>0</v>
      </c>
      <c r="R1546">
        <v>55372</v>
      </c>
      <c r="S1546">
        <v>0</v>
      </c>
      <c r="T1546">
        <v>0</v>
      </c>
      <c r="U1546">
        <v>0</v>
      </c>
      <c r="V1546">
        <v>4</v>
      </c>
      <c r="W1546">
        <v>3</v>
      </c>
      <c r="X1546">
        <v>0</v>
      </c>
      <c r="Y1546">
        <v>22</v>
      </c>
      <c r="Z1546">
        <v>32</v>
      </c>
      <c r="AA1546">
        <v>80</v>
      </c>
      <c r="AB1546">
        <v>33</v>
      </c>
      <c r="AC1546">
        <v>155</v>
      </c>
      <c r="AD1546">
        <v>101</v>
      </c>
      <c r="AE1546">
        <v>145</v>
      </c>
      <c r="AF1546">
        <v>41896</v>
      </c>
      <c r="AG1546">
        <v>146746</v>
      </c>
      <c r="AH1546">
        <v>50000</v>
      </c>
      <c r="AI1546">
        <v>0</v>
      </c>
      <c r="AJ1546">
        <v>100</v>
      </c>
      <c r="AK1546" t="s">
        <v>0</v>
      </c>
      <c r="AL1546">
        <v>0</v>
      </c>
      <c r="AM1546">
        <v>0</v>
      </c>
      <c r="AN1546">
        <v>0</v>
      </c>
      <c r="AO1546">
        <v>0</v>
      </c>
      <c r="AP1546">
        <v>0</v>
      </c>
      <c r="AQ1546">
        <v>0</v>
      </c>
      <c r="AR1546">
        <v>0</v>
      </c>
      <c r="AS1546">
        <v>0</v>
      </c>
      <c r="AT1546">
        <v>0</v>
      </c>
      <c r="AU1546">
        <v>0</v>
      </c>
      <c r="AV1546">
        <v>0</v>
      </c>
      <c r="AW1546">
        <v>0</v>
      </c>
      <c r="AX1546">
        <v>0</v>
      </c>
      <c r="AY1546">
        <v>3</v>
      </c>
      <c r="AZ1546">
        <v>5</v>
      </c>
      <c r="BA1546">
        <v>459</v>
      </c>
    </row>
    <row r="1547" spans="1:53" x14ac:dyDescent="0.4">
      <c r="A1547">
        <v>1591</v>
      </c>
      <c r="B1547" s="1">
        <v>43313</v>
      </c>
      <c r="C1547">
        <v>1</v>
      </c>
      <c r="D1547" s="1">
        <v>43313.291666666664</v>
      </c>
      <c r="E1547" s="1">
        <v>43313.42083333333</v>
      </c>
      <c r="F1547">
        <v>0</v>
      </c>
      <c r="G1547">
        <v>0</v>
      </c>
      <c r="H1547">
        <v>0</v>
      </c>
      <c r="I1547">
        <v>0</v>
      </c>
      <c r="J1547">
        <v>0</v>
      </c>
      <c r="K1547">
        <v>0</v>
      </c>
      <c r="L1547">
        <v>0</v>
      </c>
      <c r="M1547">
        <v>0</v>
      </c>
      <c r="N1547">
        <v>0</v>
      </c>
      <c r="O1547">
        <v>0</v>
      </c>
      <c r="P1547">
        <v>2160</v>
      </c>
      <c r="Q1547">
        <v>0</v>
      </c>
      <c r="R1547">
        <v>2160</v>
      </c>
      <c r="S1547">
        <v>0</v>
      </c>
      <c r="T1547">
        <v>0</v>
      </c>
      <c r="U1547">
        <v>0</v>
      </c>
      <c r="V1547">
        <v>0</v>
      </c>
      <c r="W1547">
        <v>0</v>
      </c>
      <c r="X1547">
        <v>0</v>
      </c>
      <c r="Y1547">
        <v>26</v>
      </c>
      <c r="Z1547">
        <v>30</v>
      </c>
      <c r="AA1547">
        <v>74</v>
      </c>
      <c r="AB1547">
        <v>31</v>
      </c>
      <c r="AC1547">
        <v>156</v>
      </c>
      <c r="AD1547">
        <v>101</v>
      </c>
      <c r="AE1547">
        <v>145</v>
      </c>
      <c r="AF1547">
        <v>0</v>
      </c>
      <c r="AG1547">
        <v>52160</v>
      </c>
      <c r="AH1547">
        <v>50000</v>
      </c>
      <c r="AI1547">
        <v>0</v>
      </c>
      <c r="AJ1547">
        <v>96</v>
      </c>
      <c r="AK1547" t="s">
        <v>4</v>
      </c>
      <c r="AL1547">
        <v>0</v>
      </c>
      <c r="AM1547">
        <v>0</v>
      </c>
      <c r="AN1547">
        <v>0</v>
      </c>
      <c r="AO1547">
        <v>0</v>
      </c>
      <c r="AP1547">
        <v>0</v>
      </c>
      <c r="AQ1547">
        <v>0</v>
      </c>
      <c r="AR1547">
        <v>0</v>
      </c>
      <c r="AS1547">
        <v>0</v>
      </c>
      <c r="AT1547">
        <v>0</v>
      </c>
      <c r="AU1547">
        <v>0</v>
      </c>
      <c r="AV1547">
        <v>0</v>
      </c>
      <c r="AW1547">
        <v>0</v>
      </c>
      <c r="AX1547">
        <v>-2160</v>
      </c>
      <c r="AY1547">
        <v>2</v>
      </c>
      <c r="AZ1547">
        <v>4</v>
      </c>
      <c r="BA1547">
        <v>14</v>
      </c>
    </row>
    <row r="1548" spans="1:53" x14ac:dyDescent="0.4">
      <c r="A1548">
        <v>1592</v>
      </c>
      <c r="B1548" s="1">
        <v>43313</v>
      </c>
      <c r="C1548">
        <v>2</v>
      </c>
      <c r="D1548" s="1">
        <v>43313.42083333333</v>
      </c>
      <c r="E1548" s="1">
        <v>43313.734722222223</v>
      </c>
      <c r="F1548">
        <v>16250</v>
      </c>
      <c r="G1548">
        <v>1780</v>
      </c>
      <c r="H1548">
        <v>0</v>
      </c>
      <c r="I1548">
        <v>0</v>
      </c>
      <c r="J1548">
        <v>0</v>
      </c>
      <c r="K1548">
        <v>0</v>
      </c>
      <c r="L1548">
        <v>0</v>
      </c>
      <c r="M1548">
        <v>1442</v>
      </c>
      <c r="N1548">
        <v>0</v>
      </c>
      <c r="O1548">
        <v>0</v>
      </c>
      <c r="P1548">
        <v>4860</v>
      </c>
      <c r="Q1548">
        <v>0</v>
      </c>
      <c r="R1548">
        <v>24332</v>
      </c>
      <c r="S1548">
        <v>0</v>
      </c>
      <c r="T1548">
        <v>0</v>
      </c>
      <c r="U1548">
        <v>0</v>
      </c>
      <c r="V1548">
        <v>0</v>
      </c>
      <c r="W1548">
        <v>2</v>
      </c>
      <c r="X1548">
        <v>0</v>
      </c>
      <c r="Y1548">
        <v>39</v>
      </c>
      <c r="Z1548">
        <v>33</v>
      </c>
      <c r="AA1548">
        <v>70</v>
      </c>
      <c r="AB1548">
        <v>27</v>
      </c>
      <c r="AC1548">
        <v>199</v>
      </c>
      <c r="AD1548">
        <v>103</v>
      </c>
      <c r="AE1548">
        <v>147</v>
      </c>
      <c r="AF1548">
        <v>0</v>
      </c>
      <c r="AG1548">
        <v>76502</v>
      </c>
      <c r="AH1548">
        <v>50000</v>
      </c>
      <c r="AI1548">
        <v>10</v>
      </c>
      <c r="AJ1548">
        <v>84</v>
      </c>
      <c r="AK1548" t="s">
        <v>16</v>
      </c>
      <c r="AL1548">
        <v>0</v>
      </c>
      <c r="AM1548">
        <v>0</v>
      </c>
      <c r="AN1548">
        <v>0</v>
      </c>
      <c r="AO1548">
        <v>0</v>
      </c>
      <c r="AP1548">
        <v>0</v>
      </c>
      <c r="AQ1548">
        <v>0</v>
      </c>
      <c r="AR1548">
        <v>0</v>
      </c>
      <c r="AS1548">
        <v>0</v>
      </c>
      <c r="AT1548">
        <v>0</v>
      </c>
      <c r="AU1548">
        <v>0</v>
      </c>
      <c r="AV1548">
        <v>0</v>
      </c>
      <c r="AW1548">
        <v>0</v>
      </c>
      <c r="AX1548">
        <v>820</v>
      </c>
      <c r="AY1548">
        <v>20</v>
      </c>
      <c r="AZ1548">
        <v>42</v>
      </c>
      <c r="BA1548">
        <v>2945</v>
      </c>
    </row>
    <row r="1549" spans="1:53" x14ac:dyDescent="0.4">
      <c r="A1549">
        <v>1593</v>
      </c>
      <c r="B1549" s="1">
        <v>43313</v>
      </c>
      <c r="C1549">
        <v>3</v>
      </c>
      <c r="D1549" s="1">
        <v>43313.734722222223</v>
      </c>
      <c r="E1549" s="1">
        <v>43313.945138888892</v>
      </c>
      <c r="F1549">
        <v>13000</v>
      </c>
      <c r="G1549">
        <v>1140</v>
      </c>
      <c r="H1549">
        <v>0</v>
      </c>
      <c r="I1549">
        <v>0</v>
      </c>
      <c r="J1549">
        <v>0</v>
      </c>
      <c r="K1549">
        <v>200</v>
      </c>
      <c r="L1549">
        <v>0</v>
      </c>
      <c r="M1549">
        <v>1146</v>
      </c>
      <c r="N1549">
        <v>0</v>
      </c>
      <c r="O1549">
        <v>0</v>
      </c>
      <c r="P1549">
        <v>-7020</v>
      </c>
      <c r="Q1549">
        <v>0</v>
      </c>
      <c r="R1549">
        <v>8466</v>
      </c>
      <c r="S1549">
        <v>0</v>
      </c>
      <c r="T1549">
        <v>0</v>
      </c>
      <c r="U1549">
        <v>0</v>
      </c>
      <c r="V1549">
        <v>1</v>
      </c>
      <c r="W1549">
        <v>1</v>
      </c>
      <c r="X1549">
        <v>0</v>
      </c>
      <c r="Y1549">
        <v>43</v>
      </c>
      <c r="Z1549">
        <v>34</v>
      </c>
      <c r="AA1549">
        <v>61</v>
      </c>
      <c r="AB1549">
        <v>25</v>
      </c>
      <c r="AC1549">
        <v>195</v>
      </c>
      <c r="AD1549">
        <v>103</v>
      </c>
      <c r="AE1549">
        <v>143</v>
      </c>
      <c r="AF1549">
        <v>0</v>
      </c>
      <c r="AG1549">
        <v>84958</v>
      </c>
      <c r="AH1549">
        <v>50000</v>
      </c>
      <c r="AI1549">
        <v>0</v>
      </c>
      <c r="AJ1549">
        <v>102</v>
      </c>
      <c r="AK1549" t="s">
        <v>8</v>
      </c>
      <c r="AL1549">
        <v>0</v>
      </c>
      <c r="AM1549">
        <v>0</v>
      </c>
      <c r="AN1549">
        <v>0</v>
      </c>
      <c r="AO1549">
        <v>0</v>
      </c>
      <c r="AP1549">
        <v>0</v>
      </c>
      <c r="AQ1549">
        <v>0</v>
      </c>
      <c r="AR1549">
        <v>0</v>
      </c>
      <c r="AS1549">
        <v>0</v>
      </c>
      <c r="AT1549">
        <v>0</v>
      </c>
      <c r="AU1549">
        <v>0</v>
      </c>
      <c r="AV1549">
        <v>0</v>
      </c>
      <c r="AW1549">
        <v>0</v>
      </c>
      <c r="AX1549">
        <v>16502</v>
      </c>
      <c r="AY1549">
        <v>9</v>
      </c>
      <c r="AZ1549">
        <v>23</v>
      </c>
      <c r="BA1549">
        <v>1220</v>
      </c>
    </row>
    <row r="1550" spans="1:53" x14ac:dyDescent="0.4">
      <c r="A1550">
        <v>1594</v>
      </c>
      <c r="B1550" s="1">
        <v>43313</v>
      </c>
      <c r="C1550">
        <v>4</v>
      </c>
      <c r="D1550" s="1">
        <v>43313.945138888892</v>
      </c>
      <c r="E1550" s="1">
        <v>43314.098611111112</v>
      </c>
      <c r="F1550">
        <v>26280</v>
      </c>
      <c r="G1550">
        <v>840</v>
      </c>
      <c r="H1550">
        <v>200</v>
      </c>
      <c r="I1550">
        <v>0</v>
      </c>
      <c r="J1550">
        <v>1481</v>
      </c>
      <c r="K1550">
        <v>0</v>
      </c>
      <c r="L1550">
        <v>0</v>
      </c>
      <c r="M1550">
        <v>2067</v>
      </c>
      <c r="N1550">
        <v>0</v>
      </c>
      <c r="O1550">
        <v>0</v>
      </c>
      <c r="P1550">
        <v>5184</v>
      </c>
      <c r="Q1550">
        <v>0</v>
      </c>
      <c r="R1550">
        <v>33090</v>
      </c>
      <c r="S1550">
        <v>0</v>
      </c>
      <c r="T1550">
        <v>0</v>
      </c>
      <c r="U1550">
        <v>0</v>
      </c>
      <c r="V1550">
        <v>2</v>
      </c>
      <c r="W1550">
        <v>2</v>
      </c>
      <c r="X1550">
        <v>0</v>
      </c>
      <c r="Y1550">
        <v>42</v>
      </c>
      <c r="Z1550">
        <v>33</v>
      </c>
      <c r="AA1550">
        <v>55</v>
      </c>
      <c r="AB1550">
        <v>25</v>
      </c>
      <c r="AC1550">
        <v>193</v>
      </c>
      <c r="AD1550">
        <v>102</v>
      </c>
      <c r="AE1550">
        <v>142</v>
      </c>
      <c r="AF1550">
        <v>20216</v>
      </c>
      <c r="AG1550">
        <v>118048</v>
      </c>
      <c r="AH1550">
        <v>50000</v>
      </c>
      <c r="AI1550">
        <v>0</v>
      </c>
      <c r="AJ1550">
        <v>108</v>
      </c>
      <c r="AK1550" t="s">
        <v>30</v>
      </c>
      <c r="AL1550">
        <v>0</v>
      </c>
      <c r="AM1550">
        <v>0</v>
      </c>
      <c r="AN1550">
        <v>0</v>
      </c>
      <c r="AO1550">
        <v>0</v>
      </c>
      <c r="AP1550">
        <v>0</v>
      </c>
      <c r="AQ1550">
        <v>0</v>
      </c>
      <c r="AR1550">
        <v>0</v>
      </c>
      <c r="AS1550">
        <v>0</v>
      </c>
      <c r="AT1550">
        <v>0</v>
      </c>
      <c r="AU1550">
        <v>0</v>
      </c>
      <c r="AV1550">
        <v>0</v>
      </c>
      <c r="AW1550">
        <v>0</v>
      </c>
      <c r="AX1550">
        <v>0</v>
      </c>
      <c r="AY1550">
        <v>2</v>
      </c>
      <c r="AZ1550">
        <v>5</v>
      </c>
      <c r="BA1550">
        <v>266</v>
      </c>
    </row>
    <row r="1551" spans="1:53" x14ac:dyDescent="0.4">
      <c r="A1551">
        <v>1595</v>
      </c>
      <c r="B1551" s="1">
        <v>43314</v>
      </c>
      <c r="C1551">
        <v>1</v>
      </c>
      <c r="D1551" s="1">
        <v>43314.291666666664</v>
      </c>
      <c r="E1551" s="1">
        <v>43314.415277777778</v>
      </c>
      <c r="F1551">
        <v>0</v>
      </c>
      <c r="G1551">
        <v>0</v>
      </c>
      <c r="H1551">
        <v>0</v>
      </c>
      <c r="I1551">
        <v>0</v>
      </c>
      <c r="J1551">
        <v>0</v>
      </c>
      <c r="K1551">
        <v>0</v>
      </c>
      <c r="L1551">
        <v>0</v>
      </c>
      <c r="M1551">
        <v>0</v>
      </c>
      <c r="N1551">
        <v>0</v>
      </c>
      <c r="O1551">
        <v>0</v>
      </c>
      <c r="P1551">
        <v>0</v>
      </c>
      <c r="Q1551">
        <v>0</v>
      </c>
      <c r="R1551">
        <v>0</v>
      </c>
      <c r="S1551">
        <v>0</v>
      </c>
      <c r="T1551">
        <v>0</v>
      </c>
      <c r="U1551">
        <v>0</v>
      </c>
      <c r="V1551">
        <v>0</v>
      </c>
      <c r="W1551">
        <v>0</v>
      </c>
      <c r="X1551">
        <v>0</v>
      </c>
      <c r="Y1551">
        <v>24</v>
      </c>
      <c r="Z1551">
        <v>33</v>
      </c>
      <c r="AA1551">
        <v>59</v>
      </c>
      <c r="AB1551">
        <v>25</v>
      </c>
      <c r="AC1551">
        <v>170</v>
      </c>
      <c r="AD1551">
        <v>102</v>
      </c>
      <c r="AE1551">
        <v>140</v>
      </c>
      <c r="AF1551">
        <v>0</v>
      </c>
      <c r="AG1551">
        <v>50000</v>
      </c>
      <c r="AH1551">
        <v>0</v>
      </c>
      <c r="AI1551">
        <v>50000</v>
      </c>
      <c r="AJ1551">
        <v>0</v>
      </c>
      <c r="AK1551" t="s">
        <v>6</v>
      </c>
      <c r="AL1551">
        <v>0</v>
      </c>
      <c r="AM1551">
        <v>0</v>
      </c>
      <c r="AN1551">
        <v>0</v>
      </c>
      <c r="AO1551">
        <v>0</v>
      </c>
      <c r="AP1551">
        <v>0</v>
      </c>
      <c r="AQ1551">
        <v>0</v>
      </c>
      <c r="AR1551">
        <v>0</v>
      </c>
      <c r="AS1551">
        <v>0</v>
      </c>
      <c r="AT1551">
        <v>0</v>
      </c>
      <c r="AU1551">
        <v>0</v>
      </c>
      <c r="AV1551">
        <v>0</v>
      </c>
      <c r="AW1551">
        <v>0</v>
      </c>
      <c r="AX1551">
        <v>0</v>
      </c>
      <c r="AY1551">
        <v>0</v>
      </c>
      <c r="AZ1551">
        <v>0</v>
      </c>
      <c r="BA1551">
        <v>0</v>
      </c>
    </row>
    <row r="1552" spans="1:53" x14ac:dyDescent="0.4">
      <c r="A1552">
        <v>1596</v>
      </c>
      <c r="B1552" s="1">
        <v>43314</v>
      </c>
      <c r="C1552">
        <v>2</v>
      </c>
      <c r="D1552" s="1">
        <v>43314.415277777778</v>
      </c>
      <c r="E1552" s="1">
        <v>43314.754861111112</v>
      </c>
      <c r="F1552">
        <v>19000</v>
      </c>
      <c r="G1552">
        <v>1000</v>
      </c>
      <c r="H1552">
        <v>0</v>
      </c>
      <c r="I1552">
        <v>0</v>
      </c>
      <c r="J1552">
        <v>0</v>
      </c>
      <c r="K1552">
        <v>0</v>
      </c>
      <c r="L1552">
        <v>0</v>
      </c>
      <c r="M1552">
        <v>1600</v>
      </c>
      <c r="N1552">
        <v>0</v>
      </c>
      <c r="O1552">
        <v>0</v>
      </c>
      <c r="P1552">
        <v>9720</v>
      </c>
      <c r="Q1552">
        <v>0</v>
      </c>
      <c r="R1552">
        <v>31320</v>
      </c>
      <c r="S1552">
        <v>0</v>
      </c>
      <c r="T1552">
        <v>0</v>
      </c>
      <c r="U1552">
        <v>0</v>
      </c>
      <c r="V1552">
        <v>1</v>
      </c>
      <c r="W1552">
        <v>0</v>
      </c>
      <c r="X1552">
        <v>0</v>
      </c>
      <c r="Y1552">
        <v>32</v>
      </c>
      <c r="Z1552">
        <v>52</v>
      </c>
      <c r="AA1552">
        <v>82</v>
      </c>
      <c r="AB1552">
        <v>30</v>
      </c>
      <c r="AC1552">
        <v>240</v>
      </c>
      <c r="AD1552">
        <v>107</v>
      </c>
      <c r="AE1552">
        <v>145</v>
      </c>
      <c r="AF1552">
        <v>540</v>
      </c>
      <c r="AG1552">
        <v>81320</v>
      </c>
      <c r="AH1552">
        <v>50000</v>
      </c>
      <c r="AI1552">
        <v>0</v>
      </c>
      <c r="AJ1552">
        <v>102</v>
      </c>
      <c r="AK1552" t="s">
        <v>8</v>
      </c>
      <c r="AL1552">
        <v>0</v>
      </c>
      <c r="AM1552">
        <v>0</v>
      </c>
      <c r="AN1552">
        <v>0</v>
      </c>
      <c r="AO1552">
        <v>0</v>
      </c>
      <c r="AP1552">
        <v>0</v>
      </c>
      <c r="AQ1552">
        <v>0</v>
      </c>
      <c r="AR1552">
        <v>0</v>
      </c>
      <c r="AS1552">
        <v>0</v>
      </c>
      <c r="AT1552">
        <v>0</v>
      </c>
      <c r="AU1552">
        <v>0</v>
      </c>
      <c r="AV1552">
        <v>0</v>
      </c>
      <c r="AW1552">
        <v>0</v>
      </c>
      <c r="AX1552">
        <v>2182</v>
      </c>
      <c r="AY1552">
        <v>27</v>
      </c>
      <c r="AZ1552">
        <v>56</v>
      </c>
      <c r="BA1552">
        <v>4138</v>
      </c>
    </row>
    <row r="1553" spans="1:53" x14ac:dyDescent="0.4">
      <c r="A1553">
        <v>1597</v>
      </c>
      <c r="B1553" s="1">
        <v>43314</v>
      </c>
      <c r="C1553">
        <v>3</v>
      </c>
      <c r="D1553" s="1">
        <v>43314.754861111112</v>
      </c>
      <c r="E1553" s="1">
        <v>43314.936805555553</v>
      </c>
      <c r="F1553">
        <v>14380</v>
      </c>
      <c r="G1553">
        <v>2760</v>
      </c>
      <c r="H1553">
        <v>0</v>
      </c>
      <c r="I1553">
        <v>0</v>
      </c>
      <c r="J1553">
        <v>0</v>
      </c>
      <c r="K1553">
        <v>0</v>
      </c>
      <c r="L1553">
        <v>0</v>
      </c>
      <c r="M1553">
        <v>1371</v>
      </c>
      <c r="N1553">
        <v>0</v>
      </c>
      <c r="O1553">
        <v>0</v>
      </c>
      <c r="P1553">
        <v>-9720</v>
      </c>
      <c r="Q1553">
        <v>0</v>
      </c>
      <c r="R1553">
        <v>8791</v>
      </c>
      <c r="S1553">
        <v>0</v>
      </c>
      <c r="T1553">
        <v>0</v>
      </c>
      <c r="U1553">
        <v>0</v>
      </c>
      <c r="V1553">
        <v>2</v>
      </c>
      <c r="W1553">
        <v>0</v>
      </c>
      <c r="X1553">
        <v>0</v>
      </c>
      <c r="Y1553">
        <v>30</v>
      </c>
      <c r="Z1553">
        <v>53</v>
      </c>
      <c r="AA1553">
        <v>84</v>
      </c>
      <c r="AB1553">
        <v>31</v>
      </c>
      <c r="AC1553">
        <v>244</v>
      </c>
      <c r="AD1553">
        <v>107</v>
      </c>
      <c r="AE1553">
        <v>146</v>
      </c>
      <c r="AF1553">
        <v>540</v>
      </c>
      <c r="AG1553">
        <v>90111</v>
      </c>
      <c r="AH1553">
        <v>50000</v>
      </c>
      <c r="AI1553">
        <v>0</v>
      </c>
      <c r="AJ1553">
        <v>101</v>
      </c>
      <c r="AK1553" t="s">
        <v>23</v>
      </c>
      <c r="AL1553">
        <v>0</v>
      </c>
      <c r="AM1553">
        <v>0</v>
      </c>
      <c r="AN1553">
        <v>0</v>
      </c>
      <c r="AO1553">
        <v>0</v>
      </c>
      <c r="AP1553">
        <v>0</v>
      </c>
      <c r="AQ1553">
        <v>0</v>
      </c>
      <c r="AR1553">
        <v>0</v>
      </c>
      <c r="AS1553">
        <v>0</v>
      </c>
      <c r="AT1553">
        <v>0</v>
      </c>
      <c r="AU1553">
        <v>0</v>
      </c>
      <c r="AV1553">
        <v>0</v>
      </c>
      <c r="AW1553">
        <v>0</v>
      </c>
      <c r="AX1553">
        <v>4860</v>
      </c>
      <c r="AY1553">
        <v>9</v>
      </c>
      <c r="AZ1553">
        <v>17</v>
      </c>
      <c r="BA1553">
        <v>1248</v>
      </c>
    </row>
    <row r="1554" spans="1:53" x14ac:dyDescent="0.4">
      <c r="A1554">
        <v>1598</v>
      </c>
      <c r="B1554" s="1">
        <v>43315</v>
      </c>
      <c r="C1554">
        <v>1</v>
      </c>
      <c r="D1554" s="1">
        <v>43315.291666666664</v>
      </c>
      <c r="E1554" s="1">
        <v>43315.40625</v>
      </c>
      <c r="F1554">
        <v>0</v>
      </c>
      <c r="G1554">
        <v>0</v>
      </c>
      <c r="H1554">
        <v>0</v>
      </c>
      <c r="I1554">
        <v>0</v>
      </c>
      <c r="J1554">
        <v>0</v>
      </c>
      <c r="K1554">
        <v>0</v>
      </c>
      <c r="L1554">
        <v>0</v>
      </c>
      <c r="M1554">
        <v>0</v>
      </c>
      <c r="N1554">
        <v>0</v>
      </c>
      <c r="O1554">
        <v>0</v>
      </c>
      <c r="P1554">
        <v>0</v>
      </c>
      <c r="Q1554">
        <v>0</v>
      </c>
      <c r="R1554">
        <v>0</v>
      </c>
      <c r="S1554">
        <v>0</v>
      </c>
      <c r="T1554">
        <v>0</v>
      </c>
      <c r="U1554">
        <v>0</v>
      </c>
      <c r="V1554">
        <v>0</v>
      </c>
      <c r="W1554">
        <v>0</v>
      </c>
      <c r="X1554">
        <v>0</v>
      </c>
      <c r="Y1554">
        <v>23</v>
      </c>
      <c r="Z1554">
        <v>30</v>
      </c>
      <c r="AA1554">
        <v>89</v>
      </c>
      <c r="AB1554">
        <v>29</v>
      </c>
      <c r="AC1554">
        <v>100</v>
      </c>
      <c r="AD1554">
        <v>103</v>
      </c>
      <c r="AE1554">
        <v>135</v>
      </c>
      <c r="AF1554">
        <v>0</v>
      </c>
      <c r="AG1554">
        <v>50000</v>
      </c>
      <c r="AH1554">
        <v>0</v>
      </c>
      <c r="AI1554">
        <v>50000</v>
      </c>
      <c r="AJ1554">
        <v>0</v>
      </c>
      <c r="AK1554" t="s">
        <v>6</v>
      </c>
      <c r="AL1554">
        <v>0</v>
      </c>
      <c r="AM1554">
        <v>0</v>
      </c>
      <c r="AN1554">
        <v>0</v>
      </c>
      <c r="AO1554">
        <v>0</v>
      </c>
      <c r="AP1554">
        <v>0</v>
      </c>
      <c r="AQ1554">
        <v>0</v>
      </c>
      <c r="AR1554">
        <v>0</v>
      </c>
      <c r="AS1554">
        <v>0</v>
      </c>
      <c r="AT1554">
        <v>0</v>
      </c>
      <c r="AU1554">
        <v>0</v>
      </c>
      <c r="AV1554">
        <v>0</v>
      </c>
      <c r="AW1554">
        <v>0</v>
      </c>
      <c r="AX1554">
        <v>0</v>
      </c>
      <c r="AY1554">
        <v>0</v>
      </c>
      <c r="AZ1554">
        <v>0</v>
      </c>
      <c r="BA1554">
        <v>0</v>
      </c>
    </row>
    <row r="1555" spans="1:53" x14ac:dyDescent="0.4">
      <c r="A1555">
        <v>1599</v>
      </c>
      <c r="B1555" s="1">
        <v>43315</v>
      </c>
      <c r="C1555">
        <v>2</v>
      </c>
      <c r="D1555" s="1">
        <v>43315.40625</v>
      </c>
      <c r="E1555" s="1">
        <v>43315.730555555558</v>
      </c>
      <c r="F1555">
        <v>24500</v>
      </c>
      <c r="G1555">
        <v>1160</v>
      </c>
      <c r="H1555">
        <v>0</v>
      </c>
      <c r="I1555">
        <v>0</v>
      </c>
      <c r="J1555">
        <v>0</v>
      </c>
      <c r="K1555">
        <v>0</v>
      </c>
      <c r="L1555">
        <v>0</v>
      </c>
      <c r="M1555">
        <v>2053</v>
      </c>
      <c r="N1555">
        <v>0</v>
      </c>
      <c r="O1555">
        <v>0</v>
      </c>
      <c r="P1555">
        <v>11340</v>
      </c>
      <c r="Q1555">
        <v>0</v>
      </c>
      <c r="R1555">
        <v>39053</v>
      </c>
      <c r="S1555">
        <v>0</v>
      </c>
      <c r="T1555">
        <v>0</v>
      </c>
      <c r="U1555">
        <v>0</v>
      </c>
      <c r="V1555">
        <v>0</v>
      </c>
      <c r="W1555">
        <v>1</v>
      </c>
      <c r="X1555">
        <v>0</v>
      </c>
      <c r="Y1555">
        <v>43</v>
      </c>
      <c r="Z1555">
        <v>49</v>
      </c>
      <c r="AA1555">
        <v>107</v>
      </c>
      <c r="AB1555">
        <v>30</v>
      </c>
      <c r="AC1555">
        <v>190</v>
      </c>
      <c r="AD1555">
        <v>103</v>
      </c>
      <c r="AE1555">
        <v>136</v>
      </c>
      <c r="AF1555">
        <v>1802</v>
      </c>
      <c r="AG1555">
        <v>89052</v>
      </c>
      <c r="AH1555">
        <v>50000</v>
      </c>
      <c r="AI1555">
        <v>-1</v>
      </c>
      <c r="AJ1555">
        <v>90</v>
      </c>
      <c r="AK1555" t="s">
        <v>24</v>
      </c>
      <c r="AL1555">
        <v>0</v>
      </c>
      <c r="AM1555">
        <v>0</v>
      </c>
      <c r="AN1555">
        <v>0</v>
      </c>
      <c r="AO1555">
        <v>0</v>
      </c>
      <c r="AP1555">
        <v>0</v>
      </c>
      <c r="AQ1555">
        <v>0</v>
      </c>
      <c r="AR1555">
        <v>0</v>
      </c>
      <c r="AS1555">
        <v>0</v>
      </c>
      <c r="AT1555">
        <v>0</v>
      </c>
      <c r="AU1555">
        <v>0</v>
      </c>
      <c r="AV1555">
        <v>0</v>
      </c>
      <c r="AW1555">
        <v>0</v>
      </c>
      <c r="AX1555">
        <v>-2506</v>
      </c>
      <c r="AY1555">
        <v>30</v>
      </c>
      <c r="AZ1555">
        <v>70</v>
      </c>
      <c r="BA1555">
        <v>4210</v>
      </c>
    </row>
    <row r="1556" spans="1:53" x14ac:dyDescent="0.4">
      <c r="A1556">
        <v>1600</v>
      </c>
      <c r="B1556" s="1">
        <v>43315</v>
      </c>
      <c r="C1556">
        <v>3</v>
      </c>
      <c r="D1556" s="1">
        <v>43315.730555555558</v>
      </c>
      <c r="E1556" s="1">
        <v>43315.732638888891</v>
      </c>
      <c r="F1556">
        <v>0</v>
      </c>
      <c r="G1556">
        <v>0</v>
      </c>
      <c r="H1556">
        <v>0</v>
      </c>
      <c r="I1556">
        <v>0</v>
      </c>
      <c r="J1556">
        <v>0</v>
      </c>
      <c r="K1556">
        <v>0</v>
      </c>
      <c r="L1556">
        <v>0</v>
      </c>
      <c r="M1556">
        <v>0</v>
      </c>
      <c r="N1556">
        <v>0</v>
      </c>
      <c r="O1556">
        <v>0</v>
      </c>
      <c r="P1556">
        <v>0</v>
      </c>
      <c r="Q1556">
        <v>0</v>
      </c>
      <c r="R1556">
        <v>0</v>
      </c>
      <c r="S1556">
        <v>0</v>
      </c>
      <c r="T1556">
        <v>0</v>
      </c>
      <c r="U1556">
        <v>0</v>
      </c>
      <c r="V1556">
        <v>0</v>
      </c>
      <c r="W1556">
        <v>1</v>
      </c>
      <c r="X1556">
        <v>0</v>
      </c>
      <c r="Y1556">
        <v>43</v>
      </c>
      <c r="Z1556">
        <v>49</v>
      </c>
      <c r="AA1556">
        <v>107</v>
      </c>
      <c r="AB1556">
        <v>30</v>
      </c>
      <c r="AC1556">
        <v>190</v>
      </c>
      <c r="AD1556">
        <v>103</v>
      </c>
      <c r="AE1556">
        <v>136</v>
      </c>
      <c r="AF1556">
        <v>1802</v>
      </c>
      <c r="AG1556">
        <v>89053</v>
      </c>
      <c r="AH1556">
        <v>50000</v>
      </c>
      <c r="AI1556">
        <v>0</v>
      </c>
      <c r="AJ1556">
        <v>90</v>
      </c>
      <c r="AK1556" t="s">
        <v>24</v>
      </c>
      <c r="AL1556">
        <v>0</v>
      </c>
      <c r="AM1556">
        <v>0</v>
      </c>
      <c r="AN1556">
        <v>0</v>
      </c>
      <c r="AO1556">
        <v>0</v>
      </c>
      <c r="AP1556">
        <v>0</v>
      </c>
      <c r="AQ1556">
        <v>0</v>
      </c>
      <c r="AR1556">
        <v>0</v>
      </c>
      <c r="AS1556">
        <v>0</v>
      </c>
      <c r="AT1556">
        <v>0</v>
      </c>
      <c r="AU1556">
        <v>0</v>
      </c>
      <c r="AV1556">
        <v>0</v>
      </c>
      <c r="AW1556">
        <v>0</v>
      </c>
      <c r="AX1556">
        <v>-346</v>
      </c>
      <c r="AY1556">
        <v>0</v>
      </c>
      <c r="AZ1556">
        <v>0</v>
      </c>
      <c r="BA1556">
        <v>24</v>
      </c>
    </row>
    <row r="1557" spans="1:53" x14ac:dyDescent="0.4">
      <c r="A1557">
        <v>1601</v>
      </c>
      <c r="B1557" s="1">
        <v>43315</v>
      </c>
      <c r="C1557">
        <v>4</v>
      </c>
      <c r="D1557" s="1">
        <v>43315.732638888891</v>
      </c>
      <c r="E1557" s="1">
        <v>43316.118750000001</v>
      </c>
      <c r="F1557">
        <v>198400</v>
      </c>
      <c r="G1557">
        <v>16070</v>
      </c>
      <c r="H1557">
        <v>400</v>
      </c>
      <c r="I1557">
        <v>0</v>
      </c>
      <c r="J1557">
        <v>0</v>
      </c>
      <c r="K1557">
        <v>400</v>
      </c>
      <c r="L1557">
        <v>0</v>
      </c>
      <c r="M1557">
        <v>17222</v>
      </c>
      <c r="N1557">
        <v>0</v>
      </c>
      <c r="O1557">
        <v>0</v>
      </c>
      <c r="P1557">
        <v>51084</v>
      </c>
      <c r="Q1557">
        <v>0</v>
      </c>
      <c r="R1557">
        <v>283576</v>
      </c>
      <c r="S1557">
        <v>0</v>
      </c>
      <c r="T1557">
        <v>0</v>
      </c>
      <c r="U1557">
        <v>0</v>
      </c>
      <c r="V1557">
        <v>9</v>
      </c>
      <c r="W1557">
        <v>10</v>
      </c>
      <c r="X1557">
        <v>0</v>
      </c>
      <c r="Y1557">
        <v>140</v>
      </c>
      <c r="Z1557">
        <v>50</v>
      </c>
      <c r="AA1557">
        <v>103</v>
      </c>
      <c r="AB1557">
        <v>23</v>
      </c>
      <c r="AC1557">
        <v>157</v>
      </c>
      <c r="AD1557">
        <v>106</v>
      </c>
      <c r="AE1557">
        <v>145</v>
      </c>
      <c r="AF1557">
        <v>53798</v>
      </c>
      <c r="AG1557">
        <v>372493</v>
      </c>
      <c r="AH1557">
        <v>50000</v>
      </c>
      <c r="AI1557">
        <v>-136</v>
      </c>
      <c r="AJ1557">
        <v>29</v>
      </c>
      <c r="AK1557" t="s">
        <v>28</v>
      </c>
      <c r="AL1557">
        <v>0</v>
      </c>
      <c r="AM1557">
        <v>0</v>
      </c>
      <c r="AN1557">
        <v>0</v>
      </c>
      <c r="AO1557">
        <v>0</v>
      </c>
      <c r="AP1557">
        <v>0</v>
      </c>
      <c r="AQ1557">
        <v>0</v>
      </c>
      <c r="AR1557">
        <v>0</v>
      </c>
      <c r="AS1557">
        <v>0</v>
      </c>
      <c r="AT1557">
        <v>0</v>
      </c>
      <c r="AU1557">
        <v>0</v>
      </c>
      <c r="AV1557">
        <v>0</v>
      </c>
      <c r="AW1557">
        <v>0</v>
      </c>
      <c r="AX1557">
        <v>1836</v>
      </c>
      <c r="AY1557">
        <v>32</v>
      </c>
      <c r="AZ1557">
        <v>145</v>
      </c>
      <c r="BA1557">
        <v>4429</v>
      </c>
    </row>
    <row r="1558" spans="1:53" x14ac:dyDescent="0.4">
      <c r="A1558">
        <v>1602</v>
      </c>
      <c r="B1558" s="1">
        <v>43316</v>
      </c>
      <c r="C1558">
        <v>1</v>
      </c>
      <c r="D1558" s="1">
        <v>43316.291666666664</v>
      </c>
      <c r="E1558" s="1">
        <v>43316.414583333331</v>
      </c>
      <c r="F1558">
        <v>0</v>
      </c>
      <c r="G1558">
        <v>0</v>
      </c>
      <c r="H1558">
        <v>0</v>
      </c>
      <c r="I1558">
        <v>0</v>
      </c>
      <c r="J1558">
        <v>0</v>
      </c>
      <c r="K1558">
        <v>0</v>
      </c>
      <c r="L1558">
        <v>0</v>
      </c>
      <c r="M1558">
        <v>0</v>
      </c>
      <c r="N1558">
        <v>0</v>
      </c>
      <c r="O1558">
        <v>0</v>
      </c>
      <c r="P1558">
        <v>0</v>
      </c>
      <c r="Q1558">
        <v>0</v>
      </c>
      <c r="R1558">
        <v>0</v>
      </c>
      <c r="S1558">
        <v>0</v>
      </c>
      <c r="T1558">
        <v>0</v>
      </c>
      <c r="U1558">
        <v>0</v>
      </c>
      <c r="V1558">
        <v>0</v>
      </c>
      <c r="W1558">
        <v>0</v>
      </c>
      <c r="X1558">
        <v>0</v>
      </c>
      <c r="Y1558">
        <v>27</v>
      </c>
      <c r="Z1558">
        <v>19</v>
      </c>
      <c r="AA1558">
        <v>105</v>
      </c>
      <c r="AB1558">
        <v>22</v>
      </c>
      <c r="AC1558">
        <v>122</v>
      </c>
      <c r="AD1558">
        <v>107</v>
      </c>
      <c r="AE1558">
        <v>145</v>
      </c>
      <c r="AF1558">
        <v>0</v>
      </c>
      <c r="AG1558">
        <v>50000</v>
      </c>
      <c r="AH1558">
        <v>50000</v>
      </c>
      <c r="AI1558">
        <v>0</v>
      </c>
      <c r="AJ1558">
        <v>0</v>
      </c>
      <c r="AK1558" t="s">
        <v>6</v>
      </c>
      <c r="AL1558">
        <v>0</v>
      </c>
      <c r="AM1558">
        <v>0</v>
      </c>
      <c r="AN1558">
        <v>0</v>
      </c>
      <c r="AO1558">
        <v>0</v>
      </c>
      <c r="AP1558">
        <v>0</v>
      </c>
      <c r="AQ1558">
        <v>0</v>
      </c>
      <c r="AR1558">
        <v>0</v>
      </c>
      <c r="AS1558">
        <v>0</v>
      </c>
      <c r="AT1558">
        <v>0</v>
      </c>
      <c r="AU1558">
        <v>0</v>
      </c>
      <c r="AV1558">
        <v>0</v>
      </c>
      <c r="AW1558">
        <v>0</v>
      </c>
      <c r="AX1558">
        <v>0</v>
      </c>
      <c r="AY1558">
        <v>0</v>
      </c>
      <c r="AZ1558">
        <v>0</v>
      </c>
      <c r="BA1558">
        <v>0</v>
      </c>
    </row>
    <row r="1559" spans="1:53" x14ac:dyDescent="0.4">
      <c r="A1559">
        <v>1603</v>
      </c>
      <c r="B1559" s="1">
        <v>43316</v>
      </c>
      <c r="C1559">
        <v>2</v>
      </c>
      <c r="D1559" s="1">
        <v>43316.414583333331</v>
      </c>
      <c r="E1559" s="1">
        <v>43316.74722222222</v>
      </c>
      <c r="F1559">
        <v>25000</v>
      </c>
      <c r="G1559">
        <v>1180</v>
      </c>
      <c r="H1559">
        <v>0</v>
      </c>
      <c r="I1559">
        <v>0</v>
      </c>
      <c r="J1559">
        <v>0</v>
      </c>
      <c r="K1559">
        <v>0</v>
      </c>
      <c r="L1559">
        <v>0</v>
      </c>
      <c r="M1559">
        <v>2094</v>
      </c>
      <c r="N1559">
        <v>0</v>
      </c>
      <c r="O1559">
        <v>0</v>
      </c>
      <c r="P1559">
        <v>7560</v>
      </c>
      <c r="Q1559">
        <v>0</v>
      </c>
      <c r="R1559">
        <v>35834</v>
      </c>
      <c r="S1559">
        <v>0</v>
      </c>
      <c r="T1559">
        <v>0</v>
      </c>
      <c r="U1559">
        <v>0</v>
      </c>
      <c r="V1559">
        <v>1</v>
      </c>
      <c r="W1559">
        <v>1</v>
      </c>
      <c r="X1559">
        <v>0</v>
      </c>
      <c r="Y1559">
        <v>41</v>
      </c>
      <c r="Z1559">
        <v>26</v>
      </c>
      <c r="AA1559">
        <v>98</v>
      </c>
      <c r="AB1559">
        <v>21</v>
      </c>
      <c r="AC1559">
        <v>160</v>
      </c>
      <c r="AD1559">
        <v>106</v>
      </c>
      <c r="AE1559">
        <v>145</v>
      </c>
      <c r="AF1559">
        <v>3709</v>
      </c>
      <c r="AG1559">
        <v>85834</v>
      </c>
      <c r="AH1559">
        <v>50000</v>
      </c>
      <c r="AI1559">
        <v>0</v>
      </c>
      <c r="AJ1559">
        <v>92</v>
      </c>
      <c r="AK1559" t="s">
        <v>22</v>
      </c>
      <c r="AL1559">
        <v>0</v>
      </c>
      <c r="AM1559">
        <v>0</v>
      </c>
      <c r="AN1559">
        <v>0</v>
      </c>
      <c r="AO1559">
        <v>0</v>
      </c>
      <c r="AP1559">
        <v>0</v>
      </c>
      <c r="AQ1559">
        <v>0</v>
      </c>
      <c r="AR1559">
        <v>0</v>
      </c>
      <c r="AS1559">
        <v>0</v>
      </c>
      <c r="AT1559">
        <v>0</v>
      </c>
      <c r="AU1559">
        <v>0</v>
      </c>
      <c r="AV1559">
        <v>0</v>
      </c>
      <c r="AW1559">
        <v>0</v>
      </c>
      <c r="AX1559">
        <v>0</v>
      </c>
      <c r="AY1559">
        <v>31</v>
      </c>
      <c r="AZ1559">
        <v>64</v>
      </c>
      <c r="BA1559">
        <v>4228</v>
      </c>
    </row>
    <row r="1560" spans="1:53" x14ac:dyDescent="0.4">
      <c r="A1560">
        <v>1604</v>
      </c>
      <c r="B1560" s="1">
        <v>43317</v>
      </c>
      <c r="C1560">
        <v>1</v>
      </c>
      <c r="D1560" s="1">
        <v>43317.291666666664</v>
      </c>
      <c r="E1560" s="1">
        <v>43317.409722222219</v>
      </c>
      <c r="F1560">
        <v>0</v>
      </c>
      <c r="G1560">
        <v>0</v>
      </c>
      <c r="H1560">
        <v>0</v>
      </c>
      <c r="I1560">
        <v>0</v>
      </c>
      <c r="J1560">
        <v>0</v>
      </c>
      <c r="K1560">
        <v>0</v>
      </c>
      <c r="L1560">
        <v>0</v>
      </c>
      <c r="M1560">
        <v>0</v>
      </c>
      <c r="N1560">
        <v>0</v>
      </c>
      <c r="O1560">
        <v>0</v>
      </c>
      <c r="P1560">
        <v>0</v>
      </c>
      <c r="Q1560">
        <v>0</v>
      </c>
      <c r="R1560">
        <v>0</v>
      </c>
      <c r="S1560">
        <v>0</v>
      </c>
      <c r="T1560">
        <v>0</v>
      </c>
      <c r="U1560">
        <v>0</v>
      </c>
      <c r="V1560">
        <v>0</v>
      </c>
      <c r="W1560">
        <v>0</v>
      </c>
      <c r="X1560">
        <v>0</v>
      </c>
      <c r="Y1560">
        <v>28</v>
      </c>
      <c r="Z1560">
        <v>20</v>
      </c>
      <c r="AA1560">
        <v>92</v>
      </c>
      <c r="AB1560">
        <v>20</v>
      </c>
      <c r="AC1560">
        <v>114</v>
      </c>
      <c r="AD1560">
        <v>110</v>
      </c>
      <c r="AE1560">
        <v>110</v>
      </c>
      <c r="AF1560">
        <v>0</v>
      </c>
      <c r="AG1560">
        <v>50000</v>
      </c>
      <c r="AH1560">
        <v>0</v>
      </c>
      <c r="AI1560">
        <v>50000</v>
      </c>
      <c r="AJ1560">
        <v>0</v>
      </c>
      <c r="AK1560" t="s">
        <v>6</v>
      </c>
      <c r="AL1560">
        <v>0</v>
      </c>
      <c r="AM1560">
        <v>0</v>
      </c>
      <c r="AN1560">
        <v>0</v>
      </c>
      <c r="AO1560">
        <v>0</v>
      </c>
      <c r="AP1560">
        <v>0</v>
      </c>
      <c r="AQ1560">
        <v>0</v>
      </c>
      <c r="AR1560">
        <v>0</v>
      </c>
      <c r="AS1560">
        <v>0</v>
      </c>
      <c r="AT1560">
        <v>0</v>
      </c>
      <c r="AU1560">
        <v>0</v>
      </c>
      <c r="AV1560">
        <v>0</v>
      </c>
      <c r="AW1560">
        <v>0</v>
      </c>
      <c r="AX1560">
        <v>0</v>
      </c>
      <c r="AY1560">
        <v>0</v>
      </c>
      <c r="AZ1560">
        <v>0</v>
      </c>
      <c r="BA1560">
        <v>0</v>
      </c>
    </row>
    <row r="1561" spans="1:53" x14ac:dyDescent="0.4">
      <c r="A1561">
        <v>1605</v>
      </c>
      <c r="B1561" s="1">
        <v>43317</v>
      </c>
      <c r="C1561">
        <v>2</v>
      </c>
      <c r="D1561" s="1">
        <v>43317.409722222219</v>
      </c>
      <c r="E1561" s="1">
        <v>43317.742361111108</v>
      </c>
      <c r="F1561">
        <v>24000</v>
      </c>
      <c r="G1561">
        <v>2960</v>
      </c>
      <c r="H1561">
        <v>200</v>
      </c>
      <c r="I1561">
        <v>0</v>
      </c>
      <c r="J1561">
        <v>0</v>
      </c>
      <c r="K1561">
        <v>0</v>
      </c>
      <c r="L1561">
        <v>0</v>
      </c>
      <c r="M1561">
        <v>2171</v>
      </c>
      <c r="N1561">
        <v>0</v>
      </c>
      <c r="O1561">
        <v>0</v>
      </c>
      <c r="P1561">
        <v>15120</v>
      </c>
      <c r="Q1561">
        <v>0</v>
      </c>
      <c r="R1561">
        <v>44451</v>
      </c>
      <c r="S1561">
        <v>0</v>
      </c>
      <c r="T1561">
        <v>0</v>
      </c>
      <c r="U1561">
        <v>0</v>
      </c>
      <c r="V1561">
        <v>0</v>
      </c>
      <c r="W1561">
        <v>5</v>
      </c>
      <c r="X1561">
        <v>0</v>
      </c>
      <c r="Y1561">
        <v>41</v>
      </c>
      <c r="Z1561">
        <v>31</v>
      </c>
      <c r="AA1561">
        <v>94</v>
      </c>
      <c r="AB1561">
        <v>23</v>
      </c>
      <c r="AC1561">
        <v>172</v>
      </c>
      <c r="AD1561">
        <v>113</v>
      </c>
      <c r="AE1561">
        <v>116</v>
      </c>
      <c r="AF1561">
        <v>0</v>
      </c>
      <c r="AG1561">
        <v>94451</v>
      </c>
      <c r="AH1561">
        <v>50000</v>
      </c>
      <c r="AI1561">
        <v>0</v>
      </c>
      <c r="AJ1561">
        <v>84</v>
      </c>
      <c r="AK1561" t="s">
        <v>16</v>
      </c>
      <c r="AL1561">
        <v>0</v>
      </c>
      <c r="AM1561">
        <v>0</v>
      </c>
      <c r="AN1561">
        <v>0</v>
      </c>
      <c r="AO1561">
        <v>0</v>
      </c>
      <c r="AP1561">
        <v>0</v>
      </c>
      <c r="AQ1561">
        <v>0</v>
      </c>
      <c r="AR1561">
        <v>0</v>
      </c>
      <c r="AS1561">
        <v>0</v>
      </c>
      <c r="AT1561">
        <v>0</v>
      </c>
      <c r="AU1561">
        <v>0</v>
      </c>
      <c r="AV1561">
        <v>0</v>
      </c>
      <c r="AW1561">
        <v>0</v>
      </c>
      <c r="AX1561">
        <v>734</v>
      </c>
      <c r="AY1561">
        <v>31</v>
      </c>
      <c r="AZ1561">
        <v>68</v>
      </c>
      <c r="BA1561">
        <v>4997</v>
      </c>
    </row>
    <row r="1562" spans="1:53" x14ac:dyDescent="0.4">
      <c r="A1562">
        <v>1606</v>
      </c>
      <c r="B1562" s="1">
        <v>43317</v>
      </c>
      <c r="C1562">
        <v>3</v>
      </c>
      <c r="D1562" s="1">
        <v>43317.742361111108</v>
      </c>
      <c r="E1562" s="1">
        <v>43317.956250000003</v>
      </c>
      <c r="F1562">
        <v>26530</v>
      </c>
      <c r="G1562">
        <v>1400</v>
      </c>
      <c r="H1562">
        <v>0</v>
      </c>
      <c r="I1562">
        <v>0</v>
      </c>
      <c r="J1562">
        <v>0</v>
      </c>
      <c r="K1562">
        <v>0</v>
      </c>
      <c r="L1562">
        <v>0</v>
      </c>
      <c r="M1562">
        <v>2234</v>
      </c>
      <c r="N1562">
        <v>0</v>
      </c>
      <c r="O1562">
        <v>0</v>
      </c>
      <c r="P1562">
        <v>-15120</v>
      </c>
      <c r="Q1562">
        <v>0</v>
      </c>
      <c r="R1562">
        <v>15044</v>
      </c>
      <c r="S1562">
        <v>0</v>
      </c>
      <c r="T1562">
        <v>0</v>
      </c>
      <c r="U1562">
        <v>0</v>
      </c>
      <c r="V1562">
        <v>3</v>
      </c>
      <c r="W1562">
        <v>3</v>
      </c>
      <c r="X1562">
        <v>0</v>
      </c>
      <c r="Y1562">
        <v>35</v>
      </c>
      <c r="Z1562">
        <v>32</v>
      </c>
      <c r="AA1562">
        <v>99</v>
      </c>
      <c r="AB1562">
        <v>23</v>
      </c>
      <c r="AC1562">
        <v>178</v>
      </c>
      <c r="AD1562">
        <v>111</v>
      </c>
      <c r="AE1562">
        <v>110</v>
      </c>
      <c r="AF1562">
        <v>0</v>
      </c>
      <c r="AG1562">
        <v>109495</v>
      </c>
      <c r="AH1562">
        <v>50000</v>
      </c>
      <c r="AI1562">
        <v>0</v>
      </c>
      <c r="AJ1562">
        <v>102</v>
      </c>
      <c r="AK1562" t="s">
        <v>8</v>
      </c>
      <c r="AL1562">
        <v>0</v>
      </c>
      <c r="AM1562">
        <v>0</v>
      </c>
      <c r="AN1562">
        <v>0</v>
      </c>
      <c r="AO1562">
        <v>0</v>
      </c>
      <c r="AP1562">
        <v>0</v>
      </c>
      <c r="AQ1562">
        <v>0</v>
      </c>
      <c r="AR1562">
        <v>0</v>
      </c>
      <c r="AS1562">
        <v>0</v>
      </c>
      <c r="AT1562">
        <v>0</v>
      </c>
      <c r="AU1562">
        <v>0</v>
      </c>
      <c r="AV1562">
        <v>0</v>
      </c>
      <c r="AW1562">
        <v>0</v>
      </c>
      <c r="AX1562">
        <v>17118</v>
      </c>
      <c r="AY1562">
        <v>12</v>
      </c>
      <c r="AZ1562">
        <v>33</v>
      </c>
      <c r="BA1562">
        <v>1906</v>
      </c>
    </row>
    <row r="1563" spans="1:53" x14ac:dyDescent="0.4">
      <c r="A1563">
        <v>1607</v>
      </c>
      <c r="B1563" s="1">
        <v>43317</v>
      </c>
      <c r="C1563">
        <v>4</v>
      </c>
      <c r="D1563" s="1">
        <v>43317.956250000003</v>
      </c>
      <c r="E1563" s="1">
        <v>43318.070833333331</v>
      </c>
      <c r="F1563">
        <v>25720</v>
      </c>
      <c r="G1563">
        <v>2290</v>
      </c>
      <c r="H1563">
        <v>0</v>
      </c>
      <c r="I1563">
        <v>0</v>
      </c>
      <c r="J1563">
        <v>760</v>
      </c>
      <c r="K1563">
        <v>0</v>
      </c>
      <c r="L1563">
        <v>0</v>
      </c>
      <c r="M1563">
        <v>2180</v>
      </c>
      <c r="N1563">
        <v>0</v>
      </c>
      <c r="O1563">
        <v>0</v>
      </c>
      <c r="P1563">
        <v>3564</v>
      </c>
      <c r="Q1563">
        <v>0</v>
      </c>
      <c r="R1563">
        <v>32994</v>
      </c>
      <c r="S1563">
        <v>0</v>
      </c>
      <c r="T1563">
        <v>0</v>
      </c>
      <c r="U1563">
        <v>0</v>
      </c>
      <c r="V1563">
        <v>5</v>
      </c>
      <c r="W1563">
        <v>2</v>
      </c>
      <c r="X1563">
        <v>1</v>
      </c>
      <c r="Y1563">
        <v>42</v>
      </c>
      <c r="Z1563">
        <v>32</v>
      </c>
      <c r="AA1563">
        <v>96</v>
      </c>
      <c r="AB1563">
        <v>22</v>
      </c>
      <c r="AC1563">
        <v>186</v>
      </c>
      <c r="AD1563">
        <v>112</v>
      </c>
      <c r="AE1563">
        <v>108</v>
      </c>
      <c r="AF1563">
        <v>9261</v>
      </c>
      <c r="AG1563">
        <v>142489</v>
      </c>
      <c r="AH1563">
        <v>50000</v>
      </c>
      <c r="AI1563">
        <v>0</v>
      </c>
      <c r="AJ1563">
        <v>100</v>
      </c>
      <c r="AK1563" t="s">
        <v>0</v>
      </c>
      <c r="AL1563">
        <v>0</v>
      </c>
      <c r="AM1563">
        <v>0</v>
      </c>
      <c r="AN1563">
        <v>0</v>
      </c>
      <c r="AO1563">
        <v>0</v>
      </c>
      <c r="AP1563">
        <v>0</v>
      </c>
      <c r="AQ1563">
        <v>0</v>
      </c>
      <c r="AR1563">
        <v>0</v>
      </c>
      <c r="AS1563">
        <v>0</v>
      </c>
      <c r="AT1563">
        <v>0</v>
      </c>
      <c r="AU1563">
        <v>0</v>
      </c>
      <c r="AV1563">
        <v>0</v>
      </c>
      <c r="AW1563">
        <v>0</v>
      </c>
      <c r="AX1563">
        <v>9720</v>
      </c>
      <c r="AY1563">
        <v>3</v>
      </c>
      <c r="AZ1563">
        <v>4</v>
      </c>
      <c r="BA1563">
        <v>655</v>
      </c>
    </row>
    <row r="1564" spans="1:53" x14ac:dyDescent="0.4">
      <c r="A1564">
        <v>1608</v>
      </c>
      <c r="B1564" s="1">
        <v>43318</v>
      </c>
      <c r="C1564">
        <v>1</v>
      </c>
      <c r="D1564" s="1">
        <v>43318.291666666664</v>
      </c>
      <c r="E1564" s="1">
        <v>43318.414583333331</v>
      </c>
      <c r="F1564">
        <v>0</v>
      </c>
      <c r="G1564">
        <v>0</v>
      </c>
      <c r="H1564">
        <v>0</v>
      </c>
      <c r="I1564">
        <v>0</v>
      </c>
      <c r="J1564">
        <v>0</v>
      </c>
      <c r="K1564">
        <v>0</v>
      </c>
      <c r="L1564">
        <v>0</v>
      </c>
      <c r="M1564">
        <v>0</v>
      </c>
      <c r="N1564">
        <v>0</v>
      </c>
      <c r="O1564">
        <v>0</v>
      </c>
      <c r="P1564">
        <v>0</v>
      </c>
      <c r="Q1564">
        <v>0</v>
      </c>
      <c r="R1564">
        <v>0</v>
      </c>
      <c r="S1564">
        <v>0</v>
      </c>
      <c r="T1564">
        <v>0</v>
      </c>
      <c r="U1564">
        <v>0</v>
      </c>
      <c r="V1564">
        <v>0</v>
      </c>
      <c r="W1564">
        <v>0</v>
      </c>
      <c r="X1564">
        <v>0</v>
      </c>
      <c r="Y1564">
        <v>27</v>
      </c>
      <c r="Z1564">
        <v>20</v>
      </c>
      <c r="AA1564">
        <v>99</v>
      </c>
      <c r="AB1564">
        <v>23</v>
      </c>
      <c r="AC1564">
        <v>129</v>
      </c>
      <c r="AD1564">
        <v>111</v>
      </c>
      <c r="AE1564">
        <v>105</v>
      </c>
      <c r="AF1564">
        <v>0</v>
      </c>
      <c r="AG1564">
        <v>50000</v>
      </c>
      <c r="AH1564">
        <v>0</v>
      </c>
      <c r="AI1564">
        <v>50000</v>
      </c>
      <c r="AJ1564">
        <v>0</v>
      </c>
      <c r="AK1564" t="s">
        <v>6</v>
      </c>
      <c r="AL1564">
        <v>0</v>
      </c>
      <c r="AM1564">
        <v>0</v>
      </c>
      <c r="AN1564">
        <v>0</v>
      </c>
      <c r="AO1564">
        <v>0</v>
      </c>
      <c r="AP1564">
        <v>0</v>
      </c>
      <c r="AQ1564">
        <v>0</v>
      </c>
      <c r="AR1564">
        <v>0</v>
      </c>
      <c r="AS1564">
        <v>0</v>
      </c>
      <c r="AT1564">
        <v>0</v>
      </c>
      <c r="AU1564">
        <v>0</v>
      </c>
      <c r="AV1564">
        <v>0</v>
      </c>
      <c r="AW1564">
        <v>0</v>
      </c>
      <c r="AX1564">
        <v>0</v>
      </c>
      <c r="AY1564">
        <v>0</v>
      </c>
      <c r="AZ1564">
        <v>0</v>
      </c>
      <c r="BA1564">
        <v>0</v>
      </c>
    </row>
    <row r="1565" spans="1:53" x14ac:dyDescent="0.4">
      <c r="A1565">
        <v>1609</v>
      </c>
      <c r="B1565" s="1">
        <v>43318</v>
      </c>
      <c r="C1565">
        <v>2</v>
      </c>
      <c r="D1565" s="1">
        <v>43318.414583333331</v>
      </c>
      <c r="E1565" s="1">
        <v>43318.743055555555</v>
      </c>
      <c r="F1565">
        <v>26750</v>
      </c>
      <c r="G1565">
        <v>1340</v>
      </c>
      <c r="H1565">
        <v>0</v>
      </c>
      <c r="I1565">
        <v>0</v>
      </c>
      <c r="J1565">
        <v>0</v>
      </c>
      <c r="K1565">
        <v>0</v>
      </c>
      <c r="L1565">
        <v>0</v>
      </c>
      <c r="M1565">
        <v>2247</v>
      </c>
      <c r="N1565">
        <v>0</v>
      </c>
      <c r="O1565">
        <v>0</v>
      </c>
      <c r="P1565">
        <v>11070</v>
      </c>
      <c r="Q1565">
        <v>0</v>
      </c>
      <c r="R1565">
        <v>41407</v>
      </c>
      <c r="S1565">
        <v>0</v>
      </c>
      <c r="T1565">
        <v>0</v>
      </c>
      <c r="U1565">
        <v>0</v>
      </c>
      <c r="V1565">
        <v>2</v>
      </c>
      <c r="W1565">
        <v>0</v>
      </c>
      <c r="X1565">
        <v>0</v>
      </c>
      <c r="Y1565">
        <v>39</v>
      </c>
      <c r="Z1565">
        <v>38</v>
      </c>
      <c r="AA1565">
        <v>83</v>
      </c>
      <c r="AB1565">
        <v>20</v>
      </c>
      <c r="AC1565">
        <v>208</v>
      </c>
      <c r="AD1565">
        <v>112</v>
      </c>
      <c r="AE1565">
        <v>111</v>
      </c>
      <c r="AF1565">
        <v>1356</v>
      </c>
      <c r="AG1565">
        <v>91407</v>
      </c>
      <c r="AH1565">
        <v>50000</v>
      </c>
      <c r="AI1565">
        <v>0</v>
      </c>
      <c r="AJ1565">
        <v>93</v>
      </c>
      <c r="AK1565" t="s">
        <v>20</v>
      </c>
      <c r="AL1565">
        <v>0</v>
      </c>
      <c r="AM1565">
        <v>0</v>
      </c>
      <c r="AN1565">
        <v>0</v>
      </c>
      <c r="AO1565">
        <v>0</v>
      </c>
      <c r="AP1565">
        <v>0</v>
      </c>
      <c r="AQ1565">
        <v>0</v>
      </c>
      <c r="AR1565">
        <v>0</v>
      </c>
      <c r="AS1565">
        <v>0</v>
      </c>
      <c r="AT1565">
        <v>0</v>
      </c>
      <c r="AU1565">
        <v>0</v>
      </c>
      <c r="AV1565">
        <v>0</v>
      </c>
      <c r="AW1565">
        <v>0</v>
      </c>
      <c r="AX1565">
        <v>-1080</v>
      </c>
      <c r="AY1565">
        <v>35</v>
      </c>
      <c r="AZ1565">
        <v>75</v>
      </c>
      <c r="BA1565">
        <v>4716</v>
      </c>
    </row>
    <row r="1566" spans="1:53" x14ac:dyDescent="0.4">
      <c r="A1566">
        <v>1610</v>
      </c>
      <c r="B1566" s="1">
        <v>43319</v>
      </c>
      <c r="C1566">
        <v>1</v>
      </c>
      <c r="D1566" s="1">
        <v>43319.291666666664</v>
      </c>
      <c r="E1566" s="1">
        <v>43319.415972222225</v>
      </c>
      <c r="F1566">
        <v>0</v>
      </c>
      <c r="G1566">
        <v>0</v>
      </c>
      <c r="H1566">
        <v>0</v>
      </c>
      <c r="I1566">
        <v>0</v>
      </c>
      <c r="J1566">
        <v>0</v>
      </c>
      <c r="K1566">
        <v>0</v>
      </c>
      <c r="L1566">
        <v>0</v>
      </c>
      <c r="M1566">
        <v>0</v>
      </c>
      <c r="N1566">
        <v>0</v>
      </c>
      <c r="O1566">
        <v>0</v>
      </c>
      <c r="P1566">
        <v>0</v>
      </c>
      <c r="Q1566">
        <v>0</v>
      </c>
      <c r="R1566">
        <v>0</v>
      </c>
      <c r="S1566">
        <v>0</v>
      </c>
      <c r="T1566">
        <v>0</v>
      </c>
      <c r="U1566">
        <v>0</v>
      </c>
      <c r="V1566">
        <v>0</v>
      </c>
      <c r="W1566">
        <v>0</v>
      </c>
      <c r="X1566">
        <v>0</v>
      </c>
      <c r="Y1566">
        <v>25</v>
      </c>
      <c r="Z1566">
        <v>27</v>
      </c>
      <c r="AA1566">
        <v>87</v>
      </c>
      <c r="AB1566">
        <v>22</v>
      </c>
      <c r="AC1566">
        <v>103</v>
      </c>
      <c r="AD1566">
        <v>109</v>
      </c>
      <c r="AE1566">
        <v>125</v>
      </c>
      <c r="AF1566">
        <v>0</v>
      </c>
      <c r="AG1566">
        <v>50000</v>
      </c>
      <c r="AH1566">
        <v>0</v>
      </c>
      <c r="AI1566">
        <v>50000</v>
      </c>
      <c r="AJ1566">
        <v>0</v>
      </c>
      <c r="AK1566" t="s">
        <v>6</v>
      </c>
      <c r="AL1566">
        <v>0</v>
      </c>
      <c r="AM1566">
        <v>0</v>
      </c>
      <c r="AN1566">
        <v>0</v>
      </c>
      <c r="AO1566">
        <v>0</v>
      </c>
      <c r="AP1566">
        <v>0</v>
      </c>
      <c r="AQ1566">
        <v>0</v>
      </c>
      <c r="AR1566">
        <v>0</v>
      </c>
      <c r="AS1566">
        <v>0</v>
      </c>
      <c r="AT1566">
        <v>0</v>
      </c>
      <c r="AU1566">
        <v>0</v>
      </c>
      <c r="AV1566">
        <v>0</v>
      </c>
      <c r="AW1566">
        <v>0</v>
      </c>
      <c r="AX1566">
        <v>0</v>
      </c>
      <c r="AY1566">
        <v>0</v>
      </c>
      <c r="AZ1566">
        <v>0</v>
      </c>
      <c r="BA1566">
        <v>0</v>
      </c>
    </row>
    <row r="1567" spans="1:53" x14ac:dyDescent="0.4">
      <c r="A1567">
        <v>1611</v>
      </c>
      <c r="B1567" s="1">
        <v>43319</v>
      </c>
      <c r="C1567">
        <v>2</v>
      </c>
      <c r="D1567" s="1">
        <v>43319.415972222225</v>
      </c>
      <c r="E1567" s="1">
        <v>43319.953472222223</v>
      </c>
      <c r="F1567">
        <v>53700</v>
      </c>
      <c r="G1567">
        <v>380</v>
      </c>
      <c r="H1567">
        <v>0</v>
      </c>
      <c r="I1567">
        <v>0</v>
      </c>
      <c r="J1567">
        <v>0</v>
      </c>
      <c r="K1567">
        <v>0</v>
      </c>
      <c r="L1567">
        <v>0</v>
      </c>
      <c r="M1567">
        <v>4326</v>
      </c>
      <c r="N1567">
        <v>0</v>
      </c>
      <c r="O1567">
        <v>0</v>
      </c>
      <c r="P1567">
        <v>6804</v>
      </c>
      <c r="Q1567">
        <v>0</v>
      </c>
      <c r="R1567">
        <v>65210</v>
      </c>
      <c r="S1567">
        <v>0</v>
      </c>
      <c r="T1567">
        <v>0</v>
      </c>
      <c r="U1567">
        <v>0</v>
      </c>
      <c r="V1567">
        <v>4</v>
      </c>
      <c r="W1567">
        <v>2</v>
      </c>
      <c r="X1567">
        <v>0</v>
      </c>
      <c r="Y1567">
        <v>35</v>
      </c>
      <c r="Z1567">
        <v>31</v>
      </c>
      <c r="AA1567">
        <v>105</v>
      </c>
      <c r="AB1567">
        <v>30</v>
      </c>
      <c r="AC1567">
        <v>161</v>
      </c>
      <c r="AD1567">
        <v>114</v>
      </c>
      <c r="AE1567">
        <v>130</v>
      </c>
      <c r="AF1567">
        <v>400</v>
      </c>
      <c r="AG1567">
        <v>115210</v>
      </c>
      <c r="AH1567">
        <v>50000</v>
      </c>
      <c r="AI1567">
        <v>0</v>
      </c>
      <c r="AJ1567">
        <v>99</v>
      </c>
      <c r="AK1567" t="s">
        <v>9</v>
      </c>
      <c r="AL1567">
        <v>0</v>
      </c>
      <c r="AM1567">
        <v>0</v>
      </c>
      <c r="AN1567">
        <v>0</v>
      </c>
      <c r="AO1567">
        <v>0</v>
      </c>
      <c r="AP1567">
        <v>0</v>
      </c>
      <c r="AQ1567">
        <v>0</v>
      </c>
      <c r="AR1567">
        <v>0</v>
      </c>
      <c r="AS1567">
        <v>0</v>
      </c>
      <c r="AT1567">
        <v>0</v>
      </c>
      <c r="AU1567">
        <v>0</v>
      </c>
      <c r="AV1567">
        <v>0</v>
      </c>
      <c r="AW1567">
        <v>0</v>
      </c>
      <c r="AX1567">
        <v>11316</v>
      </c>
      <c r="AY1567">
        <v>44</v>
      </c>
      <c r="AZ1567">
        <v>108</v>
      </c>
      <c r="BA1567">
        <v>6565</v>
      </c>
    </row>
    <row r="1568" spans="1:53" x14ac:dyDescent="0.4">
      <c r="A1568">
        <v>1612</v>
      </c>
      <c r="B1568" s="1">
        <v>43319</v>
      </c>
      <c r="C1568">
        <v>3</v>
      </c>
      <c r="D1568" s="1">
        <v>43319.953472222223</v>
      </c>
      <c r="E1568" s="1">
        <v>43320.102083333331</v>
      </c>
      <c r="F1568">
        <v>21200</v>
      </c>
      <c r="G1568">
        <v>0</v>
      </c>
      <c r="H1568">
        <v>0</v>
      </c>
      <c r="I1568">
        <v>0</v>
      </c>
      <c r="J1568">
        <v>0</v>
      </c>
      <c r="K1568">
        <v>0</v>
      </c>
      <c r="L1568">
        <v>0</v>
      </c>
      <c r="M1568">
        <v>1696</v>
      </c>
      <c r="N1568">
        <v>0</v>
      </c>
      <c r="O1568">
        <v>0</v>
      </c>
      <c r="P1568">
        <v>35532</v>
      </c>
      <c r="Q1568">
        <v>0</v>
      </c>
      <c r="R1568">
        <v>58428</v>
      </c>
      <c r="S1568">
        <v>0</v>
      </c>
      <c r="T1568">
        <v>0</v>
      </c>
      <c r="U1568">
        <v>0</v>
      </c>
      <c r="V1568">
        <v>8</v>
      </c>
      <c r="W1568">
        <v>4</v>
      </c>
      <c r="X1568">
        <v>0</v>
      </c>
      <c r="Y1568">
        <v>34</v>
      </c>
      <c r="Z1568">
        <v>31</v>
      </c>
      <c r="AA1568">
        <v>137</v>
      </c>
      <c r="AB1568">
        <v>32</v>
      </c>
      <c r="AC1568">
        <v>166</v>
      </c>
      <c r="AD1568">
        <v>115</v>
      </c>
      <c r="AE1568">
        <v>127</v>
      </c>
      <c r="AF1568">
        <v>6476</v>
      </c>
      <c r="AG1568">
        <v>173638</v>
      </c>
      <c r="AH1568">
        <v>50000</v>
      </c>
      <c r="AI1568">
        <v>0</v>
      </c>
      <c r="AJ1568">
        <v>100</v>
      </c>
      <c r="AK1568" t="s">
        <v>0</v>
      </c>
      <c r="AL1568">
        <v>0</v>
      </c>
      <c r="AM1568">
        <v>0</v>
      </c>
      <c r="AN1568">
        <v>0</v>
      </c>
      <c r="AO1568">
        <v>0</v>
      </c>
      <c r="AP1568">
        <v>0</v>
      </c>
      <c r="AQ1568">
        <v>0</v>
      </c>
      <c r="AR1568">
        <v>0</v>
      </c>
      <c r="AS1568">
        <v>0</v>
      </c>
      <c r="AT1568">
        <v>0</v>
      </c>
      <c r="AU1568">
        <v>0</v>
      </c>
      <c r="AV1568">
        <v>0</v>
      </c>
      <c r="AW1568">
        <v>0</v>
      </c>
      <c r="AX1568">
        <v>9039</v>
      </c>
      <c r="AY1568">
        <v>8</v>
      </c>
      <c r="AZ1568">
        <v>25</v>
      </c>
      <c r="BA1568">
        <v>1345</v>
      </c>
    </row>
    <row r="1569" spans="1:53" x14ac:dyDescent="0.4">
      <c r="A1569">
        <v>1613</v>
      </c>
      <c r="B1569" s="1">
        <v>43320</v>
      </c>
      <c r="C1569">
        <v>1</v>
      </c>
      <c r="D1569" s="1">
        <v>43320.291666666664</v>
      </c>
      <c r="E1569" s="1">
        <v>43320.416666666664</v>
      </c>
      <c r="F1569">
        <v>0</v>
      </c>
      <c r="G1569">
        <v>0</v>
      </c>
      <c r="H1569">
        <v>0</v>
      </c>
      <c r="I1569">
        <v>0</v>
      </c>
      <c r="J1569">
        <v>0</v>
      </c>
      <c r="K1569">
        <v>0</v>
      </c>
      <c r="L1569">
        <v>0</v>
      </c>
      <c r="M1569">
        <v>0</v>
      </c>
      <c r="N1569">
        <v>0</v>
      </c>
      <c r="O1569">
        <v>0</v>
      </c>
      <c r="P1569">
        <v>0</v>
      </c>
      <c r="Q1569">
        <v>0</v>
      </c>
      <c r="R1569">
        <v>0</v>
      </c>
      <c r="S1569">
        <v>0</v>
      </c>
      <c r="T1569">
        <v>0</v>
      </c>
      <c r="U1569">
        <v>0</v>
      </c>
      <c r="V1569">
        <v>0</v>
      </c>
      <c r="W1569">
        <v>0</v>
      </c>
      <c r="X1569">
        <v>0</v>
      </c>
      <c r="Y1569">
        <v>25</v>
      </c>
      <c r="Z1569">
        <v>27</v>
      </c>
      <c r="AA1569">
        <v>82</v>
      </c>
      <c r="AB1569">
        <v>30</v>
      </c>
      <c r="AC1569">
        <v>111</v>
      </c>
      <c r="AD1569">
        <v>114</v>
      </c>
      <c r="AE1569">
        <v>120</v>
      </c>
      <c r="AF1569">
        <v>0</v>
      </c>
      <c r="AG1569">
        <v>50000</v>
      </c>
      <c r="AH1569">
        <v>0</v>
      </c>
      <c r="AI1569">
        <v>50000</v>
      </c>
      <c r="AJ1569">
        <v>0</v>
      </c>
      <c r="AK1569" t="s">
        <v>6</v>
      </c>
      <c r="AL1569">
        <v>0</v>
      </c>
      <c r="AM1569">
        <v>0</v>
      </c>
      <c r="AN1569">
        <v>0</v>
      </c>
      <c r="AO1569">
        <v>0</v>
      </c>
      <c r="AP1569">
        <v>0</v>
      </c>
      <c r="AQ1569">
        <v>0</v>
      </c>
      <c r="AR1569">
        <v>0</v>
      </c>
      <c r="AS1569">
        <v>0</v>
      </c>
      <c r="AT1569">
        <v>0</v>
      </c>
      <c r="AU1569">
        <v>0</v>
      </c>
      <c r="AV1569">
        <v>0</v>
      </c>
      <c r="AW1569">
        <v>0</v>
      </c>
      <c r="AX1569">
        <v>0</v>
      </c>
      <c r="AY1569">
        <v>0</v>
      </c>
      <c r="AZ1569">
        <v>0</v>
      </c>
      <c r="BA1569">
        <v>0</v>
      </c>
    </row>
    <row r="1570" spans="1:53" x14ac:dyDescent="0.4">
      <c r="A1570">
        <v>1614</v>
      </c>
      <c r="B1570" s="1">
        <v>43320</v>
      </c>
      <c r="C1570">
        <v>2</v>
      </c>
      <c r="D1570" s="1">
        <v>43320.416666666664</v>
      </c>
      <c r="E1570" s="1">
        <v>43320.734722222223</v>
      </c>
      <c r="F1570">
        <v>21750</v>
      </c>
      <c r="G1570">
        <v>680</v>
      </c>
      <c r="H1570">
        <v>0</v>
      </c>
      <c r="I1570">
        <v>0</v>
      </c>
      <c r="J1570">
        <v>0</v>
      </c>
      <c r="K1570">
        <v>0</v>
      </c>
      <c r="L1570">
        <v>0</v>
      </c>
      <c r="M1570">
        <v>1794</v>
      </c>
      <c r="N1570">
        <v>0</v>
      </c>
      <c r="O1570">
        <v>0</v>
      </c>
      <c r="P1570">
        <v>12960</v>
      </c>
      <c r="Q1570">
        <v>0</v>
      </c>
      <c r="R1570">
        <v>37184</v>
      </c>
      <c r="S1570">
        <v>0</v>
      </c>
      <c r="T1570">
        <v>0</v>
      </c>
      <c r="U1570">
        <v>0</v>
      </c>
      <c r="V1570">
        <v>0</v>
      </c>
      <c r="W1570">
        <v>1</v>
      </c>
      <c r="X1570">
        <v>0</v>
      </c>
      <c r="Y1570">
        <v>40</v>
      </c>
      <c r="Z1570">
        <v>45</v>
      </c>
      <c r="AA1570">
        <v>102</v>
      </c>
      <c r="AB1570">
        <v>23</v>
      </c>
      <c r="AC1570">
        <v>196</v>
      </c>
      <c r="AD1570">
        <v>116</v>
      </c>
      <c r="AE1570">
        <v>120</v>
      </c>
      <c r="AF1570">
        <v>5674</v>
      </c>
      <c r="AG1570">
        <v>87184</v>
      </c>
      <c r="AH1570">
        <v>50000</v>
      </c>
      <c r="AI1570">
        <v>0</v>
      </c>
      <c r="AJ1570">
        <v>85</v>
      </c>
      <c r="AK1570" t="s">
        <v>27</v>
      </c>
      <c r="AL1570">
        <v>0</v>
      </c>
      <c r="AM1570">
        <v>0</v>
      </c>
      <c r="AN1570">
        <v>0</v>
      </c>
      <c r="AO1570">
        <v>0</v>
      </c>
      <c r="AP1570">
        <v>0</v>
      </c>
      <c r="AQ1570">
        <v>0</v>
      </c>
      <c r="AR1570">
        <v>0</v>
      </c>
      <c r="AS1570">
        <v>0</v>
      </c>
      <c r="AT1570">
        <v>0</v>
      </c>
      <c r="AU1570">
        <v>0</v>
      </c>
      <c r="AV1570">
        <v>0</v>
      </c>
      <c r="AW1570">
        <v>0</v>
      </c>
      <c r="AX1570">
        <v>0</v>
      </c>
      <c r="AY1570">
        <v>29</v>
      </c>
      <c r="AZ1570">
        <v>66</v>
      </c>
      <c r="BA1570">
        <v>4321</v>
      </c>
    </row>
    <row r="1571" spans="1:53" x14ac:dyDescent="0.4">
      <c r="A1571">
        <v>1615</v>
      </c>
      <c r="B1571" s="1">
        <v>43320</v>
      </c>
      <c r="C1571">
        <v>3</v>
      </c>
      <c r="D1571" s="1">
        <v>43320.734722222223</v>
      </c>
      <c r="E1571" s="1">
        <v>43321.041666666664</v>
      </c>
      <c r="F1571">
        <v>79860</v>
      </c>
      <c r="G1571">
        <v>2790</v>
      </c>
      <c r="H1571">
        <v>0</v>
      </c>
      <c r="I1571">
        <v>0</v>
      </c>
      <c r="J1571">
        <v>0</v>
      </c>
      <c r="K1571">
        <v>0</v>
      </c>
      <c r="L1571">
        <v>0</v>
      </c>
      <c r="M1571">
        <v>6612</v>
      </c>
      <c r="N1571">
        <v>0</v>
      </c>
      <c r="O1571">
        <v>0</v>
      </c>
      <c r="P1571">
        <v>-6048</v>
      </c>
      <c r="Q1571">
        <v>0</v>
      </c>
      <c r="R1571">
        <v>83214</v>
      </c>
      <c r="S1571">
        <v>0</v>
      </c>
      <c r="T1571">
        <v>0</v>
      </c>
      <c r="U1571">
        <v>0</v>
      </c>
      <c r="V1571">
        <v>5</v>
      </c>
      <c r="W1571">
        <v>4</v>
      </c>
      <c r="X1571">
        <v>0</v>
      </c>
      <c r="Y1571">
        <v>58</v>
      </c>
      <c r="Z1571">
        <v>47</v>
      </c>
      <c r="AA1571">
        <v>97</v>
      </c>
      <c r="AB1571">
        <v>19</v>
      </c>
      <c r="AC1571">
        <v>188</v>
      </c>
      <c r="AD1571">
        <v>115</v>
      </c>
      <c r="AE1571">
        <v>119</v>
      </c>
      <c r="AF1571">
        <v>5674</v>
      </c>
      <c r="AG1571">
        <v>170398</v>
      </c>
      <c r="AH1571">
        <v>50000</v>
      </c>
      <c r="AI1571">
        <v>0</v>
      </c>
      <c r="AJ1571">
        <v>108</v>
      </c>
      <c r="AK1571" t="s">
        <v>30</v>
      </c>
      <c r="AL1571">
        <v>0</v>
      </c>
      <c r="AM1571">
        <v>0</v>
      </c>
      <c r="AN1571">
        <v>0</v>
      </c>
      <c r="AO1571">
        <v>0</v>
      </c>
      <c r="AP1571">
        <v>0</v>
      </c>
      <c r="AQ1571">
        <v>0</v>
      </c>
      <c r="AR1571">
        <v>0</v>
      </c>
      <c r="AS1571">
        <v>0</v>
      </c>
      <c r="AT1571">
        <v>0</v>
      </c>
      <c r="AU1571">
        <v>0</v>
      </c>
      <c r="AV1571">
        <v>0</v>
      </c>
      <c r="AW1571">
        <v>0</v>
      </c>
      <c r="AX1571">
        <v>2117</v>
      </c>
      <c r="AY1571">
        <v>21</v>
      </c>
      <c r="AZ1571">
        <v>68</v>
      </c>
      <c r="BA1571">
        <v>3250</v>
      </c>
    </row>
    <row r="1572" spans="1:53" x14ac:dyDescent="0.4">
      <c r="A1572">
        <v>1616</v>
      </c>
      <c r="B1572" s="1">
        <v>43321</v>
      </c>
      <c r="C1572">
        <v>1</v>
      </c>
      <c r="D1572" s="1">
        <v>43321.291666666664</v>
      </c>
      <c r="E1572" s="1">
        <v>43321.414583333331</v>
      </c>
      <c r="F1572">
        <v>0</v>
      </c>
      <c r="G1572">
        <v>0</v>
      </c>
      <c r="H1572">
        <v>0</v>
      </c>
      <c r="I1572">
        <v>0</v>
      </c>
      <c r="J1572">
        <v>0</v>
      </c>
      <c r="K1572">
        <v>0</v>
      </c>
      <c r="L1572">
        <v>0</v>
      </c>
      <c r="M1572">
        <v>0</v>
      </c>
      <c r="N1572">
        <v>0</v>
      </c>
      <c r="O1572">
        <v>0</v>
      </c>
      <c r="P1572">
        <v>0</v>
      </c>
      <c r="Q1572">
        <v>0</v>
      </c>
      <c r="R1572">
        <v>0</v>
      </c>
      <c r="S1572">
        <v>0</v>
      </c>
      <c r="T1572">
        <v>0</v>
      </c>
      <c r="U1572">
        <v>0</v>
      </c>
      <c r="V1572">
        <v>0</v>
      </c>
      <c r="W1572">
        <v>0</v>
      </c>
      <c r="X1572">
        <v>0</v>
      </c>
      <c r="Y1572">
        <v>26</v>
      </c>
      <c r="Z1572">
        <v>22</v>
      </c>
      <c r="AA1572">
        <v>104</v>
      </c>
      <c r="AB1572">
        <v>18</v>
      </c>
      <c r="AC1572">
        <v>126</v>
      </c>
      <c r="AD1572">
        <v>64</v>
      </c>
      <c r="AE1572">
        <v>120</v>
      </c>
      <c r="AF1572">
        <v>0</v>
      </c>
      <c r="AG1572">
        <v>50000</v>
      </c>
      <c r="AH1572">
        <v>0</v>
      </c>
      <c r="AI1572">
        <v>50000</v>
      </c>
      <c r="AJ1572">
        <v>0</v>
      </c>
      <c r="AK1572" t="s">
        <v>6</v>
      </c>
      <c r="AL1572">
        <v>0</v>
      </c>
      <c r="AM1572">
        <v>0</v>
      </c>
      <c r="AN1572">
        <v>0</v>
      </c>
      <c r="AO1572">
        <v>0</v>
      </c>
      <c r="AP1572">
        <v>0</v>
      </c>
      <c r="AQ1572">
        <v>0</v>
      </c>
      <c r="AR1572">
        <v>0</v>
      </c>
      <c r="AS1572">
        <v>0</v>
      </c>
      <c r="AT1572">
        <v>0</v>
      </c>
      <c r="AU1572">
        <v>0</v>
      </c>
      <c r="AV1572">
        <v>0</v>
      </c>
      <c r="AW1572">
        <v>0</v>
      </c>
      <c r="AX1572">
        <v>0</v>
      </c>
      <c r="AY1572">
        <v>0</v>
      </c>
      <c r="AZ1572">
        <v>0</v>
      </c>
      <c r="BA1572">
        <v>0</v>
      </c>
    </row>
    <row r="1573" spans="1:53" x14ac:dyDescent="0.4">
      <c r="A1573">
        <v>1617</v>
      </c>
      <c r="B1573" s="1">
        <v>43321</v>
      </c>
      <c r="C1573">
        <v>2</v>
      </c>
      <c r="D1573" s="1">
        <v>43321.414583333331</v>
      </c>
      <c r="E1573" s="1">
        <v>43321.744444444441</v>
      </c>
      <c r="F1573">
        <v>22500</v>
      </c>
      <c r="G1573">
        <v>0</v>
      </c>
      <c r="H1573">
        <v>0</v>
      </c>
      <c r="I1573">
        <v>0</v>
      </c>
      <c r="J1573">
        <v>0</v>
      </c>
      <c r="K1573">
        <v>0</v>
      </c>
      <c r="L1573">
        <v>0</v>
      </c>
      <c r="M1573">
        <v>1800</v>
      </c>
      <c r="N1573">
        <v>0</v>
      </c>
      <c r="O1573">
        <v>0</v>
      </c>
      <c r="P1573">
        <v>11880</v>
      </c>
      <c r="Q1573">
        <v>0</v>
      </c>
      <c r="R1573">
        <v>36180</v>
      </c>
      <c r="S1573">
        <v>0</v>
      </c>
      <c r="T1573">
        <v>0</v>
      </c>
      <c r="U1573">
        <v>0</v>
      </c>
      <c r="V1573">
        <v>1</v>
      </c>
      <c r="W1573">
        <v>3</v>
      </c>
      <c r="X1573">
        <v>0</v>
      </c>
      <c r="Y1573">
        <v>29</v>
      </c>
      <c r="Z1573">
        <v>39</v>
      </c>
      <c r="AA1573">
        <v>81</v>
      </c>
      <c r="AB1573">
        <v>12</v>
      </c>
      <c r="AC1573">
        <v>202</v>
      </c>
      <c r="AD1573">
        <v>65</v>
      </c>
      <c r="AE1573">
        <v>123</v>
      </c>
      <c r="AF1573">
        <v>1512</v>
      </c>
      <c r="AG1573">
        <v>86180</v>
      </c>
      <c r="AH1573">
        <v>50000</v>
      </c>
      <c r="AI1573">
        <v>0</v>
      </c>
      <c r="AJ1573">
        <v>96</v>
      </c>
      <c r="AK1573" t="s">
        <v>4</v>
      </c>
      <c r="AL1573">
        <v>0</v>
      </c>
      <c r="AM1573">
        <v>0</v>
      </c>
      <c r="AN1573">
        <v>0</v>
      </c>
      <c r="AO1573">
        <v>0</v>
      </c>
      <c r="AP1573">
        <v>0</v>
      </c>
      <c r="AQ1573">
        <v>0</v>
      </c>
      <c r="AR1573">
        <v>0</v>
      </c>
      <c r="AS1573">
        <v>0</v>
      </c>
      <c r="AT1573">
        <v>0</v>
      </c>
      <c r="AU1573">
        <v>0</v>
      </c>
      <c r="AV1573">
        <v>0</v>
      </c>
      <c r="AW1573">
        <v>0</v>
      </c>
      <c r="AX1573">
        <v>-1080</v>
      </c>
      <c r="AY1573">
        <v>30</v>
      </c>
      <c r="AZ1573">
        <v>65</v>
      </c>
      <c r="BA1573">
        <v>4384</v>
      </c>
    </row>
    <row r="1574" spans="1:53" x14ac:dyDescent="0.4">
      <c r="A1574">
        <v>1618</v>
      </c>
      <c r="B1574" s="1">
        <v>43322</v>
      </c>
      <c r="C1574">
        <v>1</v>
      </c>
      <c r="D1574" s="1">
        <v>43322.291666666664</v>
      </c>
      <c r="E1574" s="1">
        <v>43322.416666666664</v>
      </c>
      <c r="F1574">
        <v>0</v>
      </c>
      <c r="G1574">
        <v>0</v>
      </c>
      <c r="H1574">
        <v>0</v>
      </c>
      <c r="I1574">
        <v>0</v>
      </c>
      <c r="J1574">
        <v>0</v>
      </c>
      <c r="K1574">
        <v>0</v>
      </c>
      <c r="L1574">
        <v>0</v>
      </c>
      <c r="M1574">
        <v>0</v>
      </c>
      <c r="N1574">
        <v>0</v>
      </c>
      <c r="O1574">
        <v>0</v>
      </c>
      <c r="P1574">
        <v>0</v>
      </c>
      <c r="Q1574">
        <v>0</v>
      </c>
      <c r="R1574">
        <v>0</v>
      </c>
      <c r="S1574">
        <v>0</v>
      </c>
      <c r="T1574">
        <v>0</v>
      </c>
      <c r="U1574">
        <v>0</v>
      </c>
      <c r="V1574">
        <v>0</v>
      </c>
      <c r="W1574">
        <v>0</v>
      </c>
      <c r="X1574">
        <v>0</v>
      </c>
      <c r="Y1574">
        <v>28</v>
      </c>
      <c r="Z1574">
        <v>21</v>
      </c>
      <c r="AA1574">
        <v>94</v>
      </c>
      <c r="AB1574">
        <v>11</v>
      </c>
      <c r="AC1574">
        <v>112</v>
      </c>
      <c r="AD1574">
        <v>65</v>
      </c>
      <c r="AE1574">
        <v>105</v>
      </c>
      <c r="AF1574">
        <v>0</v>
      </c>
      <c r="AG1574">
        <v>50000</v>
      </c>
      <c r="AH1574">
        <v>0</v>
      </c>
      <c r="AI1574">
        <v>50000</v>
      </c>
      <c r="AJ1574">
        <v>0</v>
      </c>
      <c r="AK1574" t="s">
        <v>6</v>
      </c>
      <c r="AL1574">
        <v>0</v>
      </c>
      <c r="AM1574">
        <v>0</v>
      </c>
      <c r="AN1574">
        <v>0</v>
      </c>
      <c r="AO1574">
        <v>0</v>
      </c>
      <c r="AP1574">
        <v>0</v>
      </c>
      <c r="AQ1574">
        <v>0</v>
      </c>
      <c r="AR1574">
        <v>0</v>
      </c>
      <c r="AS1574">
        <v>0</v>
      </c>
      <c r="AT1574">
        <v>0</v>
      </c>
      <c r="AU1574">
        <v>0</v>
      </c>
      <c r="AV1574">
        <v>0</v>
      </c>
      <c r="AW1574">
        <v>0</v>
      </c>
      <c r="AX1574">
        <v>0</v>
      </c>
      <c r="AY1574">
        <v>0</v>
      </c>
      <c r="AZ1574">
        <v>0</v>
      </c>
      <c r="BA1574">
        <v>0</v>
      </c>
    </row>
    <row r="1575" spans="1:53" x14ac:dyDescent="0.4">
      <c r="A1575">
        <v>1619</v>
      </c>
      <c r="B1575" s="1">
        <v>43322</v>
      </c>
      <c r="C1575">
        <v>2</v>
      </c>
      <c r="D1575" s="1">
        <v>43322.416666666664</v>
      </c>
      <c r="E1575" s="1">
        <v>43322.75</v>
      </c>
      <c r="F1575">
        <v>30000</v>
      </c>
      <c r="G1575">
        <v>3440</v>
      </c>
      <c r="H1575">
        <v>0</v>
      </c>
      <c r="I1575">
        <v>0</v>
      </c>
      <c r="J1575">
        <v>0</v>
      </c>
      <c r="K1575">
        <v>0</v>
      </c>
      <c r="L1575">
        <v>0</v>
      </c>
      <c r="M1575">
        <v>2675</v>
      </c>
      <c r="N1575">
        <v>0</v>
      </c>
      <c r="O1575">
        <v>0</v>
      </c>
      <c r="P1575">
        <v>9720</v>
      </c>
      <c r="Q1575">
        <v>0</v>
      </c>
      <c r="R1575">
        <v>45835</v>
      </c>
      <c r="S1575">
        <v>0</v>
      </c>
      <c r="T1575">
        <v>0</v>
      </c>
      <c r="U1575">
        <v>0</v>
      </c>
      <c r="V1575">
        <v>2</v>
      </c>
      <c r="W1575">
        <v>1</v>
      </c>
      <c r="X1575">
        <v>0</v>
      </c>
      <c r="Y1575">
        <v>43</v>
      </c>
      <c r="Z1575">
        <v>27</v>
      </c>
      <c r="AA1575">
        <v>103</v>
      </c>
      <c r="AB1575">
        <v>19</v>
      </c>
      <c r="AC1575">
        <v>171</v>
      </c>
      <c r="AD1575">
        <v>65</v>
      </c>
      <c r="AE1575">
        <v>120</v>
      </c>
      <c r="AF1575">
        <v>930</v>
      </c>
      <c r="AG1575">
        <v>95835</v>
      </c>
      <c r="AH1575">
        <v>50000</v>
      </c>
      <c r="AI1575">
        <v>0</v>
      </c>
      <c r="AJ1575">
        <v>100</v>
      </c>
      <c r="AK1575" t="s">
        <v>0</v>
      </c>
      <c r="AL1575">
        <v>0</v>
      </c>
      <c r="AM1575">
        <v>0</v>
      </c>
      <c r="AN1575">
        <v>0</v>
      </c>
      <c r="AO1575">
        <v>0</v>
      </c>
      <c r="AP1575">
        <v>0</v>
      </c>
      <c r="AQ1575">
        <v>0</v>
      </c>
      <c r="AR1575">
        <v>0</v>
      </c>
      <c r="AS1575">
        <v>0</v>
      </c>
      <c r="AT1575">
        <v>0</v>
      </c>
      <c r="AU1575">
        <v>0</v>
      </c>
      <c r="AV1575">
        <v>0</v>
      </c>
      <c r="AW1575">
        <v>0</v>
      </c>
      <c r="AX1575">
        <v>1879</v>
      </c>
      <c r="AY1575">
        <v>28</v>
      </c>
      <c r="AZ1575">
        <v>71</v>
      </c>
      <c r="BA1575">
        <v>4600</v>
      </c>
    </row>
    <row r="1576" spans="1:53" x14ac:dyDescent="0.4">
      <c r="A1576">
        <v>1620</v>
      </c>
      <c r="B1576" s="1">
        <v>43323</v>
      </c>
      <c r="C1576">
        <v>1</v>
      </c>
      <c r="D1576" s="1">
        <v>43323.291666666664</v>
      </c>
      <c r="E1576" s="1">
        <v>43323.739583333336</v>
      </c>
      <c r="F1576">
        <v>38500</v>
      </c>
      <c r="G1576">
        <v>1860</v>
      </c>
      <c r="H1576">
        <v>200</v>
      </c>
      <c r="I1576">
        <v>0</v>
      </c>
      <c r="J1576">
        <v>0</v>
      </c>
      <c r="K1576">
        <v>0</v>
      </c>
      <c r="L1576">
        <v>0</v>
      </c>
      <c r="M1576">
        <v>3244</v>
      </c>
      <c r="N1576">
        <v>0</v>
      </c>
      <c r="O1576">
        <v>0</v>
      </c>
      <c r="P1576">
        <v>15120</v>
      </c>
      <c r="Q1576">
        <v>0</v>
      </c>
      <c r="R1576">
        <v>58924</v>
      </c>
      <c r="S1576">
        <v>0</v>
      </c>
      <c r="T1576">
        <v>0</v>
      </c>
      <c r="U1576">
        <v>0</v>
      </c>
      <c r="V1576">
        <v>0</v>
      </c>
      <c r="W1576">
        <v>0</v>
      </c>
      <c r="X1576">
        <v>0</v>
      </c>
      <c r="Y1576">
        <v>71</v>
      </c>
      <c r="Z1576">
        <v>38</v>
      </c>
      <c r="AA1576">
        <v>145</v>
      </c>
      <c r="AB1576">
        <v>22</v>
      </c>
      <c r="AC1576">
        <v>187</v>
      </c>
      <c r="AD1576">
        <v>58</v>
      </c>
      <c r="AE1576">
        <v>84</v>
      </c>
      <c r="AF1576">
        <v>1080</v>
      </c>
      <c r="AG1576">
        <v>108924</v>
      </c>
      <c r="AH1576">
        <v>50000</v>
      </c>
      <c r="AI1576">
        <v>0</v>
      </c>
      <c r="AJ1576">
        <v>35</v>
      </c>
      <c r="AL1576">
        <v>0</v>
      </c>
      <c r="AM1576">
        <v>0</v>
      </c>
      <c r="AN1576">
        <v>0</v>
      </c>
      <c r="AO1576">
        <v>0</v>
      </c>
      <c r="AP1576">
        <v>0</v>
      </c>
      <c r="AQ1576">
        <v>0</v>
      </c>
      <c r="AR1576">
        <v>0</v>
      </c>
      <c r="AS1576">
        <v>0</v>
      </c>
      <c r="AT1576">
        <v>0</v>
      </c>
      <c r="AU1576">
        <v>0</v>
      </c>
      <c r="AV1576">
        <v>0</v>
      </c>
      <c r="AW1576">
        <v>0</v>
      </c>
      <c r="AX1576">
        <v>-2506</v>
      </c>
      <c r="AY1576">
        <v>48</v>
      </c>
      <c r="AZ1576">
        <v>103</v>
      </c>
      <c r="BA1576">
        <v>6810</v>
      </c>
    </row>
    <row r="1577" spans="1:53" x14ac:dyDescent="0.4">
      <c r="A1577">
        <v>1621</v>
      </c>
      <c r="B1577" s="1">
        <v>43324</v>
      </c>
      <c r="C1577">
        <v>1</v>
      </c>
      <c r="D1577" s="1">
        <v>43324.291666666664</v>
      </c>
      <c r="E1577" s="1">
        <v>43324.418749999997</v>
      </c>
      <c r="F1577">
        <v>0</v>
      </c>
      <c r="G1577">
        <v>0</v>
      </c>
      <c r="H1577">
        <v>0</v>
      </c>
      <c r="I1577">
        <v>0</v>
      </c>
      <c r="J1577">
        <v>0</v>
      </c>
      <c r="K1577">
        <v>0</v>
      </c>
      <c r="L1577">
        <v>0</v>
      </c>
      <c r="M1577">
        <v>0</v>
      </c>
      <c r="N1577">
        <v>0</v>
      </c>
      <c r="O1577">
        <v>0</v>
      </c>
      <c r="P1577">
        <v>0</v>
      </c>
      <c r="Q1577">
        <v>0</v>
      </c>
      <c r="R1577">
        <v>0</v>
      </c>
      <c r="S1577">
        <v>0</v>
      </c>
      <c r="T1577">
        <v>0</v>
      </c>
      <c r="U1577">
        <v>0</v>
      </c>
      <c r="V1577">
        <v>0</v>
      </c>
      <c r="W1577">
        <v>0</v>
      </c>
      <c r="X1577">
        <v>0</v>
      </c>
      <c r="Y1577">
        <v>26</v>
      </c>
      <c r="Z1577">
        <v>13</v>
      </c>
      <c r="AA1577">
        <v>150</v>
      </c>
      <c r="AB1577">
        <v>18</v>
      </c>
      <c r="AC1577">
        <v>124</v>
      </c>
      <c r="AD1577">
        <v>52</v>
      </c>
      <c r="AE1577">
        <v>100</v>
      </c>
      <c r="AF1577">
        <v>0</v>
      </c>
      <c r="AG1577">
        <v>50000</v>
      </c>
      <c r="AH1577">
        <v>0</v>
      </c>
      <c r="AI1577">
        <v>50000</v>
      </c>
      <c r="AJ1577">
        <v>0</v>
      </c>
      <c r="AK1577" t="s">
        <v>6</v>
      </c>
      <c r="AL1577">
        <v>0</v>
      </c>
      <c r="AM1577">
        <v>0</v>
      </c>
      <c r="AN1577">
        <v>0</v>
      </c>
      <c r="AO1577">
        <v>0</v>
      </c>
      <c r="AP1577">
        <v>0</v>
      </c>
      <c r="AQ1577">
        <v>0</v>
      </c>
      <c r="AR1577">
        <v>0</v>
      </c>
      <c r="AS1577">
        <v>0</v>
      </c>
      <c r="AT1577">
        <v>0</v>
      </c>
      <c r="AU1577">
        <v>0</v>
      </c>
      <c r="AV1577">
        <v>0</v>
      </c>
      <c r="AW1577">
        <v>0</v>
      </c>
      <c r="AX1577">
        <v>0</v>
      </c>
      <c r="AY1577">
        <v>0</v>
      </c>
      <c r="AZ1577">
        <v>0</v>
      </c>
      <c r="BA1577">
        <v>0</v>
      </c>
    </row>
    <row r="1578" spans="1:53" x14ac:dyDescent="0.4">
      <c r="A1578">
        <v>1622</v>
      </c>
      <c r="B1578" s="1">
        <v>43324</v>
      </c>
      <c r="C1578">
        <v>2</v>
      </c>
      <c r="D1578" s="1">
        <v>43324.418749999997</v>
      </c>
      <c r="E1578" s="1">
        <v>43324.738888888889</v>
      </c>
      <c r="F1578">
        <v>38250</v>
      </c>
      <c r="G1578">
        <v>2120</v>
      </c>
      <c r="H1578">
        <v>0</v>
      </c>
      <c r="I1578">
        <v>0</v>
      </c>
      <c r="J1578">
        <v>0</v>
      </c>
      <c r="K1578">
        <v>0</v>
      </c>
      <c r="L1578">
        <v>0</v>
      </c>
      <c r="M1578">
        <v>3228</v>
      </c>
      <c r="N1578">
        <v>0</v>
      </c>
      <c r="O1578">
        <v>0</v>
      </c>
      <c r="P1578">
        <v>14040</v>
      </c>
      <c r="Q1578">
        <v>0</v>
      </c>
      <c r="R1578">
        <v>57638</v>
      </c>
      <c r="S1578">
        <v>0</v>
      </c>
      <c r="T1578">
        <v>0</v>
      </c>
      <c r="U1578">
        <v>0</v>
      </c>
      <c r="V1578">
        <v>1</v>
      </c>
      <c r="W1578">
        <v>2</v>
      </c>
      <c r="X1578">
        <v>0</v>
      </c>
      <c r="Y1578">
        <v>58</v>
      </c>
      <c r="Z1578">
        <v>24</v>
      </c>
      <c r="AA1578">
        <v>150</v>
      </c>
      <c r="AB1578">
        <v>6</v>
      </c>
      <c r="AC1578">
        <v>195</v>
      </c>
      <c r="AD1578">
        <v>56</v>
      </c>
      <c r="AE1578">
        <v>108</v>
      </c>
      <c r="AF1578">
        <v>0</v>
      </c>
      <c r="AG1578">
        <v>107638</v>
      </c>
      <c r="AH1578">
        <v>50000</v>
      </c>
      <c r="AI1578">
        <v>0</v>
      </c>
      <c r="AJ1578">
        <v>96</v>
      </c>
      <c r="AK1578" t="s">
        <v>4</v>
      </c>
      <c r="AL1578">
        <v>0</v>
      </c>
      <c r="AM1578">
        <v>0</v>
      </c>
      <c r="AN1578">
        <v>0</v>
      </c>
      <c r="AO1578">
        <v>0</v>
      </c>
      <c r="AP1578">
        <v>0</v>
      </c>
      <c r="AQ1578">
        <v>0</v>
      </c>
      <c r="AR1578">
        <v>0</v>
      </c>
      <c r="AS1578">
        <v>0</v>
      </c>
      <c r="AT1578">
        <v>0</v>
      </c>
      <c r="AU1578">
        <v>0</v>
      </c>
      <c r="AV1578">
        <v>0</v>
      </c>
      <c r="AW1578">
        <v>0</v>
      </c>
      <c r="AX1578">
        <v>2808</v>
      </c>
      <c r="AY1578">
        <v>45</v>
      </c>
      <c r="AZ1578">
        <v>103</v>
      </c>
      <c r="BA1578">
        <v>7022</v>
      </c>
    </row>
    <row r="1579" spans="1:53" x14ac:dyDescent="0.4">
      <c r="A1579">
        <v>1623</v>
      </c>
      <c r="B1579" s="1">
        <v>43324</v>
      </c>
      <c r="C1579">
        <v>3</v>
      </c>
      <c r="D1579" s="1">
        <v>43324.738888888889</v>
      </c>
      <c r="E1579" s="1">
        <v>43324.961111111108</v>
      </c>
      <c r="F1579">
        <v>48490</v>
      </c>
      <c r="G1579">
        <v>3390</v>
      </c>
      <c r="H1579">
        <v>0</v>
      </c>
      <c r="I1579">
        <v>0</v>
      </c>
      <c r="J1579">
        <v>0</v>
      </c>
      <c r="K1579">
        <v>0</v>
      </c>
      <c r="L1579">
        <v>0</v>
      </c>
      <c r="M1579">
        <v>4152</v>
      </c>
      <c r="N1579">
        <v>0</v>
      </c>
      <c r="O1579">
        <v>0</v>
      </c>
      <c r="P1579">
        <v>5832</v>
      </c>
      <c r="Q1579">
        <v>0</v>
      </c>
      <c r="R1579">
        <v>61864</v>
      </c>
      <c r="S1579">
        <v>0</v>
      </c>
      <c r="T1579">
        <v>0</v>
      </c>
      <c r="U1579">
        <v>0</v>
      </c>
      <c r="V1579">
        <v>4</v>
      </c>
      <c r="W1579">
        <v>5</v>
      </c>
      <c r="X1579">
        <v>0</v>
      </c>
      <c r="Y1579">
        <v>71</v>
      </c>
      <c r="Z1579">
        <v>29</v>
      </c>
      <c r="AA1579">
        <v>161</v>
      </c>
      <c r="AB1579">
        <v>8</v>
      </c>
      <c r="AC1579">
        <v>209</v>
      </c>
      <c r="AD1579">
        <v>57</v>
      </c>
      <c r="AE1579">
        <v>127</v>
      </c>
      <c r="AF1579">
        <v>0</v>
      </c>
      <c r="AG1579">
        <v>169502</v>
      </c>
      <c r="AH1579">
        <v>50000</v>
      </c>
      <c r="AI1579">
        <v>0</v>
      </c>
      <c r="AJ1579">
        <v>29</v>
      </c>
      <c r="AK1579" t="s">
        <v>28</v>
      </c>
      <c r="AL1579">
        <v>0</v>
      </c>
      <c r="AM1579">
        <v>0</v>
      </c>
      <c r="AN1579">
        <v>0</v>
      </c>
      <c r="AO1579">
        <v>0</v>
      </c>
      <c r="AP1579">
        <v>0</v>
      </c>
      <c r="AQ1579">
        <v>0</v>
      </c>
      <c r="AR1579">
        <v>0</v>
      </c>
      <c r="AS1579">
        <v>0</v>
      </c>
      <c r="AT1579">
        <v>0</v>
      </c>
      <c r="AU1579">
        <v>0</v>
      </c>
      <c r="AV1579">
        <v>0</v>
      </c>
      <c r="AW1579">
        <v>0</v>
      </c>
      <c r="AX1579">
        <v>36865</v>
      </c>
      <c r="AY1579">
        <v>23</v>
      </c>
      <c r="AZ1579">
        <v>72</v>
      </c>
      <c r="BA1579">
        <v>2856</v>
      </c>
    </row>
    <row r="1580" spans="1:53" x14ac:dyDescent="0.4">
      <c r="A1580">
        <v>1624</v>
      </c>
      <c r="B1580" s="1">
        <v>43325</v>
      </c>
      <c r="C1580">
        <v>1</v>
      </c>
      <c r="D1580" s="1">
        <v>43325.291666666664</v>
      </c>
      <c r="E1580" s="1">
        <v>43325.407638888886</v>
      </c>
      <c r="F1580">
        <v>0</v>
      </c>
      <c r="G1580">
        <v>0</v>
      </c>
      <c r="H1580">
        <v>0</v>
      </c>
      <c r="I1580">
        <v>0</v>
      </c>
      <c r="J1580">
        <v>0</v>
      </c>
      <c r="K1580">
        <v>0</v>
      </c>
      <c r="L1580">
        <v>0</v>
      </c>
      <c r="M1580">
        <v>0</v>
      </c>
      <c r="N1580">
        <v>0</v>
      </c>
      <c r="O1580">
        <v>0</v>
      </c>
      <c r="P1580">
        <v>0</v>
      </c>
      <c r="Q1580">
        <v>0</v>
      </c>
      <c r="R1580">
        <v>0</v>
      </c>
      <c r="S1580">
        <v>0</v>
      </c>
      <c r="T1580">
        <v>0</v>
      </c>
      <c r="U1580">
        <v>0</v>
      </c>
      <c r="V1580">
        <v>0</v>
      </c>
      <c r="W1580">
        <v>0</v>
      </c>
      <c r="X1580">
        <v>0</v>
      </c>
      <c r="Y1580">
        <v>28</v>
      </c>
      <c r="Z1580">
        <v>10</v>
      </c>
      <c r="AA1580">
        <v>152</v>
      </c>
      <c r="AB1580">
        <v>7</v>
      </c>
      <c r="AC1580">
        <v>106</v>
      </c>
      <c r="AD1580">
        <v>57</v>
      </c>
      <c r="AE1580">
        <v>105</v>
      </c>
      <c r="AF1580">
        <v>0</v>
      </c>
      <c r="AG1580">
        <v>50000</v>
      </c>
      <c r="AH1580">
        <v>0</v>
      </c>
      <c r="AI1580">
        <v>50000</v>
      </c>
      <c r="AJ1580">
        <v>0</v>
      </c>
      <c r="AK1580" t="s">
        <v>6</v>
      </c>
      <c r="AL1580">
        <v>0</v>
      </c>
      <c r="AM1580">
        <v>0</v>
      </c>
      <c r="AN1580">
        <v>0</v>
      </c>
      <c r="AO1580">
        <v>0</v>
      </c>
      <c r="AP1580">
        <v>0</v>
      </c>
      <c r="AQ1580">
        <v>0</v>
      </c>
      <c r="AR1580">
        <v>0</v>
      </c>
      <c r="AS1580">
        <v>0</v>
      </c>
      <c r="AT1580">
        <v>0</v>
      </c>
      <c r="AU1580">
        <v>0</v>
      </c>
      <c r="AV1580">
        <v>0</v>
      </c>
      <c r="AW1580">
        <v>0</v>
      </c>
      <c r="AX1580">
        <v>0</v>
      </c>
      <c r="AY1580">
        <v>0</v>
      </c>
      <c r="AZ1580">
        <v>0</v>
      </c>
      <c r="BA1580">
        <v>0</v>
      </c>
    </row>
    <row r="1581" spans="1:53" x14ac:dyDescent="0.4">
      <c r="A1581">
        <v>1625</v>
      </c>
      <c r="B1581" s="1">
        <v>43325</v>
      </c>
      <c r="C1581">
        <v>2</v>
      </c>
      <c r="D1581" s="1">
        <v>43325.407638888886</v>
      </c>
      <c r="E1581" s="1">
        <v>43325.731944444444</v>
      </c>
      <c r="F1581">
        <v>41750</v>
      </c>
      <c r="G1581">
        <v>2100</v>
      </c>
      <c r="H1581">
        <v>0</v>
      </c>
      <c r="I1581">
        <v>0</v>
      </c>
      <c r="J1581">
        <v>0</v>
      </c>
      <c r="K1581">
        <v>0</v>
      </c>
      <c r="L1581">
        <v>0</v>
      </c>
      <c r="M1581">
        <v>3507</v>
      </c>
      <c r="N1581">
        <v>0</v>
      </c>
      <c r="O1581">
        <v>0</v>
      </c>
      <c r="P1581">
        <v>13500</v>
      </c>
      <c r="Q1581">
        <v>0</v>
      </c>
      <c r="R1581">
        <v>60857</v>
      </c>
      <c r="S1581">
        <v>0</v>
      </c>
      <c r="T1581">
        <v>0</v>
      </c>
      <c r="U1581">
        <v>0</v>
      </c>
      <c r="V1581">
        <v>0</v>
      </c>
      <c r="W1581">
        <v>4</v>
      </c>
      <c r="X1581">
        <v>0</v>
      </c>
      <c r="Y1581">
        <v>45</v>
      </c>
      <c r="Z1581">
        <v>25</v>
      </c>
      <c r="AA1581">
        <v>215</v>
      </c>
      <c r="AB1581">
        <v>15</v>
      </c>
      <c r="AC1581">
        <v>218</v>
      </c>
      <c r="AD1581">
        <v>63</v>
      </c>
      <c r="AE1581">
        <v>123</v>
      </c>
      <c r="AF1581">
        <v>8489</v>
      </c>
      <c r="AG1581">
        <v>110857</v>
      </c>
      <c r="AH1581">
        <v>50000</v>
      </c>
      <c r="AI1581">
        <v>0</v>
      </c>
      <c r="AJ1581">
        <v>92</v>
      </c>
      <c r="AK1581" t="s">
        <v>22</v>
      </c>
      <c r="AL1581">
        <v>0</v>
      </c>
      <c r="AM1581">
        <v>0</v>
      </c>
      <c r="AN1581">
        <v>0</v>
      </c>
      <c r="AO1581">
        <v>0</v>
      </c>
      <c r="AP1581">
        <v>0</v>
      </c>
      <c r="AQ1581">
        <v>0</v>
      </c>
      <c r="AR1581">
        <v>0</v>
      </c>
      <c r="AS1581">
        <v>0</v>
      </c>
      <c r="AT1581">
        <v>0</v>
      </c>
      <c r="AU1581">
        <v>0</v>
      </c>
      <c r="AV1581">
        <v>0</v>
      </c>
      <c r="AW1581">
        <v>0</v>
      </c>
      <c r="AX1581">
        <v>-1080</v>
      </c>
      <c r="AY1581">
        <v>45</v>
      </c>
      <c r="AZ1581">
        <v>106</v>
      </c>
      <c r="BA1581">
        <v>6939</v>
      </c>
    </row>
    <row r="1582" spans="1:53" x14ac:dyDescent="0.4">
      <c r="A1582">
        <v>1626</v>
      </c>
      <c r="B1582" s="1">
        <v>43326</v>
      </c>
      <c r="C1582">
        <v>1</v>
      </c>
      <c r="D1582" s="1">
        <v>43326.291666666664</v>
      </c>
      <c r="E1582" s="1">
        <v>43326.409722222219</v>
      </c>
      <c r="F1582">
        <v>0</v>
      </c>
      <c r="G1582">
        <v>0</v>
      </c>
      <c r="H1582">
        <v>0</v>
      </c>
      <c r="I1582">
        <v>0</v>
      </c>
      <c r="J1582">
        <v>0</v>
      </c>
      <c r="K1582">
        <v>0</v>
      </c>
      <c r="L1582">
        <v>0</v>
      </c>
      <c r="M1582">
        <v>0</v>
      </c>
      <c r="N1582">
        <v>0</v>
      </c>
      <c r="O1582">
        <v>0</v>
      </c>
      <c r="P1582">
        <v>0</v>
      </c>
      <c r="Q1582">
        <v>0</v>
      </c>
      <c r="R1582">
        <v>0</v>
      </c>
      <c r="S1582">
        <v>0</v>
      </c>
      <c r="T1582">
        <v>0</v>
      </c>
      <c r="U1582">
        <v>0</v>
      </c>
      <c r="V1582">
        <v>0</v>
      </c>
      <c r="W1582">
        <v>0</v>
      </c>
      <c r="X1582">
        <v>0</v>
      </c>
      <c r="Y1582">
        <v>29</v>
      </c>
      <c r="Z1582">
        <v>10</v>
      </c>
      <c r="AA1582">
        <v>135</v>
      </c>
      <c r="AB1582">
        <v>15</v>
      </c>
      <c r="AC1582">
        <v>131</v>
      </c>
      <c r="AD1582">
        <v>62</v>
      </c>
      <c r="AE1582">
        <v>130</v>
      </c>
      <c r="AF1582">
        <v>0</v>
      </c>
      <c r="AG1582">
        <v>50000</v>
      </c>
      <c r="AH1582">
        <v>0</v>
      </c>
      <c r="AI1582">
        <v>50000</v>
      </c>
      <c r="AJ1582">
        <v>0</v>
      </c>
      <c r="AK1582" t="s">
        <v>6</v>
      </c>
      <c r="AL1582">
        <v>0</v>
      </c>
      <c r="AM1582">
        <v>0</v>
      </c>
      <c r="AN1582">
        <v>0</v>
      </c>
      <c r="AO1582">
        <v>0</v>
      </c>
      <c r="AP1582">
        <v>0</v>
      </c>
      <c r="AQ1582">
        <v>0</v>
      </c>
      <c r="AR1582">
        <v>0</v>
      </c>
      <c r="AS1582">
        <v>0</v>
      </c>
      <c r="AT1582">
        <v>0</v>
      </c>
      <c r="AU1582">
        <v>0</v>
      </c>
      <c r="AV1582">
        <v>0</v>
      </c>
      <c r="AW1582">
        <v>0</v>
      </c>
      <c r="AX1582">
        <v>0</v>
      </c>
      <c r="AY1582">
        <v>0</v>
      </c>
      <c r="AZ1582">
        <v>0</v>
      </c>
      <c r="BA1582">
        <v>0</v>
      </c>
    </row>
    <row r="1583" spans="1:53" x14ac:dyDescent="0.4">
      <c r="A1583">
        <v>1627</v>
      </c>
      <c r="B1583" s="1">
        <v>43326</v>
      </c>
      <c r="C1583">
        <v>2</v>
      </c>
      <c r="D1583" s="1">
        <v>43326.409722222219</v>
      </c>
      <c r="E1583" s="1">
        <v>43326.746527777781</v>
      </c>
      <c r="F1583">
        <v>41000</v>
      </c>
      <c r="G1583">
        <v>3080</v>
      </c>
      <c r="H1583">
        <v>0</v>
      </c>
      <c r="I1583">
        <v>0</v>
      </c>
      <c r="J1583">
        <v>0</v>
      </c>
      <c r="K1583">
        <v>0</v>
      </c>
      <c r="L1583">
        <v>0</v>
      </c>
      <c r="M1583">
        <v>3526</v>
      </c>
      <c r="N1583">
        <v>0</v>
      </c>
      <c r="O1583">
        <v>0</v>
      </c>
      <c r="P1583">
        <v>18360</v>
      </c>
      <c r="Q1583">
        <v>0</v>
      </c>
      <c r="R1583">
        <v>65966</v>
      </c>
      <c r="S1583">
        <v>0</v>
      </c>
      <c r="T1583">
        <v>0</v>
      </c>
      <c r="U1583">
        <v>0</v>
      </c>
      <c r="V1583">
        <v>1</v>
      </c>
      <c r="W1583">
        <v>3</v>
      </c>
      <c r="X1583">
        <v>0</v>
      </c>
      <c r="Y1583">
        <v>61</v>
      </c>
      <c r="Z1583">
        <v>28</v>
      </c>
      <c r="AA1583">
        <v>121</v>
      </c>
      <c r="AB1583">
        <v>16</v>
      </c>
      <c r="AC1583">
        <v>154</v>
      </c>
      <c r="AD1583">
        <v>62</v>
      </c>
      <c r="AE1583">
        <v>136</v>
      </c>
      <c r="AF1583">
        <v>1080</v>
      </c>
      <c r="AG1583">
        <v>115966</v>
      </c>
      <c r="AH1583">
        <v>50000</v>
      </c>
      <c r="AI1583">
        <v>0</v>
      </c>
      <c r="AJ1583">
        <v>90</v>
      </c>
      <c r="AK1583" t="s">
        <v>24</v>
      </c>
      <c r="AL1583">
        <v>0</v>
      </c>
      <c r="AM1583">
        <v>0</v>
      </c>
      <c r="AN1583">
        <v>0</v>
      </c>
      <c r="AO1583">
        <v>0</v>
      </c>
      <c r="AP1583">
        <v>0</v>
      </c>
      <c r="AQ1583">
        <v>0</v>
      </c>
      <c r="AR1583">
        <v>0</v>
      </c>
      <c r="AS1583">
        <v>0</v>
      </c>
      <c r="AT1583">
        <v>0</v>
      </c>
      <c r="AU1583">
        <v>0</v>
      </c>
      <c r="AV1583">
        <v>0</v>
      </c>
      <c r="AW1583">
        <v>0</v>
      </c>
      <c r="AX1583">
        <v>-3370</v>
      </c>
      <c r="AY1583">
        <v>50</v>
      </c>
      <c r="AZ1583">
        <v>109</v>
      </c>
      <c r="BA1583">
        <v>7714</v>
      </c>
    </row>
    <row r="1584" spans="1:53" x14ac:dyDescent="0.4">
      <c r="A1584">
        <v>1628</v>
      </c>
      <c r="B1584" s="1">
        <v>43326</v>
      </c>
      <c r="C1584">
        <v>3</v>
      </c>
      <c r="D1584" s="1">
        <v>43326.746527777781</v>
      </c>
      <c r="E1584" s="1">
        <v>43326.959722222222</v>
      </c>
      <c r="F1584">
        <v>92160</v>
      </c>
      <c r="G1584">
        <v>4130</v>
      </c>
      <c r="H1584">
        <v>0</v>
      </c>
      <c r="I1584">
        <v>0</v>
      </c>
      <c r="J1584">
        <v>0</v>
      </c>
      <c r="K1584">
        <v>0</v>
      </c>
      <c r="L1584">
        <v>0</v>
      </c>
      <c r="M1584">
        <v>7702</v>
      </c>
      <c r="N1584">
        <v>0</v>
      </c>
      <c r="O1584">
        <v>0</v>
      </c>
      <c r="P1584">
        <v>-18360</v>
      </c>
      <c r="Q1584">
        <v>0</v>
      </c>
      <c r="R1584">
        <v>85632</v>
      </c>
      <c r="S1584">
        <v>0</v>
      </c>
      <c r="T1584">
        <v>0</v>
      </c>
      <c r="U1584">
        <v>0</v>
      </c>
      <c r="V1584">
        <v>5</v>
      </c>
      <c r="W1584">
        <v>6</v>
      </c>
      <c r="X1584">
        <v>0</v>
      </c>
      <c r="Y1584">
        <v>86</v>
      </c>
      <c r="Z1584">
        <v>28</v>
      </c>
      <c r="AA1584">
        <v>124</v>
      </c>
      <c r="AB1584">
        <v>16</v>
      </c>
      <c r="AC1584">
        <v>139</v>
      </c>
      <c r="AD1584">
        <v>63</v>
      </c>
      <c r="AE1584">
        <v>134</v>
      </c>
      <c r="AF1584">
        <v>6761</v>
      </c>
      <c r="AG1584">
        <v>201800</v>
      </c>
      <c r="AH1584">
        <v>50000</v>
      </c>
      <c r="AI1584">
        <v>202</v>
      </c>
      <c r="AJ1584">
        <v>100</v>
      </c>
      <c r="AK1584" t="s">
        <v>0</v>
      </c>
      <c r="AL1584">
        <v>0</v>
      </c>
      <c r="AM1584">
        <v>0</v>
      </c>
      <c r="AN1584">
        <v>0</v>
      </c>
      <c r="AO1584">
        <v>0</v>
      </c>
      <c r="AP1584">
        <v>0</v>
      </c>
      <c r="AQ1584">
        <v>0</v>
      </c>
      <c r="AR1584">
        <v>0</v>
      </c>
      <c r="AS1584">
        <v>0</v>
      </c>
      <c r="AT1584">
        <v>0</v>
      </c>
      <c r="AU1584">
        <v>0</v>
      </c>
      <c r="AV1584">
        <v>0</v>
      </c>
      <c r="AW1584">
        <v>0</v>
      </c>
      <c r="AX1584">
        <v>47412</v>
      </c>
      <c r="AY1584">
        <v>27</v>
      </c>
      <c r="AZ1584">
        <v>85</v>
      </c>
      <c r="BA1584">
        <v>3861</v>
      </c>
    </row>
    <row r="1585" spans="1:53" x14ac:dyDescent="0.4">
      <c r="A1585">
        <v>1629</v>
      </c>
      <c r="B1585" s="1">
        <v>43327</v>
      </c>
      <c r="C1585">
        <v>1</v>
      </c>
      <c r="D1585" s="1">
        <v>43327.291666666664</v>
      </c>
      <c r="E1585" s="1">
        <v>43327.413194444445</v>
      </c>
      <c r="F1585">
        <v>0</v>
      </c>
      <c r="G1585">
        <v>0</v>
      </c>
      <c r="H1585">
        <v>0</v>
      </c>
      <c r="I1585">
        <v>0</v>
      </c>
      <c r="J1585">
        <v>0</v>
      </c>
      <c r="K1585">
        <v>0</v>
      </c>
      <c r="L1585">
        <v>0</v>
      </c>
      <c r="M1585">
        <v>0</v>
      </c>
      <c r="N1585">
        <v>0</v>
      </c>
      <c r="O1585">
        <v>0</v>
      </c>
      <c r="P1585">
        <v>0</v>
      </c>
      <c r="Q1585">
        <v>0</v>
      </c>
      <c r="R1585">
        <v>0</v>
      </c>
      <c r="S1585">
        <v>0</v>
      </c>
      <c r="T1585">
        <v>0</v>
      </c>
      <c r="U1585">
        <v>0</v>
      </c>
      <c r="V1585">
        <v>0</v>
      </c>
      <c r="W1585">
        <v>0</v>
      </c>
      <c r="X1585">
        <v>0</v>
      </c>
      <c r="Y1585">
        <v>36</v>
      </c>
      <c r="Z1585">
        <v>7</v>
      </c>
      <c r="AA1585">
        <v>84</v>
      </c>
      <c r="AB1585">
        <v>9</v>
      </c>
      <c r="AC1585">
        <v>122</v>
      </c>
      <c r="AD1585">
        <v>61</v>
      </c>
      <c r="AE1585">
        <v>125</v>
      </c>
      <c r="AF1585">
        <v>0</v>
      </c>
      <c r="AG1585">
        <v>50000</v>
      </c>
      <c r="AH1585">
        <v>0</v>
      </c>
      <c r="AI1585">
        <v>50000</v>
      </c>
      <c r="AJ1585">
        <v>0</v>
      </c>
      <c r="AK1585" t="s">
        <v>6</v>
      </c>
      <c r="AL1585">
        <v>0</v>
      </c>
      <c r="AM1585">
        <v>0</v>
      </c>
      <c r="AN1585">
        <v>0</v>
      </c>
      <c r="AO1585">
        <v>0</v>
      </c>
      <c r="AP1585">
        <v>0</v>
      </c>
      <c r="AQ1585">
        <v>0</v>
      </c>
      <c r="AR1585">
        <v>0</v>
      </c>
      <c r="AS1585">
        <v>0</v>
      </c>
      <c r="AT1585">
        <v>0</v>
      </c>
      <c r="AU1585">
        <v>0</v>
      </c>
      <c r="AV1585">
        <v>0</v>
      </c>
      <c r="AW1585">
        <v>0</v>
      </c>
      <c r="AX1585">
        <v>0</v>
      </c>
      <c r="AY1585">
        <v>0</v>
      </c>
      <c r="AZ1585">
        <v>0</v>
      </c>
      <c r="BA1585">
        <v>0</v>
      </c>
    </row>
    <row r="1586" spans="1:53" x14ac:dyDescent="0.4">
      <c r="A1586">
        <v>1630</v>
      </c>
      <c r="B1586" s="1">
        <v>43327</v>
      </c>
      <c r="C1586">
        <v>2</v>
      </c>
      <c r="D1586" s="1">
        <v>43327.413194444445</v>
      </c>
      <c r="E1586" s="1">
        <v>43327.740972222222</v>
      </c>
      <c r="F1586">
        <v>35250</v>
      </c>
      <c r="G1586">
        <v>1940</v>
      </c>
      <c r="H1586">
        <v>0</v>
      </c>
      <c r="I1586">
        <v>0</v>
      </c>
      <c r="J1586">
        <v>0</v>
      </c>
      <c r="K1586">
        <v>0</v>
      </c>
      <c r="L1586">
        <v>0</v>
      </c>
      <c r="M1586">
        <v>2974</v>
      </c>
      <c r="N1586">
        <v>0</v>
      </c>
      <c r="O1586">
        <v>0</v>
      </c>
      <c r="P1586">
        <v>15120</v>
      </c>
      <c r="Q1586">
        <v>0</v>
      </c>
      <c r="R1586">
        <v>55284</v>
      </c>
      <c r="S1586">
        <v>0</v>
      </c>
      <c r="T1586">
        <v>0</v>
      </c>
      <c r="U1586">
        <v>0</v>
      </c>
      <c r="V1586">
        <v>3</v>
      </c>
      <c r="W1586">
        <v>4</v>
      </c>
      <c r="X1586">
        <v>0</v>
      </c>
      <c r="Y1586">
        <v>39</v>
      </c>
      <c r="Z1586">
        <v>15</v>
      </c>
      <c r="AA1586">
        <v>43</v>
      </c>
      <c r="AB1586">
        <v>8</v>
      </c>
      <c r="AC1586">
        <v>134</v>
      </c>
      <c r="AD1586">
        <v>67</v>
      </c>
      <c r="AE1586">
        <v>125</v>
      </c>
      <c r="AF1586">
        <v>2284</v>
      </c>
      <c r="AG1586">
        <v>105284</v>
      </c>
      <c r="AH1586">
        <v>50000</v>
      </c>
      <c r="AI1586">
        <v>0</v>
      </c>
      <c r="AJ1586">
        <v>92</v>
      </c>
      <c r="AK1586" t="s">
        <v>22</v>
      </c>
      <c r="AL1586">
        <v>0</v>
      </c>
      <c r="AM1586">
        <v>0</v>
      </c>
      <c r="AN1586">
        <v>0</v>
      </c>
      <c r="AO1586">
        <v>0</v>
      </c>
      <c r="AP1586">
        <v>0</v>
      </c>
      <c r="AQ1586">
        <v>0</v>
      </c>
      <c r="AR1586">
        <v>0</v>
      </c>
      <c r="AS1586">
        <v>0</v>
      </c>
      <c r="AT1586">
        <v>0</v>
      </c>
      <c r="AU1586">
        <v>0</v>
      </c>
      <c r="AV1586">
        <v>0</v>
      </c>
      <c r="AW1586">
        <v>0</v>
      </c>
      <c r="AX1586">
        <v>-1210</v>
      </c>
      <c r="AY1586">
        <v>46</v>
      </c>
      <c r="AZ1586">
        <v>97</v>
      </c>
      <c r="BA1586">
        <v>7211</v>
      </c>
    </row>
    <row r="1587" spans="1:53" x14ac:dyDescent="0.4">
      <c r="A1587">
        <v>1631</v>
      </c>
      <c r="B1587" s="1">
        <v>43327</v>
      </c>
      <c r="C1587">
        <v>3</v>
      </c>
      <c r="D1587" s="1">
        <v>43327.740972222222</v>
      </c>
      <c r="E1587" s="1">
        <v>43327.957638888889</v>
      </c>
      <c r="F1587">
        <v>59780</v>
      </c>
      <c r="G1587">
        <v>5620</v>
      </c>
      <c r="H1587">
        <v>0</v>
      </c>
      <c r="I1587">
        <v>0</v>
      </c>
      <c r="J1587">
        <v>200</v>
      </c>
      <c r="K1587">
        <v>500</v>
      </c>
      <c r="L1587">
        <v>0</v>
      </c>
      <c r="M1587">
        <v>5254</v>
      </c>
      <c r="N1587">
        <v>0</v>
      </c>
      <c r="O1587">
        <v>0</v>
      </c>
      <c r="P1587">
        <v>11621</v>
      </c>
      <c r="Q1587">
        <v>0</v>
      </c>
      <c r="R1587">
        <v>82575</v>
      </c>
      <c r="S1587">
        <v>0</v>
      </c>
      <c r="T1587">
        <v>0</v>
      </c>
      <c r="U1587">
        <v>0</v>
      </c>
      <c r="V1587">
        <v>8</v>
      </c>
      <c r="W1587">
        <v>2</v>
      </c>
      <c r="X1587">
        <v>0</v>
      </c>
      <c r="Y1587">
        <v>69</v>
      </c>
      <c r="Z1587">
        <v>8</v>
      </c>
      <c r="AA1587">
        <v>28</v>
      </c>
      <c r="AB1587">
        <v>6</v>
      </c>
      <c r="AC1587">
        <v>145</v>
      </c>
      <c r="AD1587">
        <v>65</v>
      </c>
      <c r="AE1587">
        <v>118</v>
      </c>
      <c r="AF1587">
        <v>19866</v>
      </c>
      <c r="AG1587">
        <v>187859</v>
      </c>
      <c r="AH1587">
        <v>50000</v>
      </c>
      <c r="AI1587">
        <v>0</v>
      </c>
      <c r="AJ1587">
        <v>29</v>
      </c>
      <c r="AK1587" t="s">
        <v>28</v>
      </c>
      <c r="AL1587">
        <v>0</v>
      </c>
      <c r="AM1587">
        <v>0</v>
      </c>
      <c r="AN1587">
        <v>0</v>
      </c>
      <c r="AO1587">
        <v>0</v>
      </c>
      <c r="AP1587">
        <v>0</v>
      </c>
      <c r="AQ1587">
        <v>0</v>
      </c>
      <c r="AR1587">
        <v>0</v>
      </c>
      <c r="AS1587">
        <v>0</v>
      </c>
      <c r="AT1587">
        <v>0</v>
      </c>
      <c r="AU1587">
        <v>0</v>
      </c>
      <c r="AV1587">
        <v>0</v>
      </c>
      <c r="AW1587">
        <v>0</v>
      </c>
      <c r="AX1587">
        <v>15933</v>
      </c>
      <c r="AY1587">
        <v>23</v>
      </c>
      <c r="AZ1587">
        <v>69</v>
      </c>
      <c r="BA1587">
        <v>3241</v>
      </c>
    </row>
    <row r="1588" spans="1:53" x14ac:dyDescent="0.4">
      <c r="A1588">
        <v>1632</v>
      </c>
      <c r="B1588" s="1">
        <v>43328</v>
      </c>
      <c r="C1588">
        <v>1</v>
      </c>
      <c r="D1588" s="1">
        <v>43328.291666666664</v>
      </c>
      <c r="E1588" s="1">
        <v>43328.408333333333</v>
      </c>
      <c r="F1588">
        <v>0</v>
      </c>
      <c r="G1588">
        <v>0</v>
      </c>
      <c r="H1588">
        <v>0</v>
      </c>
      <c r="I1588">
        <v>0</v>
      </c>
      <c r="J1588">
        <v>0</v>
      </c>
      <c r="K1588">
        <v>0</v>
      </c>
      <c r="L1588">
        <v>0</v>
      </c>
      <c r="M1588">
        <v>0</v>
      </c>
      <c r="N1588">
        <v>0</v>
      </c>
      <c r="O1588">
        <v>0</v>
      </c>
      <c r="P1588">
        <v>0</v>
      </c>
      <c r="Q1588">
        <v>0</v>
      </c>
      <c r="R1588">
        <v>0</v>
      </c>
      <c r="S1588">
        <v>0</v>
      </c>
      <c r="T1588">
        <v>0</v>
      </c>
      <c r="U1588">
        <v>0</v>
      </c>
      <c r="V1588">
        <v>0</v>
      </c>
      <c r="W1588">
        <v>0</v>
      </c>
      <c r="X1588">
        <v>0</v>
      </c>
      <c r="Y1588">
        <v>41</v>
      </c>
      <c r="Z1588">
        <v>5</v>
      </c>
      <c r="AA1588">
        <v>45</v>
      </c>
      <c r="AB1588">
        <v>11</v>
      </c>
      <c r="AC1588">
        <v>100</v>
      </c>
      <c r="AD1588">
        <v>65</v>
      </c>
      <c r="AE1588">
        <v>125</v>
      </c>
      <c r="AF1588">
        <v>0</v>
      </c>
      <c r="AG1588">
        <v>50000</v>
      </c>
      <c r="AH1588">
        <v>0</v>
      </c>
      <c r="AI1588">
        <v>50000</v>
      </c>
      <c r="AJ1588">
        <v>0</v>
      </c>
      <c r="AK1588" t="s">
        <v>6</v>
      </c>
      <c r="AL1588">
        <v>0</v>
      </c>
      <c r="AM1588">
        <v>0</v>
      </c>
      <c r="AN1588">
        <v>0</v>
      </c>
      <c r="AO1588">
        <v>0</v>
      </c>
      <c r="AP1588">
        <v>0</v>
      </c>
      <c r="AQ1588">
        <v>0</v>
      </c>
      <c r="AR1588">
        <v>0</v>
      </c>
      <c r="AS1588">
        <v>0</v>
      </c>
      <c r="AT1588">
        <v>0</v>
      </c>
      <c r="AU1588">
        <v>0</v>
      </c>
      <c r="AV1588">
        <v>0</v>
      </c>
      <c r="AW1588">
        <v>0</v>
      </c>
      <c r="AX1588">
        <v>0</v>
      </c>
      <c r="AY1588">
        <v>0</v>
      </c>
      <c r="AZ1588">
        <v>0</v>
      </c>
      <c r="BA1588">
        <v>0</v>
      </c>
    </row>
    <row r="1589" spans="1:53" x14ac:dyDescent="0.4">
      <c r="A1589">
        <v>1633</v>
      </c>
      <c r="B1589" s="1">
        <v>43328</v>
      </c>
      <c r="C1589">
        <v>2</v>
      </c>
      <c r="D1589" s="1">
        <v>43328.408333333333</v>
      </c>
      <c r="E1589" s="1">
        <v>43328.740972222222</v>
      </c>
      <c r="F1589">
        <v>42500</v>
      </c>
      <c r="G1589">
        <v>1580</v>
      </c>
      <c r="H1589">
        <v>0</v>
      </c>
      <c r="I1589">
        <v>0</v>
      </c>
      <c r="J1589">
        <v>0</v>
      </c>
      <c r="K1589">
        <v>0</v>
      </c>
      <c r="L1589">
        <v>0</v>
      </c>
      <c r="M1589">
        <v>3526</v>
      </c>
      <c r="N1589">
        <v>0</v>
      </c>
      <c r="O1589">
        <v>0</v>
      </c>
      <c r="P1589">
        <v>18360</v>
      </c>
      <c r="Q1589">
        <v>0</v>
      </c>
      <c r="R1589">
        <v>65966</v>
      </c>
      <c r="S1589">
        <v>0</v>
      </c>
      <c r="T1589">
        <v>0</v>
      </c>
      <c r="U1589">
        <v>0</v>
      </c>
      <c r="V1589">
        <v>1</v>
      </c>
      <c r="W1589">
        <v>3</v>
      </c>
      <c r="X1589">
        <v>1</v>
      </c>
      <c r="Y1589">
        <v>69</v>
      </c>
      <c r="Z1589">
        <v>22</v>
      </c>
      <c r="AA1589">
        <v>60</v>
      </c>
      <c r="AB1589">
        <v>14</v>
      </c>
      <c r="AC1589">
        <v>180</v>
      </c>
      <c r="AD1589">
        <v>67</v>
      </c>
      <c r="AE1589">
        <v>131</v>
      </c>
      <c r="AF1589">
        <v>0</v>
      </c>
      <c r="AG1589">
        <v>115966</v>
      </c>
      <c r="AH1589">
        <v>50000</v>
      </c>
      <c r="AI1589">
        <v>0</v>
      </c>
      <c r="AJ1589">
        <v>96</v>
      </c>
      <c r="AK1589" t="s">
        <v>4</v>
      </c>
      <c r="AL1589">
        <v>0</v>
      </c>
      <c r="AM1589">
        <v>0</v>
      </c>
      <c r="AN1589">
        <v>0</v>
      </c>
      <c r="AO1589">
        <v>0</v>
      </c>
      <c r="AP1589">
        <v>0</v>
      </c>
      <c r="AQ1589">
        <v>0</v>
      </c>
      <c r="AR1589">
        <v>0</v>
      </c>
      <c r="AS1589">
        <v>0</v>
      </c>
      <c r="AT1589">
        <v>0</v>
      </c>
      <c r="AU1589">
        <v>0</v>
      </c>
      <c r="AV1589">
        <v>0</v>
      </c>
      <c r="AW1589">
        <v>0</v>
      </c>
      <c r="AX1589">
        <v>540</v>
      </c>
      <c r="AY1589">
        <v>51</v>
      </c>
      <c r="AZ1589">
        <v>117</v>
      </c>
      <c r="BA1589">
        <v>7661</v>
      </c>
    </row>
    <row r="1590" spans="1:53" x14ac:dyDescent="0.4">
      <c r="A1590">
        <v>1634</v>
      </c>
      <c r="B1590" s="1">
        <v>43328</v>
      </c>
      <c r="C1590">
        <v>3</v>
      </c>
      <c r="D1590" s="1">
        <v>43328.740972222222</v>
      </c>
      <c r="E1590" s="1">
        <v>43328.959722222222</v>
      </c>
      <c r="F1590">
        <v>52520</v>
      </c>
      <c r="G1590">
        <v>3540</v>
      </c>
      <c r="H1590">
        <v>0</v>
      </c>
      <c r="I1590">
        <v>0</v>
      </c>
      <c r="J1590">
        <v>0</v>
      </c>
      <c r="K1590">
        <v>0</v>
      </c>
      <c r="L1590">
        <v>0</v>
      </c>
      <c r="M1590">
        <v>4485</v>
      </c>
      <c r="N1590">
        <v>0</v>
      </c>
      <c r="O1590">
        <v>0</v>
      </c>
      <c r="P1590">
        <v>-12636</v>
      </c>
      <c r="Q1590">
        <v>0</v>
      </c>
      <c r="R1590">
        <v>47909</v>
      </c>
      <c r="S1590">
        <v>0</v>
      </c>
      <c r="T1590">
        <v>0</v>
      </c>
      <c r="U1590">
        <v>0</v>
      </c>
      <c r="V1590">
        <v>5</v>
      </c>
      <c r="W1590">
        <v>1</v>
      </c>
      <c r="X1590">
        <v>1</v>
      </c>
      <c r="Y1590">
        <v>88</v>
      </c>
      <c r="Z1590">
        <v>18</v>
      </c>
      <c r="AA1590">
        <v>59</v>
      </c>
      <c r="AB1590">
        <v>17</v>
      </c>
      <c r="AC1590">
        <v>186</v>
      </c>
      <c r="AD1590">
        <v>65</v>
      </c>
      <c r="AE1590">
        <v>130</v>
      </c>
      <c r="AF1590">
        <v>810</v>
      </c>
      <c r="AG1590">
        <v>163875</v>
      </c>
      <c r="AH1590">
        <v>50000</v>
      </c>
      <c r="AI1590">
        <v>0</v>
      </c>
      <c r="AJ1590">
        <v>100</v>
      </c>
      <c r="AK1590" t="s">
        <v>0</v>
      </c>
      <c r="AL1590">
        <v>0</v>
      </c>
      <c r="AM1590">
        <v>0</v>
      </c>
      <c r="AN1590">
        <v>0</v>
      </c>
      <c r="AO1590">
        <v>0</v>
      </c>
      <c r="AP1590">
        <v>0</v>
      </c>
      <c r="AQ1590">
        <v>0</v>
      </c>
      <c r="AR1590">
        <v>0</v>
      </c>
      <c r="AS1590">
        <v>0</v>
      </c>
      <c r="AT1590">
        <v>0</v>
      </c>
      <c r="AU1590">
        <v>0</v>
      </c>
      <c r="AV1590">
        <v>0</v>
      </c>
      <c r="AW1590">
        <v>0</v>
      </c>
      <c r="AX1590">
        <v>41096</v>
      </c>
      <c r="AY1590">
        <v>25</v>
      </c>
      <c r="AZ1590">
        <v>79</v>
      </c>
      <c r="BA1590">
        <v>3273</v>
      </c>
    </row>
    <row r="1591" spans="1:53" x14ac:dyDescent="0.4">
      <c r="A1591">
        <v>1635</v>
      </c>
      <c r="B1591" s="1">
        <v>43328</v>
      </c>
      <c r="C1591">
        <v>4</v>
      </c>
      <c r="D1591" s="1">
        <v>43328.959722222222</v>
      </c>
      <c r="E1591" s="1">
        <v>43329.077777777777</v>
      </c>
      <c r="F1591">
        <v>73040</v>
      </c>
      <c r="G1591">
        <v>1900</v>
      </c>
      <c r="H1591">
        <v>600</v>
      </c>
      <c r="I1591">
        <v>0</v>
      </c>
      <c r="J1591">
        <v>0</v>
      </c>
      <c r="K1591">
        <v>0</v>
      </c>
      <c r="L1591">
        <v>0</v>
      </c>
      <c r="M1591">
        <v>6044</v>
      </c>
      <c r="N1591">
        <v>0</v>
      </c>
      <c r="O1591">
        <v>0</v>
      </c>
      <c r="P1591">
        <v>8316</v>
      </c>
      <c r="Q1591">
        <v>0</v>
      </c>
      <c r="R1591">
        <v>89900</v>
      </c>
      <c r="S1591">
        <v>0</v>
      </c>
      <c r="T1591">
        <v>0</v>
      </c>
      <c r="U1591">
        <v>0</v>
      </c>
      <c r="V1591">
        <v>9</v>
      </c>
      <c r="W1591">
        <v>3</v>
      </c>
      <c r="X1591">
        <v>1</v>
      </c>
      <c r="Y1591">
        <v>119</v>
      </c>
      <c r="Z1591">
        <v>19</v>
      </c>
      <c r="AA1591">
        <v>75</v>
      </c>
      <c r="AB1591">
        <v>18</v>
      </c>
      <c r="AC1591">
        <v>190</v>
      </c>
      <c r="AD1591">
        <v>68</v>
      </c>
      <c r="AE1591">
        <v>129</v>
      </c>
      <c r="AF1591">
        <v>7506</v>
      </c>
      <c r="AG1591">
        <v>253775</v>
      </c>
      <c r="AH1591">
        <v>50000</v>
      </c>
      <c r="AI1591">
        <v>0</v>
      </c>
      <c r="AJ1591">
        <v>108</v>
      </c>
      <c r="AK1591" t="s">
        <v>30</v>
      </c>
      <c r="AL1591">
        <v>0</v>
      </c>
      <c r="AM1591">
        <v>0</v>
      </c>
      <c r="AN1591">
        <v>0</v>
      </c>
      <c r="AO1591">
        <v>0</v>
      </c>
      <c r="AP1591">
        <v>0</v>
      </c>
      <c r="AQ1591">
        <v>0</v>
      </c>
      <c r="AR1591">
        <v>0</v>
      </c>
      <c r="AS1591">
        <v>0</v>
      </c>
      <c r="AT1591">
        <v>0</v>
      </c>
      <c r="AU1591">
        <v>0</v>
      </c>
      <c r="AV1591">
        <v>0</v>
      </c>
      <c r="AW1591">
        <v>0</v>
      </c>
      <c r="AX1591">
        <v>12290</v>
      </c>
      <c r="AY1591">
        <v>8</v>
      </c>
      <c r="AZ1591">
        <v>19</v>
      </c>
      <c r="BA1591">
        <v>1533</v>
      </c>
    </row>
    <row r="1592" spans="1:53" x14ac:dyDescent="0.4">
      <c r="A1592">
        <v>1636</v>
      </c>
      <c r="B1592" s="1">
        <v>43329</v>
      </c>
      <c r="C1592">
        <v>1</v>
      </c>
      <c r="D1592" s="1">
        <v>43329.291666666664</v>
      </c>
      <c r="E1592" s="1">
        <v>43329.410416666666</v>
      </c>
      <c r="F1592">
        <v>0</v>
      </c>
      <c r="G1592">
        <v>0</v>
      </c>
      <c r="H1592">
        <v>0</v>
      </c>
      <c r="I1592">
        <v>0</v>
      </c>
      <c r="J1592">
        <v>0</v>
      </c>
      <c r="K1592">
        <v>0</v>
      </c>
      <c r="L1592">
        <v>0</v>
      </c>
      <c r="M1592">
        <v>0</v>
      </c>
      <c r="N1592">
        <v>0</v>
      </c>
      <c r="O1592">
        <v>0</v>
      </c>
      <c r="P1592">
        <v>0</v>
      </c>
      <c r="Q1592">
        <v>0</v>
      </c>
      <c r="R1592">
        <v>0</v>
      </c>
      <c r="S1592">
        <v>0</v>
      </c>
      <c r="T1592">
        <v>0</v>
      </c>
      <c r="U1592">
        <v>0</v>
      </c>
      <c r="V1592">
        <v>0</v>
      </c>
      <c r="W1592">
        <v>0</v>
      </c>
      <c r="X1592">
        <v>0</v>
      </c>
      <c r="Y1592">
        <v>31</v>
      </c>
      <c r="Z1592">
        <v>17</v>
      </c>
      <c r="AA1592">
        <v>81</v>
      </c>
      <c r="AB1592">
        <v>18</v>
      </c>
      <c r="AC1592">
        <v>103</v>
      </c>
      <c r="AD1592">
        <v>69</v>
      </c>
      <c r="AE1592">
        <v>125</v>
      </c>
      <c r="AF1592">
        <v>0</v>
      </c>
      <c r="AG1592">
        <v>50000</v>
      </c>
      <c r="AH1592">
        <v>0</v>
      </c>
      <c r="AI1592">
        <v>50000</v>
      </c>
      <c r="AJ1592">
        <v>0</v>
      </c>
      <c r="AK1592" t="s">
        <v>6</v>
      </c>
      <c r="AL1592">
        <v>0</v>
      </c>
      <c r="AM1592">
        <v>0</v>
      </c>
      <c r="AN1592">
        <v>0</v>
      </c>
      <c r="AO1592">
        <v>0</v>
      </c>
      <c r="AP1592">
        <v>0</v>
      </c>
      <c r="AQ1592">
        <v>0</v>
      </c>
      <c r="AR1592">
        <v>0</v>
      </c>
      <c r="AS1592">
        <v>0</v>
      </c>
      <c r="AT1592">
        <v>0</v>
      </c>
      <c r="AU1592">
        <v>0</v>
      </c>
      <c r="AV1592">
        <v>0</v>
      </c>
      <c r="AW1592">
        <v>0</v>
      </c>
      <c r="AX1592">
        <v>0</v>
      </c>
      <c r="AY1592">
        <v>0</v>
      </c>
      <c r="AZ1592">
        <v>0</v>
      </c>
      <c r="BA1592">
        <v>0</v>
      </c>
    </row>
    <row r="1593" spans="1:53" x14ac:dyDescent="0.4">
      <c r="A1593">
        <v>1637</v>
      </c>
      <c r="B1593" s="1">
        <v>43329</v>
      </c>
      <c r="C1593">
        <v>2</v>
      </c>
      <c r="D1593" s="1">
        <v>43329.410416666666</v>
      </c>
      <c r="E1593" s="1">
        <v>43329.748611111114</v>
      </c>
      <c r="F1593">
        <v>40000</v>
      </c>
      <c r="G1593">
        <v>2560</v>
      </c>
      <c r="H1593">
        <v>0</v>
      </c>
      <c r="I1593">
        <v>0</v>
      </c>
      <c r="J1593">
        <v>0</v>
      </c>
      <c r="K1593">
        <v>0</v>
      </c>
      <c r="L1593">
        <v>0</v>
      </c>
      <c r="M1593">
        <v>3404</v>
      </c>
      <c r="N1593">
        <v>0</v>
      </c>
      <c r="O1593">
        <v>0</v>
      </c>
      <c r="P1593">
        <v>14040</v>
      </c>
      <c r="Q1593">
        <v>0</v>
      </c>
      <c r="R1593">
        <v>60004</v>
      </c>
      <c r="S1593">
        <v>0</v>
      </c>
      <c r="T1593">
        <v>0</v>
      </c>
      <c r="U1593">
        <v>0</v>
      </c>
      <c r="V1593">
        <v>0</v>
      </c>
      <c r="W1593">
        <v>1</v>
      </c>
      <c r="X1593">
        <v>0</v>
      </c>
      <c r="Y1593">
        <v>81</v>
      </c>
      <c r="Z1593">
        <v>28</v>
      </c>
      <c r="AA1593">
        <v>70</v>
      </c>
      <c r="AB1593">
        <v>19</v>
      </c>
      <c r="AC1593">
        <v>134</v>
      </c>
      <c r="AD1593">
        <v>74</v>
      </c>
      <c r="AE1593">
        <v>128</v>
      </c>
      <c r="AF1593">
        <v>216</v>
      </c>
      <c r="AG1593">
        <v>110004</v>
      </c>
      <c r="AH1593">
        <v>50000</v>
      </c>
      <c r="AI1593">
        <v>0</v>
      </c>
      <c r="AJ1593">
        <v>96</v>
      </c>
      <c r="AK1593" t="s">
        <v>4</v>
      </c>
      <c r="AL1593">
        <v>0</v>
      </c>
      <c r="AM1593">
        <v>0</v>
      </c>
      <c r="AN1593">
        <v>0</v>
      </c>
      <c r="AO1593">
        <v>0</v>
      </c>
      <c r="AP1593">
        <v>0</v>
      </c>
      <c r="AQ1593">
        <v>0</v>
      </c>
      <c r="AR1593">
        <v>0</v>
      </c>
      <c r="AS1593">
        <v>0</v>
      </c>
      <c r="AT1593">
        <v>0</v>
      </c>
      <c r="AU1593">
        <v>0</v>
      </c>
      <c r="AV1593">
        <v>0</v>
      </c>
      <c r="AW1593">
        <v>0</v>
      </c>
      <c r="AX1593">
        <v>1080</v>
      </c>
      <c r="AY1593">
        <v>48</v>
      </c>
      <c r="AZ1593">
        <v>102</v>
      </c>
      <c r="BA1593">
        <v>7581</v>
      </c>
    </row>
    <row r="1594" spans="1:53" x14ac:dyDescent="0.4">
      <c r="A1594">
        <v>1638</v>
      </c>
      <c r="B1594" s="1">
        <v>43329</v>
      </c>
      <c r="C1594">
        <v>3</v>
      </c>
      <c r="D1594" s="1">
        <v>43329.748611111114</v>
      </c>
      <c r="E1594" s="1">
        <v>43329.946527777778</v>
      </c>
      <c r="F1594">
        <v>27400</v>
      </c>
      <c r="G1594">
        <v>1960</v>
      </c>
      <c r="H1594">
        <v>0</v>
      </c>
      <c r="I1594">
        <v>0</v>
      </c>
      <c r="J1594">
        <v>0</v>
      </c>
      <c r="K1594">
        <v>0</v>
      </c>
      <c r="L1594">
        <v>0</v>
      </c>
      <c r="M1594">
        <v>2349</v>
      </c>
      <c r="N1594">
        <v>0</v>
      </c>
      <c r="O1594">
        <v>0</v>
      </c>
      <c r="P1594">
        <v>-14040</v>
      </c>
      <c r="Q1594">
        <v>0</v>
      </c>
      <c r="R1594">
        <v>17669</v>
      </c>
      <c r="S1594">
        <v>0</v>
      </c>
      <c r="T1594">
        <v>0</v>
      </c>
      <c r="U1594">
        <v>0</v>
      </c>
      <c r="V1594">
        <v>0</v>
      </c>
      <c r="W1594">
        <v>3</v>
      </c>
      <c r="X1594">
        <v>0</v>
      </c>
      <c r="Y1594">
        <v>87</v>
      </c>
      <c r="Z1594">
        <v>30</v>
      </c>
      <c r="AA1594">
        <v>78</v>
      </c>
      <c r="AB1594">
        <v>17</v>
      </c>
      <c r="AC1594">
        <v>131</v>
      </c>
      <c r="AD1594">
        <v>72</v>
      </c>
      <c r="AE1594">
        <v>137</v>
      </c>
      <c r="AF1594">
        <v>216</v>
      </c>
      <c r="AG1594">
        <v>127673</v>
      </c>
      <c r="AH1594">
        <v>50000</v>
      </c>
      <c r="AI1594">
        <v>0</v>
      </c>
      <c r="AJ1594">
        <v>99</v>
      </c>
      <c r="AK1594" t="s">
        <v>9</v>
      </c>
      <c r="AL1594">
        <v>0</v>
      </c>
      <c r="AM1594">
        <v>0</v>
      </c>
      <c r="AN1594">
        <v>0</v>
      </c>
      <c r="AO1594">
        <v>0</v>
      </c>
      <c r="AP1594">
        <v>0</v>
      </c>
      <c r="AQ1594">
        <v>0</v>
      </c>
      <c r="AR1594">
        <v>0</v>
      </c>
      <c r="AS1594">
        <v>0</v>
      </c>
      <c r="AT1594">
        <v>0</v>
      </c>
      <c r="AU1594">
        <v>0</v>
      </c>
      <c r="AV1594">
        <v>0</v>
      </c>
      <c r="AW1594">
        <v>0</v>
      </c>
      <c r="AX1594">
        <v>61906</v>
      </c>
      <c r="AY1594">
        <v>18</v>
      </c>
      <c r="AZ1594">
        <v>50</v>
      </c>
      <c r="BA1594">
        <v>2391</v>
      </c>
    </row>
    <row r="1595" spans="1:53" x14ac:dyDescent="0.4">
      <c r="A1595">
        <v>1639</v>
      </c>
      <c r="B1595" s="1">
        <v>43329</v>
      </c>
      <c r="C1595">
        <v>4</v>
      </c>
      <c r="D1595" s="1">
        <v>43329.946527777778</v>
      </c>
      <c r="E1595" s="1">
        <v>43330.084027777775</v>
      </c>
      <c r="F1595">
        <v>96500</v>
      </c>
      <c r="G1595">
        <v>3570</v>
      </c>
      <c r="H1595">
        <v>200</v>
      </c>
      <c r="I1595">
        <v>0</v>
      </c>
      <c r="J1595">
        <v>0</v>
      </c>
      <c r="K1595">
        <v>0</v>
      </c>
      <c r="L1595">
        <v>0</v>
      </c>
      <c r="M1595">
        <v>8022</v>
      </c>
      <c r="N1595">
        <v>0</v>
      </c>
      <c r="O1595">
        <v>0</v>
      </c>
      <c r="P1595">
        <v>39528</v>
      </c>
      <c r="Q1595">
        <v>0</v>
      </c>
      <c r="R1595">
        <v>147820</v>
      </c>
      <c r="S1595">
        <v>0</v>
      </c>
      <c r="T1595">
        <v>0</v>
      </c>
      <c r="U1595">
        <v>0</v>
      </c>
      <c r="V1595">
        <v>11</v>
      </c>
      <c r="W1595">
        <v>4</v>
      </c>
      <c r="X1595">
        <v>0</v>
      </c>
      <c r="Y1595">
        <v>109</v>
      </c>
      <c r="Z1595">
        <v>28</v>
      </c>
      <c r="AA1595">
        <v>64</v>
      </c>
      <c r="AB1595">
        <v>10</v>
      </c>
      <c r="AC1595">
        <v>106</v>
      </c>
      <c r="AD1595">
        <v>70</v>
      </c>
      <c r="AE1595">
        <v>143</v>
      </c>
      <c r="AF1595">
        <v>14040</v>
      </c>
      <c r="AG1595">
        <v>275493</v>
      </c>
      <c r="AH1595">
        <v>50000</v>
      </c>
      <c r="AI1595">
        <v>0</v>
      </c>
      <c r="AJ1595">
        <v>100</v>
      </c>
      <c r="AK1595" t="s">
        <v>0</v>
      </c>
      <c r="AL1595">
        <v>0</v>
      </c>
      <c r="AM1595">
        <v>0</v>
      </c>
      <c r="AN1595">
        <v>0</v>
      </c>
      <c r="AO1595">
        <v>0</v>
      </c>
      <c r="AP1595">
        <v>0</v>
      </c>
      <c r="AQ1595">
        <v>0</v>
      </c>
      <c r="AR1595">
        <v>0</v>
      </c>
      <c r="AS1595">
        <v>0</v>
      </c>
      <c r="AT1595">
        <v>0</v>
      </c>
      <c r="AU1595">
        <v>0</v>
      </c>
      <c r="AV1595">
        <v>0</v>
      </c>
      <c r="AW1595">
        <v>0</v>
      </c>
      <c r="AX1595">
        <v>3240</v>
      </c>
      <c r="AY1595">
        <v>9</v>
      </c>
      <c r="AZ1595">
        <v>31</v>
      </c>
      <c r="BA1595">
        <v>1724</v>
      </c>
    </row>
    <row r="1596" spans="1:53" x14ac:dyDescent="0.4">
      <c r="A1596">
        <v>1640</v>
      </c>
      <c r="B1596" s="1">
        <v>43330</v>
      </c>
      <c r="C1596">
        <v>1</v>
      </c>
      <c r="D1596" s="1">
        <v>43330.291666666664</v>
      </c>
      <c r="E1596" s="1">
        <v>43330.77847222222</v>
      </c>
      <c r="F1596">
        <v>39500</v>
      </c>
      <c r="G1596">
        <v>960</v>
      </c>
      <c r="H1596">
        <v>200</v>
      </c>
      <c r="I1596">
        <v>0</v>
      </c>
      <c r="J1596">
        <v>0</v>
      </c>
      <c r="K1596">
        <v>0</v>
      </c>
      <c r="L1596">
        <v>0</v>
      </c>
      <c r="M1596">
        <v>3252</v>
      </c>
      <c r="N1596">
        <v>0</v>
      </c>
      <c r="O1596">
        <v>0</v>
      </c>
      <c r="P1596">
        <v>12960</v>
      </c>
      <c r="Q1596">
        <v>0</v>
      </c>
      <c r="R1596">
        <v>56872</v>
      </c>
      <c r="S1596">
        <v>0</v>
      </c>
      <c r="T1596">
        <v>0</v>
      </c>
      <c r="U1596">
        <v>0</v>
      </c>
      <c r="V1596">
        <v>4</v>
      </c>
      <c r="W1596">
        <v>0</v>
      </c>
      <c r="X1596">
        <v>0</v>
      </c>
      <c r="Y1596">
        <v>32</v>
      </c>
      <c r="Z1596">
        <v>44</v>
      </c>
      <c r="AA1596">
        <v>93</v>
      </c>
      <c r="AB1596">
        <v>24</v>
      </c>
      <c r="AC1596">
        <v>190</v>
      </c>
      <c r="AD1596">
        <v>68</v>
      </c>
      <c r="AE1596">
        <v>132</v>
      </c>
      <c r="AF1596">
        <v>0</v>
      </c>
      <c r="AG1596">
        <v>106872</v>
      </c>
      <c r="AH1596">
        <v>50000</v>
      </c>
      <c r="AI1596">
        <v>0</v>
      </c>
      <c r="AJ1596">
        <v>106</v>
      </c>
      <c r="AK1596" t="s">
        <v>29</v>
      </c>
      <c r="AL1596">
        <v>0</v>
      </c>
      <c r="AM1596">
        <v>0</v>
      </c>
      <c r="AN1596">
        <v>0</v>
      </c>
      <c r="AO1596">
        <v>0</v>
      </c>
      <c r="AP1596">
        <v>0</v>
      </c>
      <c r="AQ1596">
        <v>0</v>
      </c>
      <c r="AR1596">
        <v>0</v>
      </c>
      <c r="AS1596">
        <v>0</v>
      </c>
      <c r="AT1596">
        <v>0</v>
      </c>
      <c r="AU1596">
        <v>0</v>
      </c>
      <c r="AV1596">
        <v>0</v>
      </c>
      <c r="AW1596">
        <v>0</v>
      </c>
      <c r="AX1596">
        <v>2008</v>
      </c>
      <c r="AY1596">
        <v>46</v>
      </c>
      <c r="AZ1596">
        <v>98</v>
      </c>
      <c r="BA1596">
        <v>7608</v>
      </c>
    </row>
    <row r="1597" spans="1:53" x14ac:dyDescent="0.4">
      <c r="A1597">
        <v>1641</v>
      </c>
      <c r="B1597" s="1">
        <v>43330</v>
      </c>
      <c r="C1597">
        <v>2</v>
      </c>
      <c r="D1597" s="1">
        <v>43330.77847222222</v>
      </c>
      <c r="E1597" s="1">
        <v>43331.031944444447</v>
      </c>
      <c r="F1597">
        <v>214935</v>
      </c>
      <c r="G1597">
        <v>7710</v>
      </c>
      <c r="H1597">
        <v>0</v>
      </c>
      <c r="I1597">
        <v>0</v>
      </c>
      <c r="J1597">
        <v>8400</v>
      </c>
      <c r="K1597">
        <v>0</v>
      </c>
      <c r="L1597">
        <v>0</v>
      </c>
      <c r="M1597">
        <v>17138</v>
      </c>
      <c r="N1597">
        <v>0</v>
      </c>
      <c r="O1597">
        <v>0</v>
      </c>
      <c r="P1597">
        <v>24732</v>
      </c>
      <c r="Q1597">
        <v>0</v>
      </c>
      <c r="R1597">
        <v>256115</v>
      </c>
      <c r="S1597">
        <v>0</v>
      </c>
      <c r="T1597">
        <v>0</v>
      </c>
      <c r="U1597">
        <v>0</v>
      </c>
      <c r="V1597">
        <v>17</v>
      </c>
      <c r="W1597">
        <v>7</v>
      </c>
      <c r="X1597">
        <v>0</v>
      </c>
      <c r="Y1597">
        <v>78</v>
      </c>
      <c r="Z1597">
        <v>47</v>
      </c>
      <c r="AA1597">
        <v>87</v>
      </c>
      <c r="AB1597">
        <v>20</v>
      </c>
      <c r="AC1597">
        <v>167</v>
      </c>
      <c r="AD1597">
        <v>60</v>
      </c>
      <c r="AE1597">
        <v>117</v>
      </c>
      <c r="AF1597">
        <v>45700</v>
      </c>
      <c r="AG1597">
        <v>363987</v>
      </c>
      <c r="AH1597">
        <v>50000</v>
      </c>
      <c r="AI1597">
        <v>1000</v>
      </c>
      <c r="AJ1597">
        <v>108</v>
      </c>
      <c r="AK1597" t="s">
        <v>30</v>
      </c>
      <c r="AL1597">
        <v>0</v>
      </c>
      <c r="AM1597">
        <v>0</v>
      </c>
      <c r="AN1597">
        <v>0</v>
      </c>
      <c r="AO1597">
        <v>0</v>
      </c>
      <c r="AP1597">
        <v>0</v>
      </c>
      <c r="AQ1597">
        <v>0</v>
      </c>
      <c r="AR1597">
        <v>0</v>
      </c>
      <c r="AS1597">
        <v>0</v>
      </c>
      <c r="AT1597">
        <v>0</v>
      </c>
      <c r="AU1597">
        <v>0</v>
      </c>
      <c r="AV1597">
        <v>0</v>
      </c>
      <c r="AW1597">
        <v>0</v>
      </c>
      <c r="AX1597">
        <v>10692</v>
      </c>
      <c r="AY1597">
        <v>36</v>
      </c>
      <c r="AZ1597">
        <v>150</v>
      </c>
      <c r="BA1597">
        <v>4127</v>
      </c>
    </row>
    <row r="1598" spans="1:53" x14ac:dyDescent="0.4">
      <c r="A1598">
        <v>1642</v>
      </c>
      <c r="B1598" s="1">
        <v>43331</v>
      </c>
      <c r="C1598">
        <v>1</v>
      </c>
      <c r="D1598" s="1">
        <v>43331.291666666664</v>
      </c>
      <c r="E1598" s="1">
        <v>43331.410416666666</v>
      </c>
      <c r="F1598">
        <v>0</v>
      </c>
      <c r="G1598">
        <v>0</v>
      </c>
      <c r="H1598">
        <v>0</v>
      </c>
      <c r="I1598">
        <v>0</v>
      </c>
      <c r="J1598">
        <v>0</v>
      </c>
      <c r="K1598">
        <v>0</v>
      </c>
      <c r="L1598">
        <v>0</v>
      </c>
      <c r="M1598">
        <v>0</v>
      </c>
      <c r="N1598">
        <v>0</v>
      </c>
      <c r="O1598">
        <v>0</v>
      </c>
      <c r="P1598">
        <v>0</v>
      </c>
      <c r="Q1598">
        <v>0</v>
      </c>
      <c r="R1598">
        <v>0</v>
      </c>
      <c r="S1598">
        <v>0</v>
      </c>
      <c r="T1598">
        <v>0</v>
      </c>
      <c r="U1598">
        <v>0</v>
      </c>
      <c r="V1598">
        <v>0</v>
      </c>
      <c r="W1598">
        <v>0</v>
      </c>
      <c r="X1598">
        <v>0</v>
      </c>
      <c r="Y1598">
        <v>26</v>
      </c>
      <c r="Z1598">
        <v>22</v>
      </c>
      <c r="AA1598">
        <v>103</v>
      </c>
      <c r="AB1598">
        <v>20</v>
      </c>
      <c r="AC1598">
        <v>127</v>
      </c>
      <c r="AD1598">
        <v>63</v>
      </c>
      <c r="AE1598">
        <v>115</v>
      </c>
      <c r="AF1598">
        <v>0</v>
      </c>
      <c r="AG1598">
        <v>50000</v>
      </c>
      <c r="AH1598">
        <v>0</v>
      </c>
      <c r="AI1598">
        <v>50000</v>
      </c>
      <c r="AJ1598">
        <v>0</v>
      </c>
      <c r="AK1598" t="s">
        <v>6</v>
      </c>
      <c r="AL1598">
        <v>0</v>
      </c>
      <c r="AM1598">
        <v>0</v>
      </c>
      <c r="AN1598">
        <v>0</v>
      </c>
      <c r="AO1598">
        <v>0</v>
      </c>
      <c r="AP1598">
        <v>0</v>
      </c>
      <c r="AQ1598">
        <v>0</v>
      </c>
      <c r="AR1598">
        <v>0</v>
      </c>
      <c r="AS1598">
        <v>0</v>
      </c>
      <c r="AT1598">
        <v>0</v>
      </c>
      <c r="AU1598">
        <v>0</v>
      </c>
      <c r="AV1598">
        <v>0</v>
      </c>
      <c r="AW1598">
        <v>0</v>
      </c>
      <c r="AX1598">
        <v>0</v>
      </c>
      <c r="AY1598">
        <v>0</v>
      </c>
      <c r="AZ1598">
        <v>0</v>
      </c>
      <c r="BA1598">
        <v>0</v>
      </c>
    </row>
    <row r="1599" spans="1:53" x14ac:dyDescent="0.4">
      <c r="A1599">
        <v>1643</v>
      </c>
      <c r="B1599" s="1">
        <v>43331</v>
      </c>
      <c r="C1599">
        <v>2</v>
      </c>
      <c r="D1599" s="1">
        <v>43331.410416666666</v>
      </c>
      <c r="E1599" s="1">
        <v>43331.746527777781</v>
      </c>
      <c r="F1599">
        <v>45000</v>
      </c>
      <c r="G1599">
        <v>3680</v>
      </c>
      <c r="H1599">
        <v>0</v>
      </c>
      <c r="I1599">
        <v>0</v>
      </c>
      <c r="J1599">
        <v>0</v>
      </c>
      <c r="K1599">
        <v>0</v>
      </c>
      <c r="L1599">
        <v>0</v>
      </c>
      <c r="M1599">
        <v>3893</v>
      </c>
      <c r="N1599">
        <v>0</v>
      </c>
      <c r="O1599">
        <v>0</v>
      </c>
      <c r="P1599">
        <v>16200</v>
      </c>
      <c r="Q1599">
        <v>0</v>
      </c>
      <c r="R1599">
        <v>68773</v>
      </c>
      <c r="S1599">
        <v>0</v>
      </c>
      <c r="T1599">
        <v>0</v>
      </c>
      <c r="U1599">
        <v>0</v>
      </c>
      <c r="V1599">
        <v>2</v>
      </c>
      <c r="W1599">
        <v>2</v>
      </c>
      <c r="X1599">
        <v>0</v>
      </c>
      <c r="Y1599">
        <v>53</v>
      </c>
      <c r="Z1599">
        <v>44</v>
      </c>
      <c r="AA1599">
        <v>86</v>
      </c>
      <c r="AB1599">
        <v>28</v>
      </c>
      <c r="AC1599">
        <v>230</v>
      </c>
      <c r="AD1599">
        <v>66</v>
      </c>
      <c r="AE1599">
        <v>120</v>
      </c>
      <c r="AF1599">
        <v>1023</v>
      </c>
      <c r="AG1599">
        <v>118773</v>
      </c>
      <c r="AH1599">
        <v>50000</v>
      </c>
      <c r="AI1599">
        <v>0</v>
      </c>
      <c r="AJ1599">
        <v>92</v>
      </c>
      <c r="AK1599" t="s">
        <v>22</v>
      </c>
      <c r="AL1599">
        <v>0</v>
      </c>
      <c r="AM1599">
        <v>0</v>
      </c>
      <c r="AN1599">
        <v>0</v>
      </c>
      <c r="AO1599">
        <v>0</v>
      </c>
      <c r="AP1599">
        <v>0</v>
      </c>
      <c r="AQ1599">
        <v>0</v>
      </c>
      <c r="AR1599">
        <v>0</v>
      </c>
      <c r="AS1599">
        <v>0</v>
      </c>
      <c r="AT1599">
        <v>0</v>
      </c>
      <c r="AU1599">
        <v>0</v>
      </c>
      <c r="AV1599">
        <v>0</v>
      </c>
      <c r="AW1599">
        <v>0</v>
      </c>
      <c r="AX1599">
        <v>0</v>
      </c>
      <c r="AY1599">
        <v>49</v>
      </c>
      <c r="AZ1599">
        <v>116</v>
      </c>
      <c r="BA1599">
        <v>7703</v>
      </c>
    </row>
    <row r="1600" spans="1:53" x14ac:dyDescent="0.4">
      <c r="A1600">
        <v>1644</v>
      </c>
      <c r="B1600" s="1">
        <v>43331</v>
      </c>
      <c r="C1600">
        <v>3</v>
      </c>
      <c r="D1600" s="1">
        <v>43331.746527777781</v>
      </c>
      <c r="E1600" s="1">
        <v>43331.959722222222</v>
      </c>
      <c r="F1600">
        <v>60260</v>
      </c>
      <c r="G1600">
        <v>3130</v>
      </c>
      <c r="H1600">
        <v>0</v>
      </c>
      <c r="I1600">
        <v>0</v>
      </c>
      <c r="J1600">
        <v>0</v>
      </c>
      <c r="K1600">
        <v>0</v>
      </c>
      <c r="L1600">
        <v>0</v>
      </c>
      <c r="M1600">
        <v>5071</v>
      </c>
      <c r="N1600">
        <v>0</v>
      </c>
      <c r="O1600">
        <v>0</v>
      </c>
      <c r="P1600">
        <v>-16200</v>
      </c>
      <c r="Q1600">
        <v>0</v>
      </c>
      <c r="R1600">
        <v>52261</v>
      </c>
      <c r="S1600">
        <v>0</v>
      </c>
      <c r="T1600">
        <v>0</v>
      </c>
      <c r="U1600">
        <v>0</v>
      </c>
      <c r="V1600">
        <v>7</v>
      </c>
      <c r="W1600">
        <v>0</v>
      </c>
      <c r="X1600">
        <v>0</v>
      </c>
      <c r="Y1600">
        <v>66</v>
      </c>
      <c r="Z1600">
        <v>42</v>
      </c>
      <c r="AA1600">
        <v>90</v>
      </c>
      <c r="AB1600">
        <v>24</v>
      </c>
      <c r="AC1600">
        <v>237</v>
      </c>
      <c r="AD1600">
        <v>64</v>
      </c>
      <c r="AE1600">
        <v>121</v>
      </c>
      <c r="AF1600">
        <v>1023</v>
      </c>
      <c r="AG1600">
        <v>171034</v>
      </c>
      <c r="AH1600">
        <v>50000</v>
      </c>
      <c r="AI1600">
        <v>0</v>
      </c>
      <c r="AJ1600">
        <v>30</v>
      </c>
      <c r="AL1600">
        <v>0</v>
      </c>
      <c r="AM1600">
        <v>0</v>
      </c>
      <c r="AN1600">
        <v>0</v>
      </c>
      <c r="AO1600">
        <v>0</v>
      </c>
      <c r="AP1600">
        <v>0</v>
      </c>
      <c r="AQ1600">
        <v>0</v>
      </c>
      <c r="AR1600">
        <v>0</v>
      </c>
      <c r="AS1600">
        <v>0</v>
      </c>
      <c r="AT1600">
        <v>0</v>
      </c>
      <c r="AU1600">
        <v>0</v>
      </c>
      <c r="AV1600">
        <v>0</v>
      </c>
      <c r="AW1600">
        <v>0</v>
      </c>
      <c r="AX1600">
        <v>21568</v>
      </c>
      <c r="AY1600">
        <v>14</v>
      </c>
      <c r="AZ1600">
        <v>48</v>
      </c>
      <c r="BA1600">
        <v>2685</v>
      </c>
    </row>
    <row r="1601" spans="1:53" x14ac:dyDescent="0.4">
      <c r="A1601">
        <v>1645</v>
      </c>
      <c r="B1601" s="1">
        <v>43332</v>
      </c>
      <c r="C1601">
        <v>1</v>
      </c>
      <c r="D1601" s="1">
        <v>43332.291666666664</v>
      </c>
      <c r="E1601" s="1">
        <v>43332.408333333333</v>
      </c>
      <c r="F1601">
        <v>0</v>
      </c>
      <c r="G1601">
        <v>0</v>
      </c>
      <c r="H1601">
        <v>0</v>
      </c>
      <c r="I1601">
        <v>0</v>
      </c>
      <c r="J1601">
        <v>0</v>
      </c>
      <c r="K1601">
        <v>0</v>
      </c>
      <c r="L1601">
        <v>0</v>
      </c>
      <c r="M1601">
        <v>0</v>
      </c>
      <c r="N1601">
        <v>0</v>
      </c>
      <c r="O1601">
        <v>0</v>
      </c>
      <c r="P1601">
        <v>0</v>
      </c>
      <c r="Q1601">
        <v>0</v>
      </c>
      <c r="R1601">
        <v>0</v>
      </c>
      <c r="S1601">
        <v>0</v>
      </c>
      <c r="T1601">
        <v>0</v>
      </c>
      <c r="U1601">
        <v>0</v>
      </c>
      <c r="V1601">
        <v>0</v>
      </c>
      <c r="W1601">
        <v>0</v>
      </c>
      <c r="X1601">
        <v>0</v>
      </c>
      <c r="Y1601">
        <v>25</v>
      </c>
      <c r="Z1601">
        <v>27</v>
      </c>
      <c r="AA1601">
        <v>86</v>
      </c>
      <c r="AB1601">
        <v>25</v>
      </c>
      <c r="AC1601">
        <v>122</v>
      </c>
      <c r="AD1601">
        <v>62</v>
      </c>
      <c r="AE1601">
        <v>120</v>
      </c>
      <c r="AF1601">
        <v>0</v>
      </c>
      <c r="AG1601">
        <v>50000</v>
      </c>
      <c r="AH1601">
        <v>0</v>
      </c>
      <c r="AI1601">
        <v>50000</v>
      </c>
      <c r="AJ1601">
        <v>0</v>
      </c>
      <c r="AK1601" t="s">
        <v>6</v>
      </c>
      <c r="AL1601">
        <v>0</v>
      </c>
      <c r="AM1601">
        <v>0</v>
      </c>
      <c r="AN1601">
        <v>0</v>
      </c>
      <c r="AO1601">
        <v>0</v>
      </c>
      <c r="AP1601">
        <v>0</v>
      </c>
      <c r="AQ1601">
        <v>0</v>
      </c>
      <c r="AR1601">
        <v>0</v>
      </c>
      <c r="AS1601">
        <v>0</v>
      </c>
      <c r="AT1601">
        <v>0</v>
      </c>
      <c r="AU1601">
        <v>0</v>
      </c>
      <c r="AV1601">
        <v>0</v>
      </c>
      <c r="AW1601">
        <v>0</v>
      </c>
      <c r="AX1601">
        <v>0</v>
      </c>
      <c r="AY1601">
        <v>0</v>
      </c>
      <c r="AZ1601">
        <v>0</v>
      </c>
      <c r="BA1601">
        <v>0</v>
      </c>
    </row>
    <row r="1602" spans="1:53" x14ac:dyDescent="0.4">
      <c r="A1602">
        <v>1646</v>
      </c>
      <c r="B1602" s="1">
        <v>43332</v>
      </c>
      <c r="C1602">
        <v>2</v>
      </c>
      <c r="D1602" s="1">
        <v>43332.408333333333</v>
      </c>
      <c r="E1602" s="1">
        <v>43332.734027777777</v>
      </c>
      <c r="F1602">
        <v>32000</v>
      </c>
      <c r="G1602">
        <v>2120</v>
      </c>
      <c r="H1602">
        <v>0</v>
      </c>
      <c r="I1602">
        <v>0</v>
      </c>
      <c r="J1602">
        <v>0</v>
      </c>
      <c r="K1602">
        <v>0</v>
      </c>
      <c r="L1602">
        <v>0</v>
      </c>
      <c r="M1602">
        <v>2730</v>
      </c>
      <c r="N1602">
        <v>0</v>
      </c>
      <c r="O1602">
        <v>0</v>
      </c>
      <c r="P1602">
        <v>21600</v>
      </c>
      <c r="Q1602">
        <v>0</v>
      </c>
      <c r="R1602">
        <v>58450</v>
      </c>
      <c r="S1602">
        <v>0</v>
      </c>
      <c r="T1602">
        <v>0</v>
      </c>
      <c r="U1602">
        <v>0</v>
      </c>
      <c r="V1602">
        <v>1</v>
      </c>
      <c r="W1602">
        <v>3</v>
      </c>
      <c r="X1602">
        <v>0</v>
      </c>
      <c r="Y1602">
        <v>49</v>
      </c>
      <c r="Z1602">
        <v>44</v>
      </c>
      <c r="AA1602">
        <v>85</v>
      </c>
      <c r="AB1602">
        <v>31</v>
      </c>
      <c r="AC1602">
        <v>196</v>
      </c>
      <c r="AD1602">
        <v>64</v>
      </c>
      <c r="AE1602">
        <v>120</v>
      </c>
      <c r="AF1602">
        <v>0</v>
      </c>
      <c r="AG1602">
        <v>108450</v>
      </c>
      <c r="AH1602">
        <v>50000</v>
      </c>
      <c r="AI1602">
        <v>0</v>
      </c>
      <c r="AJ1602">
        <v>96</v>
      </c>
      <c r="AK1602" t="s">
        <v>4</v>
      </c>
      <c r="AL1602">
        <v>0</v>
      </c>
      <c r="AM1602">
        <v>0</v>
      </c>
      <c r="AN1602">
        <v>0</v>
      </c>
      <c r="AO1602">
        <v>0</v>
      </c>
      <c r="AP1602">
        <v>0</v>
      </c>
      <c r="AQ1602">
        <v>0</v>
      </c>
      <c r="AR1602">
        <v>0</v>
      </c>
      <c r="AS1602">
        <v>0</v>
      </c>
      <c r="AT1602">
        <v>0</v>
      </c>
      <c r="AU1602">
        <v>0</v>
      </c>
      <c r="AV1602">
        <v>0</v>
      </c>
      <c r="AW1602">
        <v>0</v>
      </c>
      <c r="AX1602">
        <v>-2700</v>
      </c>
      <c r="AY1602">
        <v>46</v>
      </c>
      <c r="AZ1602">
        <v>100</v>
      </c>
      <c r="BA1602">
        <v>6529</v>
      </c>
    </row>
    <row r="1603" spans="1:53" x14ac:dyDescent="0.4">
      <c r="A1603">
        <v>1647</v>
      </c>
      <c r="B1603" s="1">
        <v>43333</v>
      </c>
      <c r="C1603">
        <v>1</v>
      </c>
      <c r="D1603" s="1">
        <v>43333.291666666664</v>
      </c>
      <c r="E1603" s="1">
        <v>43333.413194444445</v>
      </c>
      <c r="F1603">
        <v>0</v>
      </c>
      <c r="G1603">
        <v>0</v>
      </c>
      <c r="H1603">
        <v>0</v>
      </c>
      <c r="I1603">
        <v>0</v>
      </c>
      <c r="J1603">
        <v>0</v>
      </c>
      <c r="K1603">
        <v>0</v>
      </c>
      <c r="L1603">
        <v>0</v>
      </c>
      <c r="M1603">
        <v>0</v>
      </c>
      <c r="N1603">
        <v>0</v>
      </c>
      <c r="O1603">
        <v>0</v>
      </c>
      <c r="P1603">
        <v>0</v>
      </c>
      <c r="Q1603">
        <v>0</v>
      </c>
      <c r="R1603">
        <v>0</v>
      </c>
      <c r="S1603">
        <v>0</v>
      </c>
      <c r="T1603">
        <v>0</v>
      </c>
      <c r="U1603">
        <v>0</v>
      </c>
      <c r="V1603">
        <v>0</v>
      </c>
      <c r="W1603">
        <v>0</v>
      </c>
      <c r="X1603">
        <v>0</v>
      </c>
      <c r="Y1603">
        <v>25</v>
      </c>
      <c r="Z1603">
        <v>25</v>
      </c>
      <c r="AA1603">
        <v>98</v>
      </c>
      <c r="AB1603">
        <v>26</v>
      </c>
      <c r="AC1603">
        <v>96</v>
      </c>
      <c r="AD1603">
        <v>64</v>
      </c>
      <c r="AE1603">
        <v>120</v>
      </c>
      <c r="AF1603">
        <v>0</v>
      </c>
      <c r="AG1603">
        <v>50000</v>
      </c>
      <c r="AH1603">
        <v>0</v>
      </c>
      <c r="AI1603">
        <v>50000</v>
      </c>
      <c r="AJ1603">
        <v>0</v>
      </c>
      <c r="AK1603" t="s">
        <v>6</v>
      </c>
      <c r="AL1603">
        <v>0</v>
      </c>
      <c r="AM1603">
        <v>0</v>
      </c>
      <c r="AN1603">
        <v>0</v>
      </c>
      <c r="AO1603">
        <v>0</v>
      </c>
      <c r="AP1603">
        <v>0</v>
      </c>
      <c r="AQ1603">
        <v>0</v>
      </c>
      <c r="AR1603">
        <v>0</v>
      </c>
      <c r="AS1603">
        <v>0</v>
      </c>
      <c r="AT1603">
        <v>0</v>
      </c>
      <c r="AU1603">
        <v>0</v>
      </c>
      <c r="AV1603">
        <v>0</v>
      </c>
      <c r="AW1603">
        <v>0</v>
      </c>
      <c r="AX1603">
        <v>0</v>
      </c>
      <c r="AY1603">
        <v>0</v>
      </c>
      <c r="AZ1603">
        <v>0</v>
      </c>
      <c r="BA1603">
        <v>0</v>
      </c>
    </row>
    <row r="1604" spans="1:53" x14ac:dyDescent="0.4">
      <c r="A1604">
        <v>1648</v>
      </c>
      <c r="B1604" s="1">
        <v>43333</v>
      </c>
      <c r="C1604">
        <v>2</v>
      </c>
      <c r="D1604" s="1">
        <v>43333.413194444445</v>
      </c>
      <c r="E1604" s="1">
        <v>43333.731944444444</v>
      </c>
      <c r="F1604">
        <v>31250</v>
      </c>
      <c r="G1604">
        <v>3120</v>
      </c>
      <c r="H1604">
        <v>0</v>
      </c>
      <c r="I1604">
        <v>0</v>
      </c>
      <c r="J1604">
        <v>0</v>
      </c>
      <c r="K1604">
        <v>0</v>
      </c>
      <c r="L1604">
        <v>0</v>
      </c>
      <c r="M1604">
        <v>2748</v>
      </c>
      <c r="N1604">
        <v>0</v>
      </c>
      <c r="O1604">
        <v>0</v>
      </c>
      <c r="P1604">
        <v>19980</v>
      </c>
      <c r="Q1604">
        <v>0</v>
      </c>
      <c r="R1604">
        <v>57098</v>
      </c>
      <c r="S1604">
        <v>0</v>
      </c>
      <c r="T1604">
        <v>0</v>
      </c>
      <c r="U1604">
        <v>0</v>
      </c>
      <c r="V1604">
        <v>2</v>
      </c>
      <c r="W1604">
        <v>1</v>
      </c>
      <c r="X1604">
        <v>0</v>
      </c>
      <c r="Y1604">
        <v>48</v>
      </c>
      <c r="Z1604">
        <v>34</v>
      </c>
      <c r="AA1604">
        <v>132</v>
      </c>
      <c r="AB1604">
        <v>26</v>
      </c>
      <c r="AC1604">
        <v>215</v>
      </c>
      <c r="AD1604">
        <v>64</v>
      </c>
      <c r="AE1604">
        <v>128</v>
      </c>
      <c r="AF1604">
        <v>0</v>
      </c>
      <c r="AG1604">
        <v>107098</v>
      </c>
      <c r="AH1604">
        <v>50000</v>
      </c>
      <c r="AI1604">
        <v>0</v>
      </c>
      <c r="AJ1604">
        <v>96</v>
      </c>
      <c r="AK1604" t="s">
        <v>4</v>
      </c>
      <c r="AL1604">
        <v>0</v>
      </c>
      <c r="AM1604">
        <v>0</v>
      </c>
      <c r="AN1604">
        <v>0</v>
      </c>
      <c r="AO1604">
        <v>0</v>
      </c>
      <c r="AP1604">
        <v>0</v>
      </c>
      <c r="AQ1604">
        <v>0</v>
      </c>
      <c r="AR1604">
        <v>0</v>
      </c>
      <c r="AS1604">
        <v>0</v>
      </c>
      <c r="AT1604">
        <v>0</v>
      </c>
      <c r="AU1604">
        <v>0</v>
      </c>
      <c r="AV1604">
        <v>0</v>
      </c>
      <c r="AW1604">
        <v>0</v>
      </c>
      <c r="AX1604">
        <v>258</v>
      </c>
      <c r="AY1604">
        <v>42</v>
      </c>
      <c r="AZ1604">
        <v>101</v>
      </c>
      <c r="BA1604">
        <v>5853</v>
      </c>
    </row>
    <row r="1605" spans="1:53" x14ac:dyDescent="0.4">
      <c r="A1605">
        <v>1649</v>
      </c>
      <c r="B1605" s="1">
        <v>43334</v>
      </c>
      <c r="C1605">
        <v>1</v>
      </c>
      <c r="D1605" s="1">
        <v>43334.291666666664</v>
      </c>
      <c r="E1605" s="1">
        <v>43334.409722222219</v>
      </c>
      <c r="F1605">
        <v>0</v>
      </c>
      <c r="G1605">
        <v>0</v>
      </c>
      <c r="H1605">
        <v>0</v>
      </c>
      <c r="I1605">
        <v>0</v>
      </c>
      <c r="J1605">
        <v>0</v>
      </c>
      <c r="K1605">
        <v>0</v>
      </c>
      <c r="L1605">
        <v>0</v>
      </c>
      <c r="M1605">
        <v>0</v>
      </c>
      <c r="N1605">
        <v>0</v>
      </c>
      <c r="O1605">
        <v>0</v>
      </c>
      <c r="P1605">
        <v>0</v>
      </c>
      <c r="Q1605">
        <v>0</v>
      </c>
      <c r="R1605">
        <v>0</v>
      </c>
      <c r="S1605">
        <v>0</v>
      </c>
      <c r="T1605">
        <v>0</v>
      </c>
      <c r="U1605">
        <v>0</v>
      </c>
      <c r="V1605">
        <v>0</v>
      </c>
      <c r="W1605">
        <v>0</v>
      </c>
      <c r="X1605">
        <v>0</v>
      </c>
      <c r="Y1605">
        <v>25</v>
      </c>
      <c r="Z1605">
        <v>20</v>
      </c>
      <c r="AA1605">
        <v>127</v>
      </c>
      <c r="AB1605">
        <v>23</v>
      </c>
      <c r="AC1605">
        <v>72</v>
      </c>
      <c r="AD1605">
        <v>63</v>
      </c>
      <c r="AE1605">
        <v>115</v>
      </c>
      <c r="AF1605">
        <v>0</v>
      </c>
      <c r="AG1605">
        <v>50000</v>
      </c>
      <c r="AH1605">
        <v>0</v>
      </c>
      <c r="AI1605">
        <v>50000</v>
      </c>
      <c r="AJ1605">
        <v>0</v>
      </c>
      <c r="AK1605" t="s">
        <v>6</v>
      </c>
      <c r="AL1605">
        <v>0</v>
      </c>
      <c r="AM1605">
        <v>0</v>
      </c>
      <c r="AN1605">
        <v>0</v>
      </c>
      <c r="AO1605">
        <v>0</v>
      </c>
      <c r="AP1605">
        <v>0</v>
      </c>
      <c r="AQ1605">
        <v>0</v>
      </c>
      <c r="AR1605">
        <v>0</v>
      </c>
      <c r="AS1605">
        <v>0</v>
      </c>
      <c r="AT1605">
        <v>0</v>
      </c>
      <c r="AU1605">
        <v>0</v>
      </c>
      <c r="AV1605">
        <v>0</v>
      </c>
      <c r="AW1605">
        <v>0</v>
      </c>
      <c r="AX1605">
        <v>0</v>
      </c>
      <c r="AY1605">
        <v>0</v>
      </c>
      <c r="AZ1605">
        <v>0</v>
      </c>
      <c r="BA1605">
        <v>0</v>
      </c>
    </row>
    <row r="1606" spans="1:53" x14ac:dyDescent="0.4">
      <c r="A1606">
        <v>1650</v>
      </c>
      <c r="B1606" s="1">
        <v>43334</v>
      </c>
      <c r="C1606">
        <v>2</v>
      </c>
      <c r="D1606" s="1">
        <v>43334.409722222219</v>
      </c>
      <c r="E1606" s="1">
        <v>43334.732638888891</v>
      </c>
      <c r="F1606">
        <v>38500</v>
      </c>
      <c r="G1606">
        <v>2690</v>
      </c>
      <c r="H1606">
        <v>0</v>
      </c>
      <c r="I1606">
        <v>0</v>
      </c>
      <c r="J1606">
        <v>0</v>
      </c>
      <c r="K1606">
        <v>0</v>
      </c>
      <c r="L1606">
        <v>0</v>
      </c>
      <c r="M1606">
        <v>3295</v>
      </c>
      <c r="N1606">
        <v>0</v>
      </c>
      <c r="O1606">
        <v>0</v>
      </c>
      <c r="P1606">
        <v>10260</v>
      </c>
      <c r="Q1606">
        <v>0</v>
      </c>
      <c r="R1606">
        <v>54745</v>
      </c>
      <c r="S1606">
        <v>0</v>
      </c>
      <c r="T1606">
        <v>0</v>
      </c>
      <c r="U1606">
        <v>0</v>
      </c>
      <c r="V1606">
        <v>1</v>
      </c>
      <c r="W1606">
        <v>3</v>
      </c>
      <c r="X1606">
        <v>0</v>
      </c>
      <c r="Y1606">
        <v>44</v>
      </c>
      <c r="Z1606">
        <v>30</v>
      </c>
      <c r="AA1606">
        <v>176</v>
      </c>
      <c r="AB1606">
        <v>20</v>
      </c>
      <c r="AC1606">
        <v>170</v>
      </c>
      <c r="AD1606">
        <v>64</v>
      </c>
      <c r="AE1606">
        <v>125</v>
      </c>
      <c r="AF1606">
        <v>0</v>
      </c>
      <c r="AG1606">
        <v>104745</v>
      </c>
      <c r="AH1606">
        <v>50000</v>
      </c>
      <c r="AI1606">
        <v>0</v>
      </c>
      <c r="AJ1606">
        <v>96</v>
      </c>
      <c r="AK1606" t="s">
        <v>4</v>
      </c>
      <c r="AL1606">
        <v>0</v>
      </c>
      <c r="AM1606">
        <v>0</v>
      </c>
      <c r="AN1606">
        <v>0</v>
      </c>
      <c r="AO1606">
        <v>0</v>
      </c>
      <c r="AP1606">
        <v>0</v>
      </c>
      <c r="AQ1606">
        <v>0</v>
      </c>
      <c r="AR1606">
        <v>0</v>
      </c>
      <c r="AS1606">
        <v>0</v>
      </c>
      <c r="AT1606">
        <v>0</v>
      </c>
      <c r="AU1606">
        <v>0</v>
      </c>
      <c r="AV1606">
        <v>0</v>
      </c>
      <c r="AW1606">
        <v>0</v>
      </c>
      <c r="AX1606">
        <v>0</v>
      </c>
      <c r="AY1606">
        <v>45</v>
      </c>
      <c r="AZ1606">
        <v>96</v>
      </c>
      <c r="BA1606">
        <v>6845</v>
      </c>
    </row>
    <row r="1607" spans="1:53" x14ac:dyDescent="0.4">
      <c r="A1607">
        <v>1651</v>
      </c>
      <c r="B1607" s="1">
        <v>43334</v>
      </c>
      <c r="C1607">
        <v>3</v>
      </c>
      <c r="D1607" s="1">
        <v>43334.732638888891</v>
      </c>
      <c r="E1607" s="1">
        <v>43335.095833333333</v>
      </c>
      <c r="F1607">
        <v>63550</v>
      </c>
      <c r="G1607">
        <v>3530</v>
      </c>
      <c r="H1607">
        <v>200</v>
      </c>
      <c r="I1607">
        <v>0</v>
      </c>
      <c r="J1607">
        <v>0</v>
      </c>
      <c r="K1607">
        <v>0</v>
      </c>
      <c r="L1607">
        <v>0</v>
      </c>
      <c r="M1607">
        <v>5382</v>
      </c>
      <c r="N1607">
        <v>0</v>
      </c>
      <c r="O1607">
        <v>0</v>
      </c>
      <c r="P1607">
        <v>-4968</v>
      </c>
      <c r="Q1607">
        <v>0</v>
      </c>
      <c r="R1607">
        <v>67694</v>
      </c>
      <c r="S1607">
        <v>0</v>
      </c>
      <c r="T1607">
        <v>0</v>
      </c>
      <c r="U1607">
        <v>0</v>
      </c>
      <c r="V1607">
        <v>9</v>
      </c>
      <c r="W1607">
        <v>1</v>
      </c>
      <c r="X1607">
        <v>0</v>
      </c>
      <c r="Y1607">
        <v>40</v>
      </c>
      <c r="Z1607">
        <v>30</v>
      </c>
      <c r="AA1607">
        <v>180</v>
      </c>
      <c r="AB1607">
        <v>21</v>
      </c>
      <c r="AC1607">
        <v>175</v>
      </c>
      <c r="AD1607">
        <v>63</v>
      </c>
      <c r="AE1607">
        <v>136</v>
      </c>
      <c r="AF1607">
        <v>1188</v>
      </c>
      <c r="AG1607">
        <v>172439</v>
      </c>
      <c r="AH1607">
        <v>50000</v>
      </c>
      <c r="AI1607">
        <v>0</v>
      </c>
      <c r="AJ1607">
        <v>108</v>
      </c>
      <c r="AK1607" t="s">
        <v>30</v>
      </c>
      <c r="AL1607">
        <v>0</v>
      </c>
      <c r="AM1607">
        <v>0</v>
      </c>
      <c r="AN1607">
        <v>0</v>
      </c>
      <c r="AO1607">
        <v>0</v>
      </c>
      <c r="AP1607">
        <v>0</v>
      </c>
      <c r="AQ1607">
        <v>0</v>
      </c>
      <c r="AR1607">
        <v>0</v>
      </c>
      <c r="AS1607">
        <v>0</v>
      </c>
      <c r="AT1607">
        <v>0</v>
      </c>
      <c r="AU1607">
        <v>0</v>
      </c>
      <c r="AV1607">
        <v>0</v>
      </c>
      <c r="AW1607">
        <v>0</v>
      </c>
      <c r="AX1607">
        <v>1663</v>
      </c>
      <c r="AY1607">
        <v>13</v>
      </c>
      <c r="AZ1607">
        <v>32</v>
      </c>
      <c r="BA1607">
        <v>2281</v>
      </c>
    </row>
    <row r="1608" spans="1:53" x14ac:dyDescent="0.4">
      <c r="A1608">
        <v>1652</v>
      </c>
      <c r="B1608" s="1">
        <v>43335</v>
      </c>
      <c r="C1608">
        <v>1</v>
      </c>
      <c r="D1608" s="1">
        <v>43335.291666666664</v>
      </c>
      <c r="E1608" s="1">
        <v>43335.413888888892</v>
      </c>
      <c r="F1608">
        <v>0</v>
      </c>
      <c r="G1608">
        <v>0</v>
      </c>
      <c r="H1608">
        <v>0</v>
      </c>
      <c r="I1608">
        <v>0</v>
      </c>
      <c r="J1608">
        <v>0</v>
      </c>
      <c r="K1608">
        <v>0</v>
      </c>
      <c r="L1608">
        <v>0</v>
      </c>
      <c r="M1608">
        <v>0</v>
      </c>
      <c r="N1608">
        <v>0</v>
      </c>
      <c r="O1608">
        <v>0</v>
      </c>
      <c r="P1608">
        <v>0</v>
      </c>
      <c r="Q1608">
        <v>0</v>
      </c>
      <c r="R1608">
        <v>0</v>
      </c>
      <c r="S1608">
        <v>0</v>
      </c>
      <c r="T1608">
        <v>0</v>
      </c>
      <c r="U1608">
        <v>0</v>
      </c>
      <c r="V1608">
        <v>0</v>
      </c>
      <c r="W1608">
        <v>0</v>
      </c>
      <c r="X1608">
        <v>0</v>
      </c>
      <c r="Y1608">
        <v>27</v>
      </c>
      <c r="Z1608">
        <v>16</v>
      </c>
      <c r="AA1608">
        <v>124</v>
      </c>
      <c r="AB1608">
        <v>20</v>
      </c>
      <c r="AC1608">
        <v>117</v>
      </c>
      <c r="AD1608">
        <v>61</v>
      </c>
      <c r="AE1608">
        <v>125</v>
      </c>
      <c r="AF1608">
        <v>0</v>
      </c>
      <c r="AG1608">
        <v>50000</v>
      </c>
      <c r="AH1608">
        <v>0</v>
      </c>
      <c r="AI1608">
        <v>50000</v>
      </c>
      <c r="AJ1608">
        <v>0</v>
      </c>
      <c r="AK1608" t="s">
        <v>6</v>
      </c>
      <c r="AL1608">
        <v>0</v>
      </c>
      <c r="AM1608">
        <v>0</v>
      </c>
      <c r="AN1608">
        <v>0</v>
      </c>
      <c r="AO1608">
        <v>0</v>
      </c>
      <c r="AP1608">
        <v>0</v>
      </c>
      <c r="AQ1608">
        <v>0</v>
      </c>
      <c r="AR1608">
        <v>0</v>
      </c>
      <c r="AS1608">
        <v>0</v>
      </c>
      <c r="AT1608">
        <v>0</v>
      </c>
      <c r="AU1608">
        <v>0</v>
      </c>
      <c r="AV1608">
        <v>0</v>
      </c>
      <c r="AW1608">
        <v>0</v>
      </c>
      <c r="AX1608">
        <v>0</v>
      </c>
      <c r="AY1608">
        <v>0</v>
      </c>
      <c r="AZ1608">
        <v>0</v>
      </c>
      <c r="BA1608">
        <v>0</v>
      </c>
    </row>
    <row r="1609" spans="1:53" x14ac:dyDescent="0.4">
      <c r="A1609">
        <v>1653</v>
      </c>
      <c r="B1609" s="1">
        <v>43335</v>
      </c>
      <c r="C1609">
        <v>2</v>
      </c>
      <c r="D1609" s="1">
        <v>43335.413888888892</v>
      </c>
      <c r="E1609" s="1">
        <v>43335.743750000001</v>
      </c>
      <c r="F1609">
        <v>32000</v>
      </c>
      <c r="G1609">
        <v>1820</v>
      </c>
      <c r="H1609">
        <v>0</v>
      </c>
      <c r="I1609">
        <v>0</v>
      </c>
      <c r="J1609">
        <v>0</v>
      </c>
      <c r="K1609">
        <v>0</v>
      </c>
      <c r="L1609">
        <v>0</v>
      </c>
      <c r="M1609">
        <v>2705</v>
      </c>
      <c r="N1609">
        <v>0</v>
      </c>
      <c r="O1609">
        <v>0</v>
      </c>
      <c r="P1609">
        <v>10260</v>
      </c>
      <c r="Q1609">
        <v>0</v>
      </c>
      <c r="R1609">
        <v>46785</v>
      </c>
      <c r="S1609">
        <v>0</v>
      </c>
      <c r="T1609">
        <v>0</v>
      </c>
      <c r="U1609">
        <v>0</v>
      </c>
      <c r="V1609">
        <v>2</v>
      </c>
      <c r="W1609">
        <v>1</v>
      </c>
      <c r="X1609">
        <v>0</v>
      </c>
      <c r="Y1609">
        <v>41</v>
      </c>
      <c r="Z1609">
        <v>29</v>
      </c>
      <c r="AA1609">
        <v>133</v>
      </c>
      <c r="AB1609">
        <v>19</v>
      </c>
      <c r="AC1609">
        <v>158</v>
      </c>
      <c r="AD1609">
        <v>66</v>
      </c>
      <c r="AE1609">
        <v>125</v>
      </c>
      <c r="AF1609">
        <v>0</v>
      </c>
      <c r="AG1609">
        <v>96785</v>
      </c>
      <c r="AH1609">
        <v>50000</v>
      </c>
      <c r="AI1609">
        <v>0</v>
      </c>
      <c r="AJ1609">
        <v>93</v>
      </c>
      <c r="AK1609" t="s">
        <v>20</v>
      </c>
      <c r="AL1609">
        <v>0</v>
      </c>
      <c r="AM1609">
        <v>0</v>
      </c>
      <c r="AN1609">
        <v>0</v>
      </c>
      <c r="AO1609">
        <v>0</v>
      </c>
      <c r="AP1609">
        <v>0</v>
      </c>
      <c r="AQ1609">
        <v>0</v>
      </c>
      <c r="AR1609">
        <v>0</v>
      </c>
      <c r="AS1609">
        <v>0</v>
      </c>
      <c r="AT1609">
        <v>0</v>
      </c>
      <c r="AU1609">
        <v>0</v>
      </c>
      <c r="AV1609">
        <v>0</v>
      </c>
      <c r="AW1609">
        <v>0</v>
      </c>
      <c r="AX1609">
        <v>194</v>
      </c>
      <c r="AY1609">
        <v>40</v>
      </c>
      <c r="AZ1609">
        <v>83</v>
      </c>
      <c r="BA1609">
        <v>6169</v>
      </c>
    </row>
    <row r="1610" spans="1:53" x14ac:dyDescent="0.4">
      <c r="A1610">
        <v>1654</v>
      </c>
      <c r="B1610" s="1">
        <v>43336</v>
      </c>
      <c r="C1610">
        <v>1</v>
      </c>
      <c r="D1610" s="1">
        <v>43336.291666666664</v>
      </c>
      <c r="E1610" s="1">
        <v>43336.413888888892</v>
      </c>
      <c r="F1610">
        <v>0</v>
      </c>
      <c r="G1610">
        <v>0</v>
      </c>
      <c r="H1610">
        <v>0</v>
      </c>
      <c r="I1610">
        <v>0</v>
      </c>
      <c r="J1610">
        <v>0</v>
      </c>
      <c r="K1610">
        <v>0</v>
      </c>
      <c r="L1610">
        <v>0</v>
      </c>
      <c r="M1610">
        <v>0</v>
      </c>
      <c r="N1610">
        <v>0</v>
      </c>
      <c r="O1610">
        <v>0</v>
      </c>
      <c r="P1610">
        <v>0</v>
      </c>
      <c r="Q1610">
        <v>0</v>
      </c>
      <c r="R1610">
        <v>0</v>
      </c>
      <c r="S1610">
        <v>0</v>
      </c>
      <c r="T1610">
        <v>0</v>
      </c>
      <c r="U1610">
        <v>0</v>
      </c>
      <c r="V1610">
        <v>0</v>
      </c>
      <c r="W1610">
        <v>0</v>
      </c>
      <c r="X1610">
        <v>0</v>
      </c>
      <c r="Y1610">
        <v>25</v>
      </c>
      <c r="Z1610">
        <v>20</v>
      </c>
      <c r="AA1610">
        <v>124</v>
      </c>
      <c r="AB1610">
        <v>23</v>
      </c>
      <c r="AC1610">
        <v>102</v>
      </c>
      <c r="AD1610">
        <v>64</v>
      </c>
      <c r="AE1610">
        <v>110</v>
      </c>
      <c r="AF1610">
        <v>0</v>
      </c>
      <c r="AG1610">
        <v>50000</v>
      </c>
      <c r="AH1610">
        <v>0</v>
      </c>
      <c r="AI1610">
        <v>50000</v>
      </c>
      <c r="AJ1610">
        <v>0</v>
      </c>
      <c r="AK1610" t="s">
        <v>6</v>
      </c>
      <c r="AL1610">
        <v>0</v>
      </c>
      <c r="AM1610">
        <v>0</v>
      </c>
      <c r="AN1610">
        <v>0</v>
      </c>
      <c r="AO1610">
        <v>0</v>
      </c>
      <c r="AP1610">
        <v>0</v>
      </c>
      <c r="AQ1610">
        <v>0</v>
      </c>
      <c r="AR1610">
        <v>0</v>
      </c>
      <c r="AS1610">
        <v>0</v>
      </c>
      <c r="AT1610">
        <v>0</v>
      </c>
      <c r="AU1610">
        <v>0</v>
      </c>
      <c r="AV1610">
        <v>0</v>
      </c>
      <c r="AW1610">
        <v>0</v>
      </c>
      <c r="AX1610">
        <v>0</v>
      </c>
      <c r="AY1610">
        <v>0</v>
      </c>
      <c r="AZ1610">
        <v>0</v>
      </c>
      <c r="BA1610">
        <v>0</v>
      </c>
    </row>
    <row r="1611" spans="1:53" x14ac:dyDescent="0.4">
      <c r="A1611">
        <v>1655</v>
      </c>
      <c r="B1611" s="1">
        <v>43336</v>
      </c>
      <c r="C1611">
        <v>2</v>
      </c>
      <c r="D1611" s="1">
        <v>43336.413888888892</v>
      </c>
      <c r="E1611" s="1">
        <v>43336.73333333333</v>
      </c>
      <c r="F1611">
        <v>42500</v>
      </c>
      <c r="G1611">
        <v>1740</v>
      </c>
      <c r="H1611">
        <v>0</v>
      </c>
      <c r="I1611">
        <v>0</v>
      </c>
      <c r="J1611">
        <v>0</v>
      </c>
      <c r="K1611">
        <v>0</v>
      </c>
      <c r="L1611">
        <v>0</v>
      </c>
      <c r="M1611">
        <v>3538</v>
      </c>
      <c r="N1611">
        <v>0</v>
      </c>
      <c r="O1611">
        <v>0</v>
      </c>
      <c r="P1611">
        <v>12420</v>
      </c>
      <c r="Q1611">
        <v>0</v>
      </c>
      <c r="R1611">
        <v>60198</v>
      </c>
      <c r="S1611">
        <v>0</v>
      </c>
      <c r="T1611">
        <v>0</v>
      </c>
      <c r="U1611">
        <v>0</v>
      </c>
      <c r="V1611">
        <v>0</v>
      </c>
      <c r="W1611">
        <v>2</v>
      </c>
      <c r="X1611">
        <v>0</v>
      </c>
      <c r="Y1611">
        <v>60</v>
      </c>
      <c r="Z1611">
        <v>37</v>
      </c>
      <c r="AA1611">
        <v>127</v>
      </c>
      <c r="AB1611">
        <v>35</v>
      </c>
      <c r="AC1611">
        <v>217</v>
      </c>
      <c r="AD1611">
        <v>75</v>
      </c>
      <c r="AE1611">
        <v>108</v>
      </c>
      <c r="AF1611">
        <v>4595</v>
      </c>
      <c r="AG1611">
        <v>110198</v>
      </c>
      <c r="AH1611">
        <v>50000</v>
      </c>
      <c r="AI1611">
        <v>0</v>
      </c>
      <c r="AJ1611">
        <v>96</v>
      </c>
      <c r="AK1611" t="s">
        <v>4</v>
      </c>
      <c r="AL1611">
        <v>0</v>
      </c>
      <c r="AM1611">
        <v>0</v>
      </c>
      <c r="AN1611">
        <v>0</v>
      </c>
      <c r="AO1611">
        <v>0</v>
      </c>
      <c r="AP1611">
        <v>0</v>
      </c>
      <c r="AQ1611">
        <v>0</v>
      </c>
      <c r="AR1611">
        <v>0</v>
      </c>
      <c r="AS1611">
        <v>0</v>
      </c>
      <c r="AT1611">
        <v>0</v>
      </c>
      <c r="AU1611">
        <v>0</v>
      </c>
      <c r="AV1611">
        <v>0</v>
      </c>
      <c r="AW1611">
        <v>0</v>
      </c>
      <c r="AX1611">
        <v>0</v>
      </c>
      <c r="AY1611">
        <v>46</v>
      </c>
      <c r="AZ1611">
        <v>108</v>
      </c>
      <c r="BA1611">
        <v>7025</v>
      </c>
    </row>
    <row r="1612" spans="1:53" x14ac:dyDescent="0.4">
      <c r="A1612">
        <v>1656</v>
      </c>
      <c r="B1612" s="1">
        <v>43337</v>
      </c>
      <c r="C1612">
        <v>1</v>
      </c>
      <c r="D1612" s="1">
        <v>43337.291666666664</v>
      </c>
      <c r="E1612" s="1">
        <v>43337.383333333331</v>
      </c>
      <c r="F1612">
        <v>0</v>
      </c>
      <c r="G1612">
        <v>0</v>
      </c>
      <c r="H1612">
        <v>0</v>
      </c>
      <c r="I1612">
        <v>0</v>
      </c>
      <c r="J1612">
        <v>0</v>
      </c>
      <c r="K1612">
        <v>0</v>
      </c>
      <c r="L1612">
        <v>0</v>
      </c>
      <c r="M1612">
        <v>0</v>
      </c>
      <c r="N1612">
        <v>0</v>
      </c>
      <c r="O1612">
        <v>0</v>
      </c>
      <c r="P1612">
        <v>0</v>
      </c>
      <c r="Q1612">
        <v>0</v>
      </c>
      <c r="R1612">
        <v>0</v>
      </c>
      <c r="S1612">
        <v>0</v>
      </c>
      <c r="T1612">
        <v>0</v>
      </c>
      <c r="U1612">
        <v>0</v>
      </c>
      <c r="V1612">
        <v>0</v>
      </c>
      <c r="W1612">
        <v>0</v>
      </c>
      <c r="X1612">
        <v>0</v>
      </c>
      <c r="Y1612">
        <v>28</v>
      </c>
      <c r="Z1612">
        <v>20</v>
      </c>
      <c r="AA1612">
        <v>88</v>
      </c>
      <c r="AB1612">
        <v>29</v>
      </c>
      <c r="AC1612">
        <v>131</v>
      </c>
      <c r="AD1612">
        <v>67</v>
      </c>
      <c r="AE1612">
        <v>105</v>
      </c>
      <c r="AF1612">
        <v>0</v>
      </c>
      <c r="AG1612">
        <v>50000</v>
      </c>
      <c r="AH1612">
        <v>50000</v>
      </c>
      <c r="AI1612">
        <v>0</v>
      </c>
      <c r="AJ1612">
        <v>0</v>
      </c>
      <c r="AK1612" t="s">
        <v>6</v>
      </c>
      <c r="AL1612">
        <v>0</v>
      </c>
      <c r="AM1612">
        <v>0</v>
      </c>
      <c r="AN1612">
        <v>0</v>
      </c>
      <c r="AO1612">
        <v>0</v>
      </c>
      <c r="AP1612">
        <v>0</v>
      </c>
      <c r="AQ1612">
        <v>0</v>
      </c>
      <c r="AR1612">
        <v>0</v>
      </c>
      <c r="AS1612">
        <v>0</v>
      </c>
      <c r="AT1612">
        <v>0</v>
      </c>
      <c r="AU1612">
        <v>0</v>
      </c>
      <c r="AV1612">
        <v>0</v>
      </c>
      <c r="AW1612">
        <v>0</v>
      </c>
      <c r="AX1612">
        <v>0</v>
      </c>
      <c r="AY1612">
        <v>0</v>
      </c>
      <c r="AZ1612">
        <v>0</v>
      </c>
      <c r="BA1612">
        <v>0</v>
      </c>
    </row>
    <row r="1613" spans="1:53" x14ac:dyDescent="0.4">
      <c r="A1613">
        <v>1657</v>
      </c>
      <c r="B1613" s="1">
        <v>43337</v>
      </c>
      <c r="C1613">
        <v>2</v>
      </c>
      <c r="D1613" s="1">
        <v>43337.383333333331</v>
      </c>
      <c r="E1613" s="1">
        <v>43337.730555555558</v>
      </c>
      <c r="F1613">
        <v>26000</v>
      </c>
      <c r="G1613">
        <v>3780</v>
      </c>
      <c r="H1613">
        <v>200</v>
      </c>
      <c r="I1613">
        <v>0</v>
      </c>
      <c r="J1613">
        <v>0</v>
      </c>
      <c r="K1613">
        <v>0</v>
      </c>
      <c r="L1613">
        <v>0</v>
      </c>
      <c r="M1613">
        <v>2398</v>
      </c>
      <c r="N1613">
        <v>0</v>
      </c>
      <c r="O1613">
        <v>0</v>
      </c>
      <c r="P1613">
        <v>17280</v>
      </c>
      <c r="Q1613">
        <v>0</v>
      </c>
      <c r="R1613">
        <v>49658</v>
      </c>
      <c r="S1613">
        <v>0</v>
      </c>
      <c r="T1613">
        <v>0</v>
      </c>
      <c r="U1613">
        <v>0</v>
      </c>
      <c r="V1613">
        <v>2</v>
      </c>
      <c r="W1613">
        <v>0</v>
      </c>
      <c r="X1613">
        <v>0</v>
      </c>
      <c r="Y1613">
        <v>51</v>
      </c>
      <c r="Z1613">
        <v>32</v>
      </c>
      <c r="AA1613">
        <v>54</v>
      </c>
      <c r="AB1613">
        <v>18</v>
      </c>
      <c r="AC1613">
        <v>178</v>
      </c>
      <c r="AD1613">
        <v>69</v>
      </c>
      <c r="AE1613">
        <v>110</v>
      </c>
      <c r="AF1613">
        <v>4123</v>
      </c>
      <c r="AG1613">
        <v>99658</v>
      </c>
      <c r="AH1613">
        <v>50000</v>
      </c>
      <c r="AI1613">
        <v>0</v>
      </c>
      <c r="AJ1613">
        <v>29</v>
      </c>
      <c r="AK1613" t="s">
        <v>28</v>
      </c>
      <c r="AL1613">
        <v>0</v>
      </c>
      <c r="AM1613">
        <v>0</v>
      </c>
      <c r="AN1613">
        <v>0</v>
      </c>
      <c r="AO1613">
        <v>0</v>
      </c>
      <c r="AP1613">
        <v>0</v>
      </c>
      <c r="AQ1613">
        <v>0</v>
      </c>
      <c r="AR1613">
        <v>0</v>
      </c>
      <c r="AS1613">
        <v>0</v>
      </c>
      <c r="AT1613">
        <v>0</v>
      </c>
      <c r="AU1613">
        <v>0</v>
      </c>
      <c r="AV1613">
        <v>0</v>
      </c>
      <c r="AW1613">
        <v>0</v>
      </c>
      <c r="AX1613">
        <v>1469</v>
      </c>
      <c r="AY1613">
        <v>38</v>
      </c>
      <c r="AZ1613">
        <v>85</v>
      </c>
      <c r="BA1613">
        <v>5651</v>
      </c>
    </row>
    <row r="1614" spans="1:53" x14ac:dyDescent="0.4">
      <c r="A1614">
        <v>1658</v>
      </c>
      <c r="B1614" s="1">
        <v>43337</v>
      </c>
      <c r="C1614">
        <v>3</v>
      </c>
      <c r="D1614" s="1">
        <v>43337.730555555558</v>
      </c>
      <c r="E1614" s="1">
        <v>43338.111111111109</v>
      </c>
      <c r="F1614">
        <v>354300</v>
      </c>
      <c r="G1614">
        <v>11360</v>
      </c>
      <c r="H1614">
        <v>800</v>
      </c>
      <c r="I1614">
        <v>0</v>
      </c>
      <c r="J1614">
        <v>400</v>
      </c>
      <c r="K1614">
        <v>0</v>
      </c>
      <c r="L1614">
        <v>0</v>
      </c>
      <c r="M1614">
        <v>29283</v>
      </c>
      <c r="N1614">
        <v>0</v>
      </c>
      <c r="O1614">
        <v>0</v>
      </c>
      <c r="P1614">
        <v>88128</v>
      </c>
      <c r="Q1614">
        <v>0</v>
      </c>
      <c r="R1614">
        <v>483471</v>
      </c>
      <c r="S1614">
        <v>0</v>
      </c>
      <c r="T1614">
        <v>0</v>
      </c>
      <c r="U1614">
        <v>0</v>
      </c>
      <c r="V1614">
        <v>35</v>
      </c>
      <c r="W1614">
        <v>5</v>
      </c>
      <c r="X1614">
        <v>0</v>
      </c>
      <c r="Y1614">
        <v>107</v>
      </c>
      <c r="Z1614">
        <v>39</v>
      </c>
      <c r="AA1614">
        <v>102</v>
      </c>
      <c r="AB1614">
        <v>16</v>
      </c>
      <c r="AC1614">
        <v>188</v>
      </c>
      <c r="AD1614">
        <v>79</v>
      </c>
      <c r="AE1614">
        <v>94</v>
      </c>
      <c r="AF1614">
        <v>68260</v>
      </c>
      <c r="AG1614">
        <v>583129</v>
      </c>
      <c r="AH1614">
        <v>50000</v>
      </c>
      <c r="AI1614">
        <v>0</v>
      </c>
      <c r="AJ1614">
        <v>84</v>
      </c>
      <c r="AK1614" t="s">
        <v>16</v>
      </c>
      <c r="AL1614">
        <v>0</v>
      </c>
      <c r="AM1614">
        <v>0</v>
      </c>
      <c r="AN1614">
        <v>0</v>
      </c>
      <c r="AO1614">
        <v>0</v>
      </c>
      <c r="AP1614">
        <v>0</v>
      </c>
      <c r="AQ1614">
        <v>0</v>
      </c>
      <c r="AR1614">
        <v>0</v>
      </c>
      <c r="AS1614">
        <v>0</v>
      </c>
      <c r="AT1614">
        <v>0</v>
      </c>
      <c r="AU1614">
        <v>0</v>
      </c>
      <c r="AV1614">
        <v>0</v>
      </c>
      <c r="AW1614">
        <v>0</v>
      </c>
      <c r="AX1614">
        <v>9742</v>
      </c>
      <c r="AY1614">
        <v>44</v>
      </c>
      <c r="AZ1614">
        <v>225</v>
      </c>
      <c r="BA1614">
        <v>6567</v>
      </c>
    </row>
    <row r="1615" spans="1:53" x14ac:dyDescent="0.4">
      <c r="A1615">
        <v>1659</v>
      </c>
      <c r="B1615" s="1">
        <v>43338</v>
      </c>
      <c r="C1615">
        <v>1</v>
      </c>
      <c r="D1615" s="1">
        <v>43338.291666666664</v>
      </c>
      <c r="E1615" s="1">
        <v>43338.396527777775</v>
      </c>
      <c r="F1615">
        <v>0</v>
      </c>
      <c r="G1615">
        <v>0</v>
      </c>
      <c r="H1615">
        <v>0</v>
      </c>
      <c r="I1615">
        <v>0</v>
      </c>
      <c r="J1615">
        <v>0</v>
      </c>
      <c r="K1615">
        <v>0</v>
      </c>
      <c r="L1615">
        <v>0</v>
      </c>
      <c r="M1615">
        <v>0</v>
      </c>
      <c r="N1615">
        <v>0</v>
      </c>
      <c r="O1615">
        <v>0</v>
      </c>
      <c r="P1615">
        <v>0</v>
      </c>
      <c r="Q1615">
        <v>0</v>
      </c>
      <c r="R1615">
        <v>0</v>
      </c>
      <c r="S1615">
        <v>0</v>
      </c>
      <c r="T1615">
        <v>0</v>
      </c>
      <c r="U1615">
        <v>0</v>
      </c>
      <c r="V1615">
        <v>0</v>
      </c>
      <c r="W1615">
        <v>0</v>
      </c>
      <c r="X1615">
        <v>0</v>
      </c>
      <c r="Y1615">
        <v>26</v>
      </c>
      <c r="Z1615">
        <v>22</v>
      </c>
      <c r="AA1615">
        <v>106</v>
      </c>
      <c r="AB1615">
        <v>14</v>
      </c>
      <c r="AC1615">
        <v>122</v>
      </c>
      <c r="AD1615">
        <v>78</v>
      </c>
      <c r="AE1615">
        <v>90</v>
      </c>
      <c r="AF1615">
        <v>0</v>
      </c>
      <c r="AG1615">
        <v>50000</v>
      </c>
      <c r="AH1615">
        <v>50000</v>
      </c>
      <c r="AI1615">
        <v>0</v>
      </c>
      <c r="AJ1615">
        <v>0</v>
      </c>
      <c r="AK1615" t="s">
        <v>6</v>
      </c>
      <c r="AL1615">
        <v>0</v>
      </c>
      <c r="AM1615">
        <v>0</v>
      </c>
      <c r="AN1615">
        <v>0</v>
      </c>
      <c r="AO1615">
        <v>0</v>
      </c>
      <c r="AP1615">
        <v>0</v>
      </c>
      <c r="AQ1615">
        <v>0</v>
      </c>
      <c r="AR1615">
        <v>0</v>
      </c>
      <c r="AS1615">
        <v>0</v>
      </c>
      <c r="AT1615">
        <v>0</v>
      </c>
      <c r="AU1615">
        <v>0</v>
      </c>
      <c r="AV1615">
        <v>0</v>
      </c>
      <c r="AW1615">
        <v>0</v>
      </c>
      <c r="AX1615">
        <v>0</v>
      </c>
      <c r="AY1615">
        <v>0</v>
      </c>
      <c r="AZ1615">
        <v>0</v>
      </c>
      <c r="BA1615">
        <v>0</v>
      </c>
    </row>
    <row r="1616" spans="1:53" x14ac:dyDescent="0.4">
      <c r="A1616">
        <v>1660</v>
      </c>
      <c r="B1616" s="1">
        <v>43338</v>
      </c>
      <c r="C1616">
        <v>2</v>
      </c>
      <c r="D1616" s="1">
        <v>43338.396527777775</v>
      </c>
      <c r="E1616" s="1">
        <v>43338.738888888889</v>
      </c>
      <c r="F1616">
        <v>47250</v>
      </c>
      <c r="G1616">
        <v>2940</v>
      </c>
      <c r="H1616">
        <v>0</v>
      </c>
      <c r="I1616">
        <v>0</v>
      </c>
      <c r="J1616">
        <v>400</v>
      </c>
      <c r="K1616">
        <v>0</v>
      </c>
      <c r="L1616">
        <v>0</v>
      </c>
      <c r="M1616">
        <v>3983</v>
      </c>
      <c r="N1616">
        <v>0</v>
      </c>
      <c r="O1616">
        <v>0</v>
      </c>
      <c r="P1616">
        <v>22140</v>
      </c>
      <c r="Q1616">
        <v>0</v>
      </c>
      <c r="R1616">
        <v>75913</v>
      </c>
      <c r="S1616">
        <v>0</v>
      </c>
      <c r="T1616">
        <v>0</v>
      </c>
      <c r="U1616">
        <v>0</v>
      </c>
      <c r="V1616">
        <v>0</v>
      </c>
      <c r="W1616">
        <v>3</v>
      </c>
      <c r="X1616">
        <v>0</v>
      </c>
      <c r="Y1616">
        <v>69</v>
      </c>
      <c r="Z1616">
        <v>41</v>
      </c>
      <c r="AA1616">
        <v>108</v>
      </c>
      <c r="AB1616">
        <v>8</v>
      </c>
      <c r="AC1616">
        <v>213</v>
      </c>
      <c r="AD1616">
        <v>76</v>
      </c>
      <c r="AE1616">
        <v>85</v>
      </c>
      <c r="AF1616">
        <v>5458</v>
      </c>
      <c r="AG1616">
        <v>123753</v>
      </c>
      <c r="AH1616">
        <v>50000</v>
      </c>
      <c r="AI1616">
        <v>-2160</v>
      </c>
      <c r="AJ1616">
        <v>90</v>
      </c>
      <c r="AK1616" t="s">
        <v>24</v>
      </c>
      <c r="AL1616">
        <v>0</v>
      </c>
      <c r="AM1616">
        <v>0</v>
      </c>
      <c r="AN1616">
        <v>0</v>
      </c>
      <c r="AO1616">
        <v>0</v>
      </c>
      <c r="AP1616">
        <v>0</v>
      </c>
      <c r="AQ1616">
        <v>0</v>
      </c>
      <c r="AR1616">
        <v>0</v>
      </c>
      <c r="AS1616">
        <v>0</v>
      </c>
      <c r="AT1616">
        <v>0</v>
      </c>
      <c r="AU1616">
        <v>0</v>
      </c>
      <c r="AV1616">
        <v>0</v>
      </c>
      <c r="AW1616">
        <v>0</v>
      </c>
      <c r="AX1616">
        <v>-2160</v>
      </c>
      <c r="AY1616">
        <v>53</v>
      </c>
      <c r="AZ1616">
        <v>131</v>
      </c>
      <c r="BA1616">
        <v>7632</v>
      </c>
    </row>
    <row r="1617" spans="1:53" x14ac:dyDescent="0.4">
      <c r="A1617">
        <v>1661</v>
      </c>
      <c r="B1617" s="1">
        <v>43338</v>
      </c>
      <c r="C1617">
        <v>3</v>
      </c>
      <c r="D1617" s="1">
        <v>43338.738888888889</v>
      </c>
      <c r="E1617" s="1">
        <v>43338.956944444442</v>
      </c>
      <c r="F1617">
        <v>55510</v>
      </c>
      <c r="G1617">
        <v>4820</v>
      </c>
      <c r="H1617">
        <v>0</v>
      </c>
      <c r="I1617">
        <v>0</v>
      </c>
      <c r="J1617">
        <v>0</v>
      </c>
      <c r="K1617">
        <v>0</v>
      </c>
      <c r="L1617">
        <v>0</v>
      </c>
      <c r="M1617">
        <v>4827</v>
      </c>
      <c r="N1617">
        <v>0</v>
      </c>
      <c r="O1617">
        <v>0</v>
      </c>
      <c r="P1617">
        <v>-7884</v>
      </c>
      <c r="Q1617">
        <v>0</v>
      </c>
      <c r="R1617">
        <v>57273</v>
      </c>
      <c r="S1617">
        <v>0</v>
      </c>
      <c r="T1617">
        <v>0</v>
      </c>
      <c r="U1617">
        <v>0</v>
      </c>
      <c r="V1617">
        <v>4</v>
      </c>
      <c r="W1617">
        <v>2</v>
      </c>
      <c r="X1617">
        <v>0</v>
      </c>
      <c r="Y1617">
        <v>91</v>
      </c>
      <c r="Z1617">
        <v>39</v>
      </c>
      <c r="AA1617">
        <v>112</v>
      </c>
      <c r="AB1617">
        <v>8</v>
      </c>
      <c r="AC1617">
        <v>231</v>
      </c>
      <c r="AD1617">
        <v>77</v>
      </c>
      <c r="AE1617">
        <v>82</v>
      </c>
      <c r="AF1617">
        <v>8309</v>
      </c>
      <c r="AG1617">
        <v>183186</v>
      </c>
      <c r="AH1617">
        <v>50000</v>
      </c>
      <c r="AI1617">
        <v>0</v>
      </c>
      <c r="AJ1617">
        <v>108</v>
      </c>
      <c r="AK1617" t="s">
        <v>30</v>
      </c>
      <c r="AL1617">
        <v>0</v>
      </c>
      <c r="AM1617">
        <v>0</v>
      </c>
      <c r="AN1617">
        <v>0</v>
      </c>
      <c r="AO1617">
        <v>0</v>
      </c>
      <c r="AP1617">
        <v>0</v>
      </c>
      <c r="AQ1617">
        <v>0</v>
      </c>
      <c r="AR1617">
        <v>0</v>
      </c>
      <c r="AS1617">
        <v>0</v>
      </c>
      <c r="AT1617">
        <v>0</v>
      </c>
      <c r="AU1617">
        <v>0</v>
      </c>
      <c r="AV1617">
        <v>0</v>
      </c>
      <c r="AW1617">
        <v>0</v>
      </c>
      <c r="AX1617">
        <v>18511</v>
      </c>
      <c r="AY1617">
        <v>13</v>
      </c>
      <c r="AZ1617">
        <v>45</v>
      </c>
      <c r="BA1617">
        <v>3202</v>
      </c>
    </row>
    <row r="1618" spans="1:53" x14ac:dyDescent="0.4">
      <c r="A1618">
        <v>1662</v>
      </c>
      <c r="B1618" s="1">
        <v>43338</v>
      </c>
      <c r="C1618">
        <v>4</v>
      </c>
      <c r="D1618" s="1">
        <v>43338.956944444442</v>
      </c>
      <c r="E1618" s="1">
        <v>43339.111805555556</v>
      </c>
      <c r="F1618">
        <v>27900</v>
      </c>
      <c r="G1618">
        <v>4890</v>
      </c>
      <c r="H1618">
        <v>0</v>
      </c>
      <c r="I1618">
        <v>0</v>
      </c>
      <c r="J1618">
        <v>0</v>
      </c>
      <c r="K1618">
        <v>0</v>
      </c>
      <c r="L1618">
        <v>0</v>
      </c>
      <c r="M1618">
        <v>2623</v>
      </c>
      <c r="N1618">
        <v>0</v>
      </c>
      <c r="O1618">
        <v>0</v>
      </c>
      <c r="P1618">
        <v>0</v>
      </c>
      <c r="Q1618">
        <v>0</v>
      </c>
      <c r="R1618">
        <v>35413</v>
      </c>
      <c r="S1618">
        <v>0</v>
      </c>
      <c r="T1618">
        <v>0</v>
      </c>
      <c r="U1618">
        <v>0</v>
      </c>
      <c r="V1618">
        <v>9</v>
      </c>
      <c r="W1618">
        <v>0</v>
      </c>
      <c r="X1618">
        <v>0</v>
      </c>
      <c r="Y1618">
        <v>88</v>
      </c>
      <c r="Z1618">
        <v>36</v>
      </c>
      <c r="AA1618">
        <v>110</v>
      </c>
      <c r="AB1618">
        <v>9</v>
      </c>
      <c r="AC1618">
        <v>239</v>
      </c>
      <c r="AD1618">
        <v>76</v>
      </c>
      <c r="AE1618">
        <v>70</v>
      </c>
      <c r="AF1618">
        <v>8309</v>
      </c>
      <c r="AG1618">
        <v>218599</v>
      </c>
      <c r="AH1618">
        <v>50000</v>
      </c>
      <c r="AI1618">
        <v>0</v>
      </c>
      <c r="AJ1618">
        <v>100</v>
      </c>
      <c r="AK1618" t="s">
        <v>0</v>
      </c>
      <c r="AL1618">
        <v>0</v>
      </c>
      <c r="AM1618">
        <v>0</v>
      </c>
      <c r="AN1618">
        <v>0</v>
      </c>
      <c r="AO1618">
        <v>0</v>
      </c>
      <c r="AP1618">
        <v>0</v>
      </c>
      <c r="AQ1618">
        <v>0</v>
      </c>
      <c r="AR1618">
        <v>0</v>
      </c>
      <c r="AS1618">
        <v>0</v>
      </c>
      <c r="AT1618">
        <v>0</v>
      </c>
      <c r="AU1618">
        <v>0</v>
      </c>
      <c r="AV1618">
        <v>0</v>
      </c>
      <c r="AW1618">
        <v>0</v>
      </c>
      <c r="AX1618">
        <v>22664</v>
      </c>
      <c r="AY1618">
        <v>6</v>
      </c>
      <c r="AZ1618">
        <v>16</v>
      </c>
      <c r="BA1618">
        <v>1074</v>
      </c>
    </row>
    <row r="1619" spans="1:53" x14ac:dyDescent="0.4">
      <c r="A1619">
        <v>1663</v>
      </c>
      <c r="B1619" s="1">
        <v>43339</v>
      </c>
      <c r="C1619">
        <v>1</v>
      </c>
      <c r="D1619" s="1">
        <v>43339.291666666664</v>
      </c>
      <c r="E1619" s="1">
        <v>43339.410416666666</v>
      </c>
      <c r="F1619">
        <v>0</v>
      </c>
      <c r="G1619">
        <v>0</v>
      </c>
      <c r="H1619">
        <v>0</v>
      </c>
      <c r="I1619">
        <v>0</v>
      </c>
      <c r="J1619">
        <v>0</v>
      </c>
      <c r="K1619">
        <v>0</v>
      </c>
      <c r="L1619">
        <v>0</v>
      </c>
      <c r="M1619">
        <v>0</v>
      </c>
      <c r="N1619">
        <v>0</v>
      </c>
      <c r="O1619">
        <v>0</v>
      </c>
      <c r="P1619">
        <v>0</v>
      </c>
      <c r="Q1619">
        <v>0</v>
      </c>
      <c r="R1619">
        <v>0</v>
      </c>
      <c r="S1619">
        <v>0</v>
      </c>
      <c r="T1619">
        <v>0</v>
      </c>
      <c r="U1619">
        <v>0</v>
      </c>
      <c r="V1619">
        <v>0</v>
      </c>
      <c r="W1619">
        <v>0</v>
      </c>
      <c r="X1619">
        <v>0</v>
      </c>
      <c r="Y1619">
        <v>30</v>
      </c>
      <c r="Z1619">
        <v>16</v>
      </c>
      <c r="AA1619">
        <v>103</v>
      </c>
      <c r="AB1619">
        <v>5</v>
      </c>
      <c r="AC1619">
        <v>103</v>
      </c>
      <c r="AD1619">
        <v>71</v>
      </c>
      <c r="AE1619">
        <v>65</v>
      </c>
      <c r="AF1619">
        <v>0</v>
      </c>
      <c r="AG1619">
        <v>50000</v>
      </c>
      <c r="AH1619">
        <v>0</v>
      </c>
      <c r="AI1619">
        <v>50000</v>
      </c>
      <c r="AJ1619">
        <v>0</v>
      </c>
      <c r="AK1619" t="s">
        <v>6</v>
      </c>
      <c r="AL1619">
        <v>0</v>
      </c>
      <c r="AM1619">
        <v>0</v>
      </c>
      <c r="AN1619">
        <v>0</v>
      </c>
      <c r="AO1619">
        <v>0</v>
      </c>
      <c r="AP1619">
        <v>0</v>
      </c>
      <c r="AQ1619">
        <v>0</v>
      </c>
      <c r="AR1619">
        <v>0</v>
      </c>
      <c r="AS1619">
        <v>0</v>
      </c>
      <c r="AT1619">
        <v>0</v>
      </c>
      <c r="AU1619">
        <v>0</v>
      </c>
      <c r="AV1619">
        <v>0</v>
      </c>
      <c r="AW1619">
        <v>0</v>
      </c>
      <c r="AX1619">
        <v>0</v>
      </c>
      <c r="AY1619">
        <v>0</v>
      </c>
      <c r="AZ1619">
        <v>0</v>
      </c>
      <c r="BA1619">
        <v>0</v>
      </c>
    </row>
    <row r="1620" spans="1:53" x14ac:dyDescent="0.4">
      <c r="A1620">
        <v>1664</v>
      </c>
      <c r="B1620" s="1">
        <v>43339</v>
      </c>
      <c r="C1620">
        <v>2</v>
      </c>
      <c r="D1620" s="1">
        <v>43339.410416666666</v>
      </c>
      <c r="E1620" s="1">
        <v>43339.736111111109</v>
      </c>
      <c r="F1620">
        <v>43250</v>
      </c>
      <c r="G1620">
        <v>5740</v>
      </c>
      <c r="H1620">
        <v>0</v>
      </c>
      <c r="I1620">
        <v>0</v>
      </c>
      <c r="J1620">
        <v>0</v>
      </c>
      <c r="K1620">
        <v>0</v>
      </c>
      <c r="L1620">
        <v>0</v>
      </c>
      <c r="M1620">
        <v>3919</v>
      </c>
      <c r="N1620">
        <v>0</v>
      </c>
      <c r="O1620">
        <v>0</v>
      </c>
      <c r="P1620">
        <v>11340</v>
      </c>
      <c r="Q1620">
        <v>0</v>
      </c>
      <c r="R1620">
        <v>64249</v>
      </c>
      <c r="S1620">
        <v>0</v>
      </c>
      <c r="T1620">
        <v>0</v>
      </c>
      <c r="U1620">
        <v>0</v>
      </c>
      <c r="V1620">
        <v>0</v>
      </c>
      <c r="W1620">
        <v>4</v>
      </c>
      <c r="X1620">
        <v>0</v>
      </c>
      <c r="Y1620">
        <v>60</v>
      </c>
      <c r="Z1620">
        <v>35</v>
      </c>
      <c r="AA1620">
        <v>138</v>
      </c>
      <c r="AB1620">
        <v>10</v>
      </c>
      <c r="AC1620">
        <v>204</v>
      </c>
      <c r="AD1620">
        <v>68</v>
      </c>
      <c r="AE1620">
        <v>69</v>
      </c>
      <c r="AF1620">
        <v>0</v>
      </c>
      <c r="AG1620">
        <v>114249</v>
      </c>
      <c r="AH1620">
        <v>50000</v>
      </c>
      <c r="AI1620">
        <v>0</v>
      </c>
      <c r="AJ1620">
        <v>93</v>
      </c>
      <c r="AK1620" t="s">
        <v>20</v>
      </c>
      <c r="AL1620">
        <v>0</v>
      </c>
      <c r="AM1620">
        <v>0</v>
      </c>
      <c r="AN1620">
        <v>0</v>
      </c>
      <c r="AO1620">
        <v>0</v>
      </c>
      <c r="AP1620">
        <v>0</v>
      </c>
      <c r="AQ1620">
        <v>0</v>
      </c>
      <c r="AR1620">
        <v>0</v>
      </c>
      <c r="AS1620">
        <v>0</v>
      </c>
      <c r="AT1620">
        <v>0</v>
      </c>
      <c r="AU1620">
        <v>0</v>
      </c>
      <c r="AV1620">
        <v>0</v>
      </c>
      <c r="AW1620">
        <v>0</v>
      </c>
      <c r="AX1620">
        <v>-670</v>
      </c>
      <c r="AY1620">
        <v>45</v>
      </c>
      <c r="AZ1620">
        <v>101</v>
      </c>
      <c r="BA1620">
        <v>7362</v>
      </c>
    </row>
    <row r="1621" spans="1:53" x14ac:dyDescent="0.4">
      <c r="A1621">
        <v>1665</v>
      </c>
      <c r="B1621" s="1">
        <v>43339</v>
      </c>
      <c r="C1621">
        <v>3</v>
      </c>
      <c r="D1621" s="1">
        <v>43339.736111111109</v>
      </c>
      <c r="E1621" s="1">
        <v>43339.945833333331</v>
      </c>
      <c r="F1621">
        <v>24500</v>
      </c>
      <c r="G1621">
        <v>380</v>
      </c>
      <c r="H1621">
        <v>0</v>
      </c>
      <c r="I1621">
        <v>0</v>
      </c>
      <c r="J1621">
        <v>600</v>
      </c>
      <c r="K1621">
        <v>0</v>
      </c>
      <c r="L1621">
        <v>0</v>
      </c>
      <c r="M1621">
        <v>1942</v>
      </c>
      <c r="N1621">
        <v>0</v>
      </c>
      <c r="O1621">
        <v>0</v>
      </c>
      <c r="P1621">
        <v>-11340</v>
      </c>
      <c r="Q1621">
        <v>0</v>
      </c>
      <c r="R1621">
        <v>14882</v>
      </c>
      <c r="S1621">
        <v>0</v>
      </c>
      <c r="T1621">
        <v>0</v>
      </c>
      <c r="U1621">
        <v>0</v>
      </c>
      <c r="V1621">
        <v>0</v>
      </c>
      <c r="W1621">
        <v>4</v>
      </c>
      <c r="X1621">
        <v>0</v>
      </c>
      <c r="Y1621">
        <v>75</v>
      </c>
      <c r="Z1621">
        <v>33</v>
      </c>
      <c r="AA1621">
        <v>146</v>
      </c>
      <c r="AB1621">
        <v>11</v>
      </c>
      <c r="AC1621">
        <v>207</v>
      </c>
      <c r="AD1621">
        <v>68</v>
      </c>
      <c r="AE1621">
        <v>71</v>
      </c>
      <c r="AF1621">
        <v>0</v>
      </c>
      <c r="AG1621">
        <v>129131</v>
      </c>
      <c r="AH1621">
        <v>50000</v>
      </c>
      <c r="AI1621">
        <v>0</v>
      </c>
      <c r="AJ1621">
        <v>100</v>
      </c>
      <c r="AK1621" t="s">
        <v>0</v>
      </c>
      <c r="AL1621">
        <v>0</v>
      </c>
      <c r="AM1621">
        <v>0</v>
      </c>
      <c r="AN1621">
        <v>0</v>
      </c>
      <c r="AO1621">
        <v>0</v>
      </c>
      <c r="AP1621">
        <v>0</v>
      </c>
      <c r="AQ1621">
        <v>0</v>
      </c>
      <c r="AR1621">
        <v>0</v>
      </c>
      <c r="AS1621">
        <v>0</v>
      </c>
      <c r="AT1621">
        <v>0</v>
      </c>
      <c r="AU1621">
        <v>0</v>
      </c>
      <c r="AV1621">
        <v>0</v>
      </c>
      <c r="AW1621">
        <v>0</v>
      </c>
      <c r="AX1621">
        <v>9180</v>
      </c>
      <c r="AY1621">
        <v>7</v>
      </c>
      <c r="AZ1621">
        <v>25</v>
      </c>
      <c r="BA1621">
        <v>1892</v>
      </c>
    </row>
    <row r="1622" spans="1:53" x14ac:dyDescent="0.4">
      <c r="A1622">
        <v>1666</v>
      </c>
      <c r="B1622" s="1">
        <v>43340</v>
      </c>
      <c r="C1622">
        <v>1</v>
      </c>
      <c r="D1622" s="1">
        <v>43340.291666666664</v>
      </c>
      <c r="E1622" s="1">
        <v>43340.413888888892</v>
      </c>
      <c r="F1622">
        <v>0</v>
      </c>
      <c r="G1622">
        <v>0</v>
      </c>
      <c r="H1622">
        <v>0</v>
      </c>
      <c r="I1622">
        <v>0</v>
      </c>
      <c r="J1622">
        <v>0</v>
      </c>
      <c r="K1622">
        <v>0</v>
      </c>
      <c r="L1622">
        <v>0</v>
      </c>
      <c r="M1622">
        <v>0</v>
      </c>
      <c r="N1622">
        <v>0</v>
      </c>
      <c r="O1622">
        <v>0</v>
      </c>
      <c r="P1622">
        <v>0</v>
      </c>
      <c r="Q1622">
        <v>0</v>
      </c>
      <c r="R1622">
        <v>0</v>
      </c>
      <c r="S1622">
        <v>0</v>
      </c>
      <c r="T1622">
        <v>0</v>
      </c>
      <c r="U1622">
        <v>0</v>
      </c>
      <c r="V1622">
        <v>0</v>
      </c>
      <c r="W1622">
        <v>0</v>
      </c>
      <c r="X1622">
        <v>0</v>
      </c>
      <c r="Y1622">
        <v>28</v>
      </c>
      <c r="Z1622">
        <v>12</v>
      </c>
      <c r="AA1622">
        <v>141</v>
      </c>
      <c r="AB1622">
        <v>9</v>
      </c>
      <c r="AC1622">
        <v>106</v>
      </c>
      <c r="AD1622">
        <v>65</v>
      </c>
      <c r="AE1622">
        <v>65</v>
      </c>
      <c r="AF1622">
        <v>0</v>
      </c>
      <c r="AG1622">
        <v>50000</v>
      </c>
      <c r="AH1622">
        <v>0</v>
      </c>
      <c r="AI1622">
        <v>50000</v>
      </c>
      <c r="AJ1622">
        <v>0</v>
      </c>
      <c r="AK1622" t="s">
        <v>6</v>
      </c>
      <c r="AL1622">
        <v>0</v>
      </c>
      <c r="AM1622">
        <v>0</v>
      </c>
      <c r="AN1622">
        <v>0</v>
      </c>
      <c r="AO1622">
        <v>0</v>
      </c>
      <c r="AP1622">
        <v>0</v>
      </c>
      <c r="AQ1622">
        <v>0</v>
      </c>
      <c r="AR1622">
        <v>0</v>
      </c>
      <c r="AS1622">
        <v>0</v>
      </c>
      <c r="AT1622">
        <v>0</v>
      </c>
      <c r="AU1622">
        <v>0</v>
      </c>
      <c r="AV1622">
        <v>0</v>
      </c>
      <c r="AW1622">
        <v>0</v>
      </c>
      <c r="AX1622">
        <v>0</v>
      </c>
      <c r="AY1622">
        <v>0</v>
      </c>
      <c r="AZ1622">
        <v>0</v>
      </c>
      <c r="BA1622">
        <v>0</v>
      </c>
    </row>
    <row r="1623" spans="1:53" x14ac:dyDescent="0.4">
      <c r="A1623">
        <v>1667</v>
      </c>
      <c r="B1623" s="1">
        <v>43340</v>
      </c>
      <c r="C1623">
        <v>2</v>
      </c>
      <c r="D1623" s="1">
        <v>43340.413888888892</v>
      </c>
      <c r="E1623" s="1">
        <v>43340.731944444444</v>
      </c>
      <c r="F1623">
        <v>39500</v>
      </c>
      <c r="G1623">
        <v>2540</v>
      </c>
      <c r="H1623">
        <v>0</v>
      </c>
      <c r="I1623">
        <v>0</v>
      </c>
      <c r="J1623">
        <v>0</v>
      </c>
      <c r="K1623">
        <v>0</v>
      </c>
      <c r="L1623">
        <v>0</v>
      </c>
      <c r="M1623">
        <v>3362</v>
      </c>
      <c r="N1623">
        <v>0</v>
      </c>
      <c r="O1623">
        <v>0</v>
      </c>
      <c r="P1623">
        <v>18900</v>
      </c>
      <c r="Q1623">
        <v>0</v>
      </c>
      <c r="R1623">
        <v>64302</v>
      </c>
      <c r="S1623">
        <v>0</v>
      </c>
      <c r="T1623">
        <v>0</v>
      </c>
      <c r="U1623">
        <v>0</v>
      </c>
      <c r="V1623">
        <v>2</v>
      </c>
      <c r="W1623">
        <v>1</v>
      </c>
      <c r="X1623">
        <v>0</v>
      </c>
      <c r="Y1623">
        <v>52</v>
      </c>
      <c r="Z1623">
        <v>36</v>
      </c>
      <c r="AA1623">
        <v>161</v>
      </c>
      <c r="AB1623">
        <v>20</v>
      </c>
      <c r="AC1623">
        <v>177</v>
      </c>
      <c r="AD1623">
        <v>69</v>
      </c>
      <c r="AE1623">
        <v>87</v>
      </c>
      <c r="AF1623">
        <v>0</v>
      </c>
      <c r="AG1623">
        <v>114302</v>
      </c>
      <c r="AH1623">
        <v>50000</v>
      </c>
      <c r="AI1623">
        <v>0</v>
      </c>
      <c r="AJ1623">
        <v>90</v>
      </c>
      <c r="AK1623" t="s">
        <v>24</v>
      </c>
      <c r="AL1623">
        <v>0</v>
      </c>
      <c r="AM1623">
        <v>0</v>
      </c>
      <c r="AN1623">
        <v>0</v>
      </c>
      <c r="AO1623">
        <v>0</v>
      </c>
      <c r="AP1623">
        <v>0</v>
      </c>
      <c r="AQ1623">
        <v>0</v>
      </c>
      <c r="AR1623">
        <v>0</v>
      </c>
      <c r="AS1623">
        <v>0</v>
      </c>
      <c r="AT1623">
        <v>0</v>
      </c>
      <c r="AU1623">
        <v>0</v>
      </c>
      <c r="AV1623">
        <v>0</v>
      </c>
      <c r="AW1623">
        <v>0</v>
      </c>
      <c r="AX1623">
        <v>-1080</v>
      </c>
      <c r="AY1623">
        <v>48</v>
      </c>
      <c r="AZ1623">
        <v>101</v>
      </c>
      <c r="BA1623">
        <v>7500</v>
      </c>
    </row>
    <row r="1624" spans="1:53" x14ac:dyDescent="0.4">
      <c r="A1624">
        <v>1668</v>
      </c>
      <c r="B1624" s="1">
        <v>43340</v>
      </c>
      <c r="C1624">
        <v>3</v>
      </c>
      <c r="D1624" s="1">
        <v>43340.731944444444</v>
      </c>
      <c r="E1624" s="1">
        <v>43340.956250000003</v>
      </c>
      <c r="F1624">
        <v>27900</v>
      </c>
      <c r="G1624">
        <v>680</v>
      </c>
      <c r="H1624">
        <v>400</v>
      </c>
      <c r="I1624">
        <v>0</v>
      </c>
      <c r="J1624">
        <v>0</v>
      </c>
      <c r="K1624">
        <v>0</v>
      </c>
      <c r="L1624">
        <v>0</v>
      </c>
      <c r="M1624">
        <v>2318</v>
      </c>
      <c r="N1624">
        <v>0</v>
      </c>
      <c r="O1624">
        <v>0</v>
      </c>
      <c r="P1624">
        <v>-12420</v>
      </c>
      <c r="Q1624">
        <v>0</v>
      </c>
      <c r="R1624">
        <v>18878</v>
      </c>
      <c r="S1624">
        <v>0</v>
      </c>
      <c r="T1624">
        <v>0</v>
      </c>
      <c r="U1624">
        <v>0</v>
      </c>
      <c r="V1624">
        <v>4</v>
      </c>
      <c r="W1624">
        <v>0</v>
      </c>
      <c r="X1624">
        <v>0</v>
      </c>
      <c r="Y1624">
        <v>56</v>
      </c>
      <c r="Z1624">
        <v>35</v>
      </c>
      <c r="AA1624">
        <v>164</v>
      </c>
      <c r="AB1624">
        <v>20</v>
      </c>
      <c r="AC1624">
        <v>184</v>
      </c>
      <c r="AD1624">
        <v>70</v>
      </c>
      <c r="AE1624">
        <v>90</v>
      </c>
      <c r="AF1624">
        <v>0</v>
      </c>
      <c r="AG1624">
        <v>133180</v>
      </c>
      <c r="AH1624">
        <v>50000</v>
      </c>
      <c r="AI1624">
        <v>0</v>
      </c>
      <c r="AJ1624">
        <v>29</v>
      </c>
      <c r="AK1624" t="s">
        <v>28</v>
      </c>
      <c r="AL1624">
        <v>0</v>
      </c>
      <c r="AM1624">
        <v>0</v>
      </c>
      <c r="AN1624">
        <v>0</v>
      </c>
      <c r="AO1624">
        <v>0</v>
      </c>
      <c r="AP1624">
        <v>0</v>
      </c>
      <c r="AQ1624">
        <v>0</v>
      </c>
      <c r="AR1624">
        <v>0</v>
      </c>
      <c r="AS1624">
        <v>0</v>
      </c>
      <c r="AT1624">
        <v>0</v>
      </c>
      <c r="AU1624">
        <v>0</v>
      </c>
      <c r="AV1624">
        <v>0</v>
      </c>
      <c r="AW1624">
        <v>0</v>
      </c>
      <c r="AX1624">
        <v>4828</v>
      </c>
      <c r="AY1624">
        <v>4</v>
      </c>
      <c r="AZ1624">
        <v>14</v>
      </c>
      <c r="BA1624">
        <v>2009</v>
      </c>
    </row>
    <row r="1625" spans="1:53" x14ac:dyDescent="0.4">
      <c r="A1625">
        <v>1669</v>
      </c>
      <c r="B1625" s="1">
        <v>43341</v>
      </c>
      <c r="C1625">
        <v>1</v>
      </c>
      <c r="D1625" s="1">
        <v>43341.291666666664</v>
      </c>
      <c r="E1625" s="1">
        <v>43341.40902777778</v>
      </c>
      <c r="F1625">
        <v>0</v>
      </c>
      <c r="G1625">
        <v>0</v>
      </c>
      <c r="H1625">
        <v>0</v>
      </c>
      <c r="I1625">
        <v>0</v>
      </c>
      <c r="J1625">
        <v>0</v>
      </c>
      <c r="K1625">
        <v>0</v>
      </c>
      <c r="L1625">
        <v>0</v>
      </c>
      <c r="M1625">
        <v>0</v>
      </c>
      <c r="N1625">
        <v>0</v>
      </c>
      <c r="O1625">
        <v>0</v>
      </c>
      <c r="P1625">
        <v>0</v>
      </c>
      <c r="Q1625">
        <v>0</v>
      </c>
      <c r="R1625">
        <v>0</v>
      </c>
      <c r="S1625">
        <v>0</v>
      </c>
      <c r="T1625">
        <v>0</v>
      </c>
      <c r="U1625">
        <v>0</v>
      </c>
      <c r="V1625">
        <v>0</v>
      </c>
      <c r="W1625">
        <v>0</v>
      </c>
      <c r="X1625">
        <v>0</v>
      </c>
      <c r="Y1625">
        <v>29</v>
      </c>
      <c r="Z1625">
        <v>14</v>
      </c>
      <c r="AA1625">
        <v>111</v>
      </c>
      <c r="AB1625">
        <v>22</v>
      </c>
      <c r="AC1625">
        <v>138</v>
      </c>
      <c r="AD1625">
        <v>68</v>
      </c>
      <c r="AE1625">
        <v>80</v>
      </c>
      <c r="AF1625">
        <v>0</v>
      </c>
      <c r="AG1625">
        <v>50000</v>
      </c>
      <c r="AH1625">
        <v>0</v>
      </c>
      <c r="AI1625">
        <v>50000</v>
      </c>
      <c r="AJ1625">
        <v>0</v>
      </c>
      <c r="AK1625" t="s">
        <v>6</v>
      </c>
      <c r="AL1625">
        <v>0</v>
      </c>
      <c r="AM1625">
        <v>0</v>
      </c>
      <c r="AN1625">
        <v>0</v>
      </c>
      <c r="AO1625">
        <v>0</v>
      </c>
      <c r="AP1625">
        <v>0</v>
      </c>
      <c r="AQ1625">
        <v>0</v>
      </c>
      <c r="AR1625">
        <v>0</v>
      </c>
      <c r="AS1625">
        <v>0</v>
      </c>
      <c r="AT1625">
        <v>0</v>
      </c>
      <c r="AU1625">
        <v>0</v>
      </c>
      <c r="AV1625">
        <v>0</v>
      </c>
      <c r="AW1625">
        <v>0</v>
      </c>
      <c r="AX1625">
        <v>0</v>
      </c>
      <c r="AY1625">
        <v>0</v>
      </c>
      <c r="AZ1625">
        <v>0</v>
      </c>
      <c r="BA1625">
        <v>0</v>
      </c>
    </row>
    <row r="1626" spans="1:53" x14ac:dyDescent="0.4">
      <c r="A1626">
        <v>1670</v>
      </c>
      <c r="B1626" s="1">
        <v>43341</v>
      </c>
      <c r="C1626">
        <v>2</v>
      </c>
      <c r="D1626" s="1">
        <v>43341.40902777778</v>
      </c>
      <c r="E1626" s="1">
        <v>43341.738194444442</v>
      </c>
      <c r="F1626">
        <v>42500</v>
      </c>
      <c r="G1626">
        <v>3180</v>
      </c>
      <c r="H1626">
        <v>0</v>
      </c>
      <c r="I1626">
        <v>0</v>
      </c>
      <c r="J1626">
        <v>0</v>
      </c>
      <c r="K1626">
        <v>0</v>
      </c>
      <c r="L1626">
        <v>0</v>
      </c>
      <c r="M1626">
        <v>3654</v>
      </c>
      <c r="N1626">
        <v>0</v>
      </c>
      <c r="O1626">
        <v>0</v>
      </c>
      <c r="P1626">
        <v>12690</v>
      </c>
      <c r="Q1626">
        <v>0</v>
      </c>
      <c r="R1626">
        <v>62024</v>
      </c>
      <c r="S1626">
        <v>0</v>
      </c>
      <c r="T1626">
        <v>0</v>
      </c>
      <c r="U1626">
        <v>0</v>
      </c>
      <c r="V1626">
        <v>2</v>
      </c>
      <c r="W1626">
        <v>3</v>
      </c>
      <c r="X1626">
        <v>0</v>
      </c>
      <c r="Y1626">
        <v>41</v>
      </c>
      <c r="Z1626">
        <v>37</v>
      </c>
      <c r="AA1626">
        <v>123</v>
      </c>
      <c r="AB1626">
        <v>29</v>
      </c>
      <c r="AC1626">
        <v>251</v>
      </c>
      <c r="AD1626">
        <v>75</v>
      </c>
      <c r="AE1626">
        <v>79</v>
      </c>
      <c r="AF1626">
        <v>810</v>
      </c>
      <c r="AG1626">
        <v>112024</v>
      </c>
      <c r="AH1626">
        <v>50000</v>
      </c>
      <c r="AI1626">
        <v>0</v>
      </c>
      <c r="AJ1626">
        <v>96</v>
      </c>
      <c r="AK1626" t="s">
        <v>4</v>
      </c>
      <c r="AL1626">
        <v>0</v>
      </c>
      <c r="AM1626">
        <v>0</v>
      </c>
      <c r="AN1626">
        <v>0</v>
      </c>
      <c r="AO1626">
        <v>0</v>
      </c>
      <c r="AP1626">
        <v>0</v>
      </c>
      <c r="AQ1626">
        <v>0</v>
      </c>
      <c r="AR1626">
        <v>0</v>
      </c>
      <c r="AS1626">
        <v>0</v>
      </c>
      <c r="AT1626">
        <v>0</v>
      </c>
      <c r="AU1626">
        <v>0</v>
      </c>
      <c r="AV1626">
        <v>0</v>
      </c>
      <c r="AW1626">
        <v>0</v>
      </c>
      <c r="AX1626">
        <v>-1620</v>
      </c>
      <c r="AY1626">
        <v>49</v>
      </c>
      <c r="AZ1626">
        <v>101</v>
      </c>
      <c r="BA1626">
        <v>7736</v>
      </c>
    </row>
    <row r="1627" spans="1:53" x14ac:dyDescent="0.4">
      <c r="A1627">
        <v>1671</v>
      </c>
      <c r="B1627" s="1">
        <v>43341</v>
      </c>
      <c r="C1627">
        <v>3</v>
      </c>
      <c r="D1627" s="1">
        <v>43341.738194444442</v>
      </c>
      <c r="E1627" s="1">
        <v>43341.956944444442</v>
      </c>
      <c r="F1627">
        <v>75085</v>
      </c>
      <c r="G1627">
        <v>1420</v>
      </c>
      <c r="H1627">
        <v>0</v>
      </c>
      <c r="I1627">
        <v>0</v>
      </c>
      <c r="J1627">
        <v>0</v>
      </c>
      <c r="K1627">
        <v>0</v>
      </c>
      <c r="L1627">
        <v>0</v>
      </c>
      <c r="M1627">
        <v>6121</v>
      </c>
      <c r="N1627">
        <v>0</v>
      </c>
      <c r="O1627">
        <v>0</v>
      </c>
      <c r="P1627">
        <v>-10962</v>
      </c>
      <c r="Q1627">
        <v>0</v>
      </c>
      <c r="R1627">
        <v>71664</v>
      </c>
      <c r="S1627">
        <v>0</v>
      </c>
      <c r="T1627">
        <v>0</v>
      </c>
      <c r="U1627">
        <v>0</v>
      </c>
      <c r="V1627">
        <v>8</v>
      </c>
      <c r="W1627">
        <v>2</v>
      </c>
      <c r="X1627">
        <v>0</v>
      </c>
      <c r="Y1627">
        <v>59</v>
      </c>
      <c r="Z1627">
        <v>36</v>
      </c>
      <c r="AA1627">
        <v>116</v>
      </c>
      <c r="AB1627">
        <v>27</v>
      </c>
      <c r="AC1627">
        <v>248</v>
      </c>
      <c r="AD1627">
        <v>75</v>
      </c>
      <c r="AE1627">
        <v>73</v>
      </c>
      <c r="AF1627">
        <v>810</v>
      </c>
      <c r="AG1627">
        <v>183688</v>
      </c>
      <c r="AH1627">
        <v>50000</v>
      </c>
      <c r="AI1627">
        <v>0</v>
      </c>
      <c r="AJ1627">
        <v>100</v>
      </c>
      <c r="AK1627" t="s">
        <v>0</v>
      </c>
      <c r="AL1627">
        <v>0</v>
      </c>
      <c r="AM1627">
        <v>0</v>
      </c>
      <c r="AN1627">
        <v>0</v>
      </c>
      <c r="AO1627">
        <v>0</v>
      </c>
      <c r="AP1627">
        <v>0</v>
      </c>
      <c r="AQ1627">
        <v>0</v>
      </c>
      <c r="AR1627">
        <v>0</v>
      </c>
      <c r="AS1627">
        <v>0</v>
      </c>
      <c r="AT1627">
        <v>0</v>
      </c>
      <c r="AU1627">
        <v>0</v>
      </c>
      <c r="AV1627">
        <v>0</v>
      </c>
      <c r="AW1627">
        <v>0</v>
      </c>
      <c r="AX1627">
        <v>11214</v>
      </c>
      <c r="AY1627">
        <v>12</v>
      </c>
      <c r="AZ1627">
        <v>56</v>
      </c>
      <c r="BA1627">
        <v>2399</v>
      </c>
    </row>
    <row r="1628" spans="1:53" x14ac:dyDescent="0.4">
      <c r="A1628">
        <v>1672</v>
      </c>
      <c r="B1628" s="1">
        <v>43341</v>
      </c>
      <c r="C1628">
        <v>4</v>
      </c>
      <c r="D1628" s="1">
        <v>43341.956944444442</v>
      </c>
      <c r="E1628" s="1">
        <v>43342.090277777781</v>
      </c>
      <c r="F1628">
        <v>31720</v>
      </c>
      <c r="G1628">
        <v>4040</v>
      </c>
      <c r="H1628">
        <v>0</v>
      </c>
      <c r="I1628">
        <v>0</v>
      </c>
      <c r="J1628">
        <v>0</v>
      </c>
      <c r="K1628">
        <v>0</v>
      </c>
      <c r="L1628">
        <v>0</v>
      </c>
      <c r="M1628">
        <v>2861</v>
      </c>
      <c r="N1628">
        <v>0</v>
      </c>
      <c r="O1628">
        <v>0</v>
      </c>
      <c r="P1628">
        <v>11016</v>
      </c>
      <c r="Q1628">
        <v>0</v>
      </c>
      <c r="R1628">
        <v>49637</v>
      </c>
      <c r="S1628">
        <v>0</v>
      </c>
      <c r="T1628">
        <v>0</v>
      </c>
      <c r="U1628">
        <v>0</v>
      </c>
      <c r="V1628">
        <v>12</v>
      </c>
      <c r="W1628">
        <v>2</v>
      </c>
      <c r="X1628">
        <v>0</v>
      </c>
      <c r="Y1628">
        <v>62</v>
      </c>
      <c r="Z1628">
        <v>38</v>
      </c>
      <c r="AA1628">
        <v>118</v>
      </c>
      <c r="AB1628">
        <v>27</v>
      </c>
      <c r="AC1628">
        <v>241</v>
      </c>
      <c r="AD1628">
        <v>75</v>
      </c>
      <c r="AE1628">
        <v>72</v>
      </c>
      <c r="AF1628">
        <v>6318</v>
      </c>
      <c r="AG1628">
        <v>233325</v>
      </c>
      <c r="AH1628">
        <v>50000</v>
      </c>
      <c r="AI1628">
        <v>0</v>
      </c>
      <c r="AJ1628">
        <v>100</v>
      </c>
      <c r="AK1628" t="s">
        <v>0</v>
      </c>
      <c r="AL1628">
        <v>0</v>
      </c>
      <c r="AM1628">
        <v>0</v>
      </c>
      <c r="AN1628">
        <v>0</v>
      </c>
      <c r="AO1628">
        <v>0</v>
      </c>
      <c r="AP1628">
        <v>0</v>
      </c>
      <c r="AQ1628">
        <v>0</v>
      </c>
      <c r="AR1628">
        <v>0</v>
      </c>
      <c r="AS1628">
        <v>0</v>
      </c>
      <c r="AT1628">
        <v>0</v>
      </c>
      <c r="AU1628">
        <v>0</v>
      </c>
      <c r="AV1628">
        <v>0</v>
      </c>
      <c r="AW1628">
        <v>0</v>
      </c>
      <c r="AX1628">
        <v>0</v>
      </c>
      <c r="AY1628">
        <v>5</v>
      </c>
      <c r="AZ1628">
        <v>10</v>
      </c>
      <c r="BA1628">
        <v>942</v>
      </c>
    </row>
    <row r="1629" spans="1:53" x14ac:dyDescent="0.4">
      <c r="A1629">
        <v>1673</v>
      </c>
      <c r="B1629" s="1">
        <v>43342</v>
      </c>
      <c r="C1629">
        <v>1</v>
      </c>
      <c r="D1629" s="1">
        <v>43342.291666666664</v>
      </c>
      <c r="E1629" s="1">
        <v>43342.405555555553</v>
      </c>
      <c r="F1629">
        <v>0</v>
      </c>
      <c r="G1629">
        <v>0</v>
      </c>
      <c r="H1629">
        <v>0</v>
      </c>
      <c r="I1629">
        <v>0</v>
      </c>
      <c r="J1629">
        <v>0</v>
      </c>
      <c r="K1629">
        <v>0</v>
      </c>
      <c r="L1629">
        <v>0</v>
      </c>
      <c r="M1629">
        <v>0</v>
      </c>
      <c r="N1629">
        <v>0</v>
      </c>
      <c r="O1629">
        <v>0</v>
      </c>
      <c r="P1629">
        <v>0</v>
      </c>
      <c r="Q1629">
        <v>0</v>
      </c>
      <c r="R1629">
        <v>0</v>
      </c>
      <c r="S1629">
        <v>0</v>
      </c>
      <c r="T1629">
        <v>0</v>
      </c>
      <c r="U1629">
        <v>0</v>
      </c>
      <c r="V1629">
        <v>0</v>
      </c>
      <c r="W1629">
        <v>0</v>
      </c>
      <c r="X1629">
        <v>0</v>
      </c>
      <c r="Y1629">
        <v>27</v>
      </c>
      <c r="Z1629">
        <v>16</v>
      </c>
      <c r="AA1629">
        <v>121</v>
      </c>
      <c r="AB1629">
        <v>26</v>
      </c>
      <c r="AC1629">
        <v>117</v>
      </c>
      <c r="AD1629">
        <v>73</v>
      </c>
      <c r="AE1629">
        <v>65</v>
      </c>
      <c r="AF1629">
        <v>0</v>
      </c>
      <c r="AG1629">
        <v>50000</v>
      </c>
      <c r="AH1629">
        <v>0</v>
      </c>
      <c r="AI1629">
        <v>50000</v>
      </c>
      <c r="AJ1629">
        <v>0</v>
      </c>
      <c r="AK1629" t="s">
        <v>6</v>
      </c>
      <c r="AL1629">
        <v>0</v>
      </c>
      <c r="AM1629">
        <v>0</v>
      </c>
      <c r="AN1629">
        <v>0</v>
      </c>
      <c r="AO1629">
        <v>0</v>
      </c>
      <c r="AP1629">
        <v>0</v>
      </c>
      <c r="AQ1629">
        <v>0</v>
      </c>
      <c r="AR1629">
        <v>0</v>
      </c>
      <c r="AS1629">
        <v>0</v>
      </c>
      <c r="AT1629">
        <v>0</v>
      </c>
      <c r="AU1629">
        <v>0</v>
      </c>
      <c r="AV1629">
        <v>0</v>
      </c>
      <c r="AW1629">
        <v>0</v>
      </c>
      <c r="AX1629">
        <v>0</v>
      </c>
      <c r="AY1629">
        <v>0</v>
      </c>
      <c r="AZ1629">
        <v>0</v>
      </c>
      <c r="BA1629">
        <v>0</v>
      </c>
    </row>
    <row r="1630" spans="1:53" x14ac:dyDescent="0.4">
      <c r="A1630">
        <v>1674</v>
      </c>
      <c r="B1630" s="1">
        <v>43342</v>
      </c>
      <c r="C1630">
        <v>2</v>
      </c>
      <c r="D1630" s="1">
        <v>43342.405555555553</v>
      </c>
      <c r="E1630" s="1">
        <v>43342.73541666667</v>
      </c>
      <c r="F1630">
        <v>37500</v>
      </c>
      <c r="G1630">
        <v>1260</v>
      </c>
      <c r="H1630">
        <v>0</v>
      </c>
      <c r="I1630">
        <v>0</v>
      </c>
      <c r="J1630">
        <v>0</v>
      </c>
      <c r="K1630">
        <v>0</v>
      </c>
      <c r="L1630">
        <v>0</v>
      </c>
      <c r="M1630">
        <v>3100</v>
      </c>
      <c r="N1630">
        <v>0</v>
      </c>
      <c r="O1630">
        <v>0</v>
      </c>
      <c r="P1630">
        <v>17550</v>
      </c>
      <c r="Q1630">
        <v>0</v>
      </c>
      <c r="R1630">
        <v>59410</v>
      </c>
      <c r="S1630">
        <v>0</v>
      </c>
      <c r="T1630">
        <v>0</v>
      </c>
      <c r="U1630">
        <v>0</v>
      </c>
      <c r="V1630">
        <v>2</v>
      </c>
      <c r="W1630">
        <v>1</v>
      </c>
      <c r="X1630">
        <v>0</v>
      </c>
      <c r="Y1630">
        <v>46</v>
      </c>
      <c r="Z1630">
        <v>34</v>
      </c>
      <c r="AA1630">
        <v>137</v>
      </c>
      <c r="AB1630">
        <v>31</v>
      </c>
      <c r="AC1630">
        <v>228</v>
      </c>
      <c r="AD1630">
        <v>75</v>
      </c>
      <c r="AE1630">
        <v>65</v>
      </c>
      <c r="AF1630">
        <v>3450</v>
      </c>
      <c r="AG1630">
        <v>109420</v>
      </c>
      <c r="AH1630">
        <v>50000</v>
      </c>
      <c r="AI1630">
        <v>10</v>
      </c>
      <c r="AJ1630">
        <v>96</v>
      </c>
      <c r="AK1630" t="s">
        <v>4</v>
      </c>
      <c r="AL1630">
        <v>0</v>
      </c>
      <c r="AM1630">
        <v>0</v>
      </c>
      <c r="AN1630">
        <v>0</v>
      </c>
      <c r="AO1630">
        <v>0</v>
      </c>
      <c r="AP1630">
        <v>0</v>
      </c>
      <c r="AQ1630">
        <v>0</v>
      </c>
      <c r="AR1630">
        <v>0</v>
      </c>
      <c r="AS1630">
        <v>0</v>
      </c>
      <c r="AT1630">
        <v>0</v>
      </c>
      <c r="AU1630">
        <v>0</v>
      </c>
      <c r="AV1630">
        <v>0</v>
      </c>
      <c r="AW1630">
        <v>0</v>
      </c>
      <c r="AX1630">
        <v>1684</v>
      </c>
      <c r="AY1630">
        <v>46</v>
      </c>
      <c r="AZ1630">
        <v>102</v>
      </c>
      <c r="BA1630">
        <v>7422</v>
      </c>
    </row>
    <row r="1631" spans="1:53" x14ac:dyDescent="0.4">
      <c r="A1631">
        <v>1675</v>
      </c>
      <c r="B1631" s="1">
        <v>43342</v>
      </c>
      <c r="C1631">
        <v>3</v>
      </c>
      <c r="D1631" s="1">
        <v>43342.73541666667</v>
      </c>
      <c r="E1631" s="1">
        <v>43342.945833333331</v>
      </c>
      <c r="F1631">
        <v>28300</v>
      </c>
      <c r="G1631">
        <v>2060</v>
      </c>
      <c r="H1631">
        <v>0</v>
      </c>
      <c r="I1631">
        <v>0</v>
      </c>
      <c r="J1631">
        <v>0</v>
      </c>
      <c r="K1631">
        <v>0</v>
      </c>
      <c r="L1631">
        <v>0</v>
      </c>
      <c r="M1631">
        <v>2428</v>
      </c>
      <c r="N1631">
        <v>0</v>
      </c>
      <c r="O1631">
        <v>0</v>
      </c>
      <c r="P1631">
        <v>-14958</v>
      </c>
      <c r="Q1631">
        <v>0</v>
      </c>
      <c r="R1631">
        <v>17830</v>
      </c>
      <c r="S1631">
        <v>0</v>
      </c>
      <c r="T1631">
        <v>0</v>
      </c>
      <c r="U1631">
        <v>0</v>
      </c>
      <c r="V1631">
        <v>2</v>
      </c>
      <c r="W1631">
        <v>2</v>
      </c>
      <c r="X1631">
        <v>0</v>
      </c>
      <c r="Y1631">
        <v>57</v>
      </c>
      <c r="Z1631">
        <v>36</v>
      </c>
      <c r="AA1631">
        <v>139</v>
      </c>
      <c r="AB1631">
        <v>32</v>
      </c>
      <c r="AC1631">
        <v>231</v>
      </c>
      <c r="AD1631">
        <v>75</v>
      </c>
      <c r="AE1631">
        <v>65</v>
      </c>
      <c r="AF1631">
        <v>3990</v>
      </c>
      <c r="AG1631">
        <v>127240</v>
      </c>
      <c r="AH1631">
        <v>50000</v>
      </c>
      <c r="AI1631">
        <v>0</v>
      </c>
      <c r="AJ1631">
        <v>108</v>
      </c>
      <c r="AK1631" t="s">
        <v>30</v>
      </c>
      <c r="AL1631">
        <v>0</v>
      </c>
      <c r="AM1631">
        <v>0</v>
      </c>
      <c r="AN1631">
        <v>0</v>
      </c>
      <c r="AO1631">
        <v>0</v>
      </c>
      <c r="AP1631">
        <v>0</v>
      </c>
      <c r="AQ1631">
        <v>0</v>
      </c>
      <c r="AR1631">
        <v>0</v>
      </c>
      <c r="AS1631">
        <v>0</v>
      </c>
      <c r="AT1631">
        <v>0</v>
      </c>
      <c r="AU1631">
        <v>0</v>
      </c>
      <c r="AV1631">
        <v>0</v>
      </c>
      <c r="AW1631">
        <v>0</v>
      </c>
      <c r="AX1631">
        <v>2700</v>
      </c>
      <c r="AY1631">
        <v>11</v>
      </c>
      <c r="AZ1631">
        <v>20</v>
      </c>
      <c r="BA1631">
        <v>2619</v>
      </c>
    </row>
    <row r="1632" spans="1:53" x14ac:dyDescent="0.4">
      <c r="A1632">
        <v>1676</v>
      </c>
      <c r="B1632" s="1">
        <v>43343</v>
      </c>
      <c r="C1632">
        <v>1</v>
      </c>
      <c r="D1632" s="1">
        <v>43343.291666666664</v>
      </c>
      <c r="E1632" s="1">
        <v>43343.40625</v>
      </c>
      <c r="F1632">
        <v>0</v>
      </c>
      <c r="G1632">
        <v>0</v>
      </c>
      <c r="H1632">
        <v>0</v>
      </c>
      <c r="I1632">
        <v>0</v>
      </c>
      <c r="J1632">
        <v>0</v>
      </c>
      <c r="K1632">
        <v>0</v>
      </c>
      <c r="L1632">
        <v>0</v>
      </c>
      <c r="M1632">
        <v>0</v>
      </c>
      <c r="N1632">
        <v>0</v>
      </c>
      <c r="O1632">
        <v>0</v>
      </c>
      <c r="P1632">
        <v>0</v>
      </c>
      <c r="Q1632">
        <v>0</v>
      </c>
      <c r="R1632">
        <v>0</v>
      </c>
      <c r="S1632">
        <v>0</v>
      </c>
      <c r="T1632">
        <v>0</v>
      </c>
      <c r="U1632">
        <v>0</v>
      </c>
      <c r="V1632">
        <v>0</v>
      </c>
      <c r="W1632">
        <v>0</v>
      </c>
      <c r="X1632">
        <v>0</v>
      </c>
      <c r="Y1632">
        <v>31</v>
      </c>
      <c r="Z1632">
        <v>10</v>
      </c>
      <c r="AA1632">
        <v>105</v>
      </c>
      <c r="AB1632">
        <v>35</v>
      </c>
      <c r="AC1632">
        <v>132</v>
      </c>
      <c r="AD1632">
        <v>74</v>
      </c>
      <c r="AE1632">
        <v>60</v>
      </c>
      <c r="AF1632">
        <v>0</v>
      </c>
      <c r="AG1632">
        <v>50000</v>
      </c>
      <c r="AH1632">
        <v>0</v>
      </c>
      <c r="AI1632">
        <v>50000</v>
      </c>
      <c r="AJ1632">
        <v>0</v>
      </c>
      <c r="AK1632" t="s">
        <v>6</v>
      </c>
      <c r="AL1632">
        <v>0</v>
      </c>
      <c r="AM1632">
        <v>0</v>
      </c>
      <c r="AN1632">
        <v>0</v>
      </c>
      <c r="AO1632">
        <v>0</v>
      </c>
      <c r="AP1632">
        <v>0</v>
      </c>
      <c r="AQ1632">
        <v>0</v>
      </c>
      <c r="AR1632">
        <v>0</v>
      </c>
      <c r="AS1632">
        <v>0</v>
      </c>
      <c r="AT1632">
        <v>0</v>
      </c>
      <c r="AU1632">
        <v>0</v>
      </c>
      <c r="AV1632">
        <v>0</v>
      </c>
      <c r="AW1632">
        <v>0</v>
      </c>
      <c r="AX1632">
        <v>0</v>
      </c>
      <c r="AY1632">
        <v>0</v>
      </c>
      <c r="AZ1632">
        <v>0</v>
      </c>
      <c r="BA1632">
        <v>0</v>
      </c>
    </row>
    <row r="1633" spans="1:53" x14ac:dyDescent="0.4">
      <c r="A1633">
        <v>1677</v>
      </c>
      <c r="B1633" s="1">
        <v>43343</v>
      </c>
      <c r="C1633">
        <v>2</v>
      </c>
      <c r="D1633" s="1">
        <v>43343.40625</v>
      </c>
      <c r="E1633" s="1">
        <v>43343.743750000001</v>
      </c>
      <c r="F1633">
        <v>42500</v>
      </c>
      <c r="G1633">
        <v>2800</v>
      </c>
      <c r="H1633">
        <v>0</v>
      </c>
      <c r="I1633">
        <v>0</v>
      </c>
      <c r="J1633">
        <v>0</v>
      </c>
      <c r="K1633">
        <v>0</v>
      </c>
      <c r="L1633">
        <v>0</v>
      </c>
      <c r="M1633">
        <v>3622</v>
      </c>
      <c r="N1633">
        <v>0</v>
      </c>
      <c r="O1633">
        <v>0</v>
      </c>
      <c r="P1633">
        <v>14234</v>
      </c>
      <c r="Q1633">
        <v>0</v>
      </c>
      <c r="R1633">
        <v>63156</v>
      </c>
      <c r="S1633">
        <v>0</v>
      </c>
      <c r="T1633">
        <v>0</v>
      </c>
      <c r="U1633">
        <v>0</v>
      </c>
      <c r="V1633">
        <v>0</v>
      </c>
      <c r="W1633">
        <v>3</v>
      </c>
      <c r="X1633">
        <v>0</v>
      </c>
      <c r="Y1633">
        <v>67</v>
      </c>
      <c r="Z1633">
        <v>24</v>
      </c>
      <c r="AA1633">
        <v>148</v>
      </c>
      <c r="AB1633">
        <v>38</v>
      </c>
      <c r="AC1633">
        <v>205</v>
      </c>
      <c r="AD1633">
        <v>70</v>
      </c>
      <c r="AE1633">
        <v>56</v>
      </c>
      <c r="AF1633">
        <v>0</v>
      </c>
      <c r="AG1633">
        <v>113156</v>
      </c>
      <c r="AH1633">
        <v>50000</v>
      </c>
      <c r="AI1633">
        <v>0</v>
      </c>
      <c r="AJ1633">
        <v>90</v>
      </c>
      <c r="AK1633" t="s">
        <v>24</v>
      </c>
      <c r="AL1633">
        <v>0</v>
      </c>
      <c r="AM1633">
        <v>0</v>
      </c>
      <c r="AN1633">
        <v>0</v>
      </c>
      <c r="AO1633">
        <v>0</v>
      </c>
      <c r="AP1633">
        <v>0</v>
      </c>
      <c r="AQ1633">
        <v>0</v>
      </c>
      <c r="AR1633">
        <v>0</v>
      </c>
      <c r="AS1633">
        <v>0</v>
      </c>
      <c r="AT1633">
        <v>0</v>
      </c>
      <c r="AU1633">
        <v>0</v>
      </c>
      <c r="AV1633">
        <v>0</v>
      </c>
      <c r="AW1633">
        <v>0</v>
      </c>
      <c r="AX1633">
        <v>0</v>
      </c>
      <c r="AY1633">
        <v>50</v>
      </c>
      <c r="AZ1633">
        <v>110</v>
      </c>
      <c r="BA1633">
        <v>7703</v>
      </c>
    </row>
    <row r="1634" spans="1:53" x14ac:dyDescent="0.4">
      <c r="A1634">
        <v>1678</v>
      </c>
      <c r="B1634" s="1">
        <v>43344</v>
      </c>
      <c r="C1634">
        <v>1</v>
      </c>
      <c r="D1634" s="1">
        <v>43344.291666666664</v>
      </c>
      <c r="E1634" s="1">
        <v>43344.387499999997</v>
      </c>
      <c r="F1634">
        <v>0</v>
      </c>
      <c r="G1634">
        <v>0</v>
      </c>
      <c r="H1634">
        <v>0</v>
      </c>
      <c r="I1634">
        <v>0</v>
      </c>
      <c r="J1634">
        <v>0</v>
      </c>
      <c r="K1634">
        <v>0</v>
      </c>
      <c r="L1634">
        <v>0</v>
      </c>
      <c r="M1634">
        <v>0</v>
      </c>
      <c r="N1634">
        <v>0</v>
      </c>
      <c r="O1634">
        <v>0</v>
      </c>
      <c r="P1634">
        <v>0</v>
      </c>
      <c r="Q1634">
        <v>0</v>
      </c>
      <c r="R1634">
        <v>0</v>
      </c>
      <c r="S1634">
        <v>0</v>
      </c>
      <c r="T1634">
        <v>0</v>
      </c>
      <c r="U1634">
        <v>0</v>
      </c>
      <c r="V1634">
        <v>0</v>
      </c>
      <c r="W1634">
        <v>0</v>
      </c>
      <c r="X1634">
        <v>0</v>
      </c>
      <c r="Y1634">
        <v>32</v>
      </c>
      <c r="Z1634">
        <v>13</v>
      </c>
      <c r="AA1634">
        <v>84</v>
      </c>
      <c r="AB1634">
        <v>30</v>
      </c>
      <c r="AC1634">
        <v>130</v>
      </c>
      <c r="AD1634">
        <v>58</v>
      </c>
      <c r="AE1634">
        <v>10</v>
      </c>
      <c r="AF1634">
        <v>0</v>
      </c>
      <c r="AG1634">
        <v>50000</v>
      </c>
      <c r="AH1634">
        <v>50000</v>
      </c>
      <c r="AI1634">
        <v>0</v>
      </c>
      <c r="AJ1634">
        <v>0</v>
      </c>
      <c r="AK1634" t="s">
        <v>6</v>
      </c>
      <c r="AL1634">
        <v>0</v>
      </c>
      <c r="AM1634">
        <v>0</v>
      </c>
      <c r="AN1634">
        <v>0</v>
      </c>
      <c r="AO1634">
        <v>0</v>
      </c>
      <c r="AP1634">
        <v>0</v>
      </c>
      <c r="AQ1634">
        <v>0</v>
      </c>
      <c r="AR1634">
        <v>0</v>
      </c>
      <c r="AS1634">
        <v>0</v>
      </c>
      <c r="AT1634">
        <v>0</v>
      </c>
      <c r="AU1634">
        <v>0</v>
      </c>
      <c r="AV1634">
        <v>0</v>
      </c>
      <c r="AW1634">
        <v>0</v>
      </c>
      <c r="AX1634">
        <v>0</v>
      </c>
      <c r="AY1634">
        <v>0</v>
      </c>
      <c r="AZ1634">
        <v>0</v>
      </c>
      <c r="BA1634">
        <v>0</v>
      </c>
    </row>
    <row r="1635" spans="1:53" x14ac:dyDescent="0.4">
      <c r="A1635">
        <v>1679</v>
      </c>
      <c r="B1635" s="1">
        <v>43344</v>
      </c>
      <c r="C1635">
        <v>2</v>
      </c>
      <c r="D1635" s="1">
        <v>43344.387499999997</v>
      </c>
      <c r="E1635" s="1">
        <v>43344.737500000003</v>
      </c>
      <c r="F1635">
        <v>38750</v>
      </c>
      <c r="G1635">
        <v>2360</v>
      </c>
      <c r="H1635">
        <v>200</v>
      </c>
      <c r="I1635">
        <v>0</v>
      </c>
      <c r="J1635">
        <v>0</v>
      </c>
      <c r="K1635">
        <v>0</v>
      </c>
      <c r="L1635">
        <v>0</v>
      </c>
      <c r="M1635">
        <v>3304</v>
      </c>
      <c r="N1635">
        <v>0</v>
      </c>
      <c r="O1635">
        <v>0</v>
      </c>
      <c r="P1635">
        <v>17820</v>
      </c>
      <c r="Q1635">
        <v>0</v>
      </c>
      <c r="R1635">
        <v>62434</v>
      </c>
      <c r="S1635">
        <v>0</v>
      </c>
      <c r="T1635">
        <v>0</v>
      </c>
      <c r="U1635">
        <v>0</v>
      </c>
      <c r="V1635">
        <v>0</v>
      </c>
      <c r="W1635">
        <v>3</v>
      </c>
      <c r="X1635">
        <v>0</v>
      </c>
      <c r="Y1635">
        <v>61</v>
      </c>
      <c r="Z1635">
        <v>31</v>
      </c>
      <c r="AA1635">
        <v>140</v>
      </c>
      <c r="AB1635">
        <v>37</v>
      </c>
      <c r="AC1635">
        <v>263</v>
      </c>
      <c r="AD1635">
        <v>61</v>
      </c>
      <c r="AE1635">
        <v>2</v>
      </c>
      <c r="AF1635">
        <v>2147</v>
      </c>
      <c r="AG1635">
        <v>112434</v>
      </c>
      <c r="AH1635">
        <v>50000</v>
      </c>
      <c r="AI1635">
        <v>0</v>
      </c>
      <c r="AJ1635">
        <v>92</v>
      </c>
      <c r="AK1635" t="s">
        <v>22</v>
      </c>
      <c r="AL1635">
        <v>0</v>
      </c>
      <c r="AM1635">
        <v>0</v>
      </c>
      <c r="AN1635">
        <v>0</v>
      </c>
      <c r="AO1635">
        <v>0</v>
      </c>
      <c r="AP1635">
        <v>0</v>
      </c>
      <c r="AQ1635">
        <v>0</v>
      </c>
      <c r="AR1635">
        <v>0</v>
      </c>
      <c r="AS1635">
        <v>0</v>
      </c>
      <c r="AT1635">
        <v>0</v>
      </c>
      <c r="AU1635">
        <v>0</v>
      </c>
      <c r="AV1635">
        <v>0</v>
      </c>
      <c r="AW1635">
        <v>0</v>
      </c>
      <c r="AX1635">
        <v>0</v>
      </c>
      <c r="AY1635">
        <v>48</v>
      </c>
      <c r="AZ1635">
        <v>108</v>
      </c>
      <c r="BA1635">
        <v>7384</v>
      </c>
    </row>
    <row r="1636" spans="1:53" x14ac:dyDescent="0.4">
      <c r="A1636">
        <v>1680</v>
      </c>
      <c r="B1636" s="1">
        <v>43345</v>
      </c>
      <c r="C1636">
        <v>1</v>
      </c>
      <c r="D1636" s="1">
        <v>43345.291666666664</v>
      </c>
      <c r="E1636" s="1">
        <v>43345.408333333333</v>
      </c>
      <c r="F1636">
        <v>0</v>
      </c>
      <c r="G1636">
        <v>0</v>
      </c>
      <c r="H1636">
        <v>0</v>
      </c>
      <c r="I1636">
        <v>0</v>
      </c>
      <c r="J1636">
        <v>0</v>
      </c>
      <c r="K1636">
        <v>0</v>
      </c>
      <c r="L1636">
        <v>0</v>
      </c>
      <c r="M1636">
        <v>0</v>
      </c>
      <c r="N1636">
        <v>0</v>
      </c>
      <c r="O1636">
        <v>0</v>
      </c>
      <c r="P1636">
        <v>0</v>
      </c>
      <c r="Q1636">
        <v>0</v>
      </c>
      <c r="R1636">
        <v>0</v>
      </c>
      <c r="S1636">
        <v>0</v>
      </c>
      <c r="T1636">
        <v>0</v>
      </c>
      <c r="U1636">
        <v>0</v>
      </c>
      <c r="V1636">
        <v>0</v>
      </c>
      <c r="W1636">
        <v>0</v>
      </c>
      <c r="X1636">
        <v>0</v>
      </c>
      <c r="Y1636">
        <v>28</v>
      </c>
      <c r="Z1636">
        <v>12</v>
      </c>
      <c r="AA1636">
        <v>127</v>
      </c>
      <c r="AB1636">
        <v>30</v>
      </c>
      <c r="AC1636">
        <v>145</v>
      </c>
      <c r="AD1636">
        <v>62</v>
      </c>
      <c r="AE1636">
        <v>40</v>
      </c>
      <c r="AF1636">
        <v>0</v>
      </c>
      <c r="AG1636">
        <v>50000</v>
      </c>
      <c r="AH1636">
        <v>0</v>
      </c>
      <c r="AI1636">
        <v>50000</v>
      </c>
      <c r="AJ1636">
        <v>0</v>
      </c>
      <c r="AK1636" t="s">
        <v>6</v>
      </c>
      <c r="AL1636">
        <v>0</v>
      </c>
      <c r="AM1636">
        <v>0</v>
      </c>
      <c r="AN1636">
        <v>0</v>
      </c>
      <c r="AO1636">
        <v>0</v>
      </c>
      <c r="AP1636">
        <v>0</v>
      </c>
      <c r="AQ1636">
        <v>0</v>
      </c>
      <c r="AR1636">
        <v>0</v>
      </c>
      <c r="AS1636">
        <v>0</v>
      </c>
      <c r="AT1636">
        <v>0</v>
      </c>
      <c r="AU1636">
        <v>0</v>
      </c>
      <c r="AV1636">
        <v>0</v>
      </c>
      <c r="AW1636">
        <v>0</v>
      </c>
      <c r="AX1636">
        <v>0</v>
      </c>
      <c r="AY1636">
        <v>0</v>
      </c>
      <c r="AZ1636">
        <v>0</v>
      </c>
      <c r="BA1636">
        <v>0</v>
      </c>
    </row>
    <row r="1637" spans="1:53" x14ac:dyDescent="0.4">
      <c r="A1637">
        <v>1681</v>
      </c>
      <c r="B1637" s="1">
        <v>43345</v>
      </c>
      <c r="C1637">
        <v>2</v>
      </c>
      <c r="D1637" s="1">
        <v>43345.408333333333</v>
      </c>
      <c r="E1637" s="1">
        <v>43345.740972222222</v>
      </c>
      <c r="F1637">
        <v>34750</v>
      </c>
      <c r="G1637">
        <v>4320</v>
      </c>
      <c r="H1637">
        <v>0</v>
      </c>
      <c r="I1637">
        <v>0</v>
      </c>
      <c r="J1637">
        <v>0</v>
      </c>
      <c r="K1637">
        <v>0</v>
      </c>
      <c r="L1637">
        <v>0</v>
      </c>
      <c r="M1637">
        <v>3124</v>
      </c>
      <c r="N1637">
        <v>0</v>
      </c>
      <c r="O1637">
        <v>0</v>
      </c>
      <c r="P1637">
        <v>22140</v>
      </c>
      <c r="Q1637">
        <v>0</v>
      </c>
      <c r="R1637">
        <v>64334</v>
      </c>
      <c r="S1637">
        <v>0</v>
      </c>
      <c r="T1637">
        <v>0</v>
      </c>
      <c r="U1637">
        <v>0</v>
      </c>
      <c r="V1637">
        <v>1</v>
      </c>
      <c r="W1637">
        <v>3</v>
      </c>
      <c r="X1637">
        <v>0</v>
      </c>
      <c r="Y1637">
        <v>58</v>
      </c>
      <c r="Z1637">
        <v>31</v>
      </c>
      <c r="AA1637">
        <v>117</v>
      </c>
      <c r="AB1637">
        <v>36</v>
      </c>
      <c r="AC1637">
        <v>197</v>
      </c>
      <c r="AD1637">
        <v>63</v>
      </c>
      <c r="AE1637">
        <v>49</v>
      </c>
      <c r="AF1637">
        <v>0</v>
      </c>
      <c r="AG1637">
        <v>114334</v>
      </c>
      <c r="AH1637">
        <v>50000</v>
      </c>
      <c r="AI1637">
        <v>0</v>
      </c>
      <c r="AJ1637">
        <v>96</v>
      </c>
      <c r="AK1637" t="s">
        <v>4</v>
      </c>
      <c r="AL1637">
        <v>0</v>
      </c>
      <c r="AM1637">
        <v>0</v>
      </c>
      <c r="AN1637">
        <v>0</v>
      </c>
      <c r="AO1637">
        <v>0</v>
      </c>
      <c r="AP1637">
        <v>0</v>
      </c>
      <c r="AQ1637">
        <v>0</v>
      </c>
      <c r="AR1637">
        <v>0</v>
      </c>
      <c r="AS1637">
        <v>0</v>
      </c>
      <c r="AT1637">
        <v>0</v>
      </c>
      <c r="AU1637">
        <v>0</v>
      </c>
      <c r="AV1637">
        <v>0</v>
      </c>
      <c r="AW1637">
        <v>0</v>
      </c>
      <c r="AX1637">
        <v>-1879</v>
      </c>
      <c r="AY1637">
        <v>50</v>
      </c>
      <c r="AZ1637">
        <v>107</v>
      </c>
      <c r="BA1637">
        <v>7430</v>
      </c>
    </row>
    <row r="1638" spans="1:53" x14ac:dyDescent="0.4">
      <c r="A1638">
        <v>1682</v>
      </c>
      <c r="B1638" s="1">
        <v>43345</v>
      </c>
      <c r="C1638">
        <v>3</v>
      </c>
      <c r="D1638" s="1">
        <v>43345.740972222222</v>
      </c>
      <c r="E1638" s="1">
        <v>43345.950694444444</v>
      </c>
      <c r="F1638">
        <v>70410</v>
      </c>
      <c r="G1638">
        <v>3570</v>
      </c>
      <c r="H1638">
        <v>0</v>
      </c>
      <c r="I1638">
        <v>0</v>
      </c>
      <c r="J1638">
        <v>0</v>
      </c>
      <c r="K1638">
        <v>0</v>
      </c>
      <c r="L1638">
        <v>0</v>
      </c>
      <c r="M1638">
        <v>5918</v>
      </c>
      <c r="N1638">
        <v>0</v>
      </c>
      <c r="O1638">
        <v>0</v>
      </c>
      <c r="P1638">
        <v>-3132</v>
      </c>
      <c r="Q1638">
        <v>0</v>
      </c>
      <c r="R1638">
        <v>76766</v>
      </c>
      <c r="S1638">
        <v>0</v>
      </c>
      <c r="T1638">
        <v>0</v>
      </c>
      <c r="U1638">
        <v>0</v>
      </c>
      <c r="V1638">
        <v>11</v>
      </c>
      <c r="W1638">
        <v>0</v>
      </c>
      <c r="X1638">
        <v>0</v>
      </c>
      <c r="Y1638">
        <v>50</v>
      </c>
      <c r="Z1638">
        <v>31</v>
      </c>
      <c r="AA1638">
        <v>115</v>
      </c>
      <c r="AB1638">
        <v>36</v>
      </c>
      <c r="AC1638">
        <v>196</v>
      </c>
      <c r="AD1638">
        <v>60</v>
      </c>
      <c r="AE1638">
        <v>40</v>
      </c>
      <c r="AF1638">
        <v>0</v>
      </c>
      <c r="AG1638">
        <v>191100</v>
      </c>
      <c r="AH1638">
        <v>50000</v>
      </c>
      <c r="AI1638">
        <v>0</v>
      </c>
      <c r="AJ1638">
        <v>29</v>
      </c>
      <c r="AK1638" t="s">
        <v>28</v>
      </c>
      <c r="AL1638">
        <v>0</v>
      </c>
      <c r="AM1638">
        <v>0</v>
      </c>
      <c r="AN1638">
        <v>0</v>
      </c>
      <c r="AO1638">
        <v>0</v>
      </c>
      <c r="AP1638">
        <v>0</v>
      </c>
      <c r="AQ1638">
        <v>0</v>
      </c>
      <c r="AR1638">
        <v>0</v>
      </c>
      <c r="AS1638">
        <v>0</v>
      </c>
      <c r="AT1638">
        <v>0</v>
      </c>
      <c r="AU1638">
        <v>0</v>
      </c>
      <c r="AV1638">
        <v>0</v>
      </c>
      <c r="AW1638">
        <v>0</v>
      </c>
      <c r="AX1638">
        <v>-1936</v>
      </c>
      <c r="AY1638">
        <v>16</v>
      </c>
      <c r="AZ1638">
        <v>49</v>
      </c>
      <c r="BA1638">
        <v>2930</v>
      </c>
    </row>
    <row r="1639" spans="1:53" x14ac:dyDescent="0.4">
      <c r="A1639">
        <v>1683</v>
      </c>
      <c r="B1639" s="1">
        <v>43345</v>
      </c>
      <c r="C1639">
        <v>4</v>
      </c>
      <c r="D1639" s="1">
        <v>43345.950694444444</v>
      </c>
      <c r="E1639" s="1">
        <v>43346.099305555559</v>
      </c>
      <c r="F1639">
        <v>22100</v>
      </c>
      <c r="G1639">
        <v>1920</v>
      </c>
      <c r="H1639">
        <v>400</v>
      </c>
      <c r="I1639">
        <v>0</v>
      </c>
      <c r="J1639">
        <v>0</v>
      </c>
      <c r="K1639">
        <v>8000</v>
      </c>
      <c r="L1639">
        <v>0</v>
      </c>
      <c r="M1639">
        <v>2594</v>
      </c>
      <c r="N1639">
        <v>0</v>
      </c>
      <c r="O1639">
        <v>0</v>
      </c>
      <c r="P1639">
        <v>-11556</v>
      </c>
      <c r="Q1639">
        <v>0</v>
      </c>
      <c r="R1639">
        <v>23458</v>
      </c>
      <c r="S1639">
        <v>0</v>
      </c>
      <c r="T1639">
        <v>0</v>
      </c>
      <c r="U1639">
        <v>0</v>
      </c>
      <c r="V1639">
        <v>14</v>
      </c>
      <c r="W1639">
        <v>0</v>
      </c>
      <c r="X1639">
        <v>0</v>
      </c>
      <c r="Y1639">
        <v>42</v>
      </c>
      <c r="Z1639">
        <v>31</v>
      </c>
      <c r="AA1639">
        <v>124</v>
      </c>
      <c r="AB1639">
        <v>41</v>
      </c>
      <c r="AC1639">
        <v>206</v>
      </c>
      <c r="AD1639">
        <v>58</v>
      </c>
      <c r="AE1639">
        <v>42</v>
      </c>
      <c r="AF1639">
        <v>216</v>
      </c>
      <c r="AG1639">
        <v>214558</v>
      </c>
      <c r="AH1639">
        <v>50000</v>
      </c>
      <c r="AI1639">
        <v>0</v>
      </c>
      <c r="AJ1639">
        <v>100</v>
      </c>
      <c r="AK1639" t="s">
        <v>0</v>
      </c>
      <c r="AL1639">
        <v>0</v>
      </c>
      <c r="AM1639">
        <v>0</v>
      </c>
      <c r="AN1639">
        <v>0</v>
      </c>
      <c r="AO1639">
        <v>0</v>
      </c>
      <c r="AP1639">
        <v>0</v>
      </c>
      <c r="AQ1639">
        <v>0</v>
      </c>
      <c r="AR1639">
        <v>0</v>
      </c>
      <c r="AS1639">
        <v>0</v>
      </c>
      <c r="AT1639">
        <v>0</v>
      </c>
      <c r="AU1639">
        <v>0</v>
      </c>
      <c r="AV1639">
        <v>0</v>
      </c>
      <c r="AW1639">
        <v>0</v>
      </c>
      <c r="AX1639">
        <v>0</v>
      </c>
      <c r="AY1639">
        <v>6</v>
      </c>
      <c r="AZ1639">
        <v>10</v>
      </c>
      <c r="BA1639">
        <v>804</v>
      </c>
    </row>
    <row r="1640" spans="1:53" x14ac:dyDescent="0.4">
      <c r="A1640">
        <v>1684</v>
      </c>
      <c r="B1640" s="1">
        <v>43346</v>
      </c>
      <c r="C1640">
        <v>1</v>
      </c>
      <c r="D1640" s="1">
        <v>43346.291666666664</v>
      </c>
      <c r="E1640" s="1">
        <v>43346.45208333333</v>
      </c>
      <c r="F1640">
        <v>0</v>
      </c>
      <c r="G1640">
        <v>0</v>
      </c>
      <c r="H1640">
        <v>0</v>
      </c>
      <c r="I1640">
        <v>0</v>
      </c>
      <c r="J1640">
        <v>0</v>
      </c>
      <c r="K1640">
        <v>0</v>
      </c>
      <c r="L1640">
        <v>0</v>
      </c>
      <c r="M1640">
        <v>0</v>
      </c>
      <c r="N1640">
        <v>0</v>
      </c>
      <c r="O1640">
        <v>0</v>
      </c>
      <c r="P1640">
        <v>0</v>
      </c>
      <c r="Q1640">
        <v>0</v>
      </c>
      <c r="R1640">
        <v>0</v>
      </c>
      <c r="S1640">
        <v>0</v>
      </c>
      <c r="T1640">
        <v>0</v>
      </c>
      <c r="U1640">
        <v>0</v>
      </c>
      <c r="V1640">
        <v>0</v>
      </c>
      <c r="W1640">
        <v>0</v>
      </c>
      <c r="X1640">
        <v>0</v>
      </c>
      <c r="Y1640">
        <v>26</v>
      </c>
      <c r="Z1640">
        <v>16</v>
      </c>
      <c r="AA1640">
        <v>126</v>
      </c>
      <c r="AB1640">
        <v>40</v>
      </c>
      <c r="AC1640">
        <v>107</v>
      </c>
      <c r="AD1640">
        <v>58</v>
      </c>
      <c r="AE1640">
        <v>40</v>
      </c>
      <c r="AF1640">
        <v>0</v>
      </c>
      <c r="AG1640">
        <v>50000</v>
      </c>
      <c r="AH1640">
        <v>0</v>
      </c>
      <c r="AI1640">
        <v>50000</v>
      </c>
      <c r="AJ1640">
        <v>0</v>
      </c>
      <c r="AK1640" t="s">
        <v>6</v>
      </c>
      <c r="AL1640">
        <v>0</v>
      </c>
      <c r="AM1640">
        <v>0</v>
      </c>
      <c r="AN1640">
        <v>0</v>
      </c>
      <c r="AO1640">
        <v>0</v>
      </c>
      <c r="AP1640">
        <v>0</v>
      </c>
      <c r="AQ1640">
        <v>0</v>
      </c>
      <c r="AR1640">
        <v>0</v>
      </c>
      <c r="AS1640">
        <v>0</v>
      </c>
      <c r="AT1640">
        <v>0</v>
      </c>
      <c r="AU1640">
        <v>0</v>
      </c>
      <c r="AV1640">
        <v>0</v>
      </c>
      <c r="AW1640">
        <v>0</v>
      </c>
      <c r="AX1640">
        <v>0</v>
      </c>
      <c r="AY1640">
        <v>0</v>
      </c>
      <c r="AZ1640">
        <v>0</v>
      </c>
      <c r="BA1640">
        <v>0</v>
      </c>
    </row>
    <row r="1641" spans="1:53" x14ac:dyDescent="0.4">
      <c r="A1641">
        <v>1685</v>
      </c>
      <c r="B1641" s="1">
        <v>43346</v>
      </c>
      <c r="C1641">
        <v>2</v>
      </c>
      <c r="D1641" s="1">
        <v>43346.45208333333</v>
      </c>
      <c r="E1641" s="1">
        <v>43346.770833333336</v>
      </c>
      <c r="F1641">
        <v>30000</v>
      </c>
      <c r="G1641">
        <v>2160</v>
      </c>
      <c r="H1641">
        <v>0</v>
      </c>
      <c r="I1641">
        <v>0</v>
      </c>
      <c r="J1641">
        <v>0</v>
      </c>
      <c r="K1641">
        <v>0</v>
      </c>
      <c r="L1641">
        <v>0</v>
      </c>
      <c r="M1641">
        <v>2573</v>
      </c>
      <c r="N1641">
        <v>0</v>
      </c>
      <c r="O1641">
        <v>0</v>
      </c>
      <c r="P1641">
        <v>14040</v>
      </c>
      <c r="Q1641">
        <v>0</v>
      </c>
      <c r="R1641">
        <v>48773</v>
      </c>
      <c r="S1641">
        <v>0</v>
      </c>
      <c r="T1641">
        <v>0</v>
      </c>
      <c r="U1641">
        <v>0</v>
      </c>
      <c r="V1641">
        <v>1</v>
      </c>
      <c r="W1641">
        <v>0</v>
      </c>
      <c r="X1641">
        <v>0</v>
      </c>
      <c r="Y1641">
        <v>48</v>
      </c>
      <c r="Z1641">
        <v>33</v>
      </c>
      <c r="AA1641">
        <v>194</v>
      </c>
      <c r="AB1641">
        <v>52</v>
      </c>
      <c r="AC1641">
        <v>192</v>
      </c>
      <c r="AD1641">
        <v>63</v>
      </c>
      <c r="AE1641">
        <v>38</v>
      </c>
      <c r="AF1641">
        <v>0</v>
      </c>
      <c r="AG1641">
        <v>98773</v>
      </c>
      <c r="AH1641">
        <v>50000</v>
      </c>
      <c r="AI1641">
        <v>0</v>
      </c>
      <c r="AJ1641">
        <v>106</v>
      </c>
      <c r="AK1641" t="s">
        <v>29</v>
      </c>
      <c r="AL1641">
        <v>0</v>
      </c>
      <c r="AM1641">
        <v>0</v>
      </c>
      <c r="AN1641">
        <v>0</v>
      </c>
      <c r="AO1641">
        <v>0</v>
      </c>
      <c r="AP1641">
        <v>0</v>
      </c>
      <c r="AQ1641">
        <v>0</v>
      </c>
      <c r="AR1641">
        <v>0</v>
      </c>
      <c r="AS1641">
        <v>0</v>
      </c>
      <c r="AT1641">
        <v>0</v>
      </c>
      <c r="AU1641">
        <v>0</v>
      </c>
      <c r="AV1641">
        <v>0</v>
      </c>
      <c r="AW1641">
        <v>0</v>
      </c>
      <c r="AX1641">
        <v>1684</v>
      </c>
      <c r="AY1641">
        <v>42</v>
      </c>
      <c r="AZ1641">
        <v>86</v>
      </c>
      <c r="BA1641">
        <v>6519</v>
      </c>
    </row>
    <row r="1642" spans="1:53" x14ac:dyDescent="0.4">
      <c r="A1642">
        <v>1686</v>
      </c>
      <c r="B1642" s="1">
        <v>43346</v>
      </c>
      <c r="C1642">
        <v>3</v>
      </c>
      <c r="D1642" s="1">
        <v>43346.770833333336</v>
      </c>
      <c r="E1642" s="1">
        <v>43346.963888888888</v>
      </c>
      <c r="F1642">
        <v>29980</v>
      </c>
      <c r="G1642">
        <v>2240</v>
      </c>
      <c r="H1642">
        <v>0</v>
      </c>
      <c r="I1642">
        <v>0</v>
      </c>
      <c r="J1642">
        <v>0</v>
      </c>
      <c r="K1642">
        <v>0</v>
      </c>
      <c r="L1642">
        <v>0</v>
      </c>
      <c r="M1642">
        <v>2577</v>
      </c>
      <c r="N1642">
        <v>0</v>
      </c>
      <c r="O1642">
        <v>0</v>
      </c>
      <c r="P1642">
        <v>-12744</v>
      </c>
      <c r="Q1642">
        <v>0</v>
      </c>
      <c r="R1642">
        <v>22053</v>
      </c>
      <c r="S1642">
        <v>0</v>
      </c>
      <c r="T1642">
        <v>0</v>
      </c>
      <c r="U1642">
        <v>0</v>
      </c>
      <c r="V1642">
        <v>2</v>
      </c>
      <c r="W1642">
        <v>0</v>
      </c>
      <c r="X1642">
        <v>0</v>
      </c>
      <c r="Y1642">
        <v>54</v>
      </c>
      <c r="Z1642">
        <v>31</v>
      </c>
      <c r="AA1642">
        <v>209</v>
      </c>
      <c r="AB1642">
        <v>54</v>
      </c>
      <c r="AC1642">
        <v>197</v>
      </c>
      <c r="AD1642">
        <v>64</v>
      </c>
      <c r="AE1642">
        <v>36</v>
      </c>
      <c r="AF1642">
        <v>5400</v>
      </c>
      <c r="AG1642">
        <v>120826</v>
      </c>
      <c r="AH1642">
        <v>50000</v>
      </c>
      <c r="AI1642">
        <v>0</v>
      </c>
      <c r="AJ1642">
        <v>106</v>
      </c>
      <c r="AK1642" t="s">
        <v>29</v>
      </c>
      <c r="AL1642">
        <v>0</v>
      </c>
      <c r="AM1642">
        <v>0</v>
      </c>
      <c r="AN1642">
        <v>0</v>
      </c>
      <c r="AO1642">
        <v>0</v>
      </c>
      <c r="AP1642">
        <v>0</v>
      </c>
      <c r="AQ1642">
        <v>0</v>
      </c>
      <c r="AR1642">
        <v>0</v>
      </c>
      <c r="AS1642">
        <v>0</v>
      </c>
      <c r="AT1642">
        <v>0</v>
      </c>
      <c r="AU1642">
        <v>0</v>
      </c>
      <c r="AV1642">
        <v>0</v>
      </c>
      <c r="AW1642">
        <v>0</v>
      </c>
      <c r="AX1642">
        <v>0</v>
      </c>
      <c r="AY1642">
        <v>9</v>
      </c>
      <c r="AZ1642">
        <v>32</v>
      </c>
      <c r="BA1642">
        <v>1385</v>
      </c>
    </row>
    <row r="1643" spans="1:53" x14ac:dyDescent="0.4">
      <c r="A1643">
        <v>1687</v>
      </c>
      <c r="B1643" s="1">
        <v>43347</v>
      </c>
      <c r="C1643">
        <v>1</v>
      </c>
      <c r="D1643" s="1">
        <v>43347.291666666664</v>
      </c>
      <c r="E1643" s="1">
        <v>43347.449305555558</v>
      </c>
      <c r="F1643">
        <v>0</v>
      </c>
      <c r="G1643">
        <v>0</v>
      </c>
      <c r="H1643">
        <v>0</v>
      </c>
      <c r="I1643">
        <v>0</v>
      </c>
      <c r="J1643">
        <v>0</v>
      </c>
      <c r="K1643">
        <v>0</v>
      </c>
      <c r="L1643">
        <v>0</v>
      </c>
      <c r="M1643">
        <v>0</v>
      </c>
      <c r="N1643">
        <v>0</v>
      </c>
      <c r="O1643">
        <v>0</v>
      </c>
      <c r="P1643">
        <v>0</v>
      </c>
      <c r="Q1643">
        <v>0</v>
      </c>
      <c r="R1643">
        <v>0</v>
      </c>
      <c r="S1643">
        <v>0</v>
      </c>
      <c r="T1643">
        <v>0</v>
      </c>
      <c r="U1643">
        <v>0</v>
      </c>
      <c r="V1643">
        <v>0</v>
      </c>
      <c r="W1643">
        <v>0</v>
      </c>
      <c r="X1643">
        <v>0</v>
      </c>
      <c r="Y1643">
        <v>27</v>
      </c>
      <c r="Z1643">
        <v>11</v>
      </c>
      <c r="AA1643">
        <v>133</v>
      </c>
      <c r="AB1643">
        <v>50</v>
      </c>
      <c r="AC1643">
        <v>137</v>
      </c>
      <c r="AD1643">
        <v>61</v>
      </c>
      <c r="AE1643">
        <v>25</v>
      </c>
      <c r="AF1643">
        <v>0</v>
      </c>
      <c r="AG1643">
        <v>50000</v>
      </c>
      <c r="AH1643">
        <v>0</v>
      </c>
      <c r="AI1643">
        <v>50000</v>
      </c>
      <c r="AJ1643">
        <v>0</v>
      </c>
      <c r="AK1643" t="s">
        <v>6</v>
      </c>
      <c r="AL1643">
        <v>0</v>
      </c>
      <c r="AM1643">
        <v>0</v>
      </c>
      <c r="AN1643">
        <v>0</v>
      </c>
      <c r="AO1643">
        <v>0</v>
      </c>
      <c r="AP1643">
        <v>0</v>
      </c>
      <c r="AQ1643">
        <v>0</v>
      </c>
      <c r="AR1643">
        <v>0</v>
      </c>
      <c r="AS1643">
        <v>0</v>
      </c>
      <c r="AT1643">
        <v>0</v>
      </c>
      <c r="AU1643">
        <v>0</v>
      </c>
      <c r="AV1643">
        <v>0</v>
      </c>
      <c r="AW1643">
        <v>0</v>
      </c>
      <c r="AX1643">
        <v>0</v>
      </c>
      <c r="AY1643">
        <v>0</v>
      </c>
      <c r="AZ1643">
        <v>0</v>
      </c>
      <c r="BA1643">
        <v>0</v>
      </c>
    </row>
    <row r="1644" spans="1:53" x14ac:dyDescent="0.4">
      <c r="A1644">
        <v>1688</v>
      </c>
      <c r="B1644" s="1">
        <v>43347</v>
      </c>
      <c r="C1644">
        <v>2</v>
      </c>
      <c r="D1644" s="1">
        <v>43347.449305555558</v>
      </c>
      <c r="E1644" s="1">
        <v>43347.744444444441</v>
      </c>
      <c r="F1644">
        <v>16000</v>
      </c>
      <c r="G1644">
        <v>2120</v>
      </c>
      <c r="H1644">
        <v>200</v>
      </c>
      <c r="I1644">
        <v>0</v>
      </c>
      <c r="J1644">
        <v>0</v>
      </c>
      <c r="K1644">
        <v>0</v>
      </c>
      <c r="L1644">
        <v>0</v>
      </c>
      <c r="M1644">
        <v>1465</v>
      </c>
      <c r="N1644">
        <v>0</v>
      </c>
      <c r="O1644">
        <v>0</v>
      </c>
      <c r="P1644">
        <v>2160</v>
      </c>
      <c r="Q1644">
        <v>0</v>
      </c>
      <c r="R1644">
        <v>21945</v>
      </c>
      <c r="S1644">
        <v>0</v>
      </c>
      <c r="T1644">
        <v>0</v>
      </c>
      <c r="U1644">
        <v>0</v>
      </c>
      <c r="V1644">
        <v>0</v>
      </c>
      <c r="W1644">
        <v>0</v>
      </c>
      <c r="X1644">
        <v>0</v>
      </c>
      <c r="Y1644">
        <v>45</v>
      </c>
      <c r="Z1644">
        <v>14</v>
      </c>
      <c r="AA1644">
        <v>142</v>
      </c>
      <c r="AB1644">
        <v>50</v>
      </c>
      <c r="AC1644">
        <v>162</v>
      </c>
      <c r="AD1644">
        <v>61</v>
      </c>
      <c r="AE1644">
        <v>24</v>
      </c>
      <c r="AF1644">
        <v>1296</v>
      </c>
      <c r="AG1644">
        <v>71945</v>
      </c>
      <c r="AH1644">
        <v>50000</v>
      </c>
      <c r="AI1644">
        <v>0</v>
      </c>
      <c r="AJ1644">
        <v>100</v>
      </c>
      <c r="AK1644" t="s">
        <v>0</v>
      </c>
      <c r="AL1644">
        <v>0</v>
      </c>
      <c r="AM1644">
        <v>0</v>
      </c>
      <c r="AN1644">
        <v>0</v>
      </c>
      <c r="AO1644">
        <v>0</v>
      </c>
      <c r="AP1644">
        <v>0</v>
      </c>
      <c r="AQ1644">
        <v>0</v>
      </c>
      <c r="AR1644">
        <v>0</v>
      </c>
      <c r="AS1644">
        <v>0</v>
      </c>
      <c r="AT1644">
        <v>0</v>
      </c>
      <c r="AU1644">
        <v>0</v>
      </c>
      <c r="AV1644">
        <v>0</v>
      </c>
      <c r="AW1644">
        <v>0</v>
      </c>
      <c r="AX1644">
        <v>734</v>
      </c>
      <c r="AY1644">
        <v>21</v>
      </c>
      <c r="AZ1644">
        <v>35</v>
      </c>
      <c r="BA1644">
        <v>3423</v>
      </c>
    </row>
    <row r="1645" spans="1:53" x14ac:dyDescent="0.4">
      <c r="A1645">
        <v>1689</v>
      </c>
      <c r="B1645" s="1">
        <v>43348</v>
      </c>
      <c r="C1645">
        <v>1</v>
      </c>
      <c r="D1645" s="1">
        <v>43348.291666666664</v>
      </c>
      <c r="E1645" s="1">
        <v>43348.45208333333</v>
      </c>
      <c r="F1645">
        <v>0</v>
      </c>
      <c r="G1645">
        <v>0</v>
      </c>
      <c r="H1645">
        <v>0</v>
      </c>
      <c r="I1645">
        <v>0</v>
      </c>
      <c r="J1645">
        <v>0</v>
      </c>
      <c r="K1645">
        <v>0</v>
      </c>
      <c r="L1645">
        <v>0</v>
      </c>
      <c r="M1645">
        <v>0</v>
      </c>
      <c r="N1645">
        <v>0</v>
      </c>
      <c r="O1645">
        <v>0</v>
      </c>
      <c r="P1645">
        <v>0</v>
      </c>
      <c r="Q1645">
        <v>0</v>
      </c>
      <c r="R1645">
        <v>0</v>
      </c>
      <c r="S1645">
        <v>0</v>
      </c>
      <c r="T1645">
        <v>0</v>
      </c>
      <c r="U1645">
        <v>0</v>
      </c>
      <c r="V1645">
        <v>0</v>
      </c>
      <c r="W1645">
        <v>0</v>
      </c>
      <c r="X1645">
        <v>0</v>
      </c>
      <c r="Y1645">
        <v>25</v>
      </c>
      <c r="Z1645">
        <v>17</v>
      </c>
      <c r="AA1645">
        <v>131</v>
      </c>
      <c r="AB1645">
        <v>48</v>
      </c>
      <c r="AC1645">
        <v>65</v>
      </c>
      <c r="AD1645">
        <v>63</v>
      </c>
      <c r="AE1645">
        <v>35</v>
      </c>
      <c r="AF1645">
        <v>0</v>
      </c>
      <c r="AG1645">
        <v>50000</v>
      </c>
      <c r="AH1645">
        <v>0</v>
      </c>
      <c r="AI1645">
        <v>50000</v>
      </c>
      <c r="AJ1645">
        <v>0</v>
      </c>
      <c r="AK1645" t="s">
        <v>6</v>
      </c>
      <c r="AL1645">
        <v>0</v>
      </c>
      <c r="AM1645">
        <v>0</v>
      </c>
      <c r="AN1645">
        <v>0</v>
      </c>
      <c r="AO1645">
        <v>0</v>
      </c>
      <c r="AP1645">
        <v>0</v>
      </c>
      <c r="AQ1645">
        <v>0</v>
      </c>
      <c r="AR1645">
        <v>0</v>
      </c>
      <c r="AS1645">
        <v>0</v>
      </c>
      <c r="AT1645">
        <v>0</v>
      </c>
      <c r="AU1645">
        <v>0</v>
      </c>
      <c r="AV1645">
        <v>0</v>
      </c>
      <c r="AW1645">
        <v>0</v>
      </c>
      <c r="AX1645">
        <v>0</v>
      </c>
      <c r="AY1645">
        <v>0</v>
      </c>
      <c r="AZ1645">
        <v>0</v>
      </c>
      <c r="BA1645">
        <v>0</v>
      </c>
    </row>
    <row r="1646" spans="1:53" x14ac:dyDescent="0.4">
      <c r="A1646">
        <v>1690</v>
      </c>
      <c r="B1646" s="1">
        <v>43348</v>
      </c>
      <c r="C1646">
        <v>2</v>
      </c>
      <c r="D1646" s="1">
        <v>43348.45208333333</v>
      </c>
      <c r="E1646" s="1">
        <v>43348.800694444442</v>
      </c>
      <c r="F1646">
        <v>25000</v>
      </c>
      <c r="G1646">
        <v>6740</v>
      </c>
      <c r="H1646">
        <v>0</v>
      </c>
      <c r="I1646">
        <v>0</v>
      </c>
      <c r="J1646">
        <v>0</v>
      </c>
      <c r="K1646">
        <v>0</v>
      </c>
      <c r="L1646">
        <v>0</v>
      </c>
      <c r="M1646">
        <v>2539</v>
      </c>
      <c r="N1646">
        <v>0</v>
      </c>
      <c r="O1646">
        <v>0</v>
      </c>
      <c r="P1646">
        <v>7020</v>
      </c>
      <c r="Q1646">
        <v>0</v>
      </c>
      <c r="R1646">
        <v>41299</v>
      </c>
      <c r="S1646">
        <v>0</v>
      </c>
      <c r="T1646">
        <v>0</v>
      </c>
      <c r="U1646">
        <v>0</v>
      </c>
      <c r="V1646">
        <v>1</v>
      </c>
      <c r="W1646">
        <v>1</v>
      </c>
      <c r="X1646">
        <v>0</v>
      </c>
      <c r="Y1646">
        <v>45</v>
      </c>
      <c r="Z1646">
        <v>23</v>
      </c>
      <c r="AA1646">
        <v>161</v>
      </c>
      <c r="AB1646">
        <v>45</v>
      </c>
      <c r="AC1646">
        <v>108</v>
      </c>
      <c r="AD1646">
        <v>66</v>
      </c>
      <c r="AE1646">
        <v>39</v>
      </c>
      <c r="AF1646">
        <v>0</v>
      </c>
      <c r="AG1646">
        <v>91299</v>
      </c>
      <c r="AH1646">
        <v>50000</v>
      </c>
      <c r="AI1646">
        <v>0</v>
      </c>
      <c r="AJ1646">
        <v>29</v>
      </c>
      <c r="AK1646" t="s">
        <v>28</v>
      </c>
      <c r="AL1646">
        <v>0</v>
      </c>
      <c r="AM1646">
        <v>0</v>
      </c>
      <c r="AN1646">
        <v>0</v>
      </c>
      <c r="AO1646">
        <v>0</v>
      </c>
      <c r="AP1646">
        <v>0</v>
      </c>
      <c r="AQ1646">
        <v>0</v>
      </c>
      <c r="AR1646">
        <v>0</v>
      </c>
      <c r="AS1646">
        <v>0</v>
      </c>
      <c r="AT1646">
        <v>0</v>
      </c>
      <c r="AU1646">
        <v>0</v>
      </c>
      <c r="AV1646">
        <v>0</v>
      </c>
      <c r="AW1646">
        <v>0</v>
      </c>
      <c r="AX1646">
        <v>3434</v>
      </c>
      <c r="AY1646">
        <v>38</v>
      </c>
      <c r="AZ1646">
        <v>67</v>
      </c>
      <c r="BA1646">
        <v>5526</v>
      </c>
    </row>
    <row r="1647" spans="1:53" x14ac:dyDescent="0.4">
      <c r="A1647">
        <v>1691</v>
      </c>
      <c r="B1647" s="1">
        <v>43348</v>
      </c>
      <c r="C1647">
        <v>3</v>
      </c>
      <c r="D1647" s="1">
        <v>43348.800694444442</v>
      </c>
      <c r="E1647" s="1">
        <v>43348.960416666669</v>
      </c>
      <c r="F1647">
        <v>30900</v>
      </c>
      <c r="G1647">
        <v>1460</v>
      </c>
      <c r="H1647">
        <v>0</v>
      </c>
      <c r="I1647">
        <v>0</v>
      </c>
      <c r="J1647">
        <v>0</v>
      </c>
      <c r="K1647">
        <v>0</v>
      </c>
      <c r="L1647">
        <v>0</v>
      </c>
      <c r="M1647">
        <v>2588</v>
      </c>
      <c r="N1647">
        <v>0</v>
      </c>
      <c r="O1647">
        <v>0</v>
      </c>
      <c r="P1647">
        <v>-972</v>
      </c>
      <c r="Q1647">
        <v>0</v>
      </c>
      <c r="R1647">
        <v>33976</v>
      </c>
      <c r="S1647">
        <v>0</v>
      </c>
      <c r="T1647">
        <v>0</v>
      </c>
      <c r="U1647">
        <v>0</v>
      </c>
      <c r="V1647">
        <v>4</v>
      </c>
      <c r="W1647">
        <v>0</v>
      </c>
      <c r="X1647">
        <v>0</v>
      </c>
      <c r="Y1647">
        <v>53</v>
      </c>
      <c r="Z1647">
        <v>21</v>
      </c>
      <c r="AA1647">
        <v>156</v>
      </c>
      <c r="AB1647">
        <v>44</v>
      </c>
      <c r="AC1647">
        <v>102</v>
      </c>
      <c r="AD1647">
        <v>65</v>
      </c>
      <c r="AE1647">
        <v>38</v>
      </c>
      <c r="AF1647">
        <v>2592</v>
      </c>
      <c r="AG1647">
        <v>125275</v>
      </c>
      <c r="AH1647">
        <v>50000</v>
      </c>
      <c r="AI1647">
        <v>0</v>
      </c>
      <c r="AJ1647">
        <v>100</v>
      </c>
      <c r="AK1647" t="s">
        <v>0</v>
      </c>
      <c r="AL1647">
        <v>0</v>
      </c>
      <c r="AM1647">
        <v>0</v>
      </c>
      <c r="AN1647">
        <v>0</v>
      </c>
      <c r="AO1647">
        <v>0</v>
      </c>
      <c r="AP1647">
        <v>0</v>
      </c>
      <c r="AQ1647">
        <v>0</v>
      </c>
      <c r="AR1647">
        <v>0</v>
      </c>
      <c r="AS1647">
        <v>0</v>
      </c>
      <c r="AT1647">
        <v>0</v>
      </c>
      <c r="AU1647">
        <v>0</v>
      </c>
      <c r="AV1647">
        <v>0</v>
      </c>
      <c r="AW1647">
        <v>0</v>
      </c>
      <c r="AX1647">
        <v>2462</v>
      </c>
      <c r="AY1647">
        <v>11</v>
      </c>
      <c r="AZ1647">
        <v>31</v>
      </c>
      <c r="BA1647">
        <v>1431</v>
      </c>
    </row>
    <row r="1648" spans="1:53" x14ac:dyDescent="0.4">
      <c r="A1648">
        <v>1692</v>
      </c>
      <c r="B1648" s="1">
        <v>43348</v>
      </c>
      <c r="C1648">
        <v>4</v>
      </c>
      <c r="D1648" s="1">
        <v>43348.960416666669</v>
      </c>
      <c r="E1648" s="1">
        <v>43349.084722222222</v>
      </c>
      <c r="F1648">
        <v>10200</v>
      </c>
      <c r="G1648">
        <v>680</v>
      </c>
      <c r="H1648">
        <v>400</v>
      </c>
      <c r="I1648">
        <v>0</v>
      </c>
      <c r="J1648">
        <v>0</v>
      </c>
      <c r="K1648">
        <v>0</v>
      </c>
      <c r="L1648">
        <v>0</v>
      </c>
      <c r="M1648">
        <v>902</v>
      </c>
      <c r="N1648">
        <v>0</v>
      </c>
      <c r="O1648">
        <v>0</v>
      </c>
      <c r="P1648">
        <v>7862</v>
      </c>
      <c r="Q1648">
        <v>0</v>
      </c>
      <c r="R1648">
        <v>20044</v>
      </c>
      <c r="S1648">
        <v>0</v>
      </c>
      <c r="T1648">
        <v>0</v>
      </c>
      <c r="U1648">
        <v>0</v>
      </c>
      <c r="V1648">
        <v>7</v>
      </c>
      <c r="W1648">
        <v>0</v>
      </c>
      <c r="X1648">
        <v>0</v>
      </c>
      <c r="Y1648">
        <v>43</v>
      </c>
      <c r="Z1648">
        <v>20</v>
      </c>
      <c r="AA1648">
        <v>159</v>
      </c>
      <c r="AB1648">
        <v>44</v>
      </c>
      <c r="AC1648">
        <v>102</v>
      </c>
      <c r="AD1648">
        <v>70</v>
      </c>
      <c r="AE1648">
        <v>41</v>
      </c>
      <c r="AF1648">
        <v>2808</v>
      </c>
      <c r="AG1648">
        <v>145319</v>
      </c>
      <c r="AH1648">
        <v>50000</v>
      </c>
      <c r="AI1648">
        <v>0</v>
      </c>
      <c r="AJ1648">
        <v>108</v>
      </c>
      <c r="AK1648" t="s">
        <v>30</v>
      </c>
      <c r="AL1648">
        <v>0</v>
      </c>
      <c r="AM1648">
        <v>0</v>
      </c>
      <c r="AN1648">
        <v>0</v>
      </c>
      <c r="AO1648">
        <v>0</v>
      </c>
      <c r="AP1648">
        <v>0</v>
      </c>
      <c r="AQ1648">
        <v>0</v>
      </c>
      <c r="AR1648">
        <v>0</v>
      </c>
      <c r="AS1648">
        <v>0</v>
      </c>
      <c r="AT1648">
        <v>0</v>
      </c>
      <c r="AU1648">
        <v>0</v>
      </c>
      <c r="AV1648">
        <v>0</v>
      </c>
      <c r="AW1648">
        <v>0</v>
      </c>
      <c r="AX1648">
        <v>4428</v>
      </c>
      <c r="AY1648">
        <v>5</v>
      </c>
      <c r="AZ1648">
        <v>10</v>
      </c>
      <c r="BA1648">
        <v>781</v>
      </c>
    </row>
    <row r="1649" spans="1:53" x14ac:dyDescent="0.4">
      <c r="A1649">
        <v>1693</v>
      </c>
      <c r="B1649" s="1">
        <v>43349</v>
      </c>
      <c r="C1649">
        <v>1</v>
      </c>
      <c r="D1649" s="1">
        <v>43349.291666666664</v>
      </c>
      <c r="E1649" s="1">
        <v>43349.449305555558</v>
      </c>
      <c r="F1649">
        <v>0</v>
      </c>
      <c r="G1649">
        <v>0</v>
      </c>
      <c r="H1649">
        <v>0</v>
      </c>
      <c r="I1649">
        <v>0</v>
      </c>
      <c r="J1649">
        <v>0</v>
      </c>
      <c r="K1649">
        <v>0</v>
      </c>
      <c r="L1649">
        <v>0</v>
      </c>
      <c r="M1649">
        <v>0</v>
      </c>
      <c r="N1649">
        <v>0</v>
      </c>
      <c r="O1649">
        <v>0</v>
      </c>
      <c r="P1649">
        <v>0</v>
      </c>
      <c r="Q1649">
        <v>0</v>
      </c>
      <c r="R1649">
        <v>0</v>
      </c>
      <c r="S1649">
        <v>0</v>
      </c>
      <c r="T1649">
        <v>0</v>
      </c>
      <c r="U1649">
        <v>0</v>
      </c>
      <c r="V1649">
        <v>0</v>
      </c>
      <c r="W1649">
        <v>0</v>
      </c>
      <c r="X1649">
        <v>0</v>
      </c>
      <c r="Y1649">
        <v>29</v>
      </c>
      <c r="Z1649">
        <v>11</v>
      </c>
      <c r="AA1649">
        <v>119</v>
      </c>
      <c r="AB1649">
        <v>43</v>
      </c>
      <c r="AC1649">
        <v>107</v>
      </c>
      <c r="AD1649">
        <v>69</v>
      </c>
      <c r="AE1649">
        <v>35</v>
      </c>
      <c r="AF1649">
        <v>0</v>
      </c>
      <c r="AG1649">
        <v>50000</v>
      </c>
      <c r="AH1649">
        <v>0</v>
      </c>
      <c r="AI1649">
        <v>50000</v>
      </c>
      <c r="AJ1649">
        <v>0</v>
      </c>
      <c r="AK1649" t="s">
        <v>6</v>
      </c>
      <c r="AL1649">
        <v>0</v>
      </c>
      <c r="AM1649">
        <v>0</v>
      </c>
      <c r="AN1649">
        <v>0</v>
      </c>
      <c r="AO1649">
        <v>0</v>
      </c>
      <c r="AP1649">
        <v>0</v>
      </c>
      <c r="AQ1649">
        <v>0</v>
      </c>
      <c r="AR1649">
        <v>0</v>
      </c>
      <c r="AS1649">
        <v>0</v>
      </c>
      <c r="AT1649">
        <v>0</v>
      </c>
      <c r="AU1649">
        <v>0</v>
      </c>
      <c r="AV1649">
        <v>0</v>
      </c>
      <c r="AW1649">
        <v>0</v>
      </c>
      <c r="AX1649">
        <v>0</v>
      </c>
      <c r="AY1649">
        <v>0</v>
      </c>
      <c r="AZ1649">
        <v>0</v>
      </c>
      <c r="BA1649">
        <v>0</v>
      </c>
    </row>
    <row r="1650" spans="1:53" x14ac:dyDescent="0.4">
      <c r="A1650">
        <v>1694</v>
      </c>
      <c r="B1650" s="1">
        <v>43349</v>
      </c>
      <c r="C1650">
        <v>2</v>
      </c>
      <c r="D1650" s="1">
        <v>43349.449305555558</v>
      </c>
      <c r="E1650" s="1">
        <v>43349.730555555558</v>
      </c>
      <c r="F1650">
        <v>20500</v>
      </c>
      <c r="G1650">
        <v>1220</v>
      </c>
      <c r="H1650">
        <v>0</v>
      </c>
      <c r="I1650">
        <v>0</v>
      </c>
      <c r="J1650">
        <v>0</v>
      </c>
      <c r="K1650">
        <v>0</v>
      </c>
      <c r="L1650">
        <v>0</v>
      </c>
      <c r="M1650">
        <v>1738</v>
      </c>
      <c r="N1650">
        <v>0</v>
      </c>
      <c r="O1650">
        <v>0</v>
      </c>
      <c r="P1650">
        <v>9720</v>
      </c>
      <c r="Q1650">
        <v>0</v>
      </c>
      <c r="R1650">
        <v>33178</v>
      </c>
      <c r="S1650">
        <v>0</v>
      </c>
      <c r="T1650">
        <v>0</v>
      </c>
      <c r="U1650">
        <v>0</v>
      </c>
      <c r="V1650">
        <v>2</v>
      </c>
      <c r="W1650">
        <v>0</v>
      </c>
      <c r="X1650">
        <v>0</v>
      </c>
      <c r="Y1650">
        <v>29</v>
      </c>
      <c r="Z1650">
        <v>25</v>
      </c>
      <c r="AA1650">
        <v>102</v>
      </c>
      <c r="AB1650">
        <v>41</v>
      </c>
      <c r="AC1650">
        <v>144</v>
      </c>
      <c r="AD1650">
        <v>72</v>
      </c>
      <c r="AE1650">
        <v>25</v>
      </c>
      <c r="AF1650">
        <v>7703</v>
      </c>
      <c r="AG1650">
        <v>83278</v>
      </c>
      <c r="AH1650">
        <v>50000</v>
      </c>
      <c r="AI1650">
        <v>100</v>
      </c>
      <c r="AJ1650">
        <v>96</v>
      </c>
      <c r="AK1650" t="s">
        <v>4</v>
      </c>
      <c r="AL1650">
        <v>0</v>
      </c>
      <c r="AM1650">
        <v>0</v>
      </c>
      <c r="AN1650">
        <v>0</v>
      </c>
      <c r="AO1650">
        <v>0</v>
      </c>
      <c r="AP1650">
        <v>0</v>
      </c>
      <c r="AQ1650">
        <v>0</v>
      </c>
      <c r="AR1650">
        <v>0</v>
      </c>
      <c r="AS1650">
        <v>0</v>
      </c>
      <c r="AT1650">
        <v>0</v>
      </c>
      <c r="AU1650">
        <v>0</v>
      </c>
      <c r="AV1650">
        <v>0</v>
      </c>
      <c r="AW1650">
        <v>0</v>
      </c>
      <c r="AX1650">
        <v>821</v>
      </c>
      <c r="AY1650">
        <v>32</v>
      </c>
      <c r="AZ1650">
        <v>59</v>
      </c>
      <c r="BA1650">
        <v>4425</v>
      </c>
    </row>
    <row r="1651" spans="1:53" x14ac:dyDescent="0.4">
      <c r="A1651">
        <v>1695</v>
      </c>
      <c r="B1651" s="1">
        <v>43349</v>
      </c>
      <c r="C1651">
        <v>3</v>
      </c>
      <c r="D1651" s="1">
        <v>43349.730555555558</v>
      </c>
      <c r="E1651" s="1">
        <v>43349.750694444447</v>
      </c>
      <c r="F1651">
        <v>1000</v>
      </c>
      <c r="G1651">
        <v>0</v>
      </c>
      <c r="H1651">
        <v>0</v>
      </c>
      <c r="I1651">
        <v>0</v>
      </c>
      <c r="J1651">
        <v>0</v>
      </c>
      <c r="K1651">
        <v>0</v>
      </c>
      <c r="L1651">
        <v>0</v>
      </c>
      <c r="M1651">
        <v>80</v>
      </c>
      <c r="N1651">
        <v>0</v>
      </c>
      <c r="O1651">
        <v>0</v>
      </c>
      <c r="P1651">
        <v>2700</v>
      </c>
      <c r="Q1651">
        <v>0</v>
      </c>
      <c r="R1651">
        <v>3780</v>
      </c>
      <c r="S1651">
        <v>0</v>
      </c>
      <c r="T1651">
        <v>0</v>
      </c>
      <c r="U1651">
        <v>0</v>
      </c>
      <c r="V1651">
        <v>2</v>
      </c>
      <c r="W1651">
        <v>0</v>
      </c>
      <c r="X1651">
        <v>0</v>
      </c>
      <c r="Y1651">
        <v>32</v>
      </c>
      <c r="Z1651">
        <v>27</v>
      </c>
      <c r="AA1651">
        <v>102</v>
      </c>
      <c r="AB1651">
        <v>38</v>
      </c>
      <c r="AC1651">
        <v>137</v>
      </c>
      <c r="AD1651">
        <v>72</v>
      </c>
      <c r="AE1651">
        <v>25</v>
      </c>
      <c r="AF1651">
        <v>7703</v>
      </c>
      <c r="AG1651">
        <v>87058</v>
      </c>
      <c r="AH1651">
        <v>50000</v>
      </c>
      <c r="AI1651">
        <v>100</v>
      </c>
      <c r="AJ1651">
        <v>96</v>
      </c>
      <c r="AK1651" t="s">
        <v>4</v>
      </c>
      <c r="AL1651">
        <v>0</v>
      </c>
      <c r="AM1651">
        <v>0</v>
      </c>
      <c r="AN1651">
        <v>0</v>
      </c>
      <c r="AO1651">
        <v>0</v>
      </c>
      <c r="AP1651">
        <v>0</v>
      </c>
      <c r="AQ1651">
        <v>0</v>
      </c>
      <c r="AR1651">
        <v>0</v>
      </c>
      <c r="AS1651">
        <v>0</v>
      </c>
      <c r="AT1651">
        <v>0</v>
      </c>
      <c r="AU1651">
        <v>0</v>
      </c>
      <c r="AV1651">
        <v>0</v>
      </c>
      <c r="AW1651">
        <v>0</v>
      </c>
      <c r="AX1651">
        <v>821</v>
      </c>
      <c r="AY1651">
        <v>3</v>
      </c>
      <c r="AZ1651">
        <v>7</v>
      </c>
      <c r="BA1651">
        <v>256</v>
      </c>
    </row>
    <row r="1652" spans="1:53" x14ac:dyDescent="0.4">
      <c r="A1652">
        <v>1696</v>
      </c>
      <c r="B1652" s="1">
        <v>43350</v>
      </c>
      <c r="C1652">
        <v>1</v>
      </c>
      <c r="D1652" s="1">
        <v>43350.291666666664</v>
      </c>
      <c r="E1652" s="1">
        <v>43350.450694444444</v>
      </c>
      <c r="F1652">
        <v>0</v>
      </c>
      <c r="G1652">
        <v>0</v>
      </c>
      <c r="H1652">
        <v>0</v>
      </c>
      <c r="I1652">
        <v>0</v>
      </c>
      <c r="J1652">
        <v>0</v>
      </c>
      <c r="K1652">
        <v>0</v>
      </c>
      <c r="L1652">
        <v>0</v>
      </c>
      <c r="M1652">
        <v>0</v>
      </c>
      <c r="N1652">
        <v>0</v>
      </c>
      <c r="O1652">
        <v>0</v>
      </c>
      <c r="P1652">
        <v>0</v>
      </c>
      <c r="Q1652">
        <v>0</v>
      </c>
      <c r="R1652">
        <v>0</v>
      </c>
      <c r="S1652">
        <v>0</v>
      </c>
      <c r="T1652">
        <v>0</v>
      </c>
      <c r="U1652">
        <v>0</v>
      </c>
      <c r="V1652">
        <v>0</v>
      </c>
      <c r="W1652">
        <v>0</v>
      </c>
      <c r="X1652">
        <v>0</v>
      </c>
      <c r="Y1652">
        <v>26</v>
      </c>
      <c r="Z1652">
        <v>23</v>
      </c>
      <c r="AA1652">
        <v>90</v>
      </c>
      <c r="AB1652">
        <v>41</v>
      </c>
      <c r="AC1652">
        <v>107</v>
      </c>
      <c r="AD1652">
        <v>73</v>
      </c>
      <c r="AE1652">
        <v>15</v>
      </c>
      <c r="AF1652">
        <v>0</v>
      </c>
      <c r="AG1652">
        <v>50000</v>
      </c>
      <c r="AH1652">
        <v>0</v>
      </c>
      <c r="AI1652">
        <v>50000</v>
      </c>
      <c r="AJ1652">
        <v>0</v>
      </c>
      <c r="AK1652" t="s">
        <v>6</v>
      </c>
      <c r="AL1652">
        <v>0</v>
      </c>
      <c r="AM1652">
        <v>0</v>
      </c>
      <c r="AN1652">
        <v>0</v>
      </c>
      <c r="AO1652">
        <v>0</v>
      </c>
      <c r="AP1652">
        <v>0</v>
      </c>
      <c r="AQ1652">
        <v>0</v>
      </c>
      <c r="AR1652">
        <v>0</v>
      </c>
      <c r="AS1652">
        <v>0</v>
      </c>
      <c r="AT1652">
        <v>0</v>
      </c>
      <c r="AU1652">
        <v>0</v>
      </c>
      <c r="AV1652">
        <v>0</v>
      </c>
      <c r="AW1652">
        <v>0</v>
      </c>
      <c r="AX1652">
        <v>0</v>
      </c>
      <c r="AY1652">
        <v>0</v>
      </c>
      <c r="AZ1652">
        <v>0</v>
      </c>
      <c r="BA1652">
        <v>0</v>
      </c>
    </row>
    <row r="1653" spans="1:53" x14ac:dyDescent="0.4">
      <c r="A1653">
        <v>1697</v>
      </c>
      <c r="B1653" s="1">
        <v>43350</v>
      </c>
      <c r="C1653">
        <v>2</v>
      </c>
      <c r="D1653" s="1">
        <v>43350.450694444444</v>
      </c>
      <c r="E1653" s="1">
        <v>43350.73541666667</v>
      </c>
      <c r="F1653">
        <v>6500</v>
      </c>
      <c r="G1653">
        <v>0</v>
      </c>
      <c r="H1653">
        <v>0</v>
      </c>
      <c r="I1653">
        <v>0</v>
      </c>
      <c r="J1653">
        <v>0</v>
      </c>
      <c r="K1653">
        <v>0</v>
      </c>
      <c r="L1653">
        <v>0</v>
      </c>
      <c r="M1653">
        <v>520</v>
      </c>
      <c r="N1653">
        <v>0</v>
      </c>
      <c r="O1653">
        <v>0</v>
      </c>
      <c r="P1653">
        <v>13500</v>
      </c>
      <c r="Q1653">
        <v>0</v>
      </c>
      <c r="R1653">
        <v>20520</v>
      </c>
      <c r="S1653">
        <v>0</v>
      </c>
      <c r="T1653">
        <v>0</v>
      </c>
      <c r="U1653">
        <v>0</v>
      </c>
      <c r="V1653">
        <v>0</v>
      </c>
      <c r="W1653">
        <v>0</v>
      </c>
      <c r="X1653">
        <v>0</v>
      </c>
      <c r="Y1653">
        <v>40</v>
      </c>
      <c r="Z1653">
        <v>27</v>
      </c>
      <c r="AA1653">
        <v>83</v>
      </c>
      <c r="AB1653">
        <v>39</v>
      </c>
      <c r="AC1653">
        <v>129</v>
      </c>
      <c r="AD1653">
        <v>73</v>
      </c>
      <c r="AE1653">
        <v>11</v>
      </c>
      <c r="AF1653">
        <v>5104</v>
      </c>
      <c r="AG1653">
        <v>70520</v>
      </c>
      <c r="AH1653">
        <v>50000</v>
      </c>
      <c r="AI1653">
        <v>0</v>
      </c>
      <c r="AJ1653">
        <v>96</v>
      </c>
      <c r="AK1653" t="s">
        <v>4</v>
      </c>
      <c r="AL1653">
        <v>0</v>
      </c>
      <c r="AM1653">
        <v>0</v>
      </c>
      <c r="AN1653">
        <v>0</v>
      </c>
      <c r="AO1653">
        <v>0</v>
      </c>
      <c r="AP1653">
        <v>0</v>
      </c>
      <c r="AQ1653">
        <v>0</v>
      </c>
      <c r="AR1653">
        <v>0</v>
      </c>
      <c r="AS1653">
        <v>0</v>
      </c>
      <c r="AT1653">
        <v>0</v>
      </c>
      <c r="AU1653">
        <v>0</v>
      </c>
      <c r="AV1653">
        <v>0</v>
      </c>
      <c r="AW1653">
        <v>0</v>
      </c>
      <c r="AX1653">
        <v>-2290</v>
      </c>
      <c r="AY1653">
        <v>24</v>
      </c>
      <c r="AZ1653">
        <v>38</v>
      </c>
      <c r="BA1653">
        <v>2280</v>
      </c>
    </row>
    <row r="1654" spans="1:53" x14ac:dyDescent="0.4">
      <c r="A1654">
        <v>1698</v>
      </c>
      <c r="B1654" s="1">
        <v>43350</v>
      </c>
      <c r="C1654">
        <v>3</v>
      </c>
      <c r="D1654" s="1">
        <v>43350.73541666667</v>
      </c>
      <c r="E1654" s="1">
        <v>43350.954861111109</v>
      </c>
      <c r="F1654">
        <v>71620</v>
      </c>
      <c r="G1654">
        <v>1520</v>
      </c>
      <c r="H1654">
        <v>0</v>
      </c>
      <c r="I1654">
        <v>0</v>
      </c>
      <c r="J1654">
        <v>0</v>
      </c>
      <c r="K1654">
        <v>0</v>
      </c>
      <c r="L1654">
        <v>0</v>
      </c>
      <c r="M1654">
        <v>5850</v>
      </c>
      <c r="N1654">
        <v>0</v>
      </c>
      <c r="O1654">
        <v>0</v>
      </c>
      <c r="P1654">
        <v>-8100</v>
      </c>
      <c r="Q1654">
        <v>0</v>
      </c>
      <c r="R1654">
        <v>70890</v>
      </c>
      <c r="S1654">
        <v>0</v>
      </c>
      <c r="T1654">
        <v>0</v>
      </c>
      <c r="U1654">
        <v>0</v>
      </c>
      <c r="V1654">
        <v>2</v>
      </c>
      <c r="W1654">
        <v>1</v>
      </c>
      <c r="X1654">
        <v>0</v>
      </c>
      <c r="Y1654">
        <v>58</v>
      </c>
      <c r="Z1654">
        <v>31</v>
      </c>
      <c r="AA1654">
        <v>86</v>
      </c>
      <c r="AB1654">
        <v>41</v>
      </c>
      <c r="AC1654">
        <v>129</v>
      </c>
      <c r="AD1654">
        <v>68</v>
      </c>
      <c r="AE1654">
        <v>146</v>
      </c>
      <c r="AF1654">
        <v>30484</v>
      </c>
      <c r="AG1654">
        <v>141410</v>
      </c>
      <c r="AH1654">
        <v>50000</v>
      </c>
      <c r="AI1654">
        <v>0</v>
      </c>
      <c r="AJ1654">
        <v>100</v>
      </c>
      <c r="AK1654" t="s">
        <v>0</v>
      </c>
      <c r="AL1654">
        <v>0</v>
      </c>
      <c r="AM1654">
        <v>0</v>
      </c>
      <c r="AN1654">
        <v>0</v>
      </c>
      <c r="AO1654">
        <v>0</v>
      </c>
      <c r="AP1654">
        <v>0</v>
      </c>
      <c r="AQ1654">
        <v>0</v>
      </c>
      <c r="AR1654">
        <v>0</v>
      </c>
      <c r="AS1654">
        <v>0</v>
      </c>
      <c r="AT1654">
        <v>0</v>
      </c>
      <c r="AU1654">
        <v>0</v>
      </c>
      <c r="AV1654">
        <v>0</v>
      </c>
      <c r="AW1654">
        <v>0</v>
      </c>
      <c r="AX1654">
        <v>71292</v>
      </c>
      <c r="AY1654">
        <v>25</v>
      </c>
      <c r="AZ1654">
        <v>115</v>
      </c>
      <c r="BA1654">
        <v>3319</v>
      </c>
    </row>
    <row r="1655" spans="1:53" x14ac:dyDescent="0.4">
      <c r="A1655">
        <v>1699</v>
      </c>
      <c r="B1655" s="1">
        <v>43351</v>
      </c>
      <c r="C1655">
        <v>1</v>
      </c>
      <c r="D1655" s="1">
        <v>43351.291666666664</v>
      </c>
      <c r="E1655" s="1">
        <v>43351.405555555553</v>
      </c>
      <c r="F1655">
        <v>0</v>
      </c>
      <c r="G1655">
        <v>0</v>
      </c>
      <c r="H1655">
        <v>0</v>
      </c>
      <c r="I1655">
        <v>0</v>
      </c>
      <c r="J1655">
        <v>0</v>
      </c>
      <c r="K1655">
        <v>0</v>
      </c>
      <c r="L1655">
        <v>0</v>
      </c>
      <c r="M1655">
        <v>0</v>
      </c>
      <c r="N1655">
        <v>0</v>
      </c>
      <c r="O1655">
        <v>0</v>
      </c>
      <c r="P1655">
        <v>0</v>
      </c>
      <c r="Q1655">
        <v>0</v>
      </c>
      <c r="R1655">
        <v>0</v>
      </c>
      <c r="S1655">
        <v>0</v>
      </c>
      <c r="T1655">
        <v>0</v>
      </c>
      <c r="U1655">
        <v>0</v>
      </c>
      <c r="V1655">
        <v>0</v>
      </c>
      <c r="W1655">
        <v>0</v>
      </c>
      <c r="X1655">
        <v>0</v>
      </c>
      <c r="Y1655">
        <v>23</v>
      </c>
      <c r="Z1655">
        <v>20</v>
      </c>
      <c r="AA1655">
        <v>131</v>
      </c>
      <c r="AB1655">
        <v>41</v>
      </c>
      <c r="AC1655">
        <v>135</v>
      </c>
      <c r="AD1655">
        <v>69</v>
      </c>
      <c r="AE1655">
        <v>155</v>
      </c>
      <c r="AF1655">
        <v>0</v>
      </c>
      <c r="AG1655">
        <v>50000</v>
      </c>
      <c r="AH1655">
        <v>50000</v>
      </c>
      <c r="AI1655">
        <v>0</v>
      </c>
      <c r="AJ1655">
        <v>0</v>
      </c>
      <c r="AK1655" t="s">
        <v>6</v>
      </c>
      <c r="AL1655">
        <v>0</v>
      </c>
      <c r="AM1655">
        <v>0</v>
      </c>
      <c r="AN1655">
        <v>0</v>
      </c>
      <c r="AO1655">
        <v>0</v>
      </c>
      <c r="AP1655">
        <v>0</v>
      </c>
      <c r="AQ1655">
        <v>0</v>
      </c>
      <c r="AR1655">
        <v>0</v>
      </c>
      <c r="AS1655">
        <v>0</v>
      </c>
      <c r="AT1655">
        <v>0</v>
      </c>
      <c r="AU1655">
        <v>0</v>
      </c>
      <c r="AV1655">
        <v>0</v>
      </c>
      <c r="AW1655">
        <v>0</v>
      </c>
      <c r="AX1655">
        <v>0</v>
      </c>
      <c r="AY1655">
        <v>0</v>
      </c>
      <c r="AZ1655">
        <v>0</v>
      </c>
      <c r="BA1655">
        <v>0</v>
      </c>
    </row>
    <row r="1656" spans="1:53" x14ac:dyDescent="0.4">
      <c r="A1656">
        <v>1700</v>
      </c>
      <c r="B1656" s="1">
        <v>43351</v>
      </c>
      <c r="C1656">
        <v>2</v>
      </c>
      <c r="D1656" s="1">
        <v>43351.405555555553</v>
      </c>
      <c r="E1656" s="1">
        <v>43351.731944444444</v>
      </c>
      <c r="F1656">
        <v>39750</v>
      </c>
      <c r="G1656">
        <v>2040</v>
      </c>
      <c r="H1656">
        <v>0</v>
      </c>
      <c r="I1656">
        <v>0</v>
      </c>
      <c r="J1656">
        <v>0</v>
      </c>
      <c r="K1656">
        <v>0</v>
      </c>
      <c r="L1656">
        <v>0</v>
      </c>
      <c r="M1656">
        <v>3343</v>
      </c>
      <c r="N1656">
        <v>0</v>
      </c>
      <c r="O1656">
        <v>0</v>
      </c>
      <c r="P1656">
        <v>14040</v>
      </c>
      <c r="Q1656">
        <v>0</v>
      </c>
      <c r="R1656">
        <v>59173</v>
      </c>
      <c r="S1656">
        <v>0</v>
      </c>
      <c r="T1656">
        <v>0</v>
      </c>
      <c r="U1656">
        <v>0</v>
      </c>
      <c r="V1656">
        <v>0</v>
      </c>
      <c r="W1656">
        <v>2</v>
      </c>
      <c r="X1656">
        <v>0</v>
      </c>
      <c r="Y1656">
        <v>60</v>
      </c>
      <c r="Z1656">
        <v>37</v>
      </c>
      <c r="AA1656">
        <v>149</v>
      </c>
      <c r="AB1656">
        <v>46</v>
      </c>
      <c r="AC1656">
        <v>187</v>
      </c>
      <c r="AD1656">
        <v>74</v>
      </c>
      <c r="AE1656">
        <v>153</v>
      </c>
      <c r="AF1656">
        <v>1080</v>
      </c>
      <c r="AG1656">
        <v>109173</v>
      </c>
      <c r="AH1656">
        <v>50000</v>
      </c>
      <c r="AI1656">
        <v>0</v>
      </c>
      <c r="AJ1656">
        <v>92</v>
      </c>
      <c r="AK1656" t="s">
        <v>22</v>
      </c>
      <c r="AL1656">
        <v>0</v>
      </c>
      <c r="AM1656">
        <v>0</v>
      </c>
      <c r="AN1656">
        <v>0</v>
      </c>
      <c r="AO1656">
        <v>0</v>
      </c>
      <c r="AP1656">
        <v>0</v>
      </c>
      <c r="AQ1656">
        <v>0</v>
      </c>
      <c r="AR1656">
        <v>0</v>
      </c>
      <c r="AS1656">
        <v>0</v>
      </c>
      <c r="AT1656">
        <v>0</v>
      </c>
      <c r="AU1656">
        <v>0</v>
      </c>
      <c r="AV1656">
        <v>0</v>
      </c>
      <c r="AW1656">
        <v>0</v>
      </c>
      <c r="AX1656">
        <v>0</v>
      </c>
      <c r="AY1656">
        <v>47</v>
      </c>
      <c r="AZ1656">
        <v>103</v>
      </c>
      <c r="BA1656">
        <v>7390</v>
      </c>
    </row>
    <row r="1657" spans="1:53" x14ac:dyDescent="0.4">
      <c r="A1657">
        <v>1701</v>
      </c>
      <c r="B1657" s="1">
        <v>43352</v>
      </c>
      <c r="C1657">
        <v>1</v>
      </c>
      <c r="D1657" s="1">
        <v>43352.291666666664</v>
      </c>
      <c r="E1657" s="1">
        <v>43352.410416666666</v>
      </c>
      <c r="F1657">
        <v>0</v>
      </c>
      <c r="G1657">
        <v>0</v>
      </c>
      <c r="H1657">
        <v>0</v>
      </c>
      <c r="I1657">
        <v>0</v>
      </c>
      <c r="J1657">
        <v>0</v>
      </c>
      <c r="K1657">
        <v>0</v>
      </c>
      <c r="L1657">
        <v>0</v>
      </c>
      <c r="M1657">
        <v>0</v>
      </c>
      <c r="N1657">
        <v>0</v>
      </c>
      <c r="O1657">
        <v>0</v>
      </c>
      <c r="P1657">
        <v>0</v>
      </c>
      <c r="Q1657">
        <v>0</v>
      </c>
      <c r="R1657">
        <v>0</v>
      </c>
      <c r="S1657">
        <v>0</v>
      </c>
      <c r="T1657">
        <v>0</v>
      </c>
      <c r="U1657">
        <v>0</v>
      </c>
      <c r="V1657">
        <v>0</v>
      </c>
      <c r="W1657">
        <v>0</v>
      </c>
      <c r="X1657">
        <v>0</v>
      </c>
      <c r="Y1657">
        <v>26</v>
      </c>
      <c r="Z1657">
        <v>15</v>
      </c>
      <c r="AA1657">
        <v>131</v>
      </c>
      <c r="AB1657">
        <v>35</v>
      </c>
      <c r="AC1657">
        <v>118</v>
      </c>
      <c r="AD1657">
        <v>68</v>
      </c>
      <c r="AE1657">
        <v>130</v>
      </c>
      <c r="AF1657">
        <v>0</v>
      </c>
      <c r="AG1657">
        <v>50000</v>
      </c>
      <c r="AH1657">
        <v>0</v>
      </c>
      <c r="AI1657">
        <v>50000</v>
      </c>
      <c r="AJ1657">
        <v>0</v>
      </c>
      <c r="AK1657" t="s">
        <v>6</v>
      </c>
      <c r="AL1657">
        <v>0</v>
      </c>
      <c r="AM1657">
        <v>0</v>
      </c>
      <c r="AN1657">
        <v>0</v>
      </c>
      <c r="AO1657">
        <v>0</v>
      </c>
      <c r="AP1657">
        <v>0</v>
      </c>
      <c r="AQ1657">
        <v>0</v>
      </c>
      <c r="AR1657">
        <v>0</v>
      </c>
      <c r="AS1657">
        <v>0</v>
      </c>
      <c r="AT1657">
        <v>0</v>
      </c>
      <c r="AU1657">
        <v>0</v>
      </c>
      <c r="AV1657">
        <v>0</v>
      </c>
      <c r="AW1657">
        <v>0</v>
      </c>
      <c r="AX1657">
        <v>0</v>
      </c>
      <c r="AY1657">
        <v>0</v>
      </c>
      <c r="AZ1657">
        <v>0</v>
      </c>
      <c r="BA1657">
        <v>0</v>
      </c>
    </row>
    <row r="1658" spans="1:53" x14ac:dyDescent="0.4">
      <c r="A1658">
        <v>1702</v>
      </c>
      <c r="B1658" s="1">
        <v>43352</v>
      </c>
      <c r="C1658">
        <v>2</v>
      </c>
      <c r="D1658" s="1">
        <v>43352.410416666666</v>
      </c>
      <c r="E1658" s="1">
        <v>43352.734027777777</v>
      </c>
      <c r="F1658">
        <v>40750</v>
      </c>
      <c r="G1658">
        <v>3560</v>
      </c>
      <c r="H1658">
        <v>0</v>
      </c>
      <c r="I1658">
        <v>0</v>
      </c>
      <c r="J1658">
        <v>0</v>
      </c>
      <c r="K1658">
        <v>0</v>
      </c>
      <c r="L1658">
        <v>0</v>
      </c>
      <c r="M1658">
        <v>3544</v>
      </c>
      <c r="N1658">
        <v>0</v>
      </c>
      <c r="O1658">
        <v>0</v>
      </c>
      <c r="P1658">
        <v>23220</v>
      </c>
      <c r="Q1658">
        <v>0</v>
      </c>
      <c r="R1658">
        <v>71074</v>
      </c>
      <c r="S1658">
        <v>0</v>
      </c>
      <c r="T1658">
        <v>0</v>
      </c>
      <c r="U1658">
        <v>0</v>
      </c>
      <c r="V1658">
        <v>3</v>
      </c>
      <c r="W1658">
        <v>3</v>
      </c>
      <c r="X1658">
        <v>0</v>
      </c>
      <c r="Y1658">
        <v>39</v>
      </c>
      <c r="Z1658">
        <v>33</v>
      </c>
      <c r="AA1658">
        <v>159</v>
      </c>
      <c r="AB1658">
        <v>28</v>
      </c>
      <c r="AC1658">
        <v>171</v>
      </c>
      <c r="AD1658">
        <v>71</v>
      </c>
      <c r="AE1658">
        <v>129</v>
      </c>
      <c r="AF1658">
        <v>1080</v>
      </c>
      <c r="AG1658">
        <v>121074</v>
      </c>
      <c r="AH1658">
        <v>50000</v>
      </c>
      <c r="AI1658">
        <v>0</v>
      </c>
      <c r="AJ1658">
        <v>96</v>
      </c>
      <c r="AK1658" t="s">
        <v>4</v>
      </c>
      <c r="AL1658">
        <v>0</v>
      </c>
      <c r="AM1658">
        <v>0</v>
      </c>
      <c r="AN1658">
        <v>0</v>
      </c>
      <c r="AO1658">
        <v>0</v>
      </c>
      <c r="AP1658">
        <v>0</v>
      </c>
      <c r="AQ1658">
        <v>0</v>
      </c>
      <c r="AR1658">
        <v>0</v>
      </c>
      <c r="AS1658">
        <v>0</v>
      </c>
      <c r="AT1658">
        <v>0</v>
      </c>
      <c r="AU1658">
        <v>0</v>
      </c>
      <c r="AV1658">
        <v>0</v>
      </c>
      <c r="AW1658">
        <v>0</v>
      </c>
      <c r="AX1658">
        <v>-2160</v>
      </c>
      <c r="AY1658">
        <v>53</v>
      </c>
      <c r="AZ1658">
        <v>123</v>
      </c>
      <c r="BA1658">
        <v>7276</v>
      </c>
    </row>
    <row r="1659" spans="1:53" x14ac:dyDescent="0.4">
      <c r="A1659">
        <v>1703</v>
      </c>
      <c r="B1659" s="1">
        <v>43352</v>
      </c>
      <c r="C1659">
        <v>3</v>
      </c>
      <c r="D1659" s="1">
        <v>43352.734027777777</v>
      </c>
      <c r="E1659" s="1">
        <v>43352.963888888888</v>
      </c>
      <c r="F1659">
        <v>51550</v>
      </c>
      <c r="G1659">
        <v>2970</v>
      </c>
      <c r="H1659">
        <v>0</v>
      </c>
      <c r="I1659">
        <v>0</v>
      </c>
      <c r="J1659">
        <v>0</v>
      </c>
      <c r="K1659">
        <v>0</v>
      </c>
      <c r="L1659">
        <v>0</v>
      </c>
      <c r="M1659">
        <v>4361</v>
      </c>
      <c r="N1659">
        <v>0</v>
      </c>
      <c r="O1659">
        <v>0</v>
      </c>
      <c r="P1659">
        <v>-9828</v>
      </c>
      <c r="Q1659">
        <v>0</v>
      </c>
      <c r="R1659">
        <v>49053</v>
      </c>
      <c r="S1659">
        <v>0</v>
      </c>
      <c r="T1659">
        <v>0</v>
      </c>
      <c r="U1659">
        <v>0</v>
      </c>
      <c r="V1659">
        <v>5</v>
      </c>
      <c r="W1659">
        <v>4</v>
      </c>
      <c r="X1659">
        <v>0</v>
      </c>
      <c r="Y1659">
        <v>64</v>
      </c>
      <c r="Z1659">
        <v>30</v>
      </c>
      <c r="AA1659">
        <v>168</v>
      </c>
      <c r="AB1659">
        <v>26</v>
      </c>
      <c r="AC1659">
        <v>148</v>
      </c>
      <c r="AD1659">
        <v>70</v>
      </c>
      <c r="AE1659">
        <v>117</v>
      </c>
      <c r="AF1659">
        <v>1080</v>
      </c>
      <c r="AG1659">
        <v>170127</v>
      </c>
      <c r="AH1659">
        <v>50000</v>
      </c>
      <c r="AI1659">
        <v>0</v>
      </c>
      <c r="AJ1659">
        <v>100</v>
      </c>
      <c r="AK1659" t="s">
        <v>0</v>
      </c>
      <c r="AL1659">
        <v>0</v>
      </c>
      <c r="AM1659">
        <v>0</v>
      </c>
      <c r="AN1659">
        <v>0</v>
      </c>
      <c r="AO1659">
        <v>0</v>
      </c>
      <c r="AP1659">
        <v>0</v>
      </c>
      <c r="AQ1659">
        <v>0</v>
      </c>
      <c r="AR1659">
        <v>0</v>
      </c>
      <c r="AS1659">
        <v>0</v>
      </c>
      <c r="AT1659">
        <v>0</v>
      </c>
      <c r="AU1659">
        <v>0</v>
      </c>
      <c r="AV1659">
        <v>0</v>
      </c>
      <c r="AW1659">
        <v>0</v>
      </c>
      <c r="AX1659">
        <v>13636</v>
      </c>
      <c r="AY1659">
        <v>19</v>
      </c>
      <c r="AZ1659">
        <v>58</v>
      </c>
      <c r="BA1659">
        <v>3461</v>
      </c>
    </row>
    <row r="1660" spans="1:53" x14ac:dyDescent="0.4">
      <c r="A1660">
        <v>1704</v>
      </c>
      <c r="B1660" s="1">
        <v>43352</v>
      </c>
      <c r="C1660">
        <v>4</v>
      </c>
      <c r="D1660" s="1">
        <v>43352.963888888888</v>
      </c>
      <c r="E1660" s="1">
        <v>43353.07708333333</v>
      </c>
      <c r="F1660">
        <v>28820</v>
      </c>
      <c r="G1660">
        <v>1760</v>
      </c>
      <c r="H1660">
        <v>0</v>
      </c>
      <c r="I1660">
        <v>0</v>
      </c>
      <c r="J1660">
        <v>0</v>
      </c>
      <c r="K1660">
        <v>0</v>
      </c>
      <c r="L1660">
        <v>0</v>
      </c>
      <c r="M1660">
        <v>2447</v>
      </c>
      <c r="N1660">
        <v>0</v>
      </c>
      <c r="O1660">
        <v>0</v>
      </c>
      <c r="P1660">
        <v>3132</v>
      </c>
      <c r="Q1660">
        <v>0</v>
      </c>
      <c r="R1660">
        <v>36159</v>
      </c>
      <c r="S1660">
        <v>0</v>
      </c>
      <c r="T1660">
        <v>0</v>
      </c>
      <c r="U1660">
        <v>0</v>
      </c>
      <c r="V1660">
        <v>7</v>
      </c>
      <c r="W1660">
        <v>3</v>
      </c>
      <c r="X1660">
        <v>0</v>
      </c>
      <c r="Y1660">
        <v>86</v>
      </c>
      <c r="Z1660">
        <v>31</v>
      </c>
      <c r="AA1660">
        <v>157</v>
      </c>
      <c r="AB1660">
        <v>25</v>
      </c>
      <c r="AC1660">
        <v>130</v>
      </c>
      <c r="AD1660">
        <v>70</v>
      </c>
      <c r="AE1660">
        <v>106</v>
      </c>
      <c r="AF1660">
        <v>1080</v>
      </c>
      <c r="AG1660">
        <v>206286</v>
      </c>
      <c r="AH1660">
        <v>50000</v>
      </c>
      <c r="AI1660">
        <v>0</v>
      </c>
      <c r="AJ1660">
        <v>108</v>
      </c>
      <c r="AK1660" t="s">
        <v>30</v>
      </c>
      <c r="AL1660">
        <v>0</v>
      </c>
      <c r="AM1660">
        <v>0</v>
      </c>
      <c r="AN1660">
        <v>0</v>
      </c>
      <c r="AO1660">
        <v>0</v>
      </c>
      <c r="AP1660">
        <v>0</v>
      </c>
      <c r="AQ1660">
        <v>0</v>
      </c>
      <c r="AR1660">
        <v>0</v>
      </c>
      <c r="AS1660">
        <v>0</v>
      </c>
      <c r="AT1660">
        <v>0</v>
      </c>
      <c r="AU1660">
        <v>0</v>
      </c>
      <c r="AV1660">
        <v>0</v>
      </c>
      <c r="AW1660">
        <v>0</v>
      </c>
      <c r="AX1660">
        <v>12528</v>
      </c>
      <c r="AY1660">
        <v>5</v>
      </c>
      <c r="AZ1660">
        <v>14</v>
      </c>
      <c r="BA1660">
        <v>1254</v>
      </c>
    </row>
    <row r="1661" spans="1:53" x14ac:dyDescent="0.4">
      <c r="A1661">
        <v>1705</v>
      </c>
      <c r="B1661" s="1">
        <v>43353</v>
      </c>
      <c r="C1661">
        <v>1</v>
      </c>
      <c r="D1661" s="1">
        <v>43353.291666666664</v>
      </c>
      <c r="E1661" s="1">
        <v>43353.448611111111</v>
      </c>
      <c r="F1661">
        <v>0</v>
      </c>
      <c r="G1661">
        <v>0</v>
      </c>
      <c r="H1661">
        <v>0</v>
      </c>
      <c r="I1661">
        <v>0</v>
      </c>
      <c r="J1661">
        <v>0</v>
      </c>
      <c r="K1661">
        <v>0</v>
      </c>
      <c r="L1661">
        <v>0</v>
      </c>
      <c r="M1661">
        <v>0</v>
      </c>
      <c r="N1661">
        <v>0</v>
      </c>
      <c r="O1661">
        <v>0</v>
      </c>
      <c r="P1661">
        <v>0</v>
      </c>
      <c r="Q1661">
        <v>0</v>
      </c>
      <c r="R1661">
        <v>0</v>
      </c>
      <c r="S1661">
        <v>0</v>
      </c>
      <c r="T1661">
        <v>0</v>
      </c>
      <c r="U1661">
        <v>0</v>
      </c>
      <c r="V1661">
        <v>0</v>
      </c>
      <c r="W1661">
        <v>0</v>
      </c>
      <c r="X1661">
        <v>0</v>
      </c>
      <c r="Y1661">
        <v>32</v>
      </c>
      <c r="Z1661">
        <v>10</v>
      </c>
      <c r="AA1661">
        <v>100</v>
      </c>
      <c r="AB1661">
        <v>24</v>
      </c>
      <c r="AC1661">
        <v>133</v>
      </c>
      <c r="AD1661">
        <v>72</v>
      </c>
      <c r="AE1661">
        <v>110</v>
      </c>
      <c r="AF1661">
        <v>0</v>
      </c>
      <c r="AG1661">
        <v>50000</v>
      </c>
      <c r="AH1661">
        <v>0</v>
      </c>
      <c r="AI1661">
        <v>50000</v>
      </c>
      <c r="AJ1661">
        <v>0</v>
      </c>
      <c r="AK1661" t="s">
        <v>6</v>
      </c>
      <c r="AL1661">
        <v>0</v>
      </c>
      <c r="AM1661">
        <v>0</v>
      </c>
      <c r="AN1661">
        <v>0</v>
      </c>
      <c r="AO1661">
        <v>0</v>
      </c>
      <c r="AP1661">
        <v>0</v>
      </c>
      <c r="AQ1661">
        <v>0</v>
      </c>
      <c r="AR1661">
        <v>0</v>
      </c>
      <c r="AS1661">
        <v>0</v>
      </c>
      <c r="AT1661">
        <v>0</v>
      </c>
      <c r="AU1661">
        <v>0</v>
      </c>
      <c r="AV1661">
        <v>0</v>
      </c>
      <c r="AW1661">
        <v>0</v>
      </c>
      <c r="AX1661">
        <v>0</v>
      </c>
      <c r="AY1661">
        <v>0</v>
      </c>
      <c r="AZ1661">
        <v>0</v>
      </c>
      <c r="BA1661">
        <v>0</v>
      </c>
    </row>
    <row r="1662" spans="1:53" x14ac:dyDescent="0.4">
      <c r="A1662">
        <v>1706</v>
      </c>
      <c r="B1662" s="1">
        <v>43353</v>
      </c>
      <c r="C1662">
        <v>2</v>
      </c>
      <c r="D1662" s="1">
        <v>43353.448611111111</v>
      </c>
      <c r="E1662" s="1">
        <v>43353.730555555558</v>
      </c>
      <c r="F1662">
        <v>19000</v>
      </c>
      <c r="G1662">
        <v>2380</v>
      </c>
      <c r="H1662">
        <v>0</v>
      </c>
      <c r="I1662">
        <v>0</v>
      </c>
      <c r="J1662">
        <v>0</v>
      </c>
      <c r="K1662">
        <v>0</v>
      </c>
      <c r="L1662">
        <v>0</v>
      </c>
      <c r="M1662">
        <v>1710</v>
      </c>
      <c r="N1662">
        <v>0</v>
      </c>
      <c r="O1662">
        <v>0</v>
      </c>
      <c r="P1662">
        <v>16200</v>
      </c>
      <c r="Q1662">
        <v>0</v>
      </c>
      <c r="R1662">
        <v>39290</v>
      </c>
      <c r="S1662">
        <v>0</v>
      </c>
      <c r="T1662">
        <v>0</v>
      </c>
      <c r="U1662">
        <v>0</v>
      </c>
      <c r="V1662">
        <v>1</v>
      </c>
      <c r="W1662">
        <v>2</v>
      </c>
      <c r="X1662">
        <v>0</v>
      </c>
      <c r="Y1662">
        <v>45</v>
      </c>
      <c r="Z1662">
        <v>20</v>
      </c>
      <c r="AA1662">
        <v>96</v>
      </c>
      <c r="AB1662">
        <v>26</v>
      </c>
      <c r="AC1662">
        <v>181</v>
      </c>
      <c r="AD1662">
        <v>78</v>
      </c>
      <c r="AE1662">
        <v>110</v>
      </c>
      <c r="AF1662">
        <v>1080</v>
      </c>
      <c r="AG1662">
        <v>89290</v>
      </c>
      <c r="AH1662">
        <v>50000</v>
      </c>
      <c r="AI1662">
        <v>0</v>
      </c>
      <c r="AJ1662">
        <v>96</v>
      </c>
      <c r="AK1662" t="s">
        <v>4</v>
      </c>
      <c r="AL1662">
        <v>0</v>
      </c>
      <c r="AM1662">
        <v>0</v>
      </c>
      <c r="AN1662">
        <v>0</v>
      </c>
      <c r="AO1662">
        <v>0</v>
      </c>
      <c r="AP1662">
        <v>0</v>
      </c>
      <c r="AQ1662">
        <v>0</v>
      </c>
      <c r="AR1662">
        <v>0</v>
      </c>
      <c r="AS1662">
        <v>0</v>
      </c>
      <c r="AT1662">
        <v>0</v>
      </c>
      <c r="AU1662">
        <v>0</v>
      </c>
      <c r="AV1662">
        <v>0</v>
      </c>
      <c r="AW1662">
        <v>0</v>
      </c>
      <c r="AX1662">
        <v>-130</v>
      </c>
      <c r="AY1662">
        <v>38</v>
      </c>
      <c r="AZ1662">
        <v>68</v>
      </c>
      <c r="BA1662">
        <v>4421</v>
      </c>
    </row>
    <row r="1663" spans="1:53" x14ac:dyDescent="0.4">
      <c r="A1663">
        <v>1707</v>
      </c>
      <c r="B1663" s="1">
        <v>43353</v>
      </c>
      <c r="C1663">
        <v>3</v>
      </c>
      <c r="D1663" s="1">
        <v>43353.730555555558</v>
      </c>
      <c r="E1663" s="1">
        <v>43353.945833333331</v>
      </c>
      <c r="F1663">
        <v>26000</v>
      </c>
      <c r="G1663">
        <v>3530</v>
      </c>
      <c r="H1663">
        <v>0</v>
      </c>
      <c r="I1663">
        <v>0</v>
      </c>
      <c r="J1663">
        <v>0</v>
      </c>
      <c r="K1663">
        <v>0</v>
      </c>
      <c r="L1663">
        <v>0</v>
      </c>
      <c r="M1663">
        <v>2362</v>
      </c>
      <c r="N1663">
        <v>0</v>
      </c>
      <c r="O1663">
        <v>0</v>
      </c>
      <c r="P1663">
        <v>-11448</v>
      </c>
      <c r="Q1663">
        <v>0</v>
      </c>
      <c r="R1663">
        <v>20444</v>
      </c>
      <c r="S1663">
        <v>0</v>
      </c>
      <c r="T1663">
        <v>0</v>
      </c>
      <c r="U1663">
        <v>0</v>
      </c>
      <c r="V1663">
        <v>4</v>
      </c>
      <c r="W1663">
        <v>0</v>
      </c>
      <c r="X1663">
        <v>0</v>
      </c>
      <c r="Y1663">
        <v>48</v>
      </c>
      <c r="Z1663">
        <v>18</v>
      </c>
      <c r="AA1663">
        <v>83</v>
      </c>
      <c r="AB1663">
        <v>25</v>
      </c>
      <c r="AC1663">
        <v>162</v>
      </c>
      <c r="AD1663">
        <v>75</v>
      </c>
      <c r="AE1663">
        <v>109</v>
      </c>
      <c r="AF1663">
        <v>1080</v>
      </c>
      <c r="AG1663">
        <v>109734</v>
      </c>
      <c r="AH1663">
        <v>50000</v>
      </c>
      <c r="AI1663">
        <v>0</v>
      </c>
      <c r="AJ1663">
        <v>99</v>
      </c>
      <c r="AK1663" t="s">
        <v>9</v>
      </c>
      <c r="AL1663">
        <v>0</v>
      </c>
      <c r="AM1663">
        <v>0</v>
      </c>
      <c r="AN1663">
        <v>0</v>
      </c>
      <c r="AO1663">
        <v>0</v>
      </c>
      <c r="AP1663">
        <v>0</v>
      </c>
      <c r="AQ1663">
        <v>0</v>
      </c>
      <c r="AR1663">
        <v>0</v>
      </c>
      <c r="AS1663">
        <v>0</v>
      </c>
      <c r="AT1663">
        <v>0</v>
      </c>
      <c r="AU1663">
        <v>0</v>
      </c>
      <c r="AV1663">
        <v>0</v>
      </c>
      <c r="AW1663">
        <v>0</v>
      </c>
      <c r="AX1663">
        <v>17820</v>
      </c>
      <c r="AY1663">
        <v>10</v>
      </c>
      <c r="AZ1663">
        <v>28</v>
      </c>
      <c r="BA1663">
        <v>2522</v>
      </c>
    </row>
    <row r="1664" spans="1:53" x14ac:dyDescent="0.4">
      <c r="A1664">
        <v>1708</v>
      </c>
      <c r="B1664" s="1">
        <v>43354</v>
      </c>
      <c r="C1664">
        <v>1</v>
      </c>
      <c r="D1664" s="1">
        <v>43354.291666666664</v>
      </c>
      <c r="E1664" s="1">
        <v>43354.449305555558</v>
      </c>
      <c r="F1664">
        <v>0</v>
      </c>
      <c r="G1664">
        <v>0</v>
      </c>
      <c r="H1664">
        <v>0</v>
      </c>
      <c r="I1664">
        <v>0</v>
      </c>
      <c r="J1664">
        <v>0</v>
      </c>
      <c r="K1664">
        <v>0</v>
      </c>
      <c r="L1664">
        <v>0</v>
      </c>
      <c r="M1664">
        <v>0</v>
      </c>
      <c r="N1664">
        <v>0</v>
      </c>
      <c r="O1664">
        <v>0</v>
      </c>
      <c r="P1664">
        <v>0</v>
      </c>
      <c r="Q1664">
        <v>0</v>
      </c>
      <c r="R1664">
        <v>0</v>
      </c>
      <c r="S1664">
        <v>0</v>
      </c>
      <c r="T1664">
        <v>0</v>
      </c>
      <c r="U1664">
        <v>0</v>
      </c>
      <c r="V1664">
        <v>0</v>
      </c>
      <c r="W1664">
        <v>0</v>
      </c>
      <c r="X1664">
        <v>0</v>
      </c>
      <c r="Y1664">
        <v>28</v>
      </c>
      <c r="Z1664">
        <v>12</v>
      </c>
      <c r="AA1664">
        <v>131</v>
      </c>
      <c r="AB1664">
        <v>27</v>
      </c>
      <c r="AC1664">
        <v>107</v>
      </c>
      <c r="AD1664">
        <v>76</v>
      </c>
      <c r="AE1664">
        <v>100</v>
      </c>
      <c r="AF1664">
        <v>0</v>
      </c>
      <c r="AG1664">
        <v>50000</v>
      </c>
      <c r="AH1664">
        <v>0</v>
      </c>
      <c r="AI1664">
        <v>50000</v>
      </c>
      <c r="AJ1664">
        <v>0</v>
      </c>
      <c r="AK1664" t="s">
        <v>6</v>
      </c>
      <c r="AL1664">
        <v>0</v>
      </c>
      <c r="AM1664">
        <v>0</v>
      </c>
      <c r="AN1664">
        <v>0</v>
      </c>
      <c r="AO1664">
        <v>0</v>
      </c>
      <c r="AP1664">
        <v>0</v>
      </c>
      <c r="AQ1664">
        <v>0</v>
      </c>
      <c r="AR1664">
        <v>0</v>
      </c>
      <c r="AS1664">
        <v>0</v>
      </c>
      <c r="AT1664">
        <v>0</v>
      </c>
      <c r="AU1664">
        <v>0</v>
      </c>
      <c r="AV1664">
        <v>0</v>
      </c>
      <c r="AW1664">
        <v>0</v>
      </c>
      <c r="AX1664">
        <v>0</v>
      </c>
      <c r="AY1664">
        <v>0</v>
      </c>
      <c r="AZ1664">
        <v>0</v>
      </c>
      <c r="BA1664">
        <v>0</v>
      </c>
    </row>
    <row r="1665" spans="1:53" x14ac:dyDescent="0.4">
      <c r="A1665">
        <v>1709</v>
      </c>
      <c r="B1665" s="1">
        <v>43354</v>
      </c>
      <c r="C1665">
        <v>2</v>
      </c>
      <c r="D1665" s="1">
        <v>43354.449305555558</v>
      </c>
      <c r="E1665" s="1">
        <v>43354.724999999999</v>
      </c>
      <c r="F1665">
        <v>8500</v>
      </c>
      <c r="G1665">
        <v>500</v>
      </c>
      <c r="H1665">
        <v>0</v>
      </c>
      <c r="I1665">
        <v>0</v>
      </c>
      <c r="J1665">
        <v>0</v>
      </c>
      <c r="K1665">
        <v>0</v>
      </c>
      <c r="L1665">
        <v>0</v>
      </c>
      <c r="M1665">
        <v>720</v>
      </c>
      <c r="N1665">
        <v>0</v>
      </c>
      <c r="O1665">
        <v>0</v>
      </c>
      <c r="P1665">
        <v>10800</v>
      </c>
      <c r="Q1665">
        <v>0</v>
      </c>
      <c r="R1665">
        <v>20520</v>
      </c>
      <c r="S1665">
        <v>0</v>
      </c>
      <c r="T1665">
        <v>0</v>
      </c>
      <c r="U1665">
        <v>0</v>
      </c>
      <c r="V1665">
        <v>0</v>
      </c>
      <c r="W1665">
        <v>1</v>
      </c>
      <c r="X1665">
        <v>0</v>
      </c>
      <c r="Y1665">
        <v>41</v>
      </c>
      <c r="Z1665">
        <v>16</v>
      </c>
      <c r="AA1665">
        <v>134</v>
      </c>
      <c r="AB1665">
        <v>27</v>
      </c>
      <c r="AC1665">
        <v>129</v>
      </c>
      <c r="AD1665">
        <v>76</v>
      </c>
      <c r="AE1665">
        <v>100</v>
      </c>
      <c r="AF1665">
        <v>0</v>
      </c>
      <c r="AG1665">
        <v>70520</v>
      </c>
      <c r="AH1665">
        <v>50000</v>
      </c>
      <c r="AI1665">
        <v>0</v>
      </c>
      <c r="AJ1665">
        <v>96</v>
      </c>
      <c r="AK1665" t="s">
        <v>4</v>
      </c>
      <c r="AL1665">
        <v>0</v>
      </c>
      <c r="AM1665">
        <v>0</v>
      </c>
      <c r="AN1665">
        <v>0</v>
      </c>
      <c r="AO1665">
        <v>0</v>
      </c>
      <c r="AP1665">
        <v>0</v>
      </c>
      <c r="AQ1665">
        <v>0</v>
      </c>
      <c r="AR1665">
        <v>0</v>
      </c>
      <c r="AS1665">
        <v>0</v>
      </c>
      <c r="AT1665">
        <v>0</v>
      </c>
      <c r="AU1665">
        <v>0</v>
      </c>
      <c r="AV1665">
        <v>0</v>
      </c>
      <c r="AW1665">
        <v>0</v>
      </c>
      <c r="AX1665">
        <v>-130</v>
      </c>
      <c r="AY1665">
        <v>26</v>
      </c>
      <c r="AZ1665">
        <v>37</v>
      </c>
      <c r="BA1665">
        <v>2916</v>
      </c>
    </row>
    <row r="1666" spans="1:53" x14ac:dyDescent="0.4">
      <c r="A1666">
        <v>1710</v>
      </c>
      <c r="B1666" s="1">
        <v>43354</v>
      </c>
      <c r="C1666">
        <v>3</v>
      </c>
      <c r="D1666" s="1">
        <v>43354.724999999999</v>
      </c>
      <c r="E1666" s="1">
        <v>43354.935416666667</v>
      </c>
      <c r="F1666">
        <v>17000</v>
      </c>
      <c r="G1666">
        <v>1060</v>
      </c>
      <c r="H1666">
        <v>0</v>
      </c>
      <c r="I1666">
        <v>0</v>
      </c>
      <c r="J1666">
        <v>0</v>
      </c>
      <c r="K1666">
        <v>2000</v>
      </c>
      <c r="L1666">
        <v>0</v>
      </c>
      <c r="M1666">
        <v>1604</v>
      </c>
      <c r="N1666">
        <v>0</v>
      </c>
      <c r="O1666">
        <v>0</v>
      </c>
      <c r="P1666">
        <v>-4320</v>
      </c>
      <c r="Q1666">
        <v>0</v>
      </c>
      <c r="R1666">
        <v>17344</v>
      </c>
      <c r="S1666">
        <v>0</v>
      </c>
      <c r="T1666">
        <v>0</v>
      </c>
      <c r="U1666">
        <v>0</v>
      </c>
      <c r="V1666">
        <v>1</v>
      </c>
      <c r="W1666">
        <v>1</v>
      </c>
      <c r="X1666">
        <v>0</v>
      </c>
      <c r="Y1666">
        <v>48</v>
      </c>
      <c r="Z1666">
        <v>14</v>
      </c>
      <c r="AA1666">
        <v>140</v>
      </c>
      <c r="AB1666">
        <v>29</v>
      </c>
      <c r="AC1666">
        <v>141</v>
      </c>
      <c r="AD1666">
        <v>74</v>
      </c>
      <c r="AE1666">
        <v>94</v>
      </c>
      <c r="AF1666">
        <v>540</v>
      </c>
      <c r="AG1666">
        <v>87864</v>
      </c>
      <c r="AH1666">
        <v>50000</v>
      </c>
      <c r="AI1666">
        <v>0</v>
      </c>
      <c r="AJ1666">
        <v>99</v>
      </c>
      <c r="AK1666" t="s">
        <v>9</v>
      </c>
      <c r="AL1666">
        <v>0</v>
      </c>
      <c r="AM1666">
        <v>0</v>
      </c>
      <c r="AN1666">
        <v>0</v>
      </c>
      <c r="AO1666">
        <v>0</v>
      </c>
      <c r="AP1666">
        <v>0</v>
      </c>
      <c r="AQ1666">
        <v>0</v>
      </c>
      <c r="AR1666">
        <v>0</v>
      </c>
      <c r="AS1666">
        <v>0</v>
      </c>
      <c r="AT1666">
        <v>0</v>
      </c>
      <c r="AU1666">
        <v>0</v>
      </c>
      <c r="AV1666">
        <v>0</v>
      </c>
      <c r="AW1666">
        <v>0</v>
      </c>
      <c r="AX1666">
        <v>14148</v>
      </c>
      <c r="AY1666">
        <v>11</v>
      </c>
      <c r="AZ1666">
        <v>31</v>
      </c>
      <c r="BA1666">
        <v>2121</v>
      </c>
    </row>
    <row r="1667" spans="1:53" x14ac:dyDescent="0.4">
      <c r="A1667">
        <v>1711</v>
      </c>
      <c r="B1667" s="1">
        <v>43354</v>
      </c>
      <c r="C1667">
        <v>4</v>
      </c>
      <c r="D1667" s="1">
        <v>43354.935416666667</v>
      </c>
      <c r="E1667" s="1">
        <v>43355.076388888891</v>
      </c>
      <c r="F1667">
        <v>31500</v>
      </c>
      <c r="G1667">
        <v>500</v>
      </c>
      <c r="H1667">
        <v>400</v>
      </c>
      <c r="I1667">
        <v>0</v>
      </c>
      <c r="J1667">
        <v>1000</v>
      </c>
      <c r="K1667">
        <v>500</v>
      </c>
      <c r="L1667">
        <v>0</v>
      </c>
      <c r="M1667">
        <v>2552</v>
      </c>
      <c r="N1667">
        <v>0</v>
      </c>
      <c r="O1667">
        <v>0</v>
      </c>
      <c r="P1667">
        <v>-2592</v>
      </c>
      <c r="Q1667">
        <v>0</v>
      </c>
      <c r="R1667">
        <v>31860</v>
      </c>
      <c r="S1667">
        <v>0</v>
      </c>
      <c r="T1667">
        <v>0</v>
      </c>
      <c r="U1667">
        <v>0</v>
      </c>
      <c r="V1667">
        <v>5</v>
      </c>
      <c r="W1667">
        <v>0</v>
      </c>
      <c r="X1667">
        <v>0</v>
      </c>
      <c r="Y1667">
        <v>44</v>
      </c>
      <c r="Z1667">
        <v>13</v>
      </c>
      <c r="AA1667">
        <v>142</v>
      </c>
      <c r="AB1667">
        <v>28</v>
      </c>
      <c r="AC1667">
        <v>141</v>
      </c>
      <c r="AD1667">
        <v>73</v>
      </c>
      <c r="AE1667">
        <v>93</v>
      </c>
      <c r="AF1667">
        <v>1756</v>
      </c>
      <c r="AG1667">
        <v>119724</v>
      </c>
      <c r="AH1667">
        <v>50000</v>
      </c>
      <c r="AI1667">
        <v>0</v>
      </c>
      <c r="AJ1667">
        <v>100</v>
      </c>
      <c r="AK1667" t="s">
        <v>0</v>
      </c>
      <c r="AL1667">
        <v>0</v>
      </c>
      <c r="AM1667">
        <v>0</v>
      </c>
      <c r="AN1667">
        <v>0</v>
      </c>
      <c r="AO1667">
        <v>0</v>
      </c>
      <c r="AP1667">
        <v>0</v>
      </c>
      <c r="AQ1667">
        <v>0</v>
      </c>
      <c r="AR1667">
        <v>0</v>
      </c>
      <c r="AS1667">
        <v>0</v>
      </c>
      <c r="AT1667">
        <v>0</v>
      </c>
      <c r="AU1667">
        <v>0</v>
      </c>
      <c r="AV1667">
        <v>0</v>
      </c>
      <c r="AW1667">
        <v>0</v>
      </c>
      <c r="AX1667">
        <v>0</v>
      </c>
      <c r="AY1667">
        <v>1</v>
      </c>
      <c r="AZ1667">
        <v>3</v>
      </c>
      <c r="BA1667">
        <v>431</v>
      </c>
    </row>
    <row r="1668" spans="1:53" x14ac:dyDescent="0.4">
      <c r="A1668">
        <v>1712</v>
      </c>
      <c r="B1668" s="1">
        <v>43355</v>
      </c>
      <c r="C1668">
        <v>1</v>
      </c>
      <c r="D1668" s="1">
        <v>43355.291666666664</v>
      </c>
      <c r="E1668" s="1">
        <v>43355.447916666664</v>
      </c>
      <c r="F1668">
        <v>0</v>
      </c>
      <c r="G1668">
        <v>0</v>
      </c>
      <c r="H1668">
        <v>0</v>
      </c>
      <c r="I1668">
        <v>0</v>
      </c>
      <c r="J1668">
        <v>0</v>
      </c>
      <c r="K1668">
        <v>0</v>
      </c>
      <c r="L1668">
        <v>0</v>
      </c>
      <c r="M1668">
        <v>0</v>
      </c>
      <c r="N1668">
        <v>0</v>
      </c>
      <c r="O1668">
        <v>0</v>
      </c>
      <c r="P1668">
        <v>0</v>
      </c>
      <c r="Q1668">
        <v>0</v>
      </c>
      <c r="R1668">
        <v>0</v>
      </c>
      <c r="S1668">
        <v>0</v>
      </c>
      <c r="T1668">
        <v>0</v>
      </c>
      <c r="U1668">
        <v>0</v>
      </c>
      <c r="V1668">
        <v>0</v>
      </c>
      <c r="W1668">
        <v>0</v>
      </c>
      <c r="X1668">
        <v>0</v>
      </c>
      <c r="Y1668">
        <v>33</v>
      </c>
      <c r="Z1668">
        <v>11</v>
      </c>
      <c r="AA1668">
        <v>88</v>
      </c>
      <c r="AB1668">
        <v>28</v>
      </c>
      <c r="AC1668">
        <v>85</v>
      </c>
      <c r="AD1668">
        <v>73</v>
      </c>
      <c r="AE1668">
        <v>85</v>
      </c>
      <c r="AF1668">
        <v>0</v>
      </c>
      <c r="AG1668">
        <v>50000</v>
      </c>
      <c r="AH1668">
        <v>0</v>
      </c>
      <c r="AI1668">
        <v>50000</v>
      </c>
      <c r="AJ1668">
        <v>0</v>
      </c>
      <c r="AK1668" t="s">
        <v>6</v>
      </c>
      <c r="AL1668">
        <v>0</v>
      </c>
      <c r="AM1668">
        <v>0</v>
      </c>
      <c r="AN1668">
        <v>0</v>
      </c>
      <c r="AO1668">
        <v>0</v>
      </c>
      <c r="AP1668">
        <v>0</v>
      </c>
      <c r="AQ1668">
        <v>0</v>
      </c>
      <c r="AR1668">
        <v>0</v>
      </c>
      <c r="AS1668">
        <v>0</v>
      </c>
      <c r="AT1668">
        <v>0</v>
      </c>
      <c r="AU1668">
        <v>0</v>
      </c>
      <c r="AV1668">
        <v>0</v>
      </c>
      <c r="AW1668">
        <v>0</v>
      </c>
      <c r="AX1668">
        <v>0</v>
      </c>
      <c r="AY1668">
        <v>0</v>
      </c>
      <c r="AZ1668">
        <v>0</v>
      </c>
      <c r="BA1668">
        <v>0</v>
      </c>
    </row>
    <row r="1669" spans="1:53" x14ac:dyDescent="0.4">
      <c r="A1669">
        <v>1713</v>
      </c>
      <c r="B1669" s="1">
        <v>43355</v>
      </c>
      <c r="C1669">
        <v>2</v>
      </c>
      <c r="D1669" s="1">
        <v>43355.447916666664</v>
      </c>
      <c r="E1669" s="1">
        <v>43355.770833333336</v>
      </c>
      <c r="F1669">
        <v>21500</v>
      </c>
      <c r="G1669">
        <v>680</v>
      </c>
      <c r="H1669">
        <v>0</v>
      </c>
      <c r="I1669">
        <v>0</v>
      </c>
      <c r="J1669">
        <v>0</v>
      </c>
      <c r="K1669">
        <v>0</v>
      </c>
      <c r="L1669">
        <v>0</v>
      </c>
      <c r="M1669">
        <v>1774</v>
      </c>
      <c r="N1669">
        <v>0</v>
      </c>
      <c r="O1669">
        <v>0</v>
      </c>
      <c r="P1669">
        <v>19440</v>
      </c>
      <c r="Q1669">
        <v>0</v>
      </c>
      <c r="R1669">
        <v>43394</v>
      </c>
      <c r="S1669">
        <v>0</v>
      </c>
      <c r="T1669">
        <v>0</v>
      </c>
      <c r="U1669">
        <v>0</v>
      </c>
      <c r="V1669">
        <v>2</v>
      </c>
      <c r="W1669">
        <v>1</v>
      </c>
      <c r="X1669">
        <v>0</v>
      </c>
      <c r="Y1669">
        <v>48</v>
      </c>
      <c r="Z1669">
        <v>16</v>
      </c>
      <c r="AA1669">
        <v>91</v>
      </c>
      <c r="AB1669">
        <v>26</v>
      </c>
      <c r="AC1669">
        <v>151</v>
      </c>
      <c r="AD1669">
        <v>73</v>
      </c>
      <c r="AE1669">
        <v>99</v>
      </c>
      <c r="AF1669">
        <v>0</v>
      </c>
      <c r="AG1669">
        <v>93374</v>
      </c>
      <c r="AH1669">
        <v>50000</v>
      </c>
      <c r="AI1669">
        <v>-20</v>
      </c>
      <c r="AJ1669">
        <v>30</v>
      </c>
      <c r="AL1669">
        <v>0</v>
      </c>
      <c r="AM1669">
        <v>0</v>
      </c>
      <c r="AN1669">
        <v>0</v>
      </c>
      <c r="AO1669">
        <v>0</v>
      </c>
      <c r="AP1669">
        <v>0</v>
      </c>
      <c r="AQ1669">
        <v>0</v>
      </c>
      <c r="AR1669">
        <v>0</v>
      </c>
      <c r="AS1669">
        <v>0</v>
      </c>
      <c r="AT1669">
        <v>0</v>
      </c>
      <c r="AU1669">
        <v>0</v>
      </c>
      <c r="AV1669">
        <v>0</v>
      </c>
      <c r="AW1669">
        <v>0</v>
      </c>
      <c r="AX1669">
        <v>2527</v>
      </c>
      <c r="AY1669">
        <v>42</v>
      </c>
      <c r="AZ1669">
        <v>78</v>
      </c>
      <c r="BA1669">
        <v>5970</v>
      </c>
    </row>
    <row r="1670" spans="1:53" x14ac:dyDescent="0.4">
      <c r="A1670">
        <v>1714</v>
      </c>
      <c r="B1670" s="1">
        <v>43355</v>
      </c>
      <c r="C1670">
        <v>3</v>
      </c>
      <c r="D1670" s="1">
        <v>43355.770833333336</v>
      </c>
      <c r="E1670" s="1">
        <v>43355.95416666667</v>
      </c>
      <c r="F1670">
        <v>49000</v>
      </c>
      <c r="G1670">
        <v>2340</v>
      </c>
      <c r="H1670">
        <v>0</v>
      </c>
      <c r="I1670">
        <v>0</v>
      </c>
      <c r="J1670">
        <v>0</v>
      </c>
      <c r="K1670">
        <v>0</v>
      </c>
      <c r="L1670">
        <v>0</v>
      </c>
      <c r="M1670">
        <v>4107</v>
      </c>
      <c r="N1670">
        <v>0</v>
      </c>
      <c r="O1670">
        <v>0</v>
      </c>
      <c r="P1670">
        <v>-11232</v>
      </c>
      <c r="Q1670">
        <v>0</v>
      </c>
      <c r="R1670">
        <v>44215</v>
      </c>
      <c r="S1670">
        <v>0</v>
      </c>
      <c r="T1670">
        <v>0</v>
      </c>
      <c r="U1670">
        <v>0</v>
      </c>
      <c r="V1670">
        <v>6</v>
      </c>
      <c r="W1670">
        <v>1</v>
      </c>
      <c r="X1670">
        <v>0</v>
      </c>
      <c r="Y1670">
        <v>54</v>
      </c>
      <c r="Z1670">
        <v>18</v>
      </c>
      <c r="AA1670">
        <v>67</v>
      </c>
      <c r="AB1670">
        <v>21</v>
      </c>
      <c r="AC1670">
        <v>141</v>
      </c>
      <c r="AD1670">
        <v>71</v>
      </c>
      <c r="AE1670">
        <v>94</v>
      </c>
      <c r="AF1670">
        <v>0</v>
      </c>
      <c r="AG1670">
        <v>137609</v>
      </c>
      <c r="AH1670">
        <v>50000</v>
      </c>
      <c r="AI1670">
        <v>0</v>
      </c>
      <c r="AJ1670">
        <v>108</v>
      </c>
      <c r="AK1670" t="s">
        <v>30</v>
      </c>
      <c r="AL1670">
        <v>0</v>
      </c>
      <c r="AM1670">
        <v>0</v>
      </c>
      <c r="AN1670">
        <v>0</v>
      </c>
      <c r="AO1670">
        <v>0</v>
      </c>
      <c r="AP1670">
        <v>0</v>
      </c>
      <c r="AQ1670">
        <v>0</v>
      </c>
      <c r="AR1670">
        <v>0</v>
      </c>
      <c r="AS1670">
        <v>0</v>
      </c>
      <c r="AT1670">
        <v>0</v>
      </c>
      <c r="AU1670">
        <v>0</v>
      </c>
      <c r="AV1670">
        <v>0</v>
      </c>
      <c r="AW1670">
        <v>0</v>
      </c>
      <c r="AX1670">
        <v>1192</v>
      </c>
      <c r="AY1670">
        <v>12</v>
      </c>
      <c r="AZ1670">
        <v>39</v>
      </c>
      <c r="BA1670">
        <v>2313</v>
      </c>
    </row>
    <row r="1671" spans="1:53" x14ac:dyDescent="0.4">
      <c r="A1671">
        <v>1715</v>
      </c>
      <c r="B1671" s="1">
        <v>43355</v>
      </c>
      <c r="C1671">
        <v>4</v>
      </c>
      <c r="D1671" s="1">
        <v>43355.95416666667</v>
      </c>
      <c r="E1671" s="1">
        <v>43356.074999999997</v>
      </c>
      <c r="F1671">
        <v>7000</v>
      </c>
      <c r="G1671">
        <v>0</v>
      </c>
      <c r="H1671">
        <v>200</v>
      </c>
      <c r="I1671">
        <v>0</v>
      </c>
      <c r="J1671">
        <v>0</v>
      </c>
      <c r="K1671">
        <v>0</v>
      </c>
      <c r="L1671">
        <v>0</v>
      </c>
      <c r="M1671">
        <v>576</v>
      </c>
      <c r="N1671">
        <v>0</v>
      </c>
      <c r="O1671">
        <v>0</v>
      </c>
      <c r="P1671">
        <v>6264</v>
      </c>
      <c r="Q1671">
        <v>0</v>
      </c>
      <c r="R1671">
        <v>14040</v>
      </c>
      <c r="S1671">
        <v>0</v>
      </c>
      <c r="T1671">
        <v>0</v>
      </c>
      <c r="U1671">
        <v>0</v>
      </c>
      <c r="V1671">
        <v>7</v>
      </c>
      <c r="W1671">
        <v>0</v>
      </c>
      <c r="X1671">
        <v>0</v>
      </c>
      <c r="Y1671">
        <v>63</v>
      </c>
      <c r="Z1671">
        <v>17</v>
      </c>
      <c r="AA1671">
        <v>69</v>
      </c>
      <c r="AB1671">
        <v>23</v>
      </c>
      <c r="AC1671">
        <v>143</v>
      </c>
      <c r="AD1671">
        <v>72</v>
      </c>
      <c r="AE1671">
        <v>93</v>
      </c>
      <c r="AF1671">
        <v>216</v>
      </c>
      <c r="AG1671">
        <v>151649</v>
      </c>
      <c r="AH1671">
        <v>50000</v>
      </c>
      <c r="AI1671">
        <v>0</v>
      </c>
      <c r="AJ1671">
        <v>100</v>
      </c>
      <c r="AK1671" t="s">
        <v>0</v>
      </c>
      <c r="AL1671">
        <v>0</v>
      </c>
      <c r="AM1671">
        <v>0</v>
      </c>
      <c r="AN1671">
        <v>0</v>
      </c>
      <c r="AO1671">
        <v>0</v>
      </c>
      <c r="AP1671">
        <v>0</v>
      </c>
      <c r="AQ1671">
        <v>0</v>
      </c>
      <c r="AR1671">
        <v>0</v>
      </c>
      <c r="AS1671">
        <v>0</v>
      </c>
      <c r="AT1671">
        <v>0</v>
      </c>
      <c r="AU1671">
        <v>0</v>
      </c>
      <c r="AV1671">
        <v>0</v>
      </c>
      <c r="AW1671">
        <v>0</v>
      </c>
      <c r="AX1671">
        <v>5508</v>
      </c>
      <c r="AY1671">
        <v>4</v>
      </c>
      <c r="AZ1671">
        <v>12</v>
      </c>
      <c r="BA1671">
        <v>618</v>
      </c>
    </row>
    <row r="1672" spans="1:53" x14ac:dyDescent="0.4">
      <c r="A1672">
        <v>1716</v>
      </c>
      <c r="B1672" s="1">
        <v>43356</v>
      </c>
      <c r="C1672">
        <v>1</v>
      </c>
      <c r="D1672" s="1">
        <v>43356.291666666664</v>
      </c>
      <c r="E1672" s="1">
        <v>43356.447916666664</v>
      </c>
      <c r="F1672">
        <v>0</v>
      </c>
      <c r="G1672">
        <v>0</v>
      </c>
      <c r="H1672">
        <v>0</v>
      </c>
      <c r="I1672">
        <v>0</v>
      </c>
      <c r="J1672">
        <v>0</v>
      </c>
      <c r="K1672">
        <v>0</v>
      </c>
      <c r="L1672">
        <v>0</v>
      </c>
      <c r="M1672">
        <v>0</v>
      </c>
      <c r="N1672">
        <v>0</v>
      </c>
      <c r="O1672">
        <v>0</v>
      </c>
      <c r="P1672">
        <v>0</v>
      </c>
      <c r="Q1672">
        <v>0</v>
      </c>
      <c r="R1672">
        <v>0</v>
      </c>
      <c r="S1672">
        <v>0</v>
      </c>
      <c r="T1672">
        <v>0</v>
      </c>
      <c r="U1672">
        <v>0</v>
      </c>
      <c r="V1672">
        <v>0</v>
      </c>
      <c r="W1672">
        <v>0</v>
      </c>
      <c r="X1672">
        <v>0</v>
      </c>
      <c r="Y1672">
        <v>32</v>
      </c>
      <c r="Z1672">
        <v>16</v>
      </c>
      <c r="AA1672">
        <v>70</v>
      </c>
      <c r="AB1672">
        <v>22</v>
      </c>
      <c r="AC1672">
        <v>146</v>
      </c>
      <c r="AD1672">
        <v>70</v>
      </c>
      <c r="AE1672">
        <v>90</v>
      </c>
      <c r="AF1672">
        <v>0</v>
      </c>
      <c r="AG1672">
        <v>50000</v>
      </c>
      <c r="AH1672">
        <v>0</v>
      </c>
      <c r="AI1672">
        <v>50000</v>
      </c>
      <c r="AJ1672">
        <v>0</v>
      </c>
      <c r="AK1672" t="s">
        <v>6</v>
      </c>
      <c r="AL1672">
        <v>0</v>
      </c>
      <c r="AM1672">
        <v>0</v>
      </c>
      <c r="AN1672">
        <v>0</v>
      </c>
      <c r="AO1672">
        <v>0</v>
      </c>
      <c r="AP1672">
        <v>0</v>
      </c>
      <c r="AQ1672">
        <v>0</v>
      </c>
      <c r="AR1672">
        <v>0</v>
      </c>
      <c r="AS1672">
        <v>0</v>
      </c>
      <c r="AT1672">
        <v>0</v>
      </c>
      <c r="AU1672">
        <v>0</v>
      </c>
      <c r="AV1672">
        <v>0</v>
      </c>
      <c r="AW1672">
        <v>0</v>
      </c>
      <c r="AX1672">
        <v>0</v>
      </c>
      <c r="AY1672">
        <v>0</v>
      </c>
      <c r="AZ1672">
        <v>0</v>
      </c>
      <c r="BA1672">
        <v>0</v>
      </c>
    </row>
    <row r="1673" spans="1:53" x14ac:dyDescent="0.4">
      <c r="A1673">
        <v>1717</v>
      </c>
      <c r="B1673" s="1">
        <v>43356</v>
      </c>
      <c r="C1673">
        <v>2</v>
      </c>
      <c r="D1673" s="1">
        <v>43356.447916666664</v>
      </c>
      <c r="E1673" s="1">
        <v>43356.731944444444</v>
      </c>
      <c r="F1673">
        <v>18000</v>
      </c>
      <c r="G1673">
        <v>3490</v>
      </c>
      <c r="H1673">
        <v>0</v>
      </c>
      <c r="I1673">
        <v>0</v>
      </c>
      <c r="J1673">
        <v>0</v>
      </c>
      <c r="K1673">
        <v>0</v>
      </c>
      <c r="L1673">
        <v>0</v>
      </c>
      <c r="M1673">
        <v>1718</v>
      </c>
      <c r="N1673">
        <v>0</v>
      </c>
      <c r="O1673">
        <v>0</v>
      </c>
      <c r="P1673">
        <v>17820</v>
      </c>
      <c r="Q1673">
        <v>0</v>
      </c>
      <c r="R1673">
        <v>41028</v>
      </c>
      <c r="S1673">
        <v>0</v>
      </c>
      <c r="T1673">
        <v>0</v>
      </c>
      <c r="U1673">
        <v>0</v>
      </c>
      <c r="V1673">
        <v>1</v>
      </c>
      <c r="W1673">
        <v>0</v>
      </c>
      <c r="X1673">
        <v>0</v>
      </c>
      <c r="Y1673">
        <v>52</v>
      </c>
      <c r="Z1673">
        <v>33</v>
      </c>
      <c r="AA1673">
        <v>92</v>
      </c>
      <c r="AB1673">
        <v>24</v>
      </c>
      <c r="AC1673">
        <v>169</v>
      </c>
      <c r="AD1673">
        <v>69</v>
      </c>
      <c r="AE1673">
        <v>93</v>
      </c>
      <c r="AF1673">
        <v>0</v>
      </c>
      <c r="AG1673">
        <v>91028</v>
      </c>
      <c r="AH1673">
        <v>50000</v>
      </c>
      <c r="AI1673">
        <v>0</v>
      </c>
      <c r="AJ1673">
        <v>96</v>
      </c>
      <c r="AK1673" t="s">
        <v>4</v>
      </c>
      <c r="AL1673">
        <v>0</v>
      </c>
      <c r="AM1673">
        <v>0</v>
      </c>
      <c r="AN1673">
        <v>0</v>
      </c>
      <c r="AO1673">
        <v>0</v>
      </c>
      <c r="AP1673">
        <v>0</v>
      </c>
      <c r="AQ1673">
        <v>0</v>
      </c>
      <c r="AR1673">
        <v>0</v>
      </c>
      <c r="AS1673">
        <v>0</v>
      </c>
      <c r="AT1673">
        <v>0</v>
      </c>
      <c r="AU1673">
        <v>0</v>
      </c>
      <c r="AV1673">
        <v>0</v>
      </c>
      <c r="AW1673">
        <v>0</v>
      </c>
      <c r="AX1673">
        <v>0</v>
      </c>
      <c r="AY1673">
        <v>31</v>
      </c>
      <c r="AZ1673">
        <v>69</v>
      </c>
      <c r="BA1673">
        <v>4272</v>
      </c>
    </row>
    <row r="1674" spans="1:53" x14ac:dyDescent="0.4">
      <c r="A1674">
        <v>1718</v>
      </c>
      <c r="B1674" s="1">
        <v>43356</v>
      </c>
      <c r="C1674">
        <v>3</v>
      </c>
      <c r="D1674" s="1">
        <v>43356.731944444444</v>
      </c>
      <c r="E1674" s="1">
        <v>43356.752083333333</v>
      </c>
      <c r="F1674">
        <v>3000</v>
      </c>
      <c r="G1674">
        <v>0</v>
      </c>
      <c r="H1674">
        <v>0</v>
      </c>
      <c r="I1674">
        <v>0</v>
      </c>
      <c r="J1674">
        <v>0</v>
      </c>
      <c r="K1674">
        <v>0</v>
      </c>
      <c r="L1674">
        <v>0</v>
      </c>
      <c r="M1674">
        <v>240</v>
      </c>
      <c r="N1674">
        <v>0</v>
      </c>
      <c r="O1674">
        <v>0</v>
      </c>
      <c r="P1674">
        <v>-1080</v>
      </c>
      <c r="Q1674">
        <v>0</v>
      </c>
      <c r="R1674">
        <v>2160</v>
      </c>
      <c r="S1674">
        <v>0</v>
      </c>
      <c r="T1674">
        <v>0</v>
      </c>
      <c r="U1674">
        <v>0</v>
      </c>
      <c r="V1674">
        <v>2</v>
      </c>
      <c r="W1674">
        <v>0</v>
      </c>
      <c r="X1674">
        <v>0</v>
      </c>
      <c r="Y1674">
        <v>43</v>
      </c>
      <c r="Z1674">
        <v>36</v>
      </c>
      <c r="AA1674">
        <v>88</v>
      </c>
      <c r="AB1674">
        <v>25</v>
      </c>
      <c r="AC1674">
        <v>170</v>
      </c>
      <c r="AD1674">
        <v>69</v>
      </c>
      <c r="AE1674">
        <v>93</v>
      </c>
      <c r="AF1674">
        <v>0</v>
      </c>
      <c r="AG1674">
        <v>93188</v>
      </c>
      <c r="AH1674">
        <v>50000</v>
      </c>
      <c r="AI1674">
        <v>0</v>
      </c>
      <c r="AJ1674">
        <v>100</v>
      </c>
      <c r="AK1674" t="s">
        <v>0</v>
      </c>
      <c r="AL1674">
        <v>0</v>
      </c>
      <c r="AM1674">
        <v>0</v>
      </c>
      <c r="AN1674">
        <v>0</v>
      </c>
      <c r="AO1674">
        <v>0</v>
      </c>
      <c r="AP1674">
        <v>0</v>
      </c>
      <c r="AQ1674">
        <v>0</v>
      </c>
      <c r="AR1674">
        <v>0</v>
      </c>
      <c r="AS1674">
        <v>0</v>
      </c>
      <c r="AT1674">
        <v>0</v>
      </c>
      <c r="AU1674">
        <v>0</v>
      </c>
      <c r="AV1674">
        <v>0</v>
      </c>
      <c r="AW1674">
        <v>0</v>
      </c>
      <c r="AX1674">
        <v>-1080</v>
      </c>
      <c r="AY1674">
        <v>2</v>
      </c>
      <c r="AZ1674">
        <v>4</v>
      </c>
      <c r="BA1674">
        <v>290</v>
      </c>
    </row>
    <row r="1675" spans="1:53" x14ac:dyDescent="0.4">
      <c r="A1675">
        <v>1719</v>
      </c>
      <c r="B1675" s="1">
        <v>43357</v>
      </c>
      <c r="C1675">
        <v>1</v>
      </c>
      <c r="D1675" s="1">
        <v>43357.291666666664</v>
      </c>
      <c r="E1675" s="1">
        <v>43357.447222222225</v>
      </c>
      <c r="F1675">
        <v>0</v>
      </c>
      <c r="G1675">
        <v>0</v>
      </c>
      <c r="H1675">
        <v>0</v>
      </c>
      <c r="I1675">
        <v>0</v>
      </c>
      <c r="J1675">
        <v>0</v>
      </c>
      <c r="K1675">
        <v>0</v>
      </c>
      <c r="L1675">
        <v>0</v>
      </c>
      <c r="M1675">
        <v>0</v>
      </c>
      <c r="N1675">
        <v>0</v>
      </c>
      <c r="O1675">
        <v>0</v>
      </c>
      <c r="P1675">
        <v>0</v>
      </c>
      <c r="Q1675">
        <v>0</v>
      </c>
      <c r="R1675">
        <v>0</v>
      </c>
      <c r="S1675">
        <v>0</v>
      </c>
      <c r="T1675">
        <v>0</v>
      </c>
      <c r="U1675">
        <v>0</v>
      </c>
      <c r="V1675">
        <v>0</v>
      </c>
      <c r="W1675">
        <v>0</v>
      </c>
      <c r="X1675">
        <v>0</v>
      </c>
      <c r="Y1675">
        <v>26</v>
      </c>
      <c r="Z1675">
        <v>25</v>
      </c>
      <c r="AA1675">
        <v>87</v>
      </c>
      <c r="AB1675">
        <v>28</v>
      </c>
      <c r="AC1675">
        <v>100</v>
      </c>
      <c r="AD1675">
        <v>64</v>
      </c>
      <c r="AE1675">
        <v>80</v>
      </c>
      <c r="AF1675">
        <v>0</v>
      </c>
      <c r="AG1675">
        <v>50000</v>
      </c>
      <c r="AH1675">
        <v>0</v>
      </c>
      <c r="AI1675">
        <v>50000</v>
      </c>
      <c r="AJ1675">
        <v>0</v>
      </c>
      <c r="AK1675" t="s">
        <v>6</v>
      </c>
      <c r="AL1675">
        <v>0</v>
      </c>
      <c r="AM1675">
        <v>0</v>
      </c>
      <c r="AN1675">
        <v>0</v>
      </c>
      <c r="AO1675">
        <v>0</v>
      </c>
      <c r="AP1675">
        <v>0</v>
      </c>
      <c r="AQ1675">
        <v>0</v>
      </c>
      <c r="AR1675">
        <v>0</v>
      </c>
      <c r="AS1675">
        <v>0</v>
      </c>
      <c r="AT1675">
        <v>0</v>
      </c>
      <c r="AU1675">
        <v>0</v>
      </c>
      <c r="AV1675">
        <v>0</v>
      </c>
      <c r="AW1675">
        <v>0</v>
      </c>
      <c r="AX1675">
        <v>0</v>
      </c>
      <c r="AY1675">
        <v>0</v>
      </c>
      <c r="AZ1675">
        <v>0</v>
      </c>
      <c r="BA1675">
        <v>0</v>
      </c>
    </row>
    <row r="1676" spans="1:53" x14ac:dyDescent="0.4">
      <c r="A1676">
        <v>1720</v>
      </c>
      <c r="B1676" s="1">
        <v>43357</v>
      </c>
      <c r="C1676">
        <v>2</v>
      </c>
      <c r="D1676" s="1">
        <v>43357.447222222225</v>
      </c>
      <c r="E1676" s="1">
        <v>43357.734027777777</v>
      </c>
      <c r="F1676">
        <v>8500</v>
      </c>
      <c r="G1676">
        <v>500</v>
      </c>
      <c r="H1676">
        <v>0</v>
      </c>
      <c r="I1676">
        <v>0</v>
      </c>
      <c r="J1676">
        <v>0</v>
      </c>
      <c r="K1676">
        <v>0</v>
      </c>
      <c r="L1676">
        <v>0</v>
      </c>
      <c r="M1676">
        <v>720</v>
      </c>
      <c r="N1676">
        <v>0</v>
      </c>
      <c r="O1676">
        <v>0</v>
      </c>
      <c r="P1676">
        <v>18360</v>
      </c>
      <c r="Q1676">
        <v>0</v>
      </c>
      <c r="R1676">
        <v>28080</v>
      </c>
      <c r="S1676">
        <v>0</v>
      </c>
      <c r="T1676">
        <v>0</v>
      </c>
      <c r="U1676">
        <v>0</v>
      </c>
      <c r="V1676">
        <v>2</v>
      </c>
      <c r="W1676">
        <v>1</v>
      </c>
      <c r="X1676">
        <v>0</v>
      </c>
      <c r="Y1676">
        <v>16</v>
      </c>
      <c r="Z1676">
        <v>27</v>
      </c>
      <c r="AA1676">
        <v>96</v>
      </c>
      <c r="AB1676">
        <v>29</v>
      </c>
      <c r="AC1676">
        <v>138</v>
      </c>
      <c r="AD1676">
        <v>63</v>
      </c>
      <c r="AE1676">
        <v>73</v>
      </c>
      <c r="AF1676">
        <v>10762</v>
      </c>
      <c r="AG1676">
        <v>78080</v>
      </c>
      <c r="AH1676">
        <v>50000</v>
      </c>
      <c r="AI1676">
        <v>0</v>
      </c>
      <c r="AJ1676">
        <v>96</v>
      </c>
      <c r="AK1676" t="s">
        <v>4</v>
      </c>
      <c r="AL1676">
        <v>0</v>
      </c>
      <c r="AM1676">
        <v>0</v>
      </c>
      <c r="AN1676">
        <v>0</v>
      </c>
      <c r="AO1676">
        <v>0</v>
      </c>
      <c r="AP1676">
        <v>0</v>
      </c>
      <c r="AQ1676">
        <v>0</v>
      </c>
      <c r="AR1676">
        <v>0</v>
      </c>
      <c r="AS1676">
        <v>0</v>
      </c>
      <c r="AT1676">
        <v>0</v>
      </c>
      <c r="AU1676">
        <v>0</v>
      </c>
      <c r="AV1676">
        <v>0</v>
      </c>
      <c r="AW1676">
        <v>0</v>
      </c>
      <c r="AX1676">
        <v>-2009</v>
      </c>
      <c r="AY1676">
        <v>31</v>
      </c>
      <c r="AZ1676">
        <v>48</v>
      </c>
      <c r="BA1676">
        <v>3894</v>
      </c>
    </row>
    <row r="1677" spans="1:53" x14ac:dyDescent="0.4">
      <c r="A1677">
        <v>1721</v>
      </c>
      <c r="B1677" s="1">
        <v>43357</v>
      </c>
      <c r="C1677">
        <v>3</v>
      </c>
      <c r="D1677" s="1">
        <v>43357.734027777777</v>
      </c>
      <c r="E1677" s="1">
        <v>43358.088194444441</v>
      </c>
      <c r="F1677">
        <v>260000</v>
      </c>
      <c r="G1677">
        <v>21630</v>
      </c>
      <c r="H1677">
        <v>0</v>
      </c>
      <c r="I1677">
        <v>0</v>
      </c>
      <c r="J1677">
        <v>800</v>
      </c>
      <c r="K1677">
        <v>0</v>
      </c>
      <c r="L1677">
        <v>0</v>
      </c>
      <c r="M1677">
        <v>22466</v>
      </c>
      <c r="N1677">
        <v>0</v>
      </c>
      <c r="O1677">
        <v>0</v>
      </c>
      <c r="P1677">
        <v>37649</v>
      </c>
      <c r="Q1677">
        <v>0</v>
      </c>
      <c r="R1677">
        <v>340945</v>
      </c>
      <c r="S1677">
        <v>0</v>
      </c>
      <c r="T1677">
        <v>0</v>
      </c>
      <c r="U1677">
        <v>0</v>
      </c>
      <c r="V1677">
        <v>28</v>
      </c>
      <c r="W1677">
        <v>5</v>
      </c>
      <c r="X1677">
        <v>0</v>
      </c>
      <c r="Y1677">
        <v>58</v>
      </c>
      <c r="Z1677">
        <v>25</v>
      </c>
      <c r="AA1677">
        <v>87</v>
      </c>
      <c r="AB1677">
        <v>19</v>
      </c>
      <c r="AC1677">
        <v>114</v>
      </c>
      <c r="AD1677">
        <v>62</v>
      </c>
      <c r="AE1677">
        <v>63</v>
      </c>
      <c r="AF1677">
        <v>32362</v>
      </c>
      <c r="AG1677">
        <v>419025</v>
      </c>
      <c r="AH1677">
        <v>50000</v>
      </c>
      <c r="AI1677">
        <v>0</v>
      </c>
      <c r="AJ1677">
        <v>108</v>
      </c>
      <c r="AK1677" t="s">
        <v>30</v>
      </c>
      <c r="AL1677">
        <v>0</v>
      </c>
      <c r="AM1677">
        <v>0</v>
      </c>
      <c r="AN1677">
        <v>0</v>
      </c>
      <c r="AO1677">
        <v>0</v>
      </c>
      <c r="AP1677">
        <v>0</v>
      </c>
      <c r="AQ1677">
        <v>0</v>
      </c>
      <c r="AR1677">
        <v>0</v>
      </c>
      <c r="AS1677">
        <v>0</v>
      </c>
      <c r="AT1677">
        <v>0</v>
      </c>
      <c r="AU1677">
        <v>0</v>
      </c>
      <c r="AV1677">
        <v>0</v>
      </c>
      <c r="AW1677">
        <v>0</v>
      </c>
      <c r="AX1677">
        <v>1706</v>
      </c>
      <c r="AY1677">
        <v>45</v>
      </c>
      <c r="AZ1677">
        <v>179</v>
      </c>
      <c r="BA1677">
        <v>6646</v>
      </c>
    </row>
    <row r="1678" spans="1:53" x14ac:dyDescent="0.4">
      <c r="A1678">
        <v>1722</v>
      </c>
      <c r="B1678" s="1">
        <v>43358</v>
      </c>
      <c r="C1678">
        <v>1</v>
      </c>
      <c r="D1678" s="1">
        <v>43358.291666666664</v>
      </c>
      <c r="E1678" s="1">
        <v>43358.393750000003</v>
      </c>
      <c r="F1678">
        <v>0</v>
      </c>
      <c r="G1678">
        <v>0</v>
      </c>
      <c r="H1678">
        <v>0</v>
      </c>
      <c r="I1678">
        <v>0</v>
      </c>
      <c r="J1678">
        <v>0</v>
      </c>
      <c r="K1678">
        <v>0</v>
      </c>
      <c r="L1678">
        <v>0</v>
      </c>
      <c r="M1678">
        <v>0</v>
      </c>
      <c r="N1678">
        <v>0</v>
      </c>
      <c r="O1678">
        <v>0</v>
      </c>
      <c r="P1678">
        <v>0</v>
      </c>
      <c r="Q1678">
        <v>0</v>
      </c>
      <c r="R1678">
        <v>0</v>
      </c>
      <c r="S1678">
        <v>0</v>
      </c>
      <c r="T1678">
        <v>0</v>
      </c>
      <c r="U1678">
        <v>0</v>
      </c>
      <c r="V1678">
        <v>0</v>
      </c>
      <c r="W1678">
        <v>0</v>
      </c>
      <c r="X1678">
        <v>0</v>
      </c>
      <c r="Y1678">
        <v>28</v>
      </c>
      <c r="Z1678">
        <v>21</v>
      </c>
      <c r="AA1678">
        <v>90</v>
      </c>
      <c r="AB1678">
        <v>20</v>
      </c>
      <c r="AC1678">
        <v>114</v>
      </c>
      <c r="AD1678">
        <v>59</v>
      </c>
      <c r="AE1678">
        <v>65</v>
      </c>
      <c r="AF1678">
        <v>0</v>
      </c>
      <c r="AG1678">
        <v>50000</v>
      </c>
      <c r="AH1678">
        <v>0</v>
      </c>
      <c r="AI1678">
        <v>50000</v>
      </c>
      <c r="AJ1678">
        <v>0</v>
      </c>
      <c r="AK1678" t="s">
        <v>6</v>
      </c>
      <c r="AL1678">
        <v>0</v>
      </c>
      <c r="AM1678">
        <v>0</v>
      </c>
      <c r="AN1678">
        <v>0</v>
      </c>
      <c r="AO1678">
        <v>0</v>
      </c>
      <c r="AP1678">
        <v>0</v>
      </c>
      <c r="AQ1678">
        <v>0</v>
      </c>
      <c r="AR1678">
        <v>0</v>
      </c>
      <c r="AS1678">
        <v>0</v>
      </c>
      <c r="AT1678">
        <v>0</v>
      </c>
      <c r="AU1678">
        <v>0</v>
      </c>
      <c r="AV1678">
        <v>0</v>
      </c>
      <c r="AW1678">
        <v>0</v>
      </c>
      <c r="AX1678">
        <v>0</v>
      </c>
      <c r="AY1678">
        <v>0</v>
      </c>
      <c r="AZ1678">
        <v>0</v>
      </c>
      <c r="BA1678">
        <v>0</v>
      </c>
    </row>
    <row r="1679" spans="1:53" x14ac:dyDescent="0.4">
      <c r="A1679">
        <v>1723</v>
      </c>
      <c r="B1679" s="1">
        <v>43358</v>
      </c>
      <c r="C1679">
        <v>2</v>
      </c>
      <c r="D1679" s="1">
        <v>43358.393750000003</v>
      </c>
      <c r="E1679" s="1">
        <v>43358.734722222223</v>
      </c>
      <c r="F1679">
        <v>42500</v>
      </c>
      <c r="G1679">
        <v>4600</v>
      </c>
      <c r="H1679">
        <v>0</v>
      </c>
      <c r="I1679">
        <v>0</v>
      </c>
      <c r="J1679">
        <v>500</v>
      </c>
      <c r="K1679">
        <v>0</v>
      </c>
      <c r="L1679">
        <v>0</v>
      </c>
      <c r="M1679">
        <v>3727</v>
      </c>
      <c r="N1679">
        <v>0</v>
      </c>
      <c r="O1679">
        <v>0</v>
      </c>
      <c r="P1679">
        <v>15660</v>
      </c>
      <c r="Q1679">
        <v>0</v>
      </c>
      <c r="R1679">
        <v>65987</v>
      </c>
      <c r="S1679">
        <v>0</v>
      </c>
      <c r="T1679">
        <v>0</v>
      </c>
      <c r="U1679">
        <v>0</v>
      </c>
      <c r="V1679">
        <v>3</v>
      </c>
      <c r="W1679">
        <v>2</v>
      </c>
      <c r="X1679">
        <v>0</v>
      </c>
      <c r="Y1679">
        <v>44</v>
      </c>
      <c r="Z1679">
        <v>36</v>
      </c>
      <c r="AA1679">
        <v>105</v>
      </c>
      <c r="AB1679">
        <v>22</v>
      </c>
      <c r="AC1679">
        <v>147</v>
      </c>
      <c r="AD1679">
        <v>62</v>
      </c>
      <c r="AE1679">
        <v>67</v>
      </c>
      <c r="AF1679">
        <v>540</v>
      </c>
      <c r="AG1679">
        <v>115987</v>
      </c>
      <c r="AH1679">
        <v>50000</v>
      </c>
      <c r="AI1679">
        <v>0</v>
      </c>
      <c r="AJ1679">
        <v>93</v>
      </c>
      <c r="AK1679" t="s">
        <v>20</v>
      </c>
      <c r="AL1679">
        <v>0</v>
      </c>
      <c r="AM1679">
        <v>0</v>
      </c>
      <c r="AN1679">
        <v>0</v>
      </c>
      <c r="AO1679">
        <v>0</v>
      </c>
      <c r="AP1679">
        <v>0</v>
      </c>
      <c r="AQ1679">
        <v>0</v>
      </c>
      <c r="AR1679">
        <v>0</v>
      </c>
      <c r="AS1679">
        <v>0</v>
      </c>
      <c r="AT1679">
        <v>0</v>
      </c>
      <c r="AU1679">
        <v>0</v>
      </c>
      <c r="AV1679">
        <v>0</v>
      </c>
      <c r="AW1679">
        <v>0</v>
      </c>
      <c r="AX1679">
        <v>0</v>
      </c>
      <c r="AY1679">
        <v>47</v>
      </c>
      <c r="AZ1679">
        <v>104</v>
      </c>
      <c r="BA1679">
        <v>7520</v>
      </c>
    </row>
    <row r="1680" spans="1:53" x14ac:dyDescent="0.4">
      <c r="A1680">
        <v>1724</v>
      </c>
      <c r="B1680" s="1">
        <v>43358</v>
      </c>
      <c r="C1680">
        <v>3</v>
      </c>
      <c r="D1680" s="1">
        <v>43358.734722222223</v>
      </c>
      <c r="E1680" s="1">
        <v>43358.961805555555</v>
      </c>
      <c r="F1680">
        <v>151400</v>
      </c>
      <c r="G1680">
        <v>6120</v>
      </c>
      <c r="H1680">
        <v>0</v>
      </c>
      <c r="I1680">
        <v>0</v>
      </c>
      <c r="J1680">
        <v>0</v>
      </c>
      <c r="K1680">
        <v>800</v>
      </c>
      <c r="L1680">
        <v>0</v>
      </c>
      <c r="M1680">
        <v>12665</v>
      </c>
      <c r="N1680">
        <v>0</v>
      </c>
      <c r="O1680">
        <v>0</v>
      </c>
      <c r="P1680">
        <v>-6372</v>
      </c>
      <c r="Q1680">
        <v>0</v>
      </c>
      <c r="R1680">
        <v>164613</v>
      </c>
      <c r="S1680">
        <v>0</v>
      </c>
      <c r="T1680">
        <v>0</v>
      </c>
      <c r="U1680">
        <v>0</v>
      </c>
      <c r="V1680">
        <v>17</v>
      </c>
      <c r="W1680">
        <v>1</v>
      </c>
      <c r="X1680">
        <v>0</v>
      </c>
      <c r="Y1680">
        <v>67</v>
      </c>
      <c r="Z1680">
        <v>39</v>
      </c>
      <c r="AA1680">
        <v>114</v>
      </c>
      <c r="AB1680">
        <v>27</v>
      </c>
      <c r="AC1680">
        <v>153</v>
      </c>
      <c r="AD1680">
        <v>65</v>
      </c>
      <c r="AE1680">
        <v>67</v>
      </c>
      <c r="AF1680">
        <v>4428</v>
      </c>
      <c r="AG1680">
        <v>280600</v>
      </c>
      <c r="AH1680">
        <v>50000</v>
      </c>
      <c r="AI1680">
        <v>0</v>
      </c>
      <c r="AJ1680">
        <v>108</v>
      </c>
      <c r="AK1680" t="s">
        <v>30</v>
      </c>
      <c r="AL1680">
        <v>0</v>
      </c>
      <c r="AM1680">
        <v>0</v>
      </c>
      <c r="AN1680">
        <v>0</v>
      </c>
      <c r="AO1680">
        <v>0</v>
      </c>
      <c r="AP1680">
        <v>0</v>
      </c>
      <c r="AQ1680">
        <v>0</v>
      </c>
      <c r="AR1680">
        <v>0</v>
      </c>
      <c r="AS1680">
        <v>0</v>
      </c>
      <c r="AT1680">
        <v>0</v>
      </c>
      <c r="AU1680">
        <v>0</v>
      </c>
      <c r="AV1680">
        <v>0</v>
      </c>
      <c r="AW1680">
        <v>0</v>
      </c>
      <c r="AX1680">
        <v>71248</v>
      </c>
      <c r="AY1680">
        <v>28</v>
      </c>
      <c r="AZ1680">
        <v>139</v>
      </c>
      <c r="BA1680">
        <v>4389</v>
      </c>
    </row>
    <row r="1681" spans="1:53" x14ac:dyDescent="0.4">
      <c r="A1681">
        <v>1725</v>
      </c>
      <c r="B1681" s="1">
        <v>43359</v>
      </c>
      <c r="C1681">
        <v>1</v>
      </c>
      <c r="D1681" s="1">
        <v>43359.291666666664</v>
      </c>
      <c r="E1681" s="1">
        <v>43359.40625</v>
      </c>
      <c r="F1681">
        <v>0</v>
      </c>
      <c r="G1681">
        <v>0</v>
      </c>
      <c r="H1681">
        <v>0</v>
      </c>
      <c r="I1681">
        <v>0</v>
      </c>
      <c r="J1681">
        <v>0</v>
      </c>
      <c r="K1681">
        <v>0</v>
      </c>
      <c r="L1681">
        <v>0</v>
      </c>
      <c r="M1681">
        <v>0</v>
      </c>
      <c r="N1681">
        <v>0</v>
      </c>
      <c r="O1681">
        <v>0</v>
      </c>
      <c r="P1681">
        <v>0</v>
      </c>
      <c r="Q1681">
        <v>0</v>
      </c>
      <c r="R1681">
        <v>0</v>
      </c>
      <c r="S1681">
        <v>0</v>
      </c>
      <c r="T1681">
        <v>0</v>
      </c>
      <c r="U1681">
        <v>0</v>
      </c>
      <c r="V1681">
        <v>0</v>
      </c>
      <c r="W1681">
        <v>0</v>
      </c>
      <c r="X1681">
        <v>0</v>
      </c>
      <c r="Y1681">
        <v>27</v>
      </c>
      <c r="Z1681">
        <v>20</v>
      </c>
      <c r="AA1681">
        <v>103</v>
      </c>
      <c r="AB1681">
        <v>25</v>
      </c>
      <c r="AC1681">
        <v>109</v>
      </c>
      <c r="AD1681">
        <v>62</v>
      </c>
      <c r="AE1681">
        <v>50</v>
      </c>
      <c r="AF1681">
        <v>0</v>
      </c>
      <c r="AG1681">
        <v>50000</v>
      </c>
      <c r="AH1681">
        <v>0</v>
      </c>
      <c r="AI1681">
        <v>50000</v>
      </c>
      <c r="AJ1681">
        <v>0</v>
      </c>
      <c r="AK1681" t="s">
        <v>6</v>
      </c>
      <c r="AL1681">
        <v>0</v>
      </c>
      <c r="AM1681">
        <v>0</v>
      </c>
      <c r="AN1681">
        <v>0</v>
      </c>
      <c r="AO1681">
        <v>0</v>
      </c>
      <c r="AP1681">
        <v>0</v>
      </c>
      <c r="AQ1681">
        <v>0</v>
      </c>
      <c r="AR1681">
        <v>0</v>
      </c>
      <c r="AS1681">
        <v>0</v>
      </c>
      <c r="AT1681">
        <v>0</v>
      </c>
      <c r="AU1681">
        <v>0</v>
      </c>
      <c r="AV1681">
        <v>0</v>
      </c>
      <c r="AW1681">
        <v>0</v>
      </c>
      <c r="AX1681">
        <v>0</v>
      </c>
      <c r="AY1681">
        <v>0</v>
      </c>
      <c r="AZ1681">
        <v>0</v>
      </c>
      <c r="BA1681">
        <v>0</v>
      </c>
    </row>
    <row r="1682" spans="1:53" x14ac:dyDescent="0.4">
      <c r="A1682">
        <v>1726</v>
      </c>
      <c r="B1682" s="1">
        <v>43359</v>
      </c>
      <c r="C1682">
        <v>2</v>
      </c>
      <c r="D1682" s="1">
        <v>43359.40625</v>
      </c>
      <c r="E1682" s="1">
        <v>43359.73541666667</v>
      </c>
      <c r="F1682">
        <v>50500</v>
      </c>
      <c r="G1682">
        <v>6080</v>
      </c>
      <c r="H1682">
        <v>0</v>
      </c>
      <c r="I1682">
        <v>0</v>
      </c>
      <c r="J1682">
        <v>0</v>
      </c>
      <c r="K1682">
        <v>0</v>
      </c>
      <c r="L1682">
        <v>0</v>
      </c>
      <c r="M1682">
        <v>4526</v>
      </c>
      <c r="N1682">
        <v>0</v>
      </c>
      <c r="O1682">
        <v>0</v>
      </c>
      <c r="P1682">
        <v>24030</v>
      </c>
      <c r="Q1682">
        <v>0</v>
      </c>
      <c r="R1682">
        <v>85136</v>
      </c>
      <c r="S1682">
        <v>0</v>
      </c>
      <c r="T1682">
        <v>0</v>
      </c>
      <c r="U1682">
        <v>0</v>
      </c>
      <c r="V1682">
        <v>1</v>
      </c>
      <c r="W1682">
        <v>6</v>
      </c>
      <c r="X1682">
        <v>0</v>
      </c>
      <c r="Y1682">
        <v>49</v>
      </c>
      <c r="Z1682">
        <v>62</v>
      </c>
      <c r="AA1682">
        <v>113</v>
      </c>
      <c r="AB1682">
        <v>32</v>
      </c>
      <c r="AC1682">
        <v>179</v>
      </c>
      <c r="AD1682">
        <v>75</v>
      </c>
      <c r="AE1682">
        <v>71</v>
      </c>
      <c r="AF1682">
        <v>0</v>
      </c>
      <c r="AG1682">
        <v>135136</v>
      </c>
      <c r="AH1682">
        <v>50000</v>
      </c>
      <c r="AI1682">
        <v>0</v>
      </c>
      <c r="AJ1682">
        <v>96</v>
      </c>
      <c r="AK1682" t="s">
        <v>4</v>
      </c>
      <c r="AL1682">
        <v>0</v>
      </c>
      <c r="AM1682">
        <v>0</v>
      </c>
      <c r="AN1682">
        <v>0</v>
      </c>
      <c r="AO1682">
        <v>0</v>
      </c>
      <c r="AP1682">
        <v>0</v>
      </c>
      <c r="AQ1682">
        <v>0</v>
      </c>
      <c r="AR1682">
        <v>0</v>
      </c>
      <c r="AS1682">
        <v>0</v>
      </c>
      <c r="AT1682">
        <v>0</v>
      </c>
      <c r="AU1682">
        <v>0</v>
      </c>
      <c r="AV1682">
        <v>0</v>
      </c>
      <c r="AW1682">
        <v>0</v>
      </c>
      <c r="AX1682">
        <v>1834</v>
      </c>
      <c r="AY1682">
        <v>54</v>
      </c>
      <c r="AZ1682">
        <v>136</v>
      </c>
      <c r="BA1682">
        <v>7771</v>
      </c>
    </row>
    <row r="1683" spans="1:53" x14ac:dyDescent="0.4">
      <c r="A1683">
        <v>1727</v>
      </c>
      <c r="B1683" s="1">
        <v>43359</v>
      </c>
      <c r="C1683">
        <v>3</v>
      </c>
      <c r="D1683" s="1">
        <v>43359.73541666667</v>
      </c>
      <c r="E1683" s="1">
        <v>43359.961111111108</v>
      </c>
      <c r="F1683">
        <v>69170</v>
      </c>
      <c r="G1683">
        <v>4380</v>
      </c>
      <c r="H1683">
        <v>400</v>
      </c>
      <c r="I1683">
        <v>0</v>
      </c>
      <c r="J1683">
        <v>0</v>
      </c>
      <c r="K1683">
        <v>0</v>
      </c>
      <c r="L1683">
        <v>0</v>
      </c>
      <c r="M1683">
        <v>5914</v>
      </c>
      <c r="N1683">
        <v>0</v>
      </c>
      <c r="O1683">
        <v>0</v>
      </c>
      <c r="P1683">
        <v>-15930</v>
      </c>
      <c r="Q1683">
        <v>0</v>
      </c>
      <c r="R1683">
        <v>63934</v>
      </c>
      <c r="S1683">
        <v>0</v>
      </c>
      <c r="T1683">
        <v>0</v>
      </c>
      <c r="U1683">
        <v>0</v>
      </c>
      <c r="V1683">
        <v>5</v>
      </c>
      <c r="W1683">
        <v>9</v>
      </c>
      <c r="X1683">
        <v>0</v>
      </c>
      <c r="Y1683">
        <v>58</v>
      </c>
      <c r="Z1683">
        <v>63</v>
      </c>
      <c r="AA1683">
        <v>108</v>
      </c>
      <c r="AB1683">
        <v>29</v>
      </c>
      <c r="AC1683">
        <v>168</v>
      </c>
      <c r="AD1683">
        <v>70</v>
      </c>
      <c r="AE1683">
        <v>74</v>
      </c>
      <c r="AF1683">
        <v>216</v>
      </c>
      <c r="AG1683">
        <v>199070</v>
      </c>
      <c r="AH1683">
        <v>50000</v>
      </c>
      <c r="AI1683">
        <v>0</v>
      </c>
      <c r="AJ1683">
        <v>29</v>
      </c>
      <c r="AK1683" t="s">
        <v>28</v>
      </c>
      <c r="AL1683">
        <v>0</v>
      </c>
      <c r="AM1683">
        <v>0</v>
      </c>
      <c r="AN1683">
        <v>0</v>
      </c>
      <c r="AO1683">
        <v>0</v>
      </c>
      <c r="AP1683">
        <v>0</v>
      </c>
      <c r="AQ1683">
        <v>0</v>
      </c>
      <c r="AR1683">
        <v>0</v>
      </c>
      <c r="AS1683">
        <v>0</v>
      </c>
      <c r="AT1683">
        <v>0</v>
      </c>
      <c r="AU1683">
        <v>0</v>
      </c>
      <c r="AV1683">
        <v>0</v>
      </c>
      <c r="AW1683">
        <v>0</v>
      </c>
      <c r="AX1683">
        <v>29067</v>
      </c>
      <c r="AY1683">
        <v>19</v>
      </c>
      <c r="AZ1683">
        <v>49</v>
      </c>
      <c r="BA1683">
        <v>4130</v>
      </c>
    </row>
    <row r="1684" spans="1:53" x14ac:dyDescent="0.4">
      <c r="A1684">
        <v>1728</v>
      </c>
      <c r="B1684" s="1">
        <v>43360</v>
      </c>
      <c r="C1684">
        <v>1</v>
      </c>
      <c r="D1684" s="1">
        <v>43360.291666666664</v>
      </c>
      <c r="E1684" s="1">
        <v>43360.411111111112</v>
      </c>
      <c r="F1684">
        <v>0</v>
      </c>
      <c r="G1684">
        <v>0</v>
      </c>
      <c r="H1684">
        <v>0</v>
      </c>
      <c r="I1684">
        <v>0</v>
      </c>
      <c r="J1684">
        <v>0</v>
      </c>
      <c r="K1684">
        <v>0</v>
      </c>
      <c r="L1684">
        <v>0</v>
      </c>
      <c r="M1684">
        <v>0</v>
      </c>
      <c r="N1684">
        <v>0</v>
      </c>
      <c r="O1684">
        <v>0</v>
      </c>
      <c r="P1684">
        <v>0</v>
      </c>
      <c r="Q1684">
        <v>0</v>
      </c>
      <c r="R1684">
        <v>0</v>
      </c>
      <c r="S1684">
        <v>0</v>
      </c>
      <c r="T1684">
        <v>0</v>
      </c>
      <c r="U1684">
        <v>0</v>
      </c>
      <c r="V1684">
        <v>0</v>
      </c>
      <c r="W1684">
        <v>0</v>
      </c>
      <c r="X1684">
        <v>0</v>
      </c>
      <c r="Y1684">
        <v>26</v>
      </c>
      <c r="Z1684">
        <v>21</v>
      </c>
      <c r="AA1684">
        <v>105</v>
      </c>
      <c r="AB1684">
        <v>32</v>
      </c>
      <c r="AC1684">
        <v>101</v>
      </c>
      <c r="AD1684">
        <v>68</v>
      </c>
      <c r="AE1684">
        <v>50</v>
      </c>
      <c r="AF1684">
        <v>0</v>
      </c>
      <c r="AG1684">
        <v>50000</v>
      </c>
      <c r="AH1684">
        <v>0</v>
      </c>
      <c r="AI1684">
        <v>50000</v>
      </c>
      <c r="AJ1684">
        <v>0</v>
      </c>
      <c r="AK1684" t="s">
        <v>6</v>
      </c>
      <c r="AL1684">
        <v>0</v>
      </c>
      <c r="AM1684">
        <v>0</v>
      </c>
      <c r="AN1684">
        <v>0</v>
      </c>
      <c r="AO1684">
        <v>0</v>
      </c>
      <c r="AP1684">
        <v>0</v>
      </c>
      <c r="AQ1684">
        <v>0</v>
      </c>
      <c r="AR1684">
        <v>0</v>
      </c>
      <c r="AS1684">
        <v>0</v>
      </c>
      <c r="AT1684">
        <v>0</v>
      </c>
      <c r="AU1684">
        <v>0</v>
      </c>
      <c r="AV1684">
        <v>0</v>
      </c>
      <c r="AW1684">
        <v>0</v>
      </c>
      <c r="AX1684">
        <v>0</v>
      </c>
      <c r="AY1684">
        <v>0</v>
      </c>
      <c r="AZ1684">
        <v>0</v>
      </c>
      <c r="BA1684">
        <v>0</v>
      </c>
    </row>
    <row r="1685" spans="1:53" x14ac:dyDescent="0.4">
      <c r="A1685">
        <v>1729</v>
      </c>
      <c r="B1685" s="1">
        <v>43360</v>
      </c>
      <c r="C1685">
        <v>2</v>
      </c>
      <c r="D1685" s="1">
        <v>43360.411111111112</v>
      </c>
      <c r="E1685" s="1">
        <v>43360.725694444445</v>
      </c>
      <c r="F1685">
        <v>45750</v>
      </c>
      <c r="G1685">
        <v>3660</v>
      </c>
      <c r="H1685">
        <v>0</v>
      </c>
      <c r="I1685">
        <v>0</v>
      </c>
      <c r="J1685">
        <v>0</v>
      </c>
      <c r="K1685">
        <v>0</v>
      </c>
      <c r="L1685">
        <v>0</v>
      </c>
      <c r="M1685">
        <v>3952</v>
      </c>
      <c r="N1685">
        <v>0</v>
      </c>
      <c r="O1685">
        <v>0</v>
      </c>
      <c r="P1685">
        <v>21600</v>
      </c>
      <c r="Q1685">
        <v>0</v>
      </c>
      <c r="R1685">
        <v>74962</v>
      </c>
      <c r="S1685">
        <v>0</v>
      </c>
      <c r="T1685">
        <v>0</v>
      </c>
      <c r="U1685">
        <v>0</v>
      </c>
      <c r="V1685">
        <v>0</v>
      </c>
      <c r="W1685">
        <v>3</v>
      </c>
      <c r="X1685">
        <v>0</v>
      </c>
      <c r="Y1685">
        <v>67</v>
      </c>
      <c r="Z1685">
        <v>44</v>
      </c>
      <c r="AA1685">
        <v>142</v>
      </c>
      <c r="AB1685">
        <v>39</v>
      </c>
      <c r="AC1685">
        <v>201</v>
      </c>
      <c r="AD1685">
        <v>71</v>
      </c>
      <c r="AE1685">
        <v>63</v>
      </c>
      <c r="AF1685">
        <v>2384</v>
      </c>
      <c r="AG1685">
        <v>124962</v>
      </c>
      <c r="AH1685">
        <v>50000</v>
      </c>
      <c r="AI1685">
        <v>0</v>
      </c>
      <c r="AJ1685">
        <v>96</v>
      </c>
      <c r="AK1685" t="s">
        <v>4</v>
      </c>
      <c r="AL1685">
        <v>0</v>
      </c>
      <c r="AM1685">
        <v>0</v>
      </c>
      <c r="AN1685">
        <v>0</v>
      </c>
      <c r="AO1685">
        <v>0</v>
      </c>
      <c r="AP1685">
        <v>0</v>
      </c>
      <c r="AQ1685">
        <v>0</v>
      </c>
      <c r="AR1685">
        <v>0</v>
      </c>
      <c r="AS1685">
        <v>0</v>
      </c>
      <c r="AT1685">
        <v>0</v>
      </c>
      <c r="AU1685">
        <v>0</v>
      </c>
      <c r="AV1685">
        <v>0</v>
      </c>
      <c r="AW1685">
        <v>0</v>
      </c>
      <c r="AX1685">
        <v>410</v>
      </c>
      <c r="AY1685">
        <v>54</v>
      </c>
      <c r="AZ1685">
        <v>128</v>
      </c>
      <c r="BA1685">
        <v>7479</v>
      </c>
    </row>
    <row r="1686" spans="1:53" x14ac:dyDescent="0.4">
      <c r="A1686">
        <v>1730</v>
      </c>
      <c r="B1686" s="1">
        <v>43360</v>
      </c>
      <c r="C1686">
        <v>3</v>
      </c>
      <c r="D1686" s="1">
        <v>43360.725694444445</v>
      </c>
      <c r="E1686" s="1">
        <v>43360.974999999999</v>
      </c>
      <c r="F1686">
        <v>45750</v>
      </c>
      <c r="G1686">
        <v>1260</v>
      </c>
      <c r="H1686">
        <v>200</v>
      </c>
      <c r="I1686">
        <v>0</v>
      </c>
      <c r="J1686">
        <v>0</v>
      </c>
      <c r="K1686">
        <v>0</v>
      </c>
      <c r="L1686">
        <v>0</v>
      </c>
      <c r="M1686">
        <v>3776</v>
      </c>
      <c r="N1686">
        <v>0</v>
      </c>
      <c r="O1686">
        <v>0</v>
      </c>
      <c r="P1686">
        <v>-21600</v>
      </c>
      <c r="Q1686">
        <v>0</v>
      </c>
      <c r="R1686">
        <v>29386</v>
      </c>
      <c r="S1686">
        <v>0</v>
      </c>
      <c r="T1686">
        <v>0</v>
      </c>
      <c r="U1686">
        <v>0</v>
      </c>
      <c r="V1686">
        <v>2</v>
      </c>
      <c r="W1686">
        <v>3</v>
      </c>
      <c r="X1686">
        <v>0</v>
      </c>
      <c r="Y1686">
        <v>69</v>
      </c>
      <c r="Z1686">
        <v>42</v>
      </c>
      <c r="AA1686">
        <v>140</v>
      </c>
      <c r="AB1686">
        <v>37</v>
      </c>
      <c r="AC1686">
        <v>184</v>
      </c>
      <c r="AD1686">
        <v>71</v>
      </c>
      <c r="AE1686">
        <v>63</v>
      </c>
      <c r="AF1686">
        <v>11240</v>
      </c>
      <c r="AG1686">
        <v>154348</v>
      </c>
      <c r="AH1686">
        <v>50000</v>
      </c>
      <c r="AI1686">
        <v>0</v>
      </c>
      <c r="AJ1686">
        <v>29</v>
      </c>
      <c r="AK1686" t="s">
        <v>28</v>
      </c>
      <c r="AL1686">
        <v>0</v>
      </c>
      <c r="AM1686">
        <v>0</v>
      </c>
      <c r="AN1686">
        <v>0</v>
      </c>
      <c r="AO1686">
        <v>0</v>
      </c>
      <c r="AP1686">
        <v>0</v>
      </c>
      <c r="AQ1686">
        <v>0</v>
      </c>
      <c r="AR1686">
        <v>0</v>
      </c>
      <c r="AS1686">
        <v>0</v>
      </c>
      <c r="AT1686">
        <v>0</v>
      </c>
      <c r="AU1686">
        <v>0</v>
      </c>
      <c r="AV1686">
        <v>0</v>
      </c>
      <c r="AW1686">
        <v>0</v>
      </c>
      <c r="AX1686">
        <v>0</v>
      </c>
      <c r="AY1686">
        <v>9</v>
      </c>
      <c r="AZ1686">
        <v>18</v>
      </c>
      <c r="BA1686">
        <v>3233</v>
      </c>
    </row>
    <row r="1687" spans="1:53" x14ac:dyDescent="0.4">
      <c r="A1687">
        <v>1731</v>
      </c>
      <c r="B1687" s="1">
        <v>43361</v>
      </c>
      <c r="C1687">
        <v>1</v>
      </c>
      <c r="D1687" s="1">
        <v>43361.291666666664</v>
      </c>
      <c r="E1687" s="1">
        <v>43361.45</v>
      </c>
      <c r="F1687">
        <v>0</v>
      </c>
      <c r="G1687">
        <v>0</v>
      </c>
      <c r="H1687">
        <v>0</v>
      </c>
      <c r="I1687">
        <v>0</v>
      </c>
      <c r="J1687">
        <v>0</v>
      </c>
      <c r="K1687">
        <v>0</v>
      </c>
      <c r="L1687">
        <v>0</v>
      </c>
      <c r="M1687">
        <v>0</v>
      </c>
      <c r="N1687">
        <v>0</v>
      </c>
      <c r="O1687">
        <v>0</v>
      </c>
      <c r="P1687">
        <v>0</v>
      </c>
      <c r="Q1687">
        <v>0</v>
      </c>
      <c r="R1687">
        <v>0</v>
      </c>
      <c r="S1687">
        <v>0</v>
      </c>
      <c r="T1687">
        <v>0</v>
      </c>
      <c r="U1687">
        <v>0</v>
      </c>
      <c r="V1687">
        <v>0</v>
      </c>
      <c r="W1687">
        <v>0</v>
      </c>
      <c r="X1687">
        <v>0</v>
      </c>
      <c r="Y1687">
        <v>35</v>
      </c>
      <c r="Z1687">
        <v>9</v>
      </c>
      <c r="AA1687">
        <v>75</v>
      </c>
      <c r="AB1687">
        <v>35</v>
      </c>
      <c r="AC1687">
        <v>85</v>
      </c>
      <c r="AD1687">
        <v>69</v>
      </c>
      <c r="AE1687">
        <v>55</v>
      </c>
      <c r="AF1687">
        <v>0</v>
      </c>
      <c r="AG1687">
        <v>50000</v>
      </c>
      <c r="AH1687">
        <v>0</v>
      </c>
      <c r="AI1687">
        <v>50000</v>
      </c>
      <c r="AJ1687">
        <v>0</v>
      </c>
      <c r="AK1687" t="s">
        <v>6</v>
      </c>
      <c r="AL1687">
        <v>0</v>
      </c>
      <c r="AM1687">
        <v>0</v>
      </c>
      <c r="AN1687">
        <v>0</v>
      </c>
      <c r="AO1687">
        <v>0</v>
      </c>
      <c r="AP1687">
        <v>0</v>
      </c>
      <c r="AQ1687">
        <v>0</v>
      </c>
      <c r="AR1687">
        <v>0</v>
      </c>
      <c r="AS1687">
        <v>0</v>
      </c>
      <c r="AT1687">
        <v>0</v>
      </c>
      <c r="AU1687">
        <v>0</v>
      </c>
      <c r="AV1687">
        <v>0</v>
      </c>
      <c r="AW1687">
        <v>0</v>
      </c>
      <c r="AX1687">
        <v>0</v>
      </c>
      <c r="AY1687">
        <v>0</v>
      </c>
      <c r="AZ1687">
        <v>0</v>
      </c>
      <c r="BA1687">
        <v>0</v>
      </c>
    </row>
    <row r="1688" spans="1:53" x14ac:dyDescent="0.4">
      <c r="A1688">
        <v>1732</v>
      </c>
      <c r="B1688" s="1">
        <v>43361</v>
      </c>
      <c r="C1688">
        <v>2</v>
      </c>
      <c r="D1688" s="1">
        <v>43361.45</v>
      </c>
      <c r="E1688" s="1">
        <v>43361.746527777781</v>
      </c>
      <c r="F1688">
        <v>14500</v>
      </c>
      <c r="G1688">
        <v>1600</v>
      </c>
      <c r="H1688">
        <v>0</v>
      </c>
      <c r="I1688">
        <v>0</v>
      </c>
      <c r="J1688">
        <v>0</v>
      </c>
      <c r="K1688">
        <v>0</v>
      </c>
      <c r="L1688">
        <v>0</v>
      </c>
      <c r="M1688">
        <v>1288</v>
      </c>
      <c r="N1688">
        <v>0</v>
      </c>
      <c r="O1688">
        <v>0</v>
      </c>
      <c r="P1688">
        <v>17820</v>
      </c>
      <c r="Q1688">
        <v>0</v>
      </c>
      <c r="R1688">
        <v>35208</v>
      </c>
      <c r="S1688">
        <v>0</v>
      </c>
      <c r="T1688">
        <v>0</v>
      </c>
      <c r="U1688">
        <v>0</v>
      </c>
      <c r="V1688">
        <v>1</v>
      </c>
      <c r="W1688">
        <v>1</v>
      </c>
      <c r="X1688">
        <v>0</v>
      </c>
      <c r="Y1688">
        <v>52</v>
      </c>
      <c r="Z1688">
        <v>10</v>
      </c>
      <c r="AA1688">
        <v>91</v>
      </c>
      <c r="AB1688">
        <v>43</v>
      </c>
      <c r="AC1688">
        <v>154</v>
      </c>
      <c r="AD1688">
        <v>73</v>
      </c>
      <c r="AE1688">
        <v>53</v>
      </c>
      <c r="AF1688">
        <v>0</v>
      </c>
      <c r="AG1688">
        <v>85208</v>
      </c>
      <c r="AH1688">
        <v>50000</v>
      </c>
      <c r="AI1688">
        <v>0</v>
      </c>
      <c r="AJ1688">
        <v>96</v>
      </c>
      <c r="AK1688" t="s">
        <v>4</v>
      </c>
      <c r="AL1688">
        <v>0</v>
      </c>
      <c r="AM1688">
        <v>0</v>
      </c>
      <c r="AN1688">
        <v>0</v>
      </c>
      <c r="AO1688">
        <v>0</v>
      </c>
      <c r="AP1688">
        <v>0</v>
      </c>
      <c r="AQ1688">
        <v>0</v>
      </c>
      <c r="AR1688">
        <v>0</v>
      </c>
      <c r="AS1688">
        <v>0</v>
      </c>
      <c r="AT1688">
        <v>0</v>
      </c>
      <c r="AU1688">
        <v>0</v>
      </c>
      <c r="AV1688">
        <v>0</v>
      </c>
      <c r="AW1688">
        <v>0</v>
      </c>
      <c r="AX1688">
        <v>2699</v>
      </c>
      <c r="AY1688">
        <v>36</v>
      </c>
      <c r="AZ1688">
        <v>61</v>
      </c>
      <c r="BA1688">
        <v>4702</v>
      </c>
    </row>
    <row r="1689" spans="1:53" x14ac:dyDescent="0.4">
      <c r="A1689">
        <v>1733</v>
      </c>
      <c r="B1689" s="1">
        <v>43362</v>
      </c>
      <c r="C1689">
        <v>1</v>
      </c>
      <c r="D1689" s="1">
        <v>43362.291666666664</v>
      </c>
      <c r="E1689" s="1">
        <v>43362.453472222223</v>
      </c>
      <c r="F1689">
        <v>0</v>
      </c>
      <c r="G1689">
        <v>0</v>
      </c>
      <c r="H1689">
        <v>0</v>
      </c>
      <c r="I1689">
        <v>0</v>
      </c>
      <c r="J1689">
        <v>0</v>
      </c>
      <c r="K1689">
        <v>0</v>
      </c>
      <c r="L1689">
        <v>0</v>
      </c>
      <c r="M1689">
        <v>0</v>
      </c>
      <c r="N1689">
        <v>0</v>
      </c>
      <c r="O1689">
        <v>0</v>
      </c>
      <c r="P1689">
        <v>0</v>
      </c>
      <c r="Q1689">
        <v>0</v>
      </c>
      <c r="R1689">
        <v>0</v>
      </c>
      <c r="S1689">
        <v>0</v>
      </c>
      <c r="T1689">
        <v>0</v>
      </c>
      <c r="U1689">
        <v>0</v>
      </c>
      <c r="V1689">
        <v>0</v>
      </c>
      <c r="W1689">
        <v>0</v>
      </c>
      <c r="X1689">
        <v>0</v>
      </c>
      <c r="Y1689">
        <v>35</v>
      </c>
      <c r="Z1689">
        <v>7</v>
      </c>
      <c r="AA1689">
        <v>79</v>
      </c>
      <c r="AB1689">
        <v>41</v>
      </c>
      <c r="AC1689">
        <v>113</v>
      </c>
      <c r="AD1689">
        <v>72</v>
      </c>
      <c r="AE1689">
        <v>60</v>
      </c>
      <c r="AF1689">
        <v>0</v>
      </c>
      <c r="AG1689">
        <v>50000</v>
      </c>
      <c r="AH1689">
        <v>0</v>
      </c>
      <c r="AI1689">
        <v>50000</v>
      </c>
      <c r="AJ1689">
        <v>0</v>
      </c>
      <c r="AK1689" t="s">
        <v>6</v>
      </c>
      <c r="AL1689">
        <v>0</v>
      </c>
      <c r="AM1689">
        <v>0</v>
      </c>
      <c r="AN1689">
        <v>0</v>
      </c>
      <c r="AO1689">
        <v>0</v>
      </c>
      <c r="AP1689">
        <v>0</v>
      </c>
      <c r="AQ1689">
        <v>0</v>
      </c>
      <c r="AR1689">
        <v>0</v>
      </c>
      <c r="AS1689">
        <v>0</v>
      </c>
      <c r="AT1689">
        <v>0</v>
      </c>
      <c r="AU1689">
        <v>0</v>
      </c>
      <c r="AV1689">
        <v>0</v>
      </c>
      <c r="AW1689">
        <v>0</v>
      </c>
      <c r="AX1689">
        <v>0</v>
      </c>
      <c r="AY1689">
        <v>0</v>
      </c>
      <c r="AZ1689">
        <v>0</v>
      </c>
      <c r="BA1689">
        <v>0</v>
      </c>
    </row>
    <row r="1690" spans="1:53" x14ac:dyDescent="0.4">
      <c r="A1690">
        <v>1734</v>
      </c>
      <c r="B1690" s="1">
        <v>43362</v>
      </c>
      <c r="C1690">
        <v>2</v>
      </c>
      <c r="D1690" s="1">
        <v>43362.453472222223</v>
      </c>
      <c r="E1690" s="1">
        <v>43362.73333333333</v>
      </c>
      <c r="F1690">
        <v>8000</v>
      </c>
      <c r="G1690">
        <v>680</v>
      </c>
      <c r="H1690">
        <v>0</v>
      </c>
      <c r="I1690">
        <v>0</v>
      </c>
      <c r="J1690">
        <v>0</v>
      </c>
      <c r="K1690">
        <v>0</v>
      </c>
      <c r="L1690">
        <v>0</v>
      </c>
      <c r="M1690">
        <v>694</v>
      </c>
      <c r="N1690">
        <v>0</v>
      </c>
      <c r="O1690">
        <v>0</v>
      </c>
      <c r="P1690">
        <v>15660</v>
      </c>
      <c r="Q1690">
        <v>0</v>
      </c>
      <c r="R1690">
        <v>25034</v>
      </c>
      <c r="S1690">
        <v>0</v>
      </c>
      <c r="T1690">
        <v>0</v>
      </c>
      <c r="U1690">
        <v>0</v>
      </c>
      <c r="V1690">
        <v>1</v>
      </c>
      <c r="W1690">
        <v>1</v>
      </c>
      <c r="X1690">
        <v>0</v>
      </c>
      <c r="Y1690">
        <v>43</v>
      </c>
      <c r="Z1690">
        <v>13</v>
      </c>
      <c r="AA1690">
        <v>66</v>
      </c>
      <c r="AB1690">
        <v>46</v>
      </c>
      <c r="AC1690">
        <v>120</v>
      </c>
      <c r="AD1690">
        <v>74</v>
      </c>
      <c r="AE1690">
        <v>64</v>
      </c>
      <c r="AF1690">
        <v>0</v>
      </c>
      <c r="AG1690">
        <v>75034</v>
      </c>
      <c r="AH1690">
        <v>50000</v>
      </c>
      <c r="AI1690">
        <v>0</v>
      </c>
      <c r="AJ1690">
        <v>96</v>
      </c>
      <c r="AK1690" t="s">
        <v>4</v>
      </c>
      <c r="AL1690">
        <v>0</v>
      </c>
      <c r="AM1690">
        <v>0</v>
      </c>
      <c r="AN1690">
        <v>0</v>
      </c>
      <c r="AO1690">
        <v>0</v>
      </c>
      <c r="AP1690">
        <v>0</v>
      </c>
      <c r="AQ1690">
        <v>0</v>
      </c>
      <c r="AR1690">
        <v>0</v>
      </c>
      <c r="AS1690">
        <v>0</v>
      </c>
      <c r="AT1690">
        <v>0</v>
      </c>
      <c r="AU1690">
        <v>0</v>
      </c>
      <c r="AV1690">
        <v>0</v>
      </c>
      <c r="AW1690">
        <v>0</v>
      </c>
      <c r="AX1690">
        <v>-1620</v>
      </c>
      <c r="AY1690">
        <v>27</v>
      </c>
      <c r="AZ1690">
        <v>45</v>
      </c>
      <c r="BA1690">
        <v>2916</v>
      </c>
    </row>
    <row r="1691" spans="1:53" x14ac:dyDescent="0.4">
      <c r="A1691">
        <v>1735</v>
      </c>
      <c r="B1691" s="1">
        <v>43362</v>
      </c>
      <c r="C1691">
        <v>3</v>
      </c>
      <c r="D1691" s="1">
        <v>43362.73333333333</v>
      </c>
      <c r="E1691" s="1">
        <v>43362.958333333336</v>
      </c>
      <c r="F1691">
        <v>44480</v>
      </c>
      <c r="G1691">
        <v>1500</v>
      </c>
      <c r="H1691">
        <v>200</v>
      </c>
      <c r="I1691">
        <v>0</v>
      </c>
      <c r="J1691">
        <v>0</v>
      </c>
      <c r="K1691">
        <v>2500</v>
      </c>
      <c r="L1691">
        <v>0</v>
      </c>
      <c r="M1691">
        <v>3894</v>
      </c>
      <c r="N1691">
        <v>0</v>
      </c>
      <c r="O1691">
        <v>0</v>
      </c>
      <c r="P1691">
        <v>-15660</v>
      </c>
      <c r="Q1691">
        <v>0</v>
      </c>
      <c r="R1691">
        <v>36914</v>
      </c>
      <c r="S1691">
        <v>0</v>
      </c>
      <c r="T1691">
        <v>0</v>
      </c>
      <c r="U1691">
        <v>0</v>
      </c>
      <c r="V1691">
        <v>3</v>
      </c>
      <c r="W1691">
        <v>2</v>
      </c>
      <c r="X1691">
        <v>0</v>
      </c>
      <c r="Y1691">
        <v>54</v>
      </c>
      <c r="Z1691">
        <v>15</v>
      </c>
      <c r="AA1691">
        <v>65</v>
      </c>
      <c r="AB1691">
        <v>45</v>
      </c>
      <c r="AC1691">
        <v>125</v>
      </c>
      <c r="AD1691">
        <v>76</v>
      </c>
      <c r="AE1691">
        <v>68</v>
      </c>
      <c r="AF1691">
        <v>0</v>
      </c>
      <c r="AG1691">
        <v>111948</v>
      </c>
      <c r="AH1691">
        <v>50000</v>
      </c>
      <c r="AI1691">
        <v>0</v>
      </c>
      <c r="AJ1691">
        <v>30</v>
      </c>
      <c r="AL1691">
        <v>0</v>
      </c>
      <c r="AM1691">
        <v>0</v>
      </c>
      <c r="AN1691">
        <v>0</v>
      </c>
      <c r="AO1691">
        <v>0</v>
      </c>
      <c r="AP1691">
        <v>0</v>
      </c>
      <c r="AQ1691">
        <v>0</v>
      </c>
      <c r="AR1691">
        <v>0</v>
      </c>
      <c r="AS1691">
        <v>0</v>
      </c>
      <c r="AT1691">
        <v>0</v>
      </c>
      <c r="AU1691">
        <v>0</v>
      </c>
      <c r="AV1691">
        <v>0</v>
      </c>
      <c r="AW1691">
        <v>0</v>
      </c>
      <c r="AX1691">
        <v>11944</v>
      </c>
      <c r="AY1691">
        <v>11</v>
      </c>
      <c r="AZ1691">
        <v>33</v>
      </c>
      <c r="BA1691">
        <v>2401</v>
      </c>
    </row>
    <row r="1692" spans="1:53" x14ac:dyDescent="0.4">
      <c r="A1692">
        <v>1736</v>
      </c>
      <c r="B1692" s="1">
        <v>43362</v>
      </c>
      <c r="C1692">
        <v>4</v>
      </c>
      <c r="D1692" s="1">
        <v>43362.958333333336</v>
      </c>
      <c r="E1692" s="1">
        <v>43363.089583333334</v>
      </c>
      <c r="F1692">
        <v>15840</v>
      </c>
      <c r="G1692">
        <v>680</v>
      </c>
      <c r="H1692">
        <v>400</v>
      </c>
      <c r="I1692">
        <v>0</v>
      </c>
      <c r="J1692">
        <v>700</v>
      </c>
      <c r="K1692">
        <v>0</v>
      </c>
      <c r="L1692">
        <v>0</v>
      </c>
      <c r="M1692">
        <v>1297</v>
      </c>
      <c r="N1692">
        <v>0</v>
      </c>
      <c r="O1692">
        <v>0</v>
      </c>
      <c r="P1692">
        <v>15228</v>
      </c>
      <c r="Q1692">
        <v>0</v>
      </c>
      <c r="R1692">
        <v>32745</v>
      </c>
      <c r="S1692">
        <v>0</v>
      </c>
      <c r="T1692">
        <v>0</v>
      </c>
      <c r="U1692">
        <v>0</v>
      </c>
      <c r="V1692">
        <v>5</v>
      </c>
      <c r="W1692">
        <v>1</v>
      </c>
      <c r="X1692">
        <v>0</v>
      </c>
      <c r="Y1692">
        <v>65</v>
      </c>
      <c r="Z1692">
        <v>18</v>
      </c>
      <c r="AA1692">
        <v>57</v>
      </c>
      <c r="AB1692">
        <v>46</v>
      </c>
      <c r="AC1692">
        <v>123</v>
      </c>
      <c r="AD1692">
        <v>75</v>
      </c>
      <c r="AE1692">
        <v>68</v>
      </c>
      <c r="AF1692">
        <v>6020</v>
      </c>
      <c r="AG1692">
        <v>144693</v>
      </c>
      <c r="AH1692">
        <v>50000</v>
      </c>
      <c r="AI1692">
        <v>0</v>
      </c>
      <c r="AJ1692">
        <v>108</v>
      </c>
      <c r="AK1692" t="s">
        <v>30</v>
      </c>
      <c r="AL1692">
        <v>0</v>
      </c>
      <c r="AM1692">
        <v>0</v>
      </c>
      <c r="AN1692">
        <v>0</v>
      </c>
      <c r="AO1692">
        <v>0</v>
      </c>
      <c r="AP1692">
        <v>0</v>
      </c>
      <c r="AQ1692">
        <v>0</v>
      </c>
      <c r="AR1692">
        <v>0</v>
      </c>
      <c r="AS1692">
        <v>0</v>
      </c>
      <c r="AT1692">
        <v>0</v>
      </c>
      <c r="AU1692">
        <v>0</v>
      </c>
      <c r="AV1692">
        <v>0</v>
      </c>
      <c r="AW1692">
        <v>0</v>
      </c>
      <c r="AX1692">
        <v>0</v>
      </c>
      <c r="AY1692">
        <v>5</v>
      </c>
      <c r="AZ1692">
        <v>13</v>
      </c>
      <c r="BA1692">
        <v>376</v>
      </c>
    </row>
    <row r="1693" spans="1:53" x14ac:dyDescent="0.4">
      <c r="A1693">
        <v>1737</v>
      </c>
      <c r="B1693" s="1">
        <v>43363</v>
      </c>
      <c r="C1693">
        <v>1</v>
      </c>
      <c r="D1693" s="1">
        <v>43363.291666666664</v>
      </c>
      <c r="E1693" s="1">
        <v>43363.451388888891</v>
      </c>
      <c r="F1693">
        <v>0</v>
      </c>
      <c r="G1693">
        <v>0</v>
      </c>
      <c r="H1693">
        <v>0</v>
      </c>
      <c r="I1693">
        <v>0</v>
      </c>
      <c r="J1693">
        <v>0</v>
      </c>
      <c r="K1693">
        <v>0</v>
      </c>
      <c r="L1693">
        <v>0</v>
      </c>
      <c r="M1693">
        <v>0</v>
      </c>
      <c r="N1693">
        <v>0</v>
      </c>
      <c r="O1693">
        <v>0</v>
      </c>
      <c r="P1693">
        <v>0</v>
      </c>
      <c r="Q1693">
        <v>0</v>
      </c>
      <c r="R1693">
        <v>0</v>
      </c>
      <c r="S1693">
        <v>0</v>
      </c>
      <c r="T1693">
        <v>0</v>
      </c>
      <c r="U1693">
        <v>0</v>
      </c>
      <c r="V1693">
        <v>0</v>
      </c>
      <c r="W1693">
        <v>0</v>
      </c>
      <c r="X1693">
        <v>0</v>
      </c>
      <c r="Y1693">
        <v>31</v>
      </c>
      <c r="Z1693">
        <v>19</v>
      </c>
      <c r="AA1693">
        <v>57</v>
      </c>
      <c r="AB1693">
        <v>44</v>
      </c>
      <c r="AC1693">
        <v>117</v>
      </c>
      <c r="AD1693">
        <v>73</v>
      </c>
      <c r="AE1693">
        <v>65</v>
      </c>
      <c r="AF1693">
        <v>0</v>
      </c>
      <c r="AG1693">
        <v>50000</v>
      </c>
      <c r="AH1693">
        <v>0</v>
      </c>
      <c r="AI1693">
        <v>50000</v>
      </c>
      <c r="AJ1693">
        <v>0</v>
      </c>
      <c r="AK1693" t="s">
        <v>6</v>
      </c>
      <c r="AL1693">
        <v>0</v>
      </c>
      <c r="AM1693">
        <v>0</v>
      </c>
      <c r="AN1693">
        <v>0</v>
      </c>
      <c r="AO1693">
        <v>0</v>
      </c>
      <c r="AP1693">
        <v>0</v>
      </c>
      <c r="AQ1693">
        <v>0</v>
      </c>
      <c r="AR1693">
        <v>0</v>
      </c>
      <c r="AS1693">
        <v>0</v>
      </c>
      <c r="AT1693">
        <v>0</v>
      </c>
      <c r="AU1693">
        <v>0</v>
      </c>
      <c r="AV1693">
        <v>0</v>
      </c>
      <c r="AW1693">
        <v>0</v>
      </c>
      <c r="AX1693">
        <v>0</v>
      </c>
      <c r="AY1693">
        <v>0</v>
      </c>
      <c r="AZ1693">
        <v>0</v>
      </c>
      <c r="BA1693">
        <v>0</v>
      </c>
    </row>
    <row r="1694" spans="1:53" x14ac:dyDescent="0.4">
      <c r="A1694">
        <v>1738</v>
      </c>
      <c r="B1694" s="1">
        <v>43363</v>
      </c>
      <c r="C1694">
        <v>2</v>
      </c>
      <c r="D1694" s="1">
        <v>43363.451388888891</v>
      </c>
      <c r="E1694" s="1">
        <v>43363.736805555556</v>
      </c>
      <c r="F1694">
        <v>13000</v>
      </c>
      <c r="G1694">
        <v>0</v>
      </c>
      <c r="H1694">
        <v>0</v>
      </c>
      <c r="I1694">
        <v>0</v>
      </c>
      <c r="J1694">
        <v>0</v>
      </c>
      <c r="K1694">
        <v>0</v>
      </c>
      <c r="L1694">
        <v>0</v>
      </c>
      <c r="M1694">
        <v>1040</v>
      </c>
      <c r="N1694">
        <v>0</v>
      </c>
      <c r="O1694">
        <v>0</v>
      </c>
      <c r="P1694">
        <v>15120</v>
      </c>
      <c r="Q1694">
        <v>0</v>
      </c>
      <c r="R1694">
        <v>29160</v>
      </c>
      <c r="S1694">
        <v>0</v>
      </c>
      <c r="T1694">
        <v>0</v>
      </c>
      <c r="U1694">
        <v>0</v>
      </c>
      <c r="V1694">
        <v>0</v>
      </c>
      <c r="W1694">
        <v>4</v>
      </c>
      <c r="X1694">
        <v>0</v>
      </c>
      <c r="Y1694">
        <v>37</v>
      </c>
      <c r="Z1694">
        <v>25</v>
      </c>
      <c r="AA1694">
        <v>54</v>
      </c>
      <c r="AB1694">
        <v>42</v>
      </c>
      <c r="AC1694">
        <v>173</v>
      </c>
      <c r="AD1694">
        <v>73</v>
      </c>
      <c r="AE1694">
        <v>65</v>
      </c>
      <c r="AF1694">
        <v>0</v>
      </c>
      <c r="AG1694">
        <v>79160</v>
      </c>
      <c r="AH1694">
        <v>50000</v>
      </c>
      <c r="AI1694">
        <v>0</v>
      </c>
      <c r="AJ1694">
        <v>96</v>
      </c>
      <c r="AK1694" t="s">
        <v>4</v>
      </c>
      <c r="AL1694">
        <v>0</v>
      </c>
      <c r="AM1694">
        <v>0</v>
      </c>
      <c r="AN1694">
        <v>0</v>
      </c>
      <c r="AO1694">
        <v>0</v>
      </c>
      <c r="AP1694">
        <v>0</v>
      </c>
      <c r="AQ1694">
        <v>0</v>
      </c>
      <c r="AR1694">
        <v>0</v>
      </c>
      <c r="AS1694">
        <v>0</v>
      </c>
      <c r="AT1694">
        <v>0</v>
      </c>
      <c r="AU1694">
        <v>0</v>
      </c>
      <c r="AV1694">
        <v>0</v>
      </c>
      <c r="AW1694">
        <v>0</v>
      </c>
      <c r="AX1694">
        <v>928</v>
      </c>
      <c r="AY1694">
        <v>29</v>
      </c>
      <c r="AZ1694">
        <v>54</v>
      </c>
      <c r="BA1694">
        <v>3161</v>
      </c>
    </row>
    <row r="1695" spans="1:53" x14ac:dyDescent="0.4">
      <c r="A1695">
        <v>1739</v>
      </c>
      <c r="B1695" s="1">
        <v>43364</v>
      </c>
      <c r="C1695">
        <v>1</v>
      </c>
      <c r="D1695" s="1">
        <v>43364.291666666664</v>
      </c>
      <c r="E1695" s="1">
        <v>43364.45</v>
      </c>
      <c r="F1695">
        <v>0</v>
      </c>
      <c r="G1695">
        <v>0</v>
      </c>
      <c r="H1695">
        <v>0</v>
      </c>
      <c r="I1695">
        <v>0</v>
      </c>
      <c r="J1695">
        <v>0</v>
      </c>
      <c r="K1695">
        <v>0</v>
      </c>
      <c r="L1695">
        <v>0</v>
      </c>
      <c r="M1695">
        <v>0</v>
      </c>
      <c r="N1695">
        <v>0</v>
      </c>
      <c r="O1695">
        <v>0</v>
      </c>
      <c r="P1695">
        <v>0</v>
      </c>
      <c r="Q1695">
        <v>0</v>
      </c>
      <c r="R1695">
        <v>0</v>
      </c>
      <c r="S1695">
        <v>0</v>
      </c>
      <c r="T1695">
        <v>0</v>
      </c>
      <c r="U1695">
        <v>0</v>
      </c>
      <c r="V1695">
        <v>0</v>
      </c>
      <c r="W1695">
        <v>0</v>
      </c>
      <c r="X1695">
        <v>0</v>
      </c>
      <c r="Y1695">
        <v>30</v>
      </c>
      <c r="Z1695">
        <v>23</v>
      </c>
      <c r="AA1695">
        <v>49</v>
      </c>
      <c r="AB1695">
        <v>38</v>
      </c>
      <c r="AC1695">
        <v>130</v>
      </c>
      <c r="AD1695">
        <v>70</v>
      </c>
      <c r="AE1695">
        <v>50</v>
      </c>
      <c r="AF1695">
        <v>0</v>
      </c>
      <c r="AG1695">
        <v>50000</v>
      </c>
      <c r="AH1695">
        <v>0</v>
      </c>
      <c r="AI1695">
        <v>50000</v>
      </c>
      <c r="AJ1695">
        <v>0</v>
      </c>
      <c r="AK1695" t="s">
        <v>6</v>
      </c>
      <c r="AL1695">
        <v>0</v>
      </c>
      <c r="AM1695">
        <v>0</v>
      </c>
      <c r="AN1695">
        <v>0</v>
      </c>
      <c r="AO1695">
        <v>0</v>
      </c>
      <c r="AP1695">
        <v>0</v>
      </c>
      <c r="AQ1695">
        <v>0</v>
      </c>
      <c r="AR1695">
        <v>0</v>
      </c>
      <c r="AS1695">
        <v>0</v>
      </c>
      <c r="AT1695">
        <v>0</v>
      </c>
      <c r="AU1695">
        <v>0</v>
      </c>
      <c r="AV1695">
        <v>0</v>
      </c>
      <c r="AW1695">
        <v>0</v>
      </c>
      <c r="AX1695">
        <v>0</v>
      </c>
      <c r="AY1695">
        <v>0</v>
      </c>
      <c r="AZ1695">
        <v>0</v>
      </c>
      <c r="BA1695">
        <v>0</v>
      </c>
    </row>
    <row r="1696" spans="1:53" x14ac:dyDescent="0.4">
      <c r="A1696">
        <v>1740</v>
      </c>
      <c r="B1696" s="1">
        <v>43364</v>
      </c>
      <c r="C1696">
        <v>2</v>
      </c>
      <c r="D1696" s="1">
        <v>43364.45</v>
      </c>
      <c r="E1696" s="1">
        <v>43364.73541666667</v>
      </c>
      <c r="F1696">
        <v>10000</v>
      </c>
      <c r="G1696">
        <v>0</v>
      </c>
      <c r="H1696">
        <v>0</v>
      </c>
      <c r="I1696">
        <v>0</v>
      </c>
      <c r="J1696">
        <v>0</v>
      </c>
      <c r="K1696">
        <v>0</v>
      </c>
      <c r="L1696">
        <v>0</v>
      </c>
      <c r="M1696">
        <v>800</v>
      </c>
      <c r="N1696">
        <v>0</v>
      </c>
      <c r="O1696">
        <v>0</v>
      </c>
      <c r="P1696">
        <v>17280</v>
      </c>
      <c r="Q1696">
        <v>0</v>
      </c>
      <c r="R1696">
        <v>28080</v>
      </c>
      <c r="S1696">
        <v>0</v>
      </c>
      <c r="T1696">
        <v>0</v>
      </c>
      <c r="U1696">
        <v>0</v>
      </c>
      <c r="V1696">
        <v>1</v>
      </c>
      <c r="W1696">
        <v>3</v>
      </c>
      <c r="X1696">
        <v>0</v>
      </c>
      <c r="Y1696">
        <v>28</v>
      </c>
      <c r="Z1696">
        <v>27</v>
      </c>
      <c r="AA1696">
        <v>57</v>
      </c>
      <c r="AB1696">
        <v>39</v>
      </c>
      <c r="AC1696">
        <v>172</v>
      </c>
      <c r="AD1696">
        <v>69</v>
      </c>
      <c r="AE1696">
        <v>50</v>
      </c>
      <c r="AF1696">
        <v>1815</v>
      </c>
      <c r="AG1696">
        <v>78080</v>
      </c>
      <c r="AH1696">
        <v>50000</v>
      </c>
      <c r="AI1696">
        <v>0</v>
      </c>
      <c r="AJ1696">
        <v>96</v>
      </c>
      <c r="AK1696" t="s">
        <v>4</v>
      </c>
      <c r="AL1696">
        <v>0</v>
      </c>
      <c r="AM1696">
        <v>0</v>
      </c>
      <c r="AN1696">
        <v>0</v>
      </c>
      <c r="AO1696">
        <v>0</v>
      </c>
      <c r="AP1696">
        <v>0</v>
      </c>
      <c r="AQ1696">
        <v>0</v>
      </c>
      <c r="AR1696">
        <v>0</v>
      </c>
      <c r="AS1696">
        <v>0</v>
      </c>
      <c r="AT1696">
        <v>0</v>
      </c>
      <c r="AU1696">
        <v>0</v>
      </c>
      <c r="AV1696">
        <v>0</v>
      </c>
      <c r="AW1696">
        <v>0</v>
      </c>
      <c r="AX1696">
        <v>-497</v>
      </c>
      <c r="AY1696">
        <v>33</v>
      </c>
      <c r="AZ1696">
        <v>52</v>
      </c>
      <c r="BA1696">
        <v>3664</v>
      </c>
    </row>
    <row r="1697" spans="1:53" x14ac:dyDescent="0.4">
      <c r="A1697">
        <v>1741</v>
      </c>
      <c r="B1697" s="1">
        <v>43364</v>
      </c>
      <c r="C1697">
        <v>3</v>
      </c>
      <c r="D1697" s="1">
        <v>43364.73541666667</v>
      </c>
      <c r="E1697" s="1">
        <v>43365.029861111114</v>
      </c>
      <c r="F1697">
        <v>227200</v>
      </c>
      <c r="G1697">
        <v>17660</v>
      </c>
      <c r="H1697">
        <v>0</v>
      </c>
      <c r="I1697">
        <v>0</v>
      </c>
      <c r="J1697">
        <v>0</v>
      </c>
      <c r="K1697">
        <v>0</v>
      </c>
      <c r="L1697">
        <v>0</v>
      </c>
      <c r="M1697">
        <v>19588</v>
      </c>
      <c r="N1697">
        <v>0</v>
      </c>
      <c r="O1697">
        <v>0</v>
      </c>
      <c r="P1697">
        <v>36936</v>
      </c>
      <c r="Q1697">
        <v>0</v>
      </c>
      <c r="R1697">
        <v>301384</v>
      </c>
      <c r="S1697">
        <v>0</v>
      </c>
      <c r="T1697">
        <v>0</v>
      </c>
      <c r="U1697">
        <v>0</v>
      </c>
      <c r="V1697">
        <v>17</v>
      </c>
      <c r="W1697">
        <v>5</v>
      </c>
      <c r="X1697">
        <v>0</v>
      </c>
      <c r="Y1697">
        <v>110</v>
      </c>
      <c r="Z1697">
        <v>24</v>
      </c>
      <c r="AA1697">
        <v>155</v>
      </c>
      <c r="AB1697">
        <v>35</v>
      </c>
      <c r="AC1697">
        <v>179</v>
      </c>
      <c r="AD1697">
        <v>66</v>
      </c>
      <c r="AE1697">
        <v>131</v>
      </c>
      <c r="AF1697">
        <v>42963</v>
      </c>
      <c r="AG1697">
        <v>379464</v>
      </c>
      <c r="AH1697">
        <v>50000</v>
      </c>
      <c r="AI1697">
        <v>0</v>
      </c>
      <c r="AJ1697">
        <v>108</v>
      </c>
      <c r="AK1697" t="s">
        <v>30</v>
      </c>
      <c r="AL1697">
        <v>0</v>
      </c>
      <c r="AM1697">
        <v>0</v>
      </c>
      <c r="AN1697">
        <v>0</v>
      </c>
      <c r="AO1697">
        <v>0</v>
      </c>
      <c r="AP1697">
        <v>0</v>
      </c>
      <c r="AQ1697">
        <v>0</v>
      </c>
      <c r="AR1697">
        <v>0</v>
      </c>
      <c r="AS1697">
        <v>0</v>
      </c>
      <c r="AT1697">
        <v>0</v>
      </c>
      <c r="AU1697">
        <v>0</v>
      </c>
      <c r="AV1697">
        <v>0</v>
      </c>
      <c r="AW1697">
        <v>0</v>
      </c>
      <c r="AX1697">
        <v>-10725</v>
      </c>
      <c r="AY1697">
        <v>34</v>
      </c>
      <c r="AZ1697">
        <v>148</v>
      </c>
      <c r="BA1697">
        <v>4866</v>
      </c>
    </row>
    <row r="1698" spans="1:53" x14ac:dyDescent="0.4">
      <c r="A1698">
        <v>1742</v>
      </c>
      <c r="B1698" s="1">
        <v>43365</v>
      </c>
      <c r="C1698">
        <v>1</v>
      </c>
      <c r="D1698" s="1">
        <v>43365.291666666664</v>
      </c>
      <c r="E1698" s="1">
        <v>43365.406944444447</v>
      </c>
      <c r="F1698">
        <v>0</v>
      </c>
      <c r="G1698">
        <v>0</v>
      </c>
      <c r="H1698">
        <v>0</v>
      </c>
      <c r="I1698">
        <v>0</v>
      </c>
      <c r="J1698">
        <v>0</v>
      </c>
      <c r="K1698">
        <v>0</v>
      </c>
      <c r="L1698">
        <v>0</v>
      </c>
      <c r="M1698">
        <v>0</v>
      </c>
      <c r="N1698">
        <v>0</v>
      </c>
      <c r="O1698">
        <v>0</v>
      </c>
      <c r="P1698">
        <v>0</v>
      </c>
      <c r="Q1698">
        <v>0</v>
      </c>
      <c r="R1698">
        <v>0</v>
      </c>
      <c r="S1698">
        <v>0</v>
      </c>
      <c r="T1698">
        <v>0</v>
      </c>
      <c r="U1698">
        <v>0</v>
      </c>
      <c r="V1698">
        <v>0</v>
      </c>
      <c r="W1698">
        <v>0</v>
      </c>
      <c r="X1698">
        <v>0</v>
      </c>
      <c r="Y1698">
        <v>25</v>
      </c>
      <c r="Z1698">
        <v>11</v>
      </c>
      <c r="AA1698">
        <v>162</v>
      </c>
      <c r="AB1698">
        <v>33</v>
      </c>
      <c r="AC1698">
        <v>120</v>
      </c>
      <c r="AD1698">
        <v>66</v>
      </c>
      <c r="AE1698">
        <v>120</v>
      </c>
      <c r="AF1698">
        <v>0</v>
      </c>
      <c r="AG1698">
        <v>50000</v>
      </c>
      <c r="AH1698">
        <v>50000</v>
      </c>
      <c r="AI1698">
        <v>0</v>
      </c>
      <c r="AJ1698">
        <v>0</v>
      </c>
      <c r="AK1698" t="s">
        <v>6</v>
      </c>
      <c r="AL1698">
        <v>0</v>
      </c>
      <c r="AM1698">
        <v>0</v>
      </c>
      <c r="AN1698">
        <v>0</v>
      </c>
      <c r="AO1698">
        <v>0</v>
      </c>
      <c r="AP1698">
        <v>0</v>
      </c>
      <c r="AQ1698">
        <v>0</v>
      </c>
      <c r="AR1698">
        <v>0</v>
      </c>
      <c r="AS1698">
        <v>0</v>
      </c>
      <c r="AT1698">
        <v>0</v>
      </c>
      <c r="AU1698">
        <v>0</v>
      </c>
      <c r="AV1698">
        <v>0</v>
      </c>
      <c r="AW1698">
        <v>0</v>
      </c>
      <c r="AX1698">
        <v>0</v>
      </c>
      <c r="AY1698">
        <v>0</v>
      </c>
      <c r="AZ1698">
        <v>0</v>
      </c>
      <c r="BA1698">
        <v>0</v>
      </c>
    </row>
    <row r="1699" spans="1:53" x14ac:dyDescent="0.4">
      <c r="A1699">
        <v>1743</v>
      </c>
      <c r="B1699" s="1">
        <v>43365</v>
      </c>
      <c r="C1699">
        <v>2</v>
      </c>
      <c r="D1699" s="1">
        <v>43365.406944444447</v>
      </c>
      <c r="E1699" s="1">
        <v>43365.731249999997</v>
      </c>
      <c r="F1699">
        <v>34000</v>
      </c>
      <c r="G1699">
        <v>2860</v>
      </c>
      <c r="H1699">
        <v>0</v>
      </c>
      <c r="I1699">
        <v>0</v>
      </c>
      <c r="J1699">
        <v>0</v>
      </c>
      <c r="K1699">
        <v>0</v>
      </c>
      <c r="L1699">
        <v>0</v>
      </c>
      <c r="M1699">
        <v>2947</v>
      </c>
      <c r="N1699">
        <v>0</v>
      </c>
      <c r="O1699">
        <v>0</v>
      </c>
      <c r="P1699">
        <v>22680</v>
      </c>
      <c r="Q1699">
        <v>0</v>
      </c>
      <c r="R1699">
        <v>62487</v>
      </c>
      <c r="S1699">
        <v>0</v>
      </c>
      <c r="T1699">
        <v>0</v>
      </c>
      <c r="U1699">
        <v>0</v>
      </c>
      <c r="V1699">
        <v>2</v>
      </c>
      <c r="W1699">
        <v>0</v>
      </c>
      <c r="X1699">
        <v>0</v>
      </c>
      <c r="Y1699">
        <v>55</v>
      </c>
      <c r="Z1699">
        <v>31</v>
      </c>
      <c r="AA1699">
        <v>174</v>
      </c>
      <c r="AB1699">
        <v>42</v>
      </c>
      <c r="AC1699">
        <v>202</v>
      </c>
      <c r="AD1699">
        <v>69</v>
      </c>
      <c r="AE1699">
        <v>122</v>
      </c>
      <c r="AF1699">
        <v>0</v>
      </c>
      <c r="AG1699">
        <v>112487</v>
      </c>
      <c r="AH1699">
        <v>50000</v>
      </c>
      <c r="AI1699">
        <v>0</v>
      </c>
      <c r="AJ1699">
        <v>99</v>
      </c>
      <c r="AK1699" t="s">
        <v>9</v>
      </c>
      <c r="AL1699">
        <v>0</v>
      </c>
      <c r="AM1699">
        <v>0</v>
      </c>
      <c r="AN1699">
        <v>0</v>
      </c>
      <c r="AO1699">
        <v>0</v>
      </c>
      <c r="AP1699">
        <v>0</v>
      </c>
      <c r="AQ1699">
        <v>0</v>
      </c>
      <c r="AR1699">
        <v>0</v>
      </c>
      <c r="AS1699">
        <v>0</v>
      </c>
      <c r="AT1699">
        <v>0</v>
      </c>
      <c r="AU1699">
        <v>0</v>
      </c>
      <c r="AV1699">
        <v>0</v>
      </c>
      <c r="AW1699">
        <v>0</v>
      </c>
      <c r="AX1699">
        <v>-2700</v>
      </c>
      <c r="AY1699">
        <v>53</v>
      </c>
      <c r="AZ1699">
        <v>109</v>
      </c>
      <c r="BA1699">
        <v>7353</v>
      </c>
    </row>
    <row r="1700" spans="1:53" x14ac:dyDescent="0.4">
      <c r="A1700">
        <v>1744</v>
      </c>
      <c r="B1700" s="1">
        <v>43365</v>
      </c>
      <c r="C1700">
        <v>3</v>
      </c>
      <c r="D1700" s="1">
        <v>43365.731249999997</v>
      </c>
      <c r="E1700" s="1">
        <v>43365.974999999999</v>
      </c>
      <c r="F1700">
        <v>120100</v>
      </c>
      <c r="G1700">
        <v>6180</v>
      </c>
      <c r="H1700">
        <v>0</v>
      </c>
      <c r="I1700">
        <v>0</v>
      </c>
      <c r="J1700">
        <v>900</v>
      </c>
      <c r="K1700">
        <v>0</v>
      </c>
      <c r="L1700">
        <v>0</v>
      </c>
      <c r="M1700">
        <v>10029</v>
      </c>
      <c r="N1700">
        <v>0</v>
      </c>
      <c r="O1700">
        <v>0</v>
      </c>
      <c r="P1700">
        <v>0</v>
      </c>
      <c r="Q1700">
        <v>0</v>
      </c>
      <c r="R1700">
        <v>135409</v>
      </c>
      <c r="S1700">
        <v>0</v>
      </c>
      <c r="T1700">
        <v>0</v>
      </c>
      <c r="U1700">
        <v>0</v>
      </c>
      <c r="V1700">
        <v>15</v>
      </c>
      <c r="W1700">
        <v>1</v>
      </c>
      <c r="X1700">
        <v>0</v>
      </c>
      <c r="Y1700">
        <v>55</v>
      </c>
      <c r="Z1700">
        <v>31</v>
      </c>
      <c r="AA1700">
        <v>169</v>
      </c>
      <c r="AB1700">
        <v>39</v>
      </c>
      <c r="AC1700">
        <v>208</v>
      </c>
      <c r="AD1700">
        <v>69</v>
      </c>
      <c r="AE1700">
        <v>121</v>
      </c>
      <c r="AF1700">
        <v>0</v>
      </c>
      <c r="AG1700">
        <v>246896</v>
      </c>
      <c r="AH1700">
        <v>50000</v>
      </c>
      <c r="AI1700">
        <v>-1000</v>
      </c>
      <c r="AJ1700">
        <v>100</v>
      </c>
      <c r="AK1700" t="s">
        <v>0</v>
      </c>
      <c r="AL1700">
        <v>0</v>
      </c>
      <c r="AM1700">
        <v>0</v>
      </c>
      <c r="AN1700">
        <v>0</v>
      </c>
      <c r="AO1700">
        <v>0</v>
      </c>
      <c r="AP1700">
        <v>0</v>
      </c>
      <c r="AQ1700">
        <v>0</v>
      </c>
      <c r="AR1700">
        <v>0</v>
      </c>
      <c r="AS1700">
        <v>0</v>
      </c>
      <c r="AT1700">
        <v>0</v>
      </c>
      <c r="AU1700">
        <v>0</v>
      </c>
      <c r="AV1700">
        <v>0</v>
      </c>
      <c r="AW1700">
        <v>0</v>
      </c>
      <c r="AX1700">
        <v>76120</v>
      </c>
      <c r="AY1700">
        <v>24</v>
      </c>
      <c r="AZ1700">
        <v>123</v>
      </c>
      <c r="BA1700">
        <v>4103</v>
      </c>
    </row>
    <row r="1701" spans="1:53" x14ac:dyDescent="0.4">
      <c r="A1701">
        <v>1745</v>
      </c>
      <c r="B1701" s="1">
        <v>43365</v>
      </c>
      <c r="C1701">
        <v>4</v>
      </c>
      <c r="D1701" s="1">
        <v>43365.974999999999</v>
      </c>
      <c r="E1701" s="1">
        <v>43366.086805555555</v>
      </c>
      <c r="F1701">
        <v>103400</v>
      </c>
      <c r="G1701">
        <v>800</v>
      </c>
      <c r="H1701">
        <v>400</v>
      </c>
      <c r="I1701">
        <v>0</v>
      </c>
      <c r="J1701">
        <v>800</v>
      </c>
      <c r="K1701">
        <v>0</v>
      </c>
      <c r="L1701">
        <v>0</v>
      </c>
      <c r="M1701">
        <v>8304</v>
      </c>
      <c r="N1701">
        <v>0</v>
      </c>
      <c r="O1701">
        <v>0</v>
      </c>
      <c r="P1701">
        <v>93485</v>
      </c>
      <c r="Q1701">
        <v>0</v>
      </c>
      <c r="R1701">
        <v>205589</v>
      </c>
      <c r="S1701">
        <v>0</v>
      </c>
      <c r="T1701">
        <v>0</v>
      </c>
      <c r="U1701">
        <v>0</v>
      </c>
      <c r="V1701">
        <v>32</v>
      </c>
      <c r="W1701">
        <v>1</v>
      </c>
      <c r="X1701">
        <v>0</v>
      </c>
      <c r="Y1701">
        <v>88</v>
      </c>
      <c r="Z1701">
        <v>34</v>
      </c>
      <c r="AA1701">
        <v>187</v>
      </c>
      <c r="AB1701">
        <v>42</v>
      </c>
      <c r="AC1701">
        <v>217</v>
      </c>
      <c r="AD1701">
        <v>71</v>
      </c>
      <c r="AE1701">
        <v>160</v>
      </c>
      <c r="AF1701">
        <v>0</v>
      </c>
      <c r="AG1701">
        <v>453485</v>
      </c>
      <c r="AH1701">
        <v>50000</v>
      </c>
      <c r="AI1701">
        <v>0</v>
      </c>
      <c r="AJ1701">
        <v>108</v>
      </c>
      <c r="AK1701" t="s">
        <v>30</v>
      </c>
      <c r="AL1701">
        <v>0</v>
      </c>
      <c r="AM1701">
        <v>0</v>
      </c>
      <c r="AN1701">
        <v>0</v>
      </c>
      <c r="AO1701">
        <v>0</v>
      </c>
      <c r="AP1701">
        <v>0</v>
      </c>
      <c r="AQ1701">
        <v>0</v>
      </c>
      <c r="AR1701">
        <v>0</v>
      </c>
      <c r="AS1701">
        <v>0</v>
      </c>
      <c r="AT1701">
        <v>0</v>
      </c>
      <c r="AU1701">
        <v>0</v>
      </c>
      <c r="AV1701">
        <v>0</v>
      </c>
      <c r="AW1701">
        <v>0</v>
      </c>
      <c r="AX1701">
        <v>11826</v>
      </c>
      <c r="AY1701">
        <v>19</v>
      </c>
      <c r="AZ1701">
        <v>64</v>
      </c>
      <c r="BA1701">
        <v>2114</v>
      </c>
    </row>
    <row r="1702" spans="1:53" x14ac:dyDescent="0.4">
      <c r="A1702">
        <v>1746</v>
      </c>
      <c r="B1702" s="1">
        <v>43366</v>
      </c>
      <c r="C1702">
        <v>1</v>
      </c>
      <c r="D1702" s="1">
        <v>43366.291666666664</v>
      </c>
      <c r="E1702" s="1">
        <v>43366.411111111112</v>
      </c>
      <c r="F1702">
        <v>0</v>
      </c>
      <c r="G1702">
        <v>0</v>
      </c>
      <c r="H1702">
        <v>0</v>
      </c>
      <c r="I1702">
        <v>0</v>
      </c>
      <c r="J1702">
        <v>0</v>
      </c>
      <c r="K1702">
        <v>0</v>
      </c>
      <c r="L1702">
        <v>0</v>
      </c>
      <c r="M1702">
        <v>0</v>
      </c>
      <c r="N1702">
        <v>0</v>
      </c>
      <c r="O1702">
        <v>0</v>
      </c>
      <c r="P1702">
        <v>0</v>
      </c>
      <c r="Q1702">
        <v>0</v>
      </c>
      <c r="R1702">
        <v>0</v>
      </c>
      <c r="S1702">
        <v>0</v>
      </c>
      <c r="T1702">
        <v>0</v>
      </c>
      <c r="U1702">
        <v>0</v>
      </c>
      <c r="V1702">
        <v>0</v>
      </c>
      <c r="W1702">
        <v>0</v>
      </c>
      <c r="X1702">
        <v>0</v>
      </c>
      <c r="Y1702">
        <v>22</v>
      </c>
      <c r="Z1702">
        <v>12</v>
      </c>
      <c r="AA1702">
        <v>178</v>
      </c>
      <c r="AB1702">
        <v>40</v>
      </c>
      <c r="AC1702">
        <v>168</v>
      </c>
      <c r="AD1702">
        <v>73</v>
      </c>
      <c r="AE1702">
        <v>155</v>
      </c>
      <c r="AF1702">
        <v>0</v>
      </c>
      <c r="AG1702">
        <v>50000</v>
      </c>
      <c r="AH1702">
        <v>0</v>
      </c>
      <c r="AI1702">
        <v>50000</v>
      </c>
      <c r="AJ1702">
        <v>0</v>
      </c>
      <c r="AK1702" t="s">
        <v>6</v>
      </c>
      <c r="AL1702">
        <v>0</v>
      </c>
      <c r="AM1702">
        <v>0</v>
      </c>
      <c r="AN1702">
        <v>0</v>
      </c>
      <c r="AO1702">
        <v>0</v>
      </c>
      <c r="AP1702">
        <v>0</v>
      </c>
      <c r="AQ1702">
        <v>0</v>
      </c>
      <c r="AR1702">
        <v>0</v>
      </c>
      <c r="AS1702">
        <v>0</v>
      </c>
      <c r="AT1702">
        <v>0</v>
      </c>
      <c r="AU1702">
        <v>0</v>
      </c>
      <c r="AV1702">
        <v>0</v>
      </c>
      <c r="AW1702">
        <v>0</v>
      </c>
      <c r="AX1702">
        <v>0</v>
      </c>
      <c r="AY1702">
        <v>0</v>
      </c>
      <c r="AZ1702">
        <v>0</v>
      </c>
      <c r="BA1702">
        <v>0</v>
      </c>
    </row>
    <row r="1703" spans="1:53" x14ac:dyDescent="0.4">
      <c r="A1703">
        <v>1747</v>
      </c>
      <c r="B1703" s="1">
        <v>43366</v>
      </c>
      <c r="C1703">
        <v>2</v>
      </c>
      <c r="D1703" s="1">
        <v>43366.411111111112</v>
      </c>
      <c r="E1703" s="1">
        <v>43366.745138888888</v>
      </c>
      <c r="F1703">
        <v>41250</v>
      </c>
      <c r="G1703">
        <v>3120</v>
      </c>
      <c r="H1703">
        <v>0</v>
      </c>
      <c r="I1703">
        <v>0</v>
      </c>
      <c r="J1703">
        <v>0</v>
      </c>
      <c r="K1703">
        <v>0</v>
      </c>
      <c r="L1703">
        <v>0</v>
      </c>
      <c r="M1703">
        <v>3549</v>
      </c>
      <c r="N1703">
        <v>0</v>
      </c>
      <c r="O1703">
        <v>0</v>
      </c>
      <c r="P1703">
        <v>17550</v>
      </c>
      <c r="Q1703">
        <v>0</v>
      </c>
      <c r="R1703">
        <v>65469</v>
      </c>
      <c r="S1703">
        <v>0</v>
      </c>
      <c r="T1703">
        <v>0</v>
      </c>
      <c r="U1703">
        <v>0</v>
      </c>
      <c r="V1703">
        <v>1</v>
      </c>
      <c r="W1703">
        <v>0</v>
      </c>
      <c r="X1703">
        <v>0</v>
      </c>
      <c r="Y1703">
        <v>59</v>
      </c>
      <c r="Z1703">
        <v>28</v>
      </c>
      <c r="AA1703">
        <v>274</v>
      </c>
      <c r="AB1703">
        <v>43</v>
      </c>
      <c r="AC1703">
        <v>236</v>
      </c>
      <c r="AD1703">
        <v>81</v>
      </c>
      <c r="AE1703">
        <v>154</v>
      </c>
      <c r="AF1703">
        <v>0</v>
      </c>
      <c r="AG1703">
        <v>115469</v>
      </c>
      <c r="AH1703">
        <v>50000</v>
      </c>
      <c r="AI1703">
        <v>0</v>
      </c>
      <c r="AJ1703">
        <v>99</v>
      </c>
      <c r="AK1703" t="s">
        <v>9</v>
      </c>
      <c r="AL1703">
        <v>0</v>
      </c>
      <c r="AM1703">
        <v>0</v>
      </c>
      <c r="AN1703">
        <v>0</v>
      </c>
      <c r="AO1703">
        <v>0</v>
      </c>
      <c r="AP1703">
        <v>0</v>
      </c>
      <c r="AQ1703">
        <v>0</v>
      </c>
      <c r="AR1703">
        <v>0</v>
      </c>
      <c r="AS1703">
        <v>0</v>
      </c>
      <c r="AT1703">
        <v>0</v>
      </c>
      <c r="AU1703">
        <v>0</v>
      </c>
      <c r="AV1703">
        <v>0</v>
      </c>
      <c r="AW1703">
        <v>0</v>
      </c>
      <c r="AX1703">
        <v>0</v>
      </c>
      <c r="AY1703">
        <v>48</v>
      </c>
      <c r="AZ1703">
        <v>110</v>
      </c>
      <c r="BA1703">
        <v>7509</v>
      </c>
    </row>
    <row r="1704" spans="1:53" x14ac:dyDescent="0.4">
      <c r="A1704">
        <v>1748</v>
      </c>
      <c r="B1704" s="1">
        <v>43366</v>
      </c>
      <c r="C1704">
        <v>3</v>
      </c>
      <c r="D1704" s="1">
        <v>43366.745138888888</v>
      </c>
      <c r="E1704" s="1">
        <v>43366.940972222219</v>
      </c>
      <c r="F1704">
        <v>32250</v>
      </c>
      <c r="G1704">
        <v>0</v>
      </c>
      <c r="H1704">
        <v>0</v>
      </c>
      <c r="I1704">
        <v>0</v>
      </c>
      <c r="J1704">
        <v>0</v>
      </c>
      <c r="K1704">
        <v>0</v>
      </c>
      <c r="L1704">
        <v>0</v>
      </c>
      <c r="M1704">
        <v>2580</v>
      </c>
      <c r="N1704">
        <v>0</v>
      </c>
      <c r="O1704">
        <v>0</v>
      </c>
      <c r="P1704">
        <v>-12798</v>
      </c>
      <c r="Q1704">
        <v>0</v>
      </c>
      <c r="R1704">
        <v>22032</v>
      </c>
      <c r="S1704">
        <v>0</v>
      </c>
      <c r="T1704">
        <v>0</v>
      </c>
      <c r="U1704">
        <v>0</v>
      </c>
      <c r="V1704">
        <v>4</v>
      </c>
      <c r="W1704">
        <v>0</v>
      </c>
      <c r="X1704">
        <v>0</v>
      </c>
      <c r="Y1704">
        <v>62</v>
      </c>
      <c r="Z1704">
        <v>27</v>
      </c>
      <c r="AA1704">
        <v>171</v>
      </c>
      <c r="AB1704">
        <v>41</v>
      </c>
      <c r="AC1704">
        <v>230</v>
      </c>
      <c r="AD1704">
        <v>80</v>
      </c>
      <c r="AE1704">
        <v>151</v>
      </c>
      <c r="AF1704">
        <v>0</v>
      </c>
      <c r="AG1704">
        <v>137501</v>
      </c>
      <c r="AH1704">
        <v>50000</v>
      </c>
      <c r="AI1704">
        <v>0</v>
      </c>
      <c r="AJ1704">
        <v>106</v>
      </c>
      <c r="AK1704" t="s">
        <v>29</v>
      </c>
      <c r="AL1704">
        <v>0</v>
      </c>
      <c r="AM1704">
        <v>0</v>
      </c>
      <c r="AN1704">
        <v>0</v>
      </c>
      <c r="AO1704">
        <v>0</v>
      </c>
      <c r="AP1704">
        <v>0</v>
      </c>
      <c r="AQ1704">
        <v>0</v>
      </c>
      <c r="AR1704">
        <v>0</v>
      </c>
      <c r="AS1704">
        <v>0</v>
      </c>
      <c r="AT1704">
        <v>0</v>
      </c>
      <c r="AU1704">
        <v>0</v>
      </c>
      <c r="AV1704">
        <v>0</v>
      </c>
      <c r="AW1704">
        <v>0</v>
      </c>
      <c r="AX1704">
        <v>6228</v>
      </c>
      <c r="AY1704">
        <v>9</v>
      </c>
      <c r="AZ1704">
        <v>19</v>
      </c>
      <c r="BA1704">
        <v>1896</v>
      </c>
    </row>
    <row r="1705" spans="1:53" x14ac:dyDescent="0.4">
      <c r="A1705">
        <v>1749</v>
      </c>
      <c r="B1705" s="1">
        <v>43366</v>
      </c>
      <c r="C1705">
        <v>4</v>
      </c>
      <c r="D1705" s="1">
        <v>43366.940972222219</v>
      </c>
      <c r="E1705" s="1">
        <v>43367.072916666664</v>
      </c>
      <c r="F1705">
        <v>26640</v>
      </c>
      <c r="G1705">
        <v>1670</v>
      </c>
      <c r="H1705">
        <v>200</v>
      </c>
      <c r="I1705">
        <v>0</v>
      </c>
      <c r="J1705">
        <v>0</v>
      </c>
      <c r="K1705">
        <v>0</v>
      </c>
      <c r="L1705">
        <v>0</v>
      </c>
      <c r="M1705">
        <v>2281</v>
      </c>
      <c r="N1705">
        <v>0</v>
      </c>
      <c r="O1705">
        <v>0</v>
      </c>
      <c r="P1705">
        <v>20952</v>
      </c>
      <c r="Q1705">
        <v>0</v>
      </c>
      <c r="R1705">
        <v>51743</v>
      </c>
      <c r="S1705">
        <v>0</v>
      </c>
      <c r="T1705">
        <v>0</v>
      </c>
      <c r="U1705">
        <v>0</v>
      </c>
      <c r="V1705">
        <v>7</v>
      </c>
      <c r="W1705">
        <v>0</v>
      </c>
      <c r="X1705">
        <v>0</v>
      </c>
      <c r="Y1705">
        <v>71</v>
      </c>
      <c r="Z1705">
        <v>29</v>
      </c>
      <c r="AA1705">
        <v>168</v>
      </c>
      <c r="AB1705">
        <v>40</v>
      </c>
      <c r="AC1705">
        <v>233</v>
      </c>
      <c r="AD1705">
        <v>79</v>
      </c>
      <c r="AE1705">
        <v>155</v>
      </c>
      <c r="AF1705">
        <v>12064</v>
      </c>
      <c r="AG1705">
        <v>189244</v>
      </c>
      <c r="AH1705">
        <v>50000</v>
      </c>
      <c r="AI1705">
        <v>0</v>
      </c>
      <c r="AJ1705">
        <v>100</v>
      </c>
      <c r="AK1705" t="s">
        <v>0</v>
      </c>
      <c r="AL1705">
        <v>0</v>
      </c>
      <c r="AM1705">
        <v>0</v>
      </c>
      <c r="AN1705">
        <v>0</v>
      </c>
      <c r="AO1705">
        <v>0</v>
      </c>
      <c r="AP1705">
        <v>0</v>
      </c>
      <c r="AQ1705">
        <v>0</v>
      </c>
      <c r="AR1705">
        <v>0</v>
      </c>
      <c r="AS1705">
        <v>0</v>
      </c>
      <c r="AT1705">
        <v>0</v>
      </c>
      <c r="AU1705">
        <v>0</v>
      </c>
      <c r="AV1705">
        <v>0</v>
      </c>
      <c r="AW1705">
        <v>0</v>
      </c>
      <c r="AX1705">
        <v>518</v>
      </c>
      <c r="AY1705">
        <v>7</v>
      </c>
      <c r="AZ1705">
        <v>22</v>
      </c>
      <c r="BA1705">
        <v>1059</v>
      </c>
    </row>
    <row r="1706" spans="1:53" x14ac:dyDescent="0.4">
      <c r="A1706">
        <v>1750</v>
      </c>
      <c r="B1706" s="1">
        <v>43367</v>
      </c>
      <c r="C1706">
        <v>1</v>
      </c>
      <c r="D1706" s="1">
        <v>43367.291666666664</v>
      </c>
      <c r="E1706" s="1">
        <v>43367.40902777778</v>
      </c>
      <c r="F1706">
        <v>0</v>
      </c>
      <c r="G1706">
        <v>0</v>
      </c>
      <c r="H1706">
        <v>0</v>
      </c>
      <c r="I1706">
        <v>0</v>
      </c>
      <c r="J1706">
        <v>0</v>
      </c>
      <c r="K1706">
        <v>0</v>
      </c>
      <c r="L1706">
        <v>0</v>
      </c>
      <c r="M1706">
        <v>0</v>
      </c>
      <c r="N1706">
        <v>0</v>
      </c>
      <c r="O1706">
        <v>0</v>
      </c>
      <c r="P1706">
        <v>0</v>
      </c>
      <c r="Q1706">
        <v>0</v>
      </c>
      <c r="R1706">
        <v>0</v>
      </c>
      <c r="S1706">
        <v>0</v>
      </c>
      <c r="T1706">
        <v>0</v>
      </c>
      <c r="U1706">
        <v>0</v>
      </c>
      <c r="V1706">
        <v>0</v>
      </c>
      <c r="W1706">
        <v>0</v>
      </c>
      <c r="X1706">
        <v>0</v>
      </c>
      <c r="Y1706">
        <v>30</v>
      </c>
      <c r="Z1706">
        <v>8</v>
      </c>
      <c r="AA1706">
        <v>122</v>
      </c>
      <c r="AB1706">
        <v>40</v>
      </c>
      <c r="AC1706">
        <v>126</v>
      </c>
      <c r="AD1706">
        <v>78</v>
      </c>
      <c r="AE1706">
        <v>150</v>
      </c>
      <c r="AF1706">
        <v>0</v>
      </c>
      <c r="AG1706">
        <v>50000</v>
      </c>
      <c r="AH1706">
        <v>0</v>
      </c>
      <c r="AI1706">
        <v>50000</v>
      </c>
      <c r="AJ1706">
        <v>0</v>
      </c>
      <c r="AK1706" t="s">
        <v>6</v>
      </c>
      <c r="AL1706">
        <v>0</v>
      </c>
      <c r="AM1706">
        <v>0</v>
      </c>
      <c r="AN1706">
        <v>0</v>
      </c>
      <c r="AO1706">
        <v>0</v>
      </c>
      <c r="AP1706">
        <v>0</v>
      </c>
      <c r="AQ1706">
        <v>0</v>
      </c>
      <c r="AR1706">
        <v>0</v>
      </c>
      <c r="AS1706">
        <v>0</v>
      </c>
      <c r="AT1706">
        <v>0</v>
      </c>
      <c r="AU1706">
        <v>0</v>
      </c>
      <c r="AV1706">
        <v>0</v>
      </c>
      <c r="AW1706">
        <v>0</v>
      </c>
      <c r="AX1706">
        <v>0</v>
      </c>
      <c r="AY1706">
        <v>0</v>
      </c>
      <c r="AZ1706">
        <v>0</v>
      </c>
      <c r="BA1706">
        <v>0</v>
      </c>
    </row>
    <row r="1707" spans="1:53" x14ac:dyDescent="0.4">
      <c r="A1707">
        <v>1751</v>
      </c>
      <c r="B1707" s="1">
        <v>43367</v>
      </c>
      <c r="C1707">
        <v>2</v>
      </c>
      <c r="D1707" s="1">
        <v>43367.40902777778</v>
      </c>
      <c r="E1707" s="1">
        <v>43367.729861111111</v>
      </c>
      <c r="F1707">
        <v>44500</v>
      </c>
      <c r="G1707">
        <v>4260</v>
      </c>
      <c r="H1707">
        <v>0</v>
      </c>
      <c r="I1707">
        <v>0</v>
      </c>
      <c r="J1707">
        <v>0</v>
      </c>
      <c r="K1707">
        <v>0</v>
      </c>
      <c r="L1707">
        <v>0</v>
      </c>
      <c r="M1707">
        <v>3899</v>
      </c>
      <c r="N1707">
        <v>0</v>
      </c>
      <c r="O1707">
        <v>0</v>
      </c>
      <c r="P1707">
        <v>19980</v>
      </c>
      <c r="Q1707">
        <v>0</v>
      </c>
      <c r="R1707">
        <v>72639</v>
      </c>
      <c r="S1707">
        <v>0</v>
      </c>
      <c r="T1707">
        <v>0</v>
      </c>
      <c r="U1707">
        <v>0</v>
      </c>
      <c r="V1707">
        <v>0</v>
      </c>
      <c r="W1707">
        <v>2</v>
      </c>
      <c r="X1707">
        <v>0</v>
      </c>
      <c r="Y1707">
        <v>74</v>
      </c>
      <c r="Z1707">
        <v>29</v>
      </c>
      <c r="AA1707">
        <v>164</v>
      </c>
      <c r="AB1707">
        <v>50</v>
      </c>
      <c r="AC1707">
        <v>243</v>
      </c>
      <c r="AD1707">
        <v>82</v>
      </c>
      <c r="AE1707">
        <v>162</v>
      </c>
      <c r="AF1707">
        <v>2237</v>
      </c>
      <c r="AG1707">
        <v>122639</v>
      </c>
      <c r="AH1707">
        <v>50000</v>
      </c>
      <c r="AI1707">
        <v>0</v>
      </c>
      <c r="AJ1707">
        <v>96</v>
      </c>
      <c r="AK1707" t="s">
        <v>4</v>
      </c>
      <c r="AL1707">
        <v>0</v>
      </c>
      <c r="AM1707">
        <v>0</v>
      </c>
      <c r="AN1707">
        <v>0</v>
      </c>
      <c r="AO1707">
        <v>0</v>
      </c>
      <c r="AP1707">
        <v>0</v>
      </c>
      <c r="AQ1707">
        <v>0</v>
      </c>
      <c r="AR1707">
        <v>0</v>
      </c>
      <c r="AS1707">
        <v>0</v>
      </c>
      <c r="AT1707">
        <v>0</v>
      </c>
      <c r="AU1707">
        <v>0</v>
      </c>
      <c r="AV1707">
        <v>0</v>
      </c>
      <c r="AW1707">
        <v>0</v>
      </c>
      <c r="AX1707">
        <v>540</v>
      </c>
      <c r="AY1707">
        <v>49</v>
      </c>
      <c r="AZ1707">
        <v>118</v>
      </c>
      <c r="BA1707">
        <v>7339</v>
      </c>
    </row>
    <row r="1708" spans="1:53" x14ac:dyDescent="0.4">
      <c r="A1708">
        <v>1752</v>
      </c>
      <c r="B1708" s="1">
        <v>43367</v>
      </c>
      <c r="C1708">
        <v>3</v>
      </c>
      <c r="D1708" s="1">
        <v>43367.729861111111</v>
      </c>
      <c r="E1708" s="1">
        <v>43367.951388888891</v>
      </c>
      <c r="F1708">
        <v>26500</v>
      </c>
      <c r="G1708">
        <v>2220</v>
      </c>
      <c r="H1708">
        <v>200</v>
      </c>
      <c r="I1708">
        <v>0</v>
      </c>
      <c r="J1708">
        <v>0</v>
      </c>
      <c r="K1708">
        <v>0</v>
      </c>
      <c r="L1708">
        <v>0</v>
      </c>
      <c r="M1708">
        <v>2313</v>
      </c>
      <c r="N1708">
        <v>0</v>
      </c>
      <c r="O1708">
        <v>0</v>
      </c>
      <c r="P1708">
        <v>-19980</v>
      </c>
      <c r="Q1708">
        <v>0</v>
      </c>
      <c r="R1708">
        <v>11253</v>
      </c>
      <c r="S1708">
        <v>0</v>
      </c>
      <c r="T1708">
        <v>0</v>
      </c>
      <c r="U1708">
        <v>0</v>
      </c>
      <c r="V1708">
        <v>0</v>
      </c>
      <c r="W1708">
        <v>2</v>
      </c>
      <c r="X1708">
        <v>0</v>
      </c>
      <c r="Y1708">
        <v>87</v>
      </c>
      <c r="Z1708">
        <v>27</v>
      </c>
      <c r="AA1708">
        <v>155</v>
      </c>
      <c r="AB1708">
        <v>50</v>
      </c>
      <c r="AC1708">
        <v>257</v>
      </c>
      <c r="AD1708">
        <v>85</v>
      </c>
      <c r="AE1708">
        <v>160</v>
      </c>
      <c r="AF1708">
        <v>2237</v>
      </c>
      <c r="AG1708">
        <v>133892</v>
      </c>
      <c r="AH1708">
        <v>50000</v>
      </c>
      <c r="AI1708">
        <v>0</v>
      </c>
      <c r="AJ1708">
        <v>102</v>
      </c>
      <c r="AK1708" t="s">
        <v>8</v>
      </c>
      <c r="AL1708">
        <v>0</v>
      </c>
      <c r="AM1708">
        <v>0</v>
      </c>
      <c r="AN1708">
        <v>0</v>
      </c>
      <c r="AO1708">
        <v>0</v>
      </c>
      <c r="AP1708">
        <v>0</v>
      </c>
      <c r="AQ1708">
        <v>0</v>
      </c>
      <c r="AR1708">
        <v>0</v>
      </c>
      <c r="AS1708">
        <v>0</v>
      </c>
      <c r="AT1708">
        <v>0</v>
      </c>
      <c r="AU1708">
        <v>0</v>
      </c>
      <c r="AV1708">
        <v>0</v>
      </c>
      <c r="AW1708">
        <v>0</v>
      </c>
      <c r="AX1708">
        <v>11124</v>
      </c>
      <c r="AY1708">
        <v>11</v>
      </c>
      <c r="AZ1708">
        <v>28</v>
      </c>
      <c r="BA1708">
        <v>2667</v>
      </c>
    </row>
    <row r="1709" spans="1:53" x14ac:dyDescent="0.4">
      <c r="A1709">
        <v>1753</v>
      </c>
      <c r="B1709" s="1">
        <v>43368</v>
      </c>
      <c r="C1709">
        <v>1</v>
      </c>
      <c r="D1709" s="1">
        <v>43368.291666666664</v>
      </c>
      <c r="E1709" s="1">
        <v>43368.449305555558</v>
      </c>
      <c r="F1709">
        <v>0</v>
      </c>
      <c r="G1709">
        <v>0</v>
      </c>
      <c r="H1709">
        <v>0</v>
      </c>
      <c r="I1709">
        <v>0</v>
      </c>
      <c r="J1709">
        <v>0</v>
      </c>
      <c r="K1709">
        <v>0</v>
      </c>
      <c r="L1709">
        <v>0</v>
      </c>
      <c r="M1709">
        <v>0</v>
      </c>
      <c r="N1709">
        <v>0</v>
      </c>
      <c r="O1709">
        <v>0</v>
      </c>
      <c r="P1709">
        <v>0</v>
      </c>
      <c r="Q1709">
        <v>0</v>
      </c>
      <c r="R1709">
        <v>0</v>
      </c>
      <c r="S1709">
        <v>0</v>
      </c>
      <c r="T1709">
        <v>0</v>
      </c>
      <c r="U1709">
        <v>0</v>
      </c>
      <c r="V1709">
        <v>0</v>
      </c>
      <c r="W1709">
        <v>0</v>
      </c>
      <c r="X1709">
        <v>0</v>
      </c>
      <c r="Y1709">
        <v>31</v>
      </c>
      <c r="Z1709">
        <v>8</v>
      </c>
      <c r="AA1709">
        <v>110</v>
      </c>
      <c r="AB1709">
        <v>49</v>
      </c>
      <c r="AC1709">
        <v>108</v>
      </c>
      <c r="AD1709">
        <v>83</v>
      </c>
      <c r="AE1709">
        <v>55</v>
      </c>
      <c r="AF1709">
        <v>0</v>
      </c>
      <c r="AG1709">
        <v>50000</v>
      </c>
      <c r="AH1709">
        <v>0</v>
      </c>
      <c r="AI1709">
        <v>50000</v>
      </c>
      <c r="AJ1709">
        <v>0</v>
      </c>
      <c r="AK1709" t="s">
        <v>6</v>
      </c>
      <c r="AL1709">
        <v>0</v>
      </c>
      <c r="AM1709">
        <v>0</v>
      </c>
      <c r="AN1709">
        <v>0</v>
      </c>
      <c r="AO1709">
        <v>0</v>
      </c>
      <c r="AP1709">
        <v>0</v>
      </c>
      <c r="AQ1709">
        <v>0</v>
      </c>
      <c r="AR1709">
        <v>0</v>
      </c>
      <c r="AS1709">
        <v>0</v>
      </c>
      <c r="AT1709">
        <v>0</v>
      </c>
      <c r="AU1709">
        <v>0</v>
      </c>
      <c r="AV1709">
        <v>0</v>
      </c>
      <c r="AW1709">
        <v>0</v>
      </c>
      <c r="AX1709">
        <v>0</v>
      </c>
      <c r="AY1709">
        <v>0</v>
      </c>
      <c r="AZ1709">
        <v>0</v>
      </c>
      <c r="BA1709">
        <v>0</v>
      </c>
    </row>
    <row r="1710" spans="1:53" x14ac:dyDescent="0.4">
      <c r="A1710">
        <v>1754</v>
      </c>
      <c r="B1710" s="1">
        <v>43368</v>
      </c>
      <c r="C1710">
        <v>2</v>
      </c>
      <c r="D1710" s="1">
        <v>43368.449305555558</v>
      </c>
      <c r="E1710" s="1">
        <v>43368.743055555555</v>
      </c>
      <c r="F1710">
        <v>15000</v>
      </c>
      <c r="G1710">
        <v>2760</v>
      </c>
      <c r="H1710">
        <v>0</v>
      </c>
      <c r="I1710">
        <v>0</v>
      </c>
      <c r="J1710">
        <v>0</v>
      </c>
      <c r="K1710">
        <v>0</v>
      </c>
      <c r="L1710">
        <v>0</v>
      </c>
      <c r="M1710">
        <v>1421</v>
      </c>
      <c r="N1710">
        <v>0</v>
      </c>
      <c r="O1710">
        <v>0</v>
      </c>
      <c r="P1710">
        <v>11340</v>
      </c>
      <c r="Q1710">
        <v>0</v>
      </c>
      <c r="R1710">
        <v>30521</v>
      </c>
      <c r="S1710">
        <v>0</v>
      </c>
      <c r="T1710">
        <v>0</v>
      </c>
      <c r="U1710">
        <v>0</v>
      </c>
      <c r="V1710">
        <v>2</v>
      </c>
      <c r="W1710">
        <v>1</v>
      </c>
      <c r="X1710">
        <v>0</v>
      </c>
      <c r="Y1710">
        <v>29</v>
      </c>
      <c r="Z1710">
        <v>8</v>
      </c>
      <c r="AA1710">
        <v>119</v>
      </c>
      <c r="AB1710">
        <v>46</v>
      </c>
      <c r="AC1710">
        <v>144</v>
      </c>
      <c r="AD1710">
        <v>82</v>
      </c>
      <c r="AE1710">
        <v>56</v>
      </c>
      <c r="AF1710">
        <v>6316</v>
      </c>
      <c r="AG1710">
        <v>80422</v>
      </c>
      <c r="AH1710">
        <v>50000</v>
      </c>
      <c r="AI1710">
        <v>-99</v>
      </c>
      <c r="AJ1710">
        <v>96</v>
      </c>
      <c r="AK1710" t="s">
        <v>4</v>
      </c>
      <c r="AL1710">
        <v>0</v>
      </c>
      <c r="AM1710">
        <v>0</v>
      </c>
      <c r="AN1710">
        <v>0</v>
      </c>
      <c r="AO1710">
        <v>0</v>
      </c>
      <c r="AP1710">
        <v>0</v>
      </c>
      <c r="AQ1710">
        <v>0</v>
      </c>
      <c r="AR1710">
        <v>0</v>
      </c>
      <c r="AS1710">
        <v>0</v>
      </c>
      <c r="AT1710">
        <v>0</v>
      </c>
      <c r="AU1710">
        <v>0</v>
      </c>
      <c r="AV1710">
        <v>0</v>
      </c>
      <c r="AW1710">
        <v>0</v>
      </c>
      <c r="AX1710">
        <v>0</v>
      </c>
      <c r="AY1710">
        <v>30</v>
      </c>
      <c r="AZ1710">
        <v>51</v>
      </c>
      <c r="BA1710">
        <v>3787</v>
      </c>
    </row>
    <row r="1711" spans="1:53" x14ac:dyDescent="0.4">
      <c r="A1711">
        <v>1755</v>
      </c>
      <c r="B1711" s="1">
        <v>43368</v>
      </c>
      <c r="C1711">
        <v>3</v>
      </c>
      <c r="D1711" s="1">
        <v>43368.743055555555</v>
      </c>
      <c r="E1711" s="1">
        <v>43368.952777777777</v>
      </c>
      <c r="F1711">
        <v>21700</v>
      </c>
      <c r="G1711">
        <v>1180</v>
      </c>
      <c r="H1711">
        <v>200</v>
      </c>
      <c r="I1711">
        <v>0</v>
      </c>
      <c r="J1711">
        <v>0</v>
      </c>
      <c r="K1711">
        <v>0</v>
      </c>
      <c r="L1711">
        <v>0</v>
      </c>
      <c r="M1711">
        <v>1846</v>
      </c>
      <c r="N1711">
        <v>0</v>
      </c>
      <c r="O1711">
        <v>0</v>
      </c>
      <c r="P1711">
        <v>-11340</v>
      </c>
      <c r="Q1711">
        <v>0</v>
      </c>
      <c r="R1711">
        <v>13586</v>
      </c>
      <c r="S1711">
        <v>0</v>
      </c>
      <c r="T1711">
        <v>0</v>
      </c>
      <c r="U1711">
        <v>0</v>
      </c>
      <c r="V1711">
        <v>2</v>
      </c>
      <c r="W1711">
        <v>3</v>
      </c>
      <c r="X1711">
        <v>0</v>
      </c>
      <c r="Y1711">
        <v>30</v>
      </c>
      <c r="Z1711">
        <v>10</v>
      </c>
      <c r="AA1711">
        <v>133</v>
      </c>
      <c r="AB1711">
        <v>46</v>
      </c>
      <c r="AC1711">
        <v>151</v>
      </c>
      <c r="AD1711">
        <v>81</v>
      </c>
      <c r="AE1711">
        <v>60</v>
      </c>
      <c r="AF1711">
        <v>6532</v>
      </c>
      <c r="AG1711">
        <v>86107</v>
      </c>
      <c r="AH1711">
        <v>50000</v>
      </c>
      <c r="AI1711">
        <v>-8000</v>
      </c>
      <c r="AJ1711">
        <v>99</v>
      </c>
      <c r="AK1711" t="s">
        <v>9</v>
      </c>
      <c r="AL1711">
        <v>0</v>
      </c>
      <c r="AM1711">
        <v>0</v>
      </c>
      <c r="AN1711">
        <v>0</v>
      </c>
      <c r="AO1711">
        <v>0</v>
      </c>
      <c r="AP1711">
        <v>0</v>
      </c>
      <c r="AQ1711">
        <v>0</v>
      </c>
      <c r="AR1711">
        <v>0</v>
      </c>
      <c r="AS1711">
        <v>0</v>
      </c>
      <c r="AT1711">
        <v>0</v>
      </c>
      <c r="AU1711">
        <v>0</v>
      </c>
      <c r="AV1711">
        <v>0</v>
      </c>
      <c r="AW1711">
        <v>0</v>
      </c>
      <c r="AX1711">
        <v>10422</v>
      </c>
      <c r="AY1711">
        <v>11</v>
      </c>
      <c r="AZ1711">
        <v>25</v>
      </c>
      <c r="BA1711">
        <v>1955</v>
      </c>
    </row>
    <row r="1712" spans="1:53" x14ac:dyDescent="0.4">
      <c r="A1712">
        <v>1756</v>
      </c>
      <c r="B1712" s="1">
        <v>43368</v>
      </c>
      <c r="C1712">
        <v>4</v>
      </c>
      <c r="D1712" s="1">
        <v>43368.952777777777</v>
      </c>
      <c r="E1712" s="1">
        <v>43368.95416666667</v>
      </c>
      <c r="F1712">
        <v>0</v>
      </c>
      <c r="G1712">
        <v>0</v>
      </c>
      <c r="H1712">
        <v>0</v>
      </c>
      <c r="I1712">
        <v>0</v>
      </c>
      <c r="J1712">
        <v>0</v>
      </c>
      <c r="K1712">
        <v>0</v>
      </c>
      <c r="L1712">
        <v>0</v>
      </c>
      <c r="M1712">
        <v>0</v>
      </c>
      <c r="N1712">
        <v>0</v>
      </c>
      <c r="O1712">
        <v>0</v>
      </c>
      <c r="P1712">
        <v>0</v>
      </c>
      <c r="Q1712">
        <v>0</v>
      </c>
      <c r="R1712">
        <v>0</v>
      </c>
      <c r="S1712">
        <v>0</v>
      </c>
      <c r="T1712">
        <v>0</v>
      </c>
      <c r="U1712">
        <v>0</v>
      </c>
      <c r="V1712">
        <v>2</v>
      </c>
      <c r="W1712">
        <v>3</v>
      </c>
      <c r="X1712">
        <v>0</v>
      </c>
      <c r="Y1712">
        <v>30</v>
      </c>
      <c r="Z1712">
        <v>10</v>
      </c>
      <c r="AA1712">
        <v>133</v>
      </c>
      <c r="AB1712">
        <v>46</v>
      </c>
      <c r="AC1712">
        <v>151</v>
      </c>
      <c r="AD1712">
        <v>81</v>
      </c>
      <c r="AE1712">
        <v>60</v>
      </c>
      <c r="AF1712">
        <v>6532</v>
      </c>
      <c r="AG1712">
        <v>94107</v>
      </c>
      <c r="AH1712">
        <v>50000</v>
      </c>
      <c r="AI1712">
        <v>0</v>
      </c>
      <c r="AJ1712">
        <v>99</v>
      </c>
      <c r="AK1712" t="s">
        <v>9</v>
      </c>
      <c r="AL1712">
        <v>0</v>
      </c>
      <c r="AM1712">
        <v>0</v>
      </c>
      <c r="AN1712">
        <v>0</v>
      </c>
      <c r="AO1712">
        <v>0</v>
      </c>
      <c r="AP1712">
        <v>0</v>
      </c>
      <c r="AQ1712">
        <v>0</v>
      </c>
      <c r="AR1712">
        <v>0</v>
      </c>
      <c r="AS1712">
        <v>0</v>
      </c>
      <c r="AT1712">
        <v>0</v>
      </c>
      <c r="AU1712">
        <v>0</v>
      </c>
      <c r="AV1712">
        <v>0</v>
      </c>
      <c r="AW1712">
        <v>0</v>
      </c>
      <c r="AX1712">
        <v>10422</v>
      </c>
      <c r="AY1712">
        <v>0</v>
      </c>
      <c r="AZ1712">
        <v>0</v>
      </c>
      <c r="BA1712">
        <v>8</v>
      </c>
    </row>
    <row r="1713" spans="1:53" x14ac:dyDescent="0.4">
      <c r="A1713">
        <v>1757</v>
      </c>
      <c r="B1713" s="1">
        <v>43369</v>
      </c>
      <c r="C1713">
        <v>1</v>
      </c>
      <c r="D1713" s="1">
        <v>43369.291666666664</v>
      </c>
      <c r="E1713" s="1">
        <v>43369.450694444444</v>
      </c>
      <c r="F1713">
        <v>0</v>
      </c>
      <c r="G1713">
        <v>0</v>
      </c>
      <c r="H1713">
        <v>0</v>
      </c>
      <c r="I1713">
        <v>0</v>
      </c>
      <c r="J1713">
        <v>0</v>
      </c>
      <c r="K1713">
        <v>0</v>
      </c>
      <c r="L1713">
        <v>0</v>
      </c>
      <c r="M1713">
        <v>0</v>
      </c>
      <c r="N1713">
        <v>0</v>
      </c>
      <c r="O1713">
        <v>0</v>
      </c>
      <c r="P1713">
        <v>0</v>
      </c>
      <c r="Q1713">
        <v>0</v>
      </c>
      <c r="R1713">
        <v>0</v>
      </c>
      <c r="S1713">
        <v>0</v>
      </c>
      <c r="T1713">
        <v>0</v>
      </c>
      <c r="U1713">
        <v>0</v>
      </c>
      <c r="V1713">
        <v>0</v>
      </c>
      <c r="W1713">
        <v>1</v>
      </c>
      <c r="X1713">
        <v>0</v>
      </c>
      <c r="Y1713">
        <v>29</v>
      </c>
      <c r="Z1713">
        <v>9</v>
      </c>
      <c r="AA1713">
        <v>70</v>
      </c>
      <c r="AB1713">
        <v>59</v>
      </c>
      <c r="AC1713">
        <v>108</v>
      </c>
      <c r="AD1713">
        <v>81</v>
      </c>
      <c r="AE1713">
        <v>65</v>
      </c>
      <c r="AF1713">
        <v>0</v>
      </c>
      <c r="AG1713">
        <v>50000</v>
      </c>
      <c r="AH1713">
        <v>0</v>
      </c>
      <c r="AI1713">
        <v>50000</v>
      </c>
      <c r="AJ1713">
        <v>0</v>
      </c>
      <c r="AK1713" t="s">
        <v>6</v>
      </c>
      <c r="AL1713">
        <v>0</v>
      </c>
      <c r="AM1713">
        <v>0</v>
      </c>
      <c r="AN1713">
        <v>0</v>
      </c>
      <c r="AO1713">
        <v>0</v>
      </c>
      <c r="AP1713">
        <v>0</v>
      </c>
      <c r="AQ1713">
        <v>0</v>
      </c>
      <c r="AR1713">
        <v>0</v>
      </c>
      <c r="AS1713">
        <v>0</v>
      </c>
      <c r="AT1713">
        <v>0</v>
      </c>
      <c r="AU1713">
        <v>0</v>
      </c>
      <c r="AV1713">
        <v>0</v>
      </c>
      <c r="AW1713">
        <v>0</v>
      </c>
      <c r="AX1713">
        <v>0</v>
      </c>
      <c r="AY1713">
        <v>0</v>
      </c>
      <c r="AZ1713">
        <v>0</v>
      </c>
      <c r="BA1713">
        <v>0</v>
      </c>
    </row>
    <row r="1714" spans="1:53" x14ac:dyDescent="0.4">
      <c r="A1714">
        <v>1758</v>
      </c>
      <c r="B1714" s="1">
        <v>43369</v>
      </c>
      <c r="C1714">
        <v>2</v>
      </c>
      <c r="D1714" s="1">
        <v>43369.450694444444</v>
      </c>
      <c r="E1714" s="1">
        <v>43369.736111111109</v>
      </c>
      <c r="F1714">
        <v>11500</v>
      </c>
      <c r="G1714">
        <v>840</v>
      </c>
      <c r="H1714">
        <v>0</v>
      </c>
      <c r="I1714">
        <v>0</v>
      </c>
      <c r="J1714">
        <v>0</v>
      </c>
      <c r="K1714">
        <v>0</v>
      </c>
      <c r="L1714">
        <v>0</v>
      </c>
      <c r="M1714">
        <v>987</v>
      </c>
      <c r="N1714">
        <v>0</v>
      </c>
      <c r="O1714">
        <v>0</v>
      </c>
      <c r="P1714">
        <v>11340</v>
      </c>
      <c r="Q1714">
        <v>0</v>
      </c>
      <c r="R1714">
        <v>24667</v>
      </c>
      <c r="S1714">
        <v>0</v>
      </c>
      <c r="T1714">
        <v>0</v>
      </c>
      <c r="U1714">
        <v>0</v>
      </c>
      <c r="V1714">
        <v>0</v>
      </c>
      <c r="W1714">
        <v>1</v>
      </c>
      <c r="X1714">
        <v>0</v>
      </c>
      <c r="Y1714">
        <v>50</v>
      </c>
      <c r="Z1714">
        <v>15</v>
      </c>
      <c r="AA1714">
        <v>82</v>
      </c>
      <c r="AB1714">
        <v>47</v>
      </c>
      <c r="AC1714">
        <v>114</v>
      </c>
      <c r="AD1714">
        <v>81</v>
      </c>
      <c r="AE1714">
        <v>72</v>
      </c>
      <c r="AF1714">
        <v>0</v>
      </c>
      <c r="AG1714">
        <v>74667</v>
      </c>
      <c r="AH1714">
        <v>50000</v>
      </c>
      <c r="AI1714">
        <v>0</v>
      </c>
      <c r="AJ1714">
        <v>96</v>
      </c>
      <c r="AK1714" t="s">
        <v>4</v>
      </c>
      <c r="AL1714">
        <v>0</v>
      </c>
      <c r="AM1714">
        <v>0</v>
      </c>
      <c r="AN1714">
        <v>0</v>
      </c>
      <c r="AO1714">
        <v>0</v>
      </c>
      <c r="AP1714">
        <v>0</v>
      </c>
      <c r="AQ1714">
        <v>0</v>
      </c>
      <c r="AR1714">
        <v>0</v>
      </c>
      <c r="AS1714">
        <v>0</v>
      </c>
      <c r="AT1714">
        <v>0</v>
      </c>
      <c r="AU1714">
        <v>0</v>
      </c>
      <c r="AV1714">
        <v>0</v>
      </c>
      <c r="AW1714">
        <v>0</v>
      </c>
      <c r="AX1714">
        <v>-1620</v>
      </c>
      <c r="AY1714">
        <v>27</v>
      </c>
      <c r="AZ1714">
        <v>43</v>
      </c>
      <c r="BA1714">
        <v>3547</v>
      </c>
    </row>
    <row r="1715" spans="1:53" x14ac:dyDescent="0.4">
      <c r="A1715">
        <v>1759</v>
      </c>
      <c r="B1715" s="1">
        <v>43369</v>
      </c>
      <c r="C1715">
        <v>3</v>
      </c>
      <c r="D1715" s="1">
        <v>43369.736111111109</v>
      </c>
      <c r="E1715" s="1">
        <v>43369.947222222225</v>
      </c>
      <c r="F1715">
        <v>21650</v>
      </c>
      <c r="G1715">
        <v>0</v>
      </c>
      <c r="H1715">
        <v>0</v>
      </c>
      <c r="I1715">
        <v>0</v>
      </c>
      <c r="J1715">
        <v>0</v>
      </c>
      <c r="K1715">
        <v>0</v>
      </c>
      <c r="L1715">
        <v>0</v>
      </c>
      <c r="M1715">
        <v>1732</v>
      </c>
      <c r="N1715">
        <v>0</v>
      </c>
      <c r="O1715">
        <v>0</v>
      </c>
      <c r="P1715">
        <v>-7884</v>
      </c>
      <c r="Q1715">
        <v>0</v>
      </c>
      <c r="R1715">
        <v>15498</v>
      </c>
      <c r="S1715">
        <v>0</v>
      </c>
      <c r="T1715">
        <v>0</v>
      </c>
      <c r="U1715">
        <v>0</v>
      </c>
      <c r="V1715">
        <v>0</v>
      </c>
      <c r="W1715">
        <v>1</v>
      </c>
      <c r="X1715">
        <v>0</v>
      </c>
      <c r="Y1715">
        <v>65</v>
      </c>
      <c r="Z1715">
        <v>17</v>
      </c>
      <c r="AA1715">
        <v>78</v>
      </c>
      <c r="AB1715">
        <v>46</v>
      </c>
      <c r="AC1715">
        <v>110</v>
      </c>
      <c r="AD1715">
        <v>80</v>
      </c>
      <c r="AE1715">
        <v>65</v>
      </c>
      <c r="AF1715">
        <v>0</v>
      </c>
      <c r="AG1715">
        <v>90165</v>
      </c>
      <c r="AH1715">
        <v>50000</v>
      </c>
      <c r="AI1715">
        <v>0</v>
      </c>
      <c r="AJ1715">
        <v>106</v>
      </c>
      <c r="AK1715" t="s">
        <v>29</v>
      </c>
      <c r="AL1715">
        <v>0</v>
      </c>
      <c r="AM1715">
        <v>0</v>
      </c>
      <c r="AN1715">
        <v>0</v>
      </c>
      <c r="AO1715">
        <v>0</v>
      </c>
      <c r="AP1715">
        <v>0</v>
      </c>
      <c r="AQ1715">
        <v>0</v>
      </c>
      <c r="AR1715">
        <v>0</v>
      </c>
      <c r="AS1715">
        <v>0</v>
      </c>
      <c r="AT1715">
        <v>0</v>
      </c>
      <c r="AU1715">
        <v>0</v>
      </c>
      <c r="AV1715">
        <v>0</v>
      </c>
      <c r="AW1715">
        <v>0</v>
      </c>
      <c r="AX1715">
        <v>27395</v>
      </c>
      <c r="AY1715">
        <v>16</v>
      </c>
      <c r="AZ1715">
        <v>43</v>
      </c>
      <c r="BA1715">
        <v>2145</v>
      </c>
    </row>
    <row r="1716" spans="1:53" x14ac:dyDescent="0.4">
      <c r="A1716">
        <v>1760</v>
      </c>
      <c r="B1716" s="1">
        <v>43370</v>
      </c>
      <c r="C1716">
        <v>1</v>
      </c>
      <c r="D1716" s="1">
        <v>43370.291666666664</v>
      </c>
      <c r="E1716" s="1">
        <v>43370.449305555558</v>
      </c>
      <c r="F1716">
        <v>0</v>
      </c>
      <c r="G1716">
        <v>0</v>
      </c>
      <c r="H1716">
        <v>0</v>
      </c>
      <c r="I1716">
        <v>0</v>
      </c>
      <c r="J1716">
        <v>0</v>
      </c>
      <c r="K1716">
        <v>0</v>
      </c>
      <c r="L1716">
        <v>0</v>
      </c>
      <c r="M1716">
        <v>0</v>
      </c>
      <c r="N1716">
        <v>0</v>
      </c>
      <c r="O1716">
        <v>0</v>
      </c>
      <c r="P1716">
        <v>0</v>
      </c>
      <c r="Q1716">
        <v>0</v>
      </c>
      <c r="R1716">
        <v>0</v>
      </c>
      <c r="S1716">
        <v>0</v>
      </c>
      <c r="T1716">
        <v>0</v>
      </c>
      <c r="U1716">
        <v>0</v>
      </c>
      <c r="V1716">
        <v>0</v>
      </c>
      <c r="W1716">
        <v>0</v>
      </c>
      <c r="X1716">
        <v>0</v>
      </c>
      <c r="Y1716">
        <v>30</v>
      </c>
      <c r="Z1716">
        <v>17</v>
      </c>
      <c r="AA1716">
        <v>79</v>
      </c>
      <c r="AB1716">
        <v>44</v>
      </c>
      <c r="AC1716">
        <v>94</v>
      </c>
      <c r="AD1716">
        <v>80</v>
      </c>
      <c r="AE1716">
        <v>60</v>
      </c>
      <c r="AF1716">
        <v>0</v>
      </c>
      <c r="AG1716">
        <v>50000</v>
      </c>
      <c r="AH1716">
        <v>0</v>
      </c>
      <c r="AI1716">
        <v>50000</v>
      </c>
      <c r="AJ1716">
        <v>0</v>
      </c>
      <c r="AK1716" t="s">
        <v>6</v>
      </c>
      <c r="AL1716">
        <v>0</v>
      </c>
      <c r="AM1716">
        <v>0</v>
      </c>
      <c r="AN1716">
        <v>0</v>
      </c>
      <c r="AO1716">
        <v>0</v>
      </c>
      <c r="AP1716">
        <v>0</v>
      </c>
      <c r="AQ1716">
        <v>0</v>
      </c>
      <c r="AR1716">
        <v>0</v>
      </c>
      <c r="AS1716">
        <v>0</v>
      </c>
      <c r="AT1716">
        <v>0</v>
      </c>
      <c r="AU1716">
        <v>0</v>
      </c>
      <c r="AV1716">
        <v>0</v>
      </c>
      <c r="AW1716">
        <v>0</v>
      </c>
      <c r="AX1716">
        <v>0</v>
      </c>
      <c r="AY1716">
        <v>0</v>
      </c>
      <c r="AZ1716">
        <v>0</v>
      </c>
      <c r="BA1716">
        <v>0</v>
      </c>
    </row>
    <row r="1717" spans="1:53" x14ac:dyDescent="0.4">
      <c r="A1717">
        <v>1761</v>
      </c>
      <c r="B1717" s="1">
        <v>43370</v>
      </c>
      <c r="C1717">
        <v>2</v>
      </c>
      <c r="D1717" s="1">
        <v>43370.449305555558</v>
      </c>
      <c r="E1717" s="1">
        <v>43370.731249999997</v>
      </c>
      <c r="F1717">
        <v>12500</v>
      </c>
      <c r="G1717">
        <v>380</v>
      </c>
      <c r="H1717">
        <v>0</v>
      </c>
      <c r="I1717">
        <v>0</v>
      </c>
      <c r="J1717">
        <v>0</v>
      </c>
      <c r="K1717">
        <v>0</v>
      </c>
      <c r="L1717">
        <v>0</v>
      </c>
      <c r="M1717">
        <v>1030</v>
      </c>
      <c r="N1717">
        <v>0</v>
      </c>
      <c r="O1717">
        <v>0</v>
      </c>
      <c r="P1717">
        <v>18900</v>
      </c>
      <c r="Q1717">
        <v>0</v>
      </c>
      <c r="R1717">
        <v>32810</v>
      </c>
      <c r="S1717">
        <v>0</v>
      </c>
      <c r="T1717">
        <v>0</v>
      </c>
      <c r="U1717">
        <v>0</v>
      </c>
      <c r="V1717">
        <v>2</v>
      </c>
      <c r="W1717">
        <v>0</v>
      </c>
      <c r="X1717">
        <v>0</v>
      </c>
      <c r="Y1717">
        <v>38</v>
      </c>
      <c r="Z1717">
        <v>21</v>
      </c>
      <c r="AA1717">
        <v>100</v>
      </c>
      <c r="AB1717">
        <v>44</v>
      </c>
      <c r="AC1717">
        <v>164</v>
      </c>
      <c r="AD1717">
        <v>82</v>
      </c>
      <c r="AE1717">
        <v>60</v>
      </c>
      <c r="AF1717">
        <v>0</v>
      </c>
      <c r="AG1717">
        <v>82810</v>
      </c>
      <c r="AH1717">
        <v>50000</v>
      </c>
      <c r="AI1717">
        <v>0</v>
      </c>
      <c r="AJ1717">
        <v>96</v>
      </c>
      <c r="AK1717" t="s">
        <v>4</v>
      </c>
      <c r="AL1717">
        <v>0</v>
      </c>
      <c r="AM1717">
        <v>0</v>
      </c>
      <c r="AN1717">
        <v>0</v>
      </c>
      <c r="AO1717">
        <v>0</v>
      </c>
      <c r="AP1717">
        <v>0</v>
      </c>
      <c r="AQ1717">
        <v>0</v>
      </c>
      <c r="AR1717">
        <v>0</v>
      </c>
      <c r="AS1717">
        <v>0</v>
      </c>
      <c r="AT1717">
        <v>0</v>
      </c>
      <c r="AU1717">
        <v>0</v>
      </c>
      <c r="AV1717">
        <v>0</v>
      </c>
      <c r="AW1717">
        <v>0</v>
      </c>
      <c r="AX1717">
        <v>1144</v>
      </c>
      <c r="AY1717">
        <v>38</v>
      </c>
      <c r="AZ1717">
        <v>60</v>
      </c>
      <c r="BA1717">
        <v>4951</v>
      </c>
    </row>
    <row r="1718" spans="1:53" x14ac:dyDescent="0.4">
      <c r="A1718">
        <v>1762</v>
      </c>
      <c r="B1718" s="1">
        <v>43371</v>
      </c>
      <c r="C1718">
        <v>1</v>
      </c>
      <c r="D1718" s="1">
        <v>43371.291666666664</v>
      </c>
      <c r="E1718" s="1">
        <v>43371.447222222225</v>
      </c>
      <c r="F1718">
        <v>0</v>
      </c>
      <c r="G1718">
        <v>0</v>
      </c>
      <c r="H1718">
        <v>0</v>
      </c>
      <c r="I1718">
        <v>0</v>
      </c>
      <c r="J1718">
        <v>0</v>
      </c>
      <c r="K1718">
        <v>0</v>
      </c>
      <c r="L1718">
        <v>0</v>
      </c>
      <c r="M1718">
        <v>0</v>
      </c>
      <c r="N1718">
        <v>0</v>
      </c>
      <c r="O1718">
        <v>0</v>
      </c>
      <c r="P1718">
        <v>0</v>
      </c>
      <c r="Q1718">
        <v>0</v>
      </c>
      <c r="R1718">
        <v>0</v>
      </c>
      <c r="S1718">
        <v>0</v>
      </c>
      <c r="T1718">
        <v>0</v>
      </c>
      <c r="U1718">
        <v>0</v>
      </c>
      <c r="V1718">
        <v>0</v>
      </c>
      <c r="W1718">
        <v>0</v>
      </c>
      <c r="X1718">
        <v>0</v>
      </c>
      <c r="Y1718">
        <v>30</v>
      </c>
      <c r="Z1718">
        <v>13</v>
      </c>
      <c r="AA1718">
        <v>100</v>
      </c>
      <c r="AB1718">
        <v>40</v>
      </c>
      <c r="AC1718">
        <v>104</v>
      </c>
      <c r="AD1718">
        <v>81</v>
      </c>
      <c r="AE1718">
        <v>55</v>
      </c>
      <c r="AF1718">
        <v>0</v>
      </c>
      <c r="AG1718">
        <v>50000</v>
      </c>
      <c r="AH1718">
        <v>0</v>
      </c>
      <c r="AI1718">
        <v>50000</v>
      </c>
      <c r="AJ1718">
        <v>0</v>
      </c>
      <c r="AK1718" t="s">
        <v>6</v>
      </c>
      <c r="AL1718">
        <v>0</v>
      </c>
      <c r="AM1718">
        <v>0</v>
      </c>
      <c r="AN1718">
        <v>0</v>
      </c>
      <c r="AO1718">
        <v>0</v>
      </c>
      <c r="AP1718">
        <v>0</v>
      </c>
      <c r="AQ1718">
        <v>0</v>
      </c>
      <c r="AR1718">
        <v>0</v>
      </c>
      <c r="AS1718">
        <v>0</v>
      </c>
      <c r="AT1718">
        <v>0</v>
      </c>
      <c r="AU1718">
        <v>0</v>
      </c>
      <c r="AV1718">
        <v>0</v>
      </c>
      <c r="AW1718">
        <v>0</v>
      </c>
      <c r="AX1718">
        <v>0</v>
      </c>
      <c r="AY1718">
        <v>0</v>
      </c>
      <c r="AZ1718">
        <v>0</v>
      </c>
      <c r="BA1718">
        <v>0</v>
      </c>
    </row>
    <row r="1719" spans="1:53" x14ac:dyDescent="0.4">
      <c r="A1719">
        <v>1763</v>
      </c>
      <c r="B1719" s="1">
        <v>43371</v>
      </c>
      <c r="C1719">
        <v>2</v>
      </c>
      <c r="D1719" s="1">
        <v>43371.447222222225</v>
      </c>
      <c r="E1719" s="1">
        <v>43371.75277777778</v>
      </c>
      <c r="F1719">
        <v>19500</v>
      </c>
      <c r="G1719">
        <v>680</v>
      </c>
      <c r="H1719">
        <v>0</v>
      </c>
      <c r="I1719">
        <v>0</v>
      </c>
      <c r="J1719">
        <v>0</v>
      </c>
      <c r="K1719">
        <v>0</v>
      </c>
      <c r="L1719">
        <v>0</v>
      </c>
      <c r="M1719">
        <v>1614</v>
      </c>
      <c r="N1719">
        <v>0</v>
      </c>
      <c r="O1719">
        <v>0</v>
      </c>
      <c r="P1719">
        <v>9720</v>
      </c>
      <c r="Q1719">
        <v>0</v>
      </c>
      <c r="R1719">
        <v>31514</v>
      </c>
      <c r="S1719">
        <v>0</v>
      </c>
      <c r="T1719">
        <v>0</v>
      </c>
      <c r="U1719">
        <v>0</v>
      </c>
      <c r="V1719">
        <v>1</v>
      </c>
      <c r="W1719">
        <v>2</v>
      </c>
      <c r="X1719">
        <v>0</v>
      </c>
      <c r="Y1719">
        <v>34</v>
      </c>
      <c r="Z1719">
        <v>22</v>
      </c>
      <c r="AA1719">
        <v>122</v>
      </c>
      <c r="AB1719">
        <v>47</v>
      </c>
      <c r="AC1719">
        <v>149</v>
      </c>
      <c r="AD1719">
        <v>82</v>
      </c>
      <c r="AE1719">
        <v>64</v>
      </c>
      <c r="AF1719">
        <v>0</v>
      </c>
      <c r="AG1719">
        <v>81514</v>
      </c>
      <c r="AH1719">
        <v>50000</v>
      </c>
      <c r="AI1719">
        <v>0</v>
      </c>
      <c r="AJ1719">
        <v>96</v>
      </c>
      <c r="AK1719" t="s">
        <v>4</v>
      </c>
      <c r="AL1719">
        <v>0</v>
      </c>
      <c r="AM1719">
        <v>0</v>
      </c>
      <c r="AN1719">
        <v>0</v>
      </c>
      <c r="AO1719">
        <v>0</v>
      </c>
      <c r="AP1719">
        <v>0</v>
      </c>
      <c r="AQ1719">
        <v>0</v>
      </c>
      <c r="AR1719">
        <v>0</v>
      </c>
      <c r="AS1719">
        <v>0</v>
      </c>
      <c r="AT1719">
        <v>0</v>
      </c>
      <c r="AU1719">
        <v>0</v>
      </c>
      <c r="AV1719">
        <v>0</v>
      </c>
      <c r="AW1719">
        <v>0</v>
      </c>
      <c r="AX1719">
        <v>1144</v>
      </c>
      <c r="AY1719">
        <v>35</v>
      </c>
      <c r="AZ1719">
        <v>59</v>
      </c>
      <c r="BA1719">
        <v>4973</v>
      </c>
    </row>
    <row r="1720" spans="1:53" x14ac:dyDescent="0.4">
      <c r="A1720">
        <v>1764</v>
      </c>
      <c r="B1720" s="1">
        <v>43372</v>
      </c>
      <c r="C1720">
        <v>1</v>
      </c>
      <c r="D1720" s="1">
        <v>43372.291666666664</v>
      </c>
      <c r="E1720" s="1">
        <v>43372.755555555559</v>
      </c>
      <c r="F1720">
        <v>39500</v>
      </c>
      <c r="G1720">
        <v>2540</v>
      </c>
      <c r="H1720">
        <v>0</v>
      </c>
      <c r="I1720">
        <v>0</v>
      </c>
      <c r="J1720">
        <v>0</v>
      </c>
      <c r="K1720">
        <v>0</v>
      </c>
      <c r="L1720">
        <v>0</v>
      </c>
      <c r="M1720">
        <v>3362</v>
      </c>
      <c r="N1720">
        <v>0</v>
      </c>
      <c r="O1720">
        <v>0</v>
      </c>
      <c r="P1720">
        <v>15120</v>
      </c>
      <c r="Q1720">
        <v>0</v>
      </c>
      <c r="R1720">
        <v>60522</v>
      </c>
      <c r="S1720">
        <v>0</v>
      </c>
      <c r="T1720">
        <v>0</v>
      </c>
      <c r="U1720">
        <v>0</v>
      </c>
      <c r="V1720">
        <v>2</v>
      </c>
      <c r="W1720">
        <v>1</v>
      </c>
      <c r="X1720">
        <v>0</v>
      </c>
      <c r="Y1720">
        <v>52</v>
      </c>
      <c r="Z1720">
        <v>34</v>
      </c>
      <c r="AA1720">
        <v>80</v>
      </c>
      <c r="AB1720">
        <v>42</v>
      </c>
      <c r="AC1720">
        <v>187</v>
      </c>
      <c r="AD1720">
        <v>85</v>
      </c>
      <c r="AE1720">
        <v>55</v>
      </c>
      <c r="AF1720">
        <v>3432</v>
      </c>
      <c r="AG1720">
        <v>109882</v>
      </c>
      <c r="AH1720">
        <v>50000</v>
      </c>
      <c r="AI1720">
        <v>-640</v>
      </c>
      <c r="AJ1720">
        <v>90</v>
      </c>
      <c r="AK1720" t="s">
        <v>24</v>
      </c>
      <c r="AL1720">
        <v>0</v>
      </c>
      <c r="AM1720">
        <v>0</v>
      </c>
      <c r="AN1720">
        <v>0</v>
      </c>
      <c r="AO1720">
        <v>0</v>
      </c>
      <c r="AP1720">
        <v>0</v>
      </c>
      <c r="AQ1720">
        <v>0</v>
      </c>
      <c r="AR1720">
        <v>0</v>
      </c>
      <c r="AS1720">
        <v>0</v>
      </c>
      <c r="AT1720">
        <v>0</v>
      </c>
      <c r="AU1720">
        <v>0</v>
      </c>
      <c r="AV1720">
        <v>0</v>
      </c>
      <c r="AW1720">
        <v>0</v>
      </c>
      <c r="AX1720">
        <v>0</v>
      </c>
      <c r="AY1720">
        <v>48</v>
      </c>
      <c r="AZ1720">
        <v>101</v>
      </c>
      <c r="BA1720">
        <v>7606</v>
      </c>
    </row>
    <row r="1721" spans="1:53" x14ac:dyDescent="0.4">
      <c r="A1721">
        <v>1765</v>
      </c>
      <c r="B1721" s="1">
        <v>43373</v>
      </c>
      <c r="C1721">
        <v>1</v>
      </c>
      <c r="D1721" s="1">
        <v>43373.291666666664</v>
      </c>
      <c r="E1721" s="1">
        <v>43373.407638888886</v>
      </c>
      <c r="F1721">
        <v>0</v>
      </c>
      <c r="G1721">
        <v>0</v>
      </c>
      <c r="H1721">
        <v>0</v>
      </c>
      <c r="I1721">
        <v>0</v>
      </c>
      <c r="J1721">
        <v>0</v>
      </c>
      <c r="K1721">
        <v>0</v>
      </c>
      <c r="L1721">
        <v>0</v>
      </c>
      <c r="M1721">
        <v>0</v>
      </c>
      <c r="N1721">
        <v>0</v>
      </c>
      <c r="O1721">
        <v>0</v>
      </c>
      <c r="P1721">
        <v>0</v>
      </c>
      <c r="Q1721">
        <v>0</v>
      </c>
      <c r="R1721">
        <v>0</v>
      </c>
      <c r="S1721">
        <v>0</v>
      </c>
      <c r="T1721">
        <v>0</v>
      </c>
      <c r="U1721">
        <v>0</v>
      </c>
      <c r="V1721">
        <v>0</v>
      </c>
      <c r="W1721">
        <v>0</v>
      </c>
      <c r="X1721">
        <v>0</v>
      </c>
      <c r="Y1721">
        <v>33</v>
      </c>
      <c r="Z1721">
        <v>13</v>
      </c>
      <c r="AA1721">
        <v>68</v>
      </c>
      <c r="AB1721">
        <v>41</v>
      </c>
      <c r="AC1721">
        <v>117</v>
      </c>
      <c r="AD1721">
        <v>73</v>
      </c>
      <c r="AE1721">
        <v>65</v>
      </c>
      <c r="AF1721">
        <v>0</v>
      </c>
      <c r="AG1721">
        <v>49950</v>
      </c>
      <c r="AH1721">
        <v>0</v>
      </c>
      <c r="AI1721">
        <v>49950</v>
      </c>
      <c r="AJ1721">
        <v>0</v>
      </c>
      <c r="AK1721" t="s">
        <v>6</v>
      </c>
      <c r="AL1721">
        <v>0</v>
      </c>
      <c r="AM1721">
        <v>0</v>
      </c>
      <c r="AN1721">
        <v>0</v>
      </c>
      <c r="AO1721">
        <v>0</v>
      </c>
      <c r="AP1721">
        <v>0</v>
      </c>
      <c r="AQ1721">
        <v>0</v>
      </c>
      <c r="AR1721">
        <v>0</v>
      </c>
      <c r="AS1721">
        <v>0</v>
      </c>
      <c r="AT1721">
        <v>0</v>
      </c>
      <c r="AU1721">
        <v>0</v>
      </c>
      <c r="AV1721">
        <v>0</v>
      </c>
      <c r="AW1721">
        <v>0</v>
      </c>
      <c r="AX1721">
        <v>0</v>
      </c>
      <c r="AY1721">
        <v>0</v>
      </c>
      <c r="AZ1721">
        <v>0</v>
      </c>
      <c r="BA1721">
        <v>0</v>
      </c>
    </row>
    <row r="1722" spans="1:53" x14ac:dyDescent="0.4">
      <c r="A1722">
        <v>1766</v>
      </c>
      <c r="B1722" s="1">
        <v>43373</v>
      </c>
      <c r="C1722">
        <v>2</v>
      </c>
      <c r="D1722" s="1">
        <v>43373.407638888886</v>
      </c>
      <c r="E1722" s="1">
        <v>43373.738888888889</v>
      </c>
      <c r="F1722">
        <v>33500</v>
      </c>
      <c r="G1722">
        <v>2740</v>
      </c>
      <c r="H1722">
        <v>200</v>
      </c>
      <c r="I1722">
        <v>0</v>
      </c>
      <c r="J1722">
        <v>0</v>
      </c>
      <c r="K1722">
        <v>0</v>
      </c>
      <c r="L1722">
        <v>0</v>
      </c>
      <c r="M1722">
        <v>2914</v>
      </c>
      <c r="N1722">
        <v>0</v>
      </c>
      <c r="O1722">
        <v>0</v>
      </c>
      <c r="P1722">
        <v>16200</v>
      </c>
      <c r="Q1722">
        <v>0</v>
      </c>
      <c r="R1722">
        <v>55554</v>
      </c>
      <c r="S1722">
        <v>0</v>
      </c>
      <c r="T1722">
        <v>0</v>
      </c>
      <c r="U1722">
        <v>0</v>
      </c>
      <c r="V1722">
        <v>2</v>
      </c>
      <c r="W1722">
        <v>1</v>
      </c>
      <c r="X1722">
        <v>0</v>
      </c>
      <c r="Y1722">
        <v>48</v>
      </c>
      <c r="Z1722">
        <v>33</v>
      </c>
      <c r="AA1722">
        <v>103</v>
      </c>
      <c r="AB1722">
        <v>58</v>
      </c>
      <c r="AC1722">
        <v>234</v>
      </c>
      <c r="AD1722">
        <v>80</v>
      </c>
      <c r="AE1722">
        <v>64</v>
      </c>
      <c r="AF1722">
        <v>0</v>
      </c>
      <c r="AG1722">
        <v>105504</v>
      </c>
      <c r="AH1722">
        <v>50000</v>
      </c>
      <c r="AI1722">
        <v>-50</v>
      </c>
      <c r="AJ1722">
        <v>92</v>
      </c>
      <c r="AK1722" t="s">
        <v>22</v>
      </c>
      <c r="AL1722">
        <v>0</v>
      </c>
      <c r="AM1722">
        <v>0</v>
      </c>
      <c r="AN1722">
        <v>0</v>
      </c>
      <c r="AO1722">
        <v>0</v>
      </c>
      <c r="AP1722">
        <v>0</v>
      </c>
      <c r="AQ1722">
        <v>0</v>
      </c>
      <c r="AR1722">
        <v>0</v>
      </c>
      <c r="AS1722">
        <v>0</v>
      </c>
      <c r="AT1722">
        <v>0</v>
      </c>
      <c r="AU1722">
        <v>0</v>
      </c>
      <c r="AV1722">
        <v>0</v>
      </c>
      <c r="AW1722">
        <v>0</v>
      </c>
      <c r="AX1722">
        <v>2441</v>
      </c>
      <c r="AY1722">
        <v>45</v>
      </c>
      <c r="AZ1722">
        <v>97</v>
      </c>
      <c r="BA1722">
        <v>6344</v>
      </c>
    </row>
    <row r="1723" spans="1:53" x14ac:dyDescent="0.4">
      <c r="A1723">
        <v>1767</v>
      </c>
      <c r="B1723" s="1">
        <v>43374</v>
      </c>
      <c r="C1723">
        <v>1</v>
      </c>
      <c r="D1723" s="1">
        <v>43374.291666666664</v>
      </c>
      <c r="E1723" s="1">
        <v>43374.450694444444</v>
      </c>
      <c r="F1723">
        <v>0</v>
      </c>
      <c r="G1723">
        <v>0</v>
      </c>
      <c r="H1723">
        <v>0</v>
      </c>
      <c r="I1723">
        <v>0</v>
      </c>
      <c r="J1723">
        <v>0</v>
      </c>
      <c r="K1723">
        <v>0</v>
      </c>
      <c r="L1723">
        <v>0</v>
      </c>
      <c r="M1723">
        <v>0</v>
      </c>
      <c r="N1723">
        <v>0</v>
      </c>
      <c r="O1723">
        <v>0</v>
      </c>
      <c r="P1723">
        <v>0</v>
      </c>
      <c r="Q1723">
        <v>0</v>
      </c>
      <c r="R1723">
        <v>0</v>
      </c>
      <c r="S1723">
        <v>0</v>
      </c>
      <c r="T1723">
        <v>0</v>
      </c>
      <c r="U1723">
        <v>0</v>
      </c>
      <c r="V1723">
        <v>0</v>
      </c>
      <c r="W1723">
        <v>0</v>
      </c>
      <c r="X1723">
        <v>0</v>
      </c>
      <c r="Y1723">
        <v>31</v>
      </c>
      <c r="Z1723">
        <v>10</v>
      </c>
      <c r="AA1723">
        <v>96</v>
      </c>
      <c r="AB1723">
        <v>53</v>
      </c>
      <c r="AC1723">
        <v>130</v>
      </c>
      <c r="AD1723">
        <v>77</v>
      </c>
      <c r="AE1723">
        <v>65</v>
      </c>
      <c r="AF1723">
        <v>0</v>
      </c>
      <c r="AG1723">
        <v>50000</v>
      </c>
      <c r="AH1723">
        <v>0</v>
      </c>
      <c r="AI1723">
        <v>50000</v>
      </c>
      <c r="AJ1723">
        <v>0</v>
      </c>
      <c r="AK1723" t="s">
        <v>6</v>
      </c>
      <c r="AL1723">
        <v>0</v>
      </c>
      <c r="AM1723">
        <v>0</v>
      </c>
      <c r="AN1723">
        <v>0</v>
      </c>
      <c r="AO1723">
        <v>0</v>
      </c>
      <c r="AP1723">
        <v>0</v>
      </c>
      <c r="AQ1723">
        <v>0</v>
      </c>
      <c r="AR1723">
        <v>0</v>
      </c>
      <c r="AS1723">
        <v>0</v>
      </c>
      <c r="AT1723">
        <v>0</v>
      </c>
      <c r="AU1723">
        <v>0</v>
      </c>
      <c r="AV1723">
        <v>0</v>
      </c>
      <c r="AW1723">
        <v>0</v>
      </c>
      <c r="AX1723">
        <v>0</v>
      </c>
      <c r="AY1723">
        <v>0</v>
      </c>
      <c r="AZ1723">
        <v>0</v>
      </c>
      <c r="BA1723">
        <v>0</v>
      </c>
    </row>
    <row r="1724" spans="1:53" x14ac:dyDescent="0.4">
      <c r="A1724">
        <v>1768</v>
      </c>
      <c r="B1724" s="1">
        <v>43374</v>
      </c>
      <c r="C1724">
        <v>2</v>
      </c>
      <c r="D1724" s="1">
        <v>43374.450694444444</v>
      </c>
      <c r="E1724" s="1">
        <v>43374.751388888886</v>
      </c>
      <c r="F1724">
        <v>14500</v>
      </c>
      <c r="G1724">
        <v>1260</v>
      </c>
      <c r="H1724">
        <v>0</v>
      </c>
      <c r="I1724">
        <v>0</v>
      </c>
      <c r="J1724">
        <v>0</v>
      </c>
      <c r="K1724">
        <v>0</v>
      </c>
      <c r="L1724">
        <v>0</v>
      </c>
      <c r="M1724">
        <v>1261</v>
      </c>
      <c r="N1724">
        <v>0</v>
      </c>
      <c r="O1724">
        <v>0</v>
      </c>
      <c r="P1724">
        <v>11880</v>
      </c>
      <c r="Q1724">
        <v>0</v>
      </c>
      <c r="R1724">
        <v>28901</v>
      </c>
      <c r="S1724">
        <v>0</v>
      </c>
      <c r="T1724">
        <v>0</v>
      </c>
      <c r="U1724">
        <v>0</v>
      </c>
      <c r="V1724">
        <v>0</v>
      </c>
      <c r="W1724">
        <v>3</v>
      </c>
      <c r="X1724">
        <v>0</v>
      </c>
      <c r="Y1724">
        <v>41</v>
      </c>
      <c r="Z1724">
        <v>19</v>
      </c>
      <c r="AA1724">
        <v>83</v>
      </c>
      <c r="AB1724">
        <v>55</v>
      </c>
      <c r="AC1724">
        <v>188</v>
      </c>
      <c r="AD1724">
        <v>81</v>
      </c>
      <c r="AE1724">
        <v>66</v>
      </c>
      <c r="AF1724">
        <v>0</v>
      </c>
      <c r="AG1724">
        <v>78901</v>
      </c>
      <c r="AH1724">
        <v>50000</v>
      </c>
      <c r="AI1724">
        <v>0</v>
      </c>
      <c r="AJ1724">
        <v>96</v>
      </c>
      <c r="AK1724" t="s">
        <v>4</v>
      </c>
      <c r="AL1724">
        <v>0</v>
      </c>
      <c r="AM1724">
        <v>0</v>
      </c>
      <c r="AN1724">
        <v>0</v>
      </c>
      <c r="AO1724">
        <v>0</v>
      </c>
      <c r="AP1724">
        <v>0</v>
      </c>
      <c r="AQ1724">
        <v>0</v>
      </c>
      <c r="AR1724">
        <v>0</v>
      </c>
      <c r="AS1724">
        <v>0</v>
      </c>
      <c r="AT1724">
        <v>0</v>
      </c>
      <c r="AU1724">
        <v>0</v>
      </c>
      <c r="AV1724">
        <v>0</v>
      </c>
      <c r="AW1724">
        <v>0</v>
      </c>
      <c r="AX1724">
        <v>-1318</v>
      </c>
      <c r="AY1724">
        <v>29</v>
      </c>
      <c r="AZ1724">
        <v>51</v>
      </c>
      <c r="BA1724">
        <v>3463</v>
      </c>
    </row>
    <row r="1725" spans="1:53" x14ac:dyDescent="0.4">
      <c r="A1725">
        <v>1769</v>
      </c>
      <c r="B1725" s="1">
        <v>43374</v>
      </c>
      <c r="C1725">
        <v>3</v>
      </c>
      <c r="D1725" s="1">
        <v>43374.751388888886</v>
      </c>
      <c r="E1725" s="1">
        <v>43374.948611111111</v>
      </c>
      <c r="F1725">
        <v>20000</v>
      </c>
      <c r="G1725">
        <v>780</v>
      </c>
      <c r="H1725">
        <v>200</v>
      </c>
      <c r="I1725">
        <v>0</v>
      </c>
      <c r="J1725">
        <v>0</v>
      </c>
      <c r="K1725">
        <v>0</v>
      </c>
      <c r="L1725">
        <v>0</v>
      </c>
      <c r="M1725">
        <v>1678</v>
      </c>
      <c r="N1725">
        <v>0</v>
      </c>
      <c r="O1725">
        <v>0</v>
      </c>
      <c r="P1725">
        <v>2786</v>
      </c>
      <c r="Q1725">
        <v>0</v>
      </c>
      <c r="R1725">
        <v>25444</v>
      </c>
      <c r="S1725">
        <v>0</v>
      </c>
      <c r="T1725">
        <v>0</v>
      </c>
      <c r="U1725">
        <v>0</v>
      </c>
      <c r="V1725">
        <v>1</v>
      </c>
      <c r="W1725">
        <v>5</v>
      </c>
      <c r="X1725">
        <v>0</v>
      </c>
      <c r="Y1725">
        <v>46</v>
      </c>
      <c r="Z1725">
        <v>20</v>
      </c>
      <c r="AA1725">
        <v>80</v>
      </c>
      <c r="AB1725">
        <v>55</v>
      </c>
      <c r="AC1725">
        <v>193</v>
      </c>
      <c r="AD1725">
        <v>78</v>
      </c>
      <c r="AE1725">
        <v>59</v>
      </c>
      <c r="AF1725">
        <v>216</v>
      </c>
      <c r="AG1725">
        <v>104345</v>
      </c>
      <c r="AH1725">
        <v>50000</v>
      </c>
      <c r="AI1725">
        <v>0</v>
      </c>
      <c r="AJ1725">
        <v>84</v>
      </c>
      <c r="AK1725" t="s">
        <v>16</v>
      </c>
      <c r="AL1725">
        <v>0</v>
      </c>
      <c r="AM1725">
        <v>0</v>
      </c>
      <c r="AN1725">
        <v>0</v>
      </c>
      <c r="AO1725">
        <v>0</v>
      </c>
      <c r="AP1725">
        <v>0</v>
      </c>
      <c r="AQ1725">
        <v>0</v>
      </c>
      <c r="AR1725">
        <v>0</v>
      </c>
      <c r="AS1725">
        <v>0</v>
      </c>
      <c r="AT1725">
        <v>0</v>
      </c>
      <c r="AU1725">
        <v>0</v>
      </c>
      <c r="AV1725">
        <v>0</v>
      </c>
      <c r="AW1725">
        <v>0</v>
      </c>
      <c r="AX1725">
        <v>-3992</v>
      </c>
      <c r="AY1725">
        <v>8</v>
      </c>
      <c r="AZ1725">
        <v>22</v>
      </c>
      <c r="BA1725">
        <v>1794</v>
      </c>
    </row>
    <row r="1726" spans="1:53" x14ac:dyDescent="0.4">
      <c r="A1726">
        <v>1770</v>
      </c>
      <c r="B1726" s="1">
        <v>43374</v>
      </c>
      <c r="C1726">
        <v>4</v>
      </c>
      <c r="D1726" s="1">
        <v>43374.948611111111</v>
      </c>
      <c r="E1726" s="1">
        <v>43375.111805555556</v>
      </c>
      <c r="F1726">
        <v>17000</v>
      </c>
      <c r="G1726">
        <v>380</v>
      </c>
      <c r="H1726">
        <v>0</v>
      </c>
      <c r="I1726">
        <v>0</v>
      </c>
      <c r="J1726">
        <v>0</v>
      </c>
      <c r="K1726">
        <v>2500</v>
      </c>
      <c r="L1726">
        <v>0</v>
      </c>
      <c r="M1726">
        <v>1590</v>
      </c>
      <c r="N1726">
        <v>0</v>
      </c>
      <c r="O1726">
        <v>0</v>
      </c>
      <c r="P1726">
        <v>-3218</v>
      </c>
      <c r="Q1726">
        <v>0</v>
      </c>
      <c r="R1726">
        <v>18252</v>
      </c>
      <c r="S1726">
        <v>0</v>
      </c>
      <c r="T1726">
        <v>0</v>
      </c>
      <c r="U1726">
        <v>0</v>
      </c>
      <c r="V1726">
        <v>2</v>
      </c>
      <c r="W1726">
        <v>7</v>
      </c>
      <c r="X1726">
        <v>0</v>
      </c>
      <c r="Y1726">
        <v>44</v>
      </c>
      <c r="Z1726">
        <v>19</v>
      </c>
      <c r="AA1726">
        <v>85</v>
      </c>
      <c r="AB1726">
        <v>58</v>
      </c>
      <c r="AC1726">
        <v>201</v>
      </c>
      <c r="AD1726">
        <v>82</v>
      </c>
      <c r="AE1726">
        <v>61</v>
      </c>
      <c r="AF1726">
        <v>216</v>
      </c>
      <c r="AG1726">
        <v>122597</v>
      </c>
      <c r="AH1726">
        <v>50000</v>
      </c>
      <c r="AI1726">
        <v>0</v>
      </c>
      <c r="AJ1726">
        <v>29</v>
      </c>
      <c r="AK1726" t="s">
        <v>28</v>
      </c>
      <c r="AL1726">
        <v>0</v>
      </c>
      <c r="AM1726">
        <v>0</v>
      </c>
      <c r="AN1726">
        <v>0</v>
      </c>
      <c r="AO1726">
        <v>0</v>
      </c>
      <c r="AP1726">
        <v>0</v>
      </c>
      <c r="AQ1726">
        <v>0</v>
      </c>
      <c r="AR1726">
        <v>0</v>
      </c>
      <c r="AS1726">
        <v>0</v>
      </c>
      <c r="AT1726">
        <v>0</v>
      </c>
      <c r="AU1726">
        <v>0</v>
      </c>
      <c r="AV1726">
        <v>0</v>
      </c>
      <c r="AW1726">
        <v>0</v>
      </c>
      <c r="AX1726">
        <v>0</v>
      </c>
      <c r="AY1726">
        <v>3</v>
      </c>
      <c r="AZ1726">
        <v>10</v>
      </c>
      <c r="BA1726">
        <v>910</v>
      </c>
    </row>
    <row r="1727" spans="1:53" x14ac:dyDescent="0.4">
      <c r="A1727">
        <v>1771</v>
      </c>
      <c r="B1727" s="1">
        <v>43375</v>
      </c>
      <c r="C1727">
        <v>1</v>
      </c>
      <c r="D1727" s="1">
        <v>43375.291666666664</v>
      </c>
      <c r="E1727" s="1">
        <v>43375.452777777777</v>
      </c>
      <c r="F1727">
        <v>0</v>
      </c>
      <c r="G1727">
        <v>0</v>
      </c>
      <c r="H1727">
        <v>0</v>
      </c>
      <c r="I1727">
        <v>0</v>
      </c>
      <c r="J1727">
        <v>0</v>
      </c>
      <c r="K1727">
        <v>0</v>
      </c>
      <c r="L1727">
        <v>0</v>
      </c>
      <c r="M1727">
        <v>0</v>
      </c>
      <c r="N1727">
        <v>0</v>
      </c>
      <c r="O1727">
        <v>0</v>
      </c>
      <c r="P1727">
        <v>0</v>
      </c>
      <c r="Q1727">
        <v>0</v>
      </c>
      <c r="R1727">
        <v>0</v>
      </c>
      <c r="S1727">
        <v>0</v>
      </c>
      <c r="T1727">
        <v>0</v>
      </c>
      <c r="U1727">
        <v>0</v>
      </c>
      <c r="V1727">
        <v>0</v>
      </c>
      <c r="W1727">
        <v>0</v>
      </c>
      <c r="X1727">
        <v>0</v>
      </c>
      <c r="Y1727">
        <v>27</v>
      </c>
      <c r="Z1727">
        <v>20</v>
      </c>
      <c r="AA1727">
        <v>76</v>
      </c>
      <c r="AB1727">
        <v>58</v>
      </c>
      <c r="AC1727">
        <v>203</v>
      </c>
      <c r="AD1727">
        <v>82</v>
      </c>
      <c r="AE1727">
        <v>60</v>
      </c>
      <c r="AF1727">
        <v>0</v>
      </c>
      <c r="AG1727">
        <v>50000</v>
      </c>
      <c r="AH1727">
        <v>0</v>
      </c>
      <c r="AI1727">
        <v>50000</v>
      </c>
      <c r="AJ1727">
        <v>0</v>
      </c>
      <c r="AK1727" t="s">
        <v>6</v>
      </c>
      <c r="AL1727">
        <v>0</v>
      </c>
      <c r="AM1727">
        <v>0</v>
      </c>
      <c r="AN1727">
        <v>0</v>
      </c>
      <c r="AO1727">
        <v>0</v>
      </c>
      <c r="AP1727">
        <v>0</v>
      </c>
      <c r="AQ1727">
        <v>0</v>
      </c>
      <c r="AR1727">
        <v>0</v>
      </c>
      <c r="AS1727">
        <v>0</v>
      </c>
      <c r="AT1727">
        <v>0</v>
      </c>
      <c r="AU1727">
        <v>0</v>
      </c>
      <c r="AV1727">
        <v>0</v>
      </c>
      <c r="AW1727">
        <v>0</v>
      </c>
      <c r="AX1727">
        <v>0</v>
      </c>
      <c r="AY1727">
        <v>0</v>
      </c>
      <c r="AZ1727">
        <v>0</v>
      </c>
      <c r="BA1727">
        <v>0</v>
      </c>
    </row>
    <row r="1728" spans="1:53" x14ac:dyDescent="0.4">
      <c r="A1728">
        <v>1772</v>
      </c>
      <c r="B1728" s="1">
        <v>43375</v>
      </c>
      <c r="C1728">
        <v>2</v>
      </c>
      <c r="D1728" s="1">
        <v>43375.452777777777</v>
      </c>
      <c r="E1728" s="1">
        <v>43375.73541666667</v>
      </c>
      <c r="F1728">
        <v>13500</v>
      </c>
      <c r="G1728">
        <v>2120</v>
      </c>
      <c r="H1728">
        <v>0</v>
      </c>
      <c r="I1728">
        <v>0</v>
      </c>
      <c r="J1728">
        <v>0</v>
      </c>
      <c r="K1728">
        <v>0</v>
      </c>
      <c r="L1728">
        <v>0</v>
      </c>
      <c r="M1728">
        <v>1248</v>
      </c>
      <c r="N1728">
        <v>0</v>
      </c>
      <c r="O1728">
        <v>0</v>
      </c>
      <c r="P1728">
        <v>16740</v>
      </c>
      <c r="Q1728">
        <v>0</v>
      </c>
      <c r="R1728">
        <v>33608</v>
      </c>
      <c r="S1728">
        <v>0</v>
      </c>
      <c r="T1728">
        <v>0</v>
      </c>
      <c r="U1728">
        <v>0</v>
      </c>
      <c r="V1728">
        <v>1</v>
      </c>
      <c r="W1728">
        <v>0</v>
      </c>
      <c r="X1728">
        <v>0</v>
      </c>
      <c r="Y1728">
        <v>43</v>
      </c>
      <c r="Z1728">
        <v>31</v>
      </c>
      <c r="AA1728">
        <v>88</v>
      </c>
      <c r="AB1728">
        <v>57</v>
      </c>
      <c r="AC1728">
        <v>245</v>
      </c>
      <c r="AD1728">
        <v>82</v>
      </c>
      <c r="AE1728">
        <v>58</v>
      </c>
      <c r="AF1728">
        <v>540</v>
      </c>
      <c r="AG1728">
        <v>83608</v>
      </c>
      <c r="AH1728">
        <v>50000</v>
      </c>
      <c r="AI1728">
        <v>0</v>
      </c>
      <c r="AJ1728">
        <v>96</v>
      </c>
      <c r="AK1728" t="s">
        <v>4</v>
      </c>
      <c r="AL1728">
        <v>0</v>
      </c>
      <c r="AM1728">
        <v>0</v>
      </c>
      <c r="AN1728">
        <v>0</v>
      </c>
      <c r="AO1728">
        <v>0</v>
      </c>
      <c r="AP1728">
        <v>0</v>
      </c>
      <c r="AQ1728">
        <v>0</v>
      </c>
      <c r="AR1728">
        <v>0</v>
      </c>
      <c r="AS1728">
        <v>0</v>
      </c>
      <c r="AT1728">
        <v>0</v>
      </c>
      <c r="AU1728">
        <v>0</v>
      </c>
      <c r="AV1728">
        <v>0</v>
      </c>
      <c r="AW1728">
        <v>0</v>
      </c>
      <c r="AX1728">
        <v>-1080</v>
      </c>
      <c r="AY1728">
        <v>36</v>
      </c>
      <c r="AZ1728">
        <v>55</v>
      </c>
      <c r="BA1728">
        <v>4653</v>
      </c>
    </row>
    <row r="1729" spans="1:53" x14ac:dyDescent="0.4">
      <c r="A1729">
        <v>1773</v>
      </c>
      <c r="B1729" s="1">
        <v>43376</v>
      </c>
      <c r="C1729">
        <v>1</v>
      </c>
      <c r="D1729" s="1">
        <v>43376.291666666664</v>
      </c>
      <c r="E1729" s="1">
        <v>43376.45</v>
      </c>
      <c r="F1729">
        <v>0</v>
      </c>
      <c r="G1729">
        <v>0</v>
      </c>
      <c r="H1729">
        <v>0</v>
      </c>
      <c r="I1729">
        <v>0</v>
      </c>
      <c r="J1729">
        <v>0</v>
      </c>
      <c r="K1729">
        <v>0</v>
      </c>
      <c r="L1729">
        <v>0</v>
      </c>
      <c r="M1729">
        <v>0</v>
      </c>
      <c r="N1729">
        <v>0</v>
      </c>
      <c r="O1729">
        <v>0</v>
      </c>
      <c r="P1729">
        <v>0</v>
      </c>
      <c r="Q1729">
        <v>0</v>
      </c>
      <c r="R1729">
        <v>0</v>
      </c>
      <c r="S1729">
        <v>0</v>
      </c>
      <c r="T1729">
        <v>0</v>
      </c>
      <c r="U1729">
        <v>0</v>
      </c>
      <c r="V1729">
        <v>0</v>
      </c>
      <c r="W1729">
        <v>0</v>
      </c>
      <c r="X1729">
        <v>0</v>
      </c>
      <c r="Y1729">
        <v>25</v>
      </c>
      <c r="Z1729">
        <v>26</v>
      </c>
      <c r="AA1729">
        <v>73</v>
      </c>
      <c r="AB1729">
        <v>57</v>
      </c>
      <c r="AC1729">
        <v>138</v>
      </c>
      <c r="AD1729">
        <v>83</v>
      </c>
      <c r="AE1729">
        <v>55</v>
      </c>
      <c r="AF1729">
        <v>0</v>
      </c>
      <c r="AG1729">
        <v>50000</v>
      </c>
      <c r="AH1729">
        <v>0</v>
      </c>
      <c r="AI1729">
        <v>50000</v>
      </c>
      <c r="AJ1729">
        <v>0</v>
      </c>
      <c r="AK1729" t="s">
        <v>6</v>
      </c>
      <c r="AL1729">
        <v>0</v>
      </c>
      <c r="AM1729">
        <v>0</v>
      </c>
      <c r="AN1729">
        <v>0</v>
      </c>
      <c r="AO1729">
        <v>0</v>
      </c>
      <c r="AP1729">
        <v>0</v>
      </c>
      <c r="AQ1729">
        <v>0</v>
      </c>
      <c r="AR1729">
        <v>0</v>
      </c>
      <c r="AS1729">
        <v>0</v>
      </c>
      <c r="AT1729">
        <v>0</v>
      </c>
      <c r="AU1729">
        <v>0</v>
      </c>
      <c r="AV1729">
        <v>0</v>
      </c>
      <c r="AW1729">
        <v>0</v>
      </c>
      <c r="AX1729">
        <v>0</v>
      </c>
      <c r="AY1729">
        <v>0</v>
      </c>
      <c r="AZ1729">
        <v>0</v>
      </c>
      <c r="BA1729">
        <v>0</v>
      </c>
    </row>
    <row r="1730" spans="1:53" x14ac:dyDescent="0.4">
      <c r="A1730">
        <v>1774</v>
      </c>
      <c r="B1730" s="1">
        <v>43376</v>
      </c>
      <c r="C1730">
        <v>2</v>
      </c>
      <c r="D1730" s="1">
        <v>43376.45</v>
      </c>
      <c r="E1730" s="1">
        <v>43376.744444444441</v>
      </c>
      <c r="F1730">
        <v>13500</v>
      </c>
      <c r="G1730">
        <v>0</v>
      </c>
      <c r="H1730">
        <v>0</v>
      </c>
      <c r="I1730">
        <v>0</v>
      </c>
      <c r="J1730">
        <v>0</v>
      </c>
      <c r="K1730">
        <v>0</v>
      </c>
      <c r="L1730">
        <v>0</v>
      </c>
      <c r="M1730">
        <v>1080</v>
      </c>
      <c r="N1730">
        <v>0</v>
      </c>
      <c r="O1730">
        <v>0</v>
      </c>
      <c r="P1730">
        <v>10800</v>
      </c>
      <c r="Q1730">
        <v>0</v>
      </c>
      <c r="R1730">
        <v>25380</v>
      </c>
      <c r="S1730">
        <v>0</v>
      </c>
      <c r="T1730">
        <v>0</v>
      </c>
      <c r="U1730">
        <v>0</v>
      </c>
      <c r="V1730">
        <v>0</v>
      </c>
      <c r="W1730">
        <v>1</v>
      </c>
      <c r="X1730">
        <v>0</v>
      </c>
      <c r="Y1730">
        <v>41</v>
      </c>
      <c r="Z1730">
        <v>36</v>
      </c>
      <c r="AA1730">
        <v>62</v>
      </c>
      <c r="AB1730">
        <v>53</v>
      </c>
      <c r="AC1730">
        <v>205</v>
      </c>
      <c r="AD1730">
        <v>85</v>
      </c>
      <c r="AE1730">
        <v>55</v>
      </c>
      <c r="AF1730">
        <v>0</v>
      </c>
      <c r="AG1730">
        <v>75380</v>
      </c>
      <c r="AH1730">
        <v>50000</v>
      </c>
      <c r="AI1730">
        <v>0</v>
      </c>
      <c r="AJ1730">
        <v>96</v>
      </c>
      <c r="AK1730" t="s">
        <v>4</v>
      </c>
      <c r="AL1730">
        <v>0</v>
      </c>
      <c r="AM1730">
        <v>0</v>
      </c>
      <c r="AN1730">
        <v>0</v>
      </c>
      <c r="AO1730">
        <v>0</v>
      </c>
      <c r="AP1730">
        <v>0</v>
      </c>
      <c r="AQ1730">
        <v>0</v>
      </c>
      <c r="AR1730">
        <v>0</v>
      </c>
      <c r="AS1730">
        <v>0</v>
      </c>
      <c r="AT1730">
        <v>0</v>
      </c>
      <c r="AU1730">
        <v>0</v>
      </c>
      <c r="AV1730">
        <v>0</v>
      </c>
      <c r="AW1730">
        <v>0</v>
      </c>
      <c r="AX1730">
        <v>1080</v>
      </c>
      <c r="AY1730">
        <v>28</v>
      </c>
      <c r="AZ1730">
        <v>45</v>
      </c>
      <c r="BA1730">
        <v>4039</v>
      </c>
    </row>
    <row r="1731" spans="1:53" x14ac:dyDescent="0.4">
      <c r="A1731">
        <v>1775</v>
      </c>
      <c r="B1731" s="1">
        <v>43376</v>
      </c>
      <c r="C1731">
        <v>3</v>
      </c>
      <c r="D1731" s="1">
        <v>43376.744444444441</v>
      </c>
      <c r="E1731" s="1">
        <v>43376.993055555555</v>
      </c>
      <c r="F1731">
        <v>47460</v>
      </c>
      <c r="G1731">
        <v>1830</v>
      </c>
      <c r="H1731">
        <v>0</v>
      </c>
      <c r="I1731">
        <v>0</v>
      </c>
      <c r="J1731">
        <v>0</v>
      </c>
      <c r="K1731">
        <v>200</v>
      </c>
      <c r="L1731">
        <v>0</v>
      </c>
      <c r="M1731">
        <v>3959</v>
      </c>
      <c r="N1731">
        <v>0</v>
      </c>
      <c r="O1731">
        <v>0</v>
      </c>
      <c r="P1731">
        <v>-6048</v>
      </c>
      <c r="Q1731">
        <v>0</v>
      </c>
      <c r="R1731">
        <v>47401</v>
      </c>
      <c r="S1731">
        <v>0</v>
      </c>
      <c r="T1731">
        <v>0</v>
      </c>
      <c r="U1731">
        <v>0</v>
      </c>
      <c r="V1731">
        <v>3</v>
      </c>
      <c r="W1731">
        <v>1</v>
      </c>
      <c r="X1731">
        <v>0</v>
      </c>
      <c r="Y1731">
        <v>53</v>
      </c>
      <c r="Z1731">
        <v>43</v>
      </c>
      <c r="AA1731">
        <v>83</v>
      </c>
      <c r="AB1731">
        <v>50</v>
      </c>
      <c r="AC1731">
        <v>200</v>
      </c>
      <c r="AD1731">
        <v>84</v>
      </c>
      <c r="AE1731">
        <v>61</v>
      </c>
      <c r="AF1731">
        <v>0</v>
      </c>
      <c r="AG1731">
        <v>122781</v>
      </c>
      <c r="AH1731">
        <v>50000</v>
      </c>
      <c r="AI1731">
        <v>0</v>
      </c>
      <c r="AJ1731">
        <v>108</v>
      </c>
      <c r="AK1731" t="s">
        <v>30</v>
      </c>
      <c r="AL1731">
        <v>0</v>
      </c>
      <c r="AM1731">
        <v>0</v>
      </c>
      <c r="AN1731">
        <v>0</v>
      </c>
      <c r="AO1731">
        <v>0</v>
      </c>
      <c r="AP1731">
        <v>0</v>
      </c>
      <c r="AQ1731">
        <v>0</v>
      </c>
      <c r="AR1731">
        <v>0</v>
      </c>
      <c r="AS1731">
        <v>0</v>
      </c>
      <c r="AT1731">
        <v>0</v>
      </c>
      <c r="AU1731">
        <v>0</v>
      </c>
      <c r="AV1731">
        <v>0</v>
      </c>
      <c r="AW1731">
        <v>0</v>
      </c>
      <c r="AX1731">
        <v>9309</v>
      </c>
      <c r="AY1731">
        <v>21</v>
      </c>
      <c r="AZ1731">
        <v>53</v>
      </c>
      <c r="BA1731">
        <v>2414</v>
      </c>
    </row>
    <row r="1732" spans="1:53" x14ac:dyDescent="0.4">
      <c r="A1732">
        <v>1776</v>
      </c>
      <c r="B1732" s="1">
        <v>43377</v>
      </c>
      <c r="C1732">
        <v>1</v>
      </c>
      <c r="D1732" s="1">
        <v>43377.291666666664</v>
      </c>
      <c r="E1732" s="1">
        <v>43377.451388888891</v>
      </c>
      <c r="F1732">
        <v>0</v>
      </c>
      <c r="G1732">
        <v>0</v>
      </c>
      <c r="H1732">
        <v>0</v>
      </c>
      <c r="I1732">
        <v>0</v>
      </c>
      <c r="J1732">
        <v>0</v>
      </c>
      <c r="K1732">
        <v>0</v>
      </c>
      <c r="L1732">
        <v>0</v>
      </c>
      <c r="M1732">
        <v>0</v>
      </c>
      <c r="N1732">
        <v>0</v>
      </c>
      <c r="O1732">
        <v>0</v>
      </c>
      <c r="P1732">
        <v>0</v>
      </c>
      <c r="Q1732">
        <v>0</v>
      </c>
      <c r="R1732">
        <v>0</v>
      </c>
      <c r="S1732">
        <v>0</v>
      </c>
      <c r="T1732">
        <v>0</v>
      </c>
      <c r="U1732">
        <v>0</v>
      </c>
      <c r="V1732">
        <v>0</v>
      </c>
      <c r="W1732">
        <v>0</v>
      </c>
      <c r="X1732">
        <v>0</v>
      </c>
      <c r="Y1732">
        <v>21</v>
      </c>
      <c r="Z1732">
        <v>22</v>
      </c>
      <c r="AA1732">
        <v>136</v>
      </c>
      <c r="AB1732">
        <v>50</v>
      </c>
      <c r="AC1732">
        <v>143</v>
      </c>
      <c r="AD1732">
        <v>74</v>
      </c>
      <c r="AE1732">
        <v>100</v>
      </c>
      <c r="AF1732">
        <v>0</v>
      </c>
      <c r="AG1732">
        <v>50000</v>
      </c>
      <c r="AH1732">
        <v>0</v>
      </c>
      <c r="AI1732">
        <v>50000</v>
      </c>
      <c r="AJ1732">
        <v>0</v>
      </c>
      <c r="AK1732" t="s">
        <v>6</v>
      </c>
      <c r="AL1732">
        <v>0</v>
      </c>
      <c r="AM1732">
        <v>0</v>
      </c>
      <c r="AN1732">
        <v>0</v>
      </c>
      <c r="AO1732">
        <v>0</v>
      </c>
      <c r="AP1732">
        <v>0</v>
      </c>
      <c r="AQ1732">
        <v>0</v>
      </c>
      <c r="AR1732">
        <v>0</v>
      </c>
      <c r="AS1732">
        <v>0</v>
      </c>
      <c r="AT1732">
        <v>0</v>
      </c>
      <c r="AU1732">
        <v>0</v>
      </c>
      <c r="AV1732">
        <v>0</v>
      </c>
      <c r="AW1732">
        <v>0</v>
      </c>
      <c r="AX1732">
        <v>0</v>
      </c>
      <c r="AY1732">
        <v>0</v>
      </c>
      <c r="AZ1732">
        <v>0</v>
      </c>
      <c r="BA1732">
        <v>0</v>
      </c>
    </row>
    <row r="1733" spans="1:53" x14ac:dyDescent="0.4">
      <c r="A1733">
        <v>1777</v>
      </c>
      <c r="B1733" s="1">
        <v>43377</v>
      </c>
      <c r="C1733">
        <v>2</v>
      </c>
      <c r="D1733" s="1">
        <v>43377.451388888891</v>
      </c>
      <c r="E1733" s="1">
        <v>43377.741666666669</v>
      </c>
      <c r="F1733">
        <v>15000</v>
      </c>
      <c r="G1733">
        <v>500</v>
      </c>
      <c r="H1733">
        <v>0</v>
      </c>
      <c r="I1733">
        <v>0</v>
      </c>
      <c r="J1733">
        <v>0</v>
      </c>
      <c r="K1733">
        <v>0</v>
      </c>
      <c r="L1733">
        <v>0</v>
      </c>
      <c r="M1733">
        <v>1240</v>
      </c>
      <c r="N1733">
        <v>0</v>
      </c>
      <c r="O1733">
        <v>0</v>
      </c>
      <c r="P1733">
        <v>5940</v>
      </c>
      <c r="Q1733">
        <v>0</v>
      </c>
      <c r="R1733">
        <v>22680</v>
      </c>
      <c r="S1733">
        <v>0</v>
      </c>
      <c r="T1733">
        <v>0</v>
      </c>
      <c r="U1733">
        <v>0</v>
      </c>
      <c r="V1733">
        <v>1</v>
      </c>
      <c r="W1733">
        <v>1</v>
      </c>
      <c r="X1733">
        <v>0</v>
      </c>
      <c r="Y1733">
        <v>24</v>
      </c>
      <c r="Z1733">
        <v>28</v>
      </c>
      <c r="AA1733">
        <v>132</v>
      </c>
      <c r="AB1733">
        <v>53</v>
      </c>
      <c r="AC1733">
        <v>174</v>
      </c>
      <c r="AD1733">
        <v>74</v>
      </c>
      <c r="AE1733">
        <v>100</v>
      </c>
      <c r="AF1733">
        <v>1620</v>
      </c>
      <c r="AG1733">
        <v>72680</v>
      </c>
      <c r="AH1733">
        <v>50000</v>
      </c>
      <c r="AI1733">
        <v>0</v>
      </c>
      <c r="AJ1733">
        <v>96</v>
      </c>
      <c r="AK1733" t="s">
        <v>4</v>
      </c>
      <c r="AL1733">
        <v>0</v>
      </c>
      <c r="AM1733">
        <v>0</v>
      </c>
      <c r="AN1733">
        <v>0</v>
      </c>
      <c r="AO1733">
        <v>0</v>
      </c>
      <c r="AP1733">
        <v>0</v>
      </c>
      <c r="AQ1733">
        <v>0</v>
      </c>
      <c r="AR1733">
        <v>0</v>
      </c>
      <c r="AS1733">
        <v>0</v>
      </c>
      <c r="AT1733">
        <v>0</v>
      </c>
      <c r="AU1733">
        <v>0</v>
      </c>
      <c r="AV1733">
        <v>0</v>
      </c>
      <c r="AW1733">
        <v>0</v>
      </c>
      <c r="AX1733">
        <v>0</v>
      </c>
      <c r="AY1733">
        <v>23</v>
      </c>
      <c r="AZ1733">
        <v>41</v>
      </c>
      <c r="BA1733">
        <v>3335</v>
      </c>
    </row>
    <row r="1734" spans="1:53" x14ac:dyDescent="0.4">
      <c r="A1734">
        <v>1778</v>
      </c>
      <c r="B1734" s="1">
        <v>43377</v>
      </c>
      <c r="C1734">
        <v>3</v>
      </c>
      <c r="D1734" s="1">
        <v>43377.741666666669</v>
      </c>
      <c r="E1734" s="1">
        <v>43377.95</v>
      </c>
      <c r="F1734">
        <v>22000</v>
      </c>
      <c r="G1734">
        <v>1260</v>
      </c>
      <c r="H1734">
        <v>200</v>
      </c>
      <c r="I1734">
        <v>0</v>
      </c>
      <c r="J1734">
        <v>500</v>
      </c>
      <c r="K1734">
        <v>0</v>
      </c>
      <c r="L1734">
        <v>0</v>
      </c>
      <c r="M1734">
        <v>1837</v>
      </c>
      <c r="N1734">
        <v>0</v>
      </c>
      <c r="O1734">
        <v>0</v>
      </c>
      <c r="P1734">
        <v>-648</v>
      </c>
      <c r="Q1734">
        <v>0</v>
      </c>
      <c r="R1734">
        <v>24149</v>
      </c>
      <c r="S1734">
        <v>0</v>
      </c>
      <c r="T1734">
        <v>0</v>
      </c>
      <c r="U1734">
        <v>0</v>
      </c>
      <c r="V1734">
        <v>4</v>
      </c>
      <c r="W1734">
        <v>0</v>
      </c>
      <c r="X1734">
        <v>0</v>
      </c>
      <c r="Y1734">
        <v>25</v>
      </c>
      <c r="Z1734">
        <v>25</v>
      </c>
      <c r="AA1734">
        <v>130</v>
      </c>
      <c r="AB1734">
        <v>52</v>
      </c>
      <c r="AC1734">
        <v>166</v>
      </c>
      <c r="AD1734">
        <v>72</v>
      </c>
      <c r="AE1734">
        <v>89</v>
      </c>
      <c r="AF1734">
        <v>1620</v>
      </c>
      <c r="AG1734">
        <v>96829</v>
      </c>
      <c r="AH1734">
        <v>50000</v>
      </c>
      <c r="AI1734">
        <v>0</v>
      </c>
      <c r="AJ1734">
        <v>102</v>
      </c>
      <c r="AK1734" t="s">
        <v>8</v>
      </c>
      <c r="AL1734">
        <v>0</v>
      </c>
      <c r="AM1734">
        <v>0</v>
      </c>
      <c r="AN1734">
        <v>0</v>
      </c>
      <c r="AO1734">
        <v>0</v>
      </c>
      <c r="AP1734">
        <v>0</v>
      </c>
      <c r="AQ1734">
        <v>0</v>
      </c>
      <c r="AR1734">
        <v>0</v>
      </c>
      <c r="AS1734">
        <v>0</v>
      </c>
      <c r="AT1734">
        <v>0</v>
      </c>
      <c r="AU1734">
        <v>0</v>
      </c>
      <c r="AV1734">
        <v>0</v>
      </c>
      <c r="AW1734">
        <v>0</v>
      </c>
      <c r="AX1734">
        <v>25088</v>
      </c>
      <c r="AY1734">
        <v>9</v>
      </c>
      <c r="AZ1734">
        <v>40</v>
      </c>
      <c r="BA1734">
        <v>1442</v>
      </c>
    </row>
    <row r="1735" spans="1:53" x14ac:dyDescent="0.4">
      <c r="A1735">
        <v>1779</v>
      </c>
      <c r="B1735" s="1">
        <v>43377</v>
      </c>
      <c r="C1735">
        <v>4</v>
      </c>
      <c r="D1735" s="1">
        <v>43377.95</v>
      </c>
      <c r="E1735" s="1">
        <v>43378.074305555558</v>
      </c>
      <c r="F1735">
        <v>34800</v>
      </c>
      <c r="G1735">
        <v>730</v>
      </c>
      <c r="H1735">
        <v>0</v>
      </c>
      <c r="I1735">
        <v>0</v>
      </c>
      <c r="J1735">
        <v>0</v>
      </c>
      <c r="K1735">
        <v>100</v>
      </c>
      <c r="L1735">
        <v>0</v>
      </c>
      <c r="M1735">
        <v>2850</v>
      </c>
      <c r="N1735">
        <v>0</v>
      </c>
      <c r="O1735">
        <v>0</v>
      </c>
      <c r="P1735">
        <v>-4104</v>
      </c>
      <c r="Q1735">
        <v>0</v>
      </c>
      <c r="R1735">
        <v>34376</v>
      </c>
      <c r="S1735">
        <v>0</v>
      </c>
      <c r="T1735">
        <v>0</v>
      </c>
      <c r="U1735">
        <v>0</v>
      </c>
      <c r="V1735">
        <v>5</v>
      </c>
      <c r="W1735">
        <v>0</v>
      </c>
      <c r="X1735">
        <v>0</v>
      </c>
      <c r="Y1735">
        <v>17</v>
      </c>
      <c r="Z1735">
        <v>25</v>
      </c>
      <c r="AA1735">
        <v>130</v>
      </c>
      <c r="AB1735">
        <v>52</v>
      </c>
      <c r="AC1735">
        <v>164</v>
      </c>
      <c r="AD1735">
        <v>72</v>
      </c>
      <c r="AE1735">
        <v>85</v>
      </c>
      <c r="AF1735">
        <v>34020</v>
      </c>
      <c r="AG1735">
        <v>131205</v>
      </c>
      <c r="AH1735">
        <v>50000</v>
      </c>
      <c r="AI1735">
        <v>0</v>
      </c>
      <c r="AJ1735">
        <v>108</v>
      </c>
      <c r="AK1735" t="s">
        <v>30</v>
      </c>
      <c r="AL1735">
        <v>0</v>
      </c>
      <c r="AM1735">
        <v>0</v>
      </c>
      <c r="AN1735">
        <v>0</v>
      </c>
      <c r="AO1735">
        <v>0</v>
      </c>
      <c r="AP1735">
        <v>0</v>
      </c>
      <c r="AQ1735">
        <v>0</v>
      </c>
      <c r="AR1735">
        <v>0</v>
      </c>
      <c r="AS1735">
        <v>0</v>
      </c>
      <c r="AT1735">
        <v>0</v>
      </c>
      <c r="AU1735">
        <v>0</v>
      </c>
      <c r="AV1735">
        <v>0</v>
      </c>
      <c r="AW1735">
        <v>0</v>
      </c>
      <c r="AX1735">
        <v>6167</v>
      </c>
      <c r="AY1735">
        <v>3</v>
      </c>
      <c r="AZ1735">
        <v>7</v>
      </c>
      <c r="BA1735">
        <v>333</v>
      </c>
    </row>
    <row r="1736" spans="1:53" x14ac:dyDescent="0.4">
      <c r="A1736">
        <v>1780</v>
      </c>
      <c r="B1736" s="1">
        <v>43378</v>
      </c>
      <c r="C1736">
        <v>1</v>
      </c>
      <c r="D1736" s="1">
        <v>43378.291666666664</v>
      </c>
      <c r="E1736" s="1">
        <v>43378.448611111111</v>
      </c>
      <c r="F1736">
        <v>0</v>
      </c>
      <c r="G1736">
        <v>0</v>
      </c>
      <c r="H1736">
        <v>0</v>
      </c>
      <c r="I1736">
        <v>0</v>
      </c>
      <c r="J1736">
        <v>0</v>
      </c>
      <c r="K1736">
        <v>0</v>
      </c>
      <c r="L1736">
        <v>0</v>
      </c>
      <c r="M1736">
        <v>0</v>
      </c>
      <c r="N1736">
        <v>0</v>
      </c>
      <c r="O1736">
        <v>0</v>
      </c>
      <c r="P1736">
        <v>0</v>
      </c>
      <c r="Q1736">
        <v>0</v>
      </c>
      <c r="R1736">
        <v>0</v>
      </c>
      <c r="S1736">
        <v>0</v>
      </c>
      <c r="T1736">
        <v>0</v>
      </c>
      <c r="U1736">
        <v>0</v>
      </c>
      <c r="V1736">
        <v>0</v>
      </c>
      <c r="W1736">
        <v>0</v>
      </c>
      <c r="X1736">
        <v>0</v>
      </c>
      <c r="Y1736">
        <v>23</v>
      </c>
      <c r="Z1736">
        <v>19</v>
      </c>
      <c r="AA1736">
        <v>133</v>
      </c>
      <c r="AB1736">
        <v>51</v>
      </c>
      <c r="AC1736">
        <v>121</v>
      </c>
      <c r="AD1736">
        <v>72</v>
      </c>
      <c r="AE1736">
        <v>80</v>
      </c>
      <c r="AF1736">
        <v>0</v>
      </c>
      <c r="AG1736">
        <v>50000</v>
      </c>
      <c r="AH1736">
        <v>0</v>
      </c>
      <c r="AI1736">
        <v>50000</v>
      </c>
      <c r="AJ1736">
        <v>0</v>
      </c>
      <c r="AK1736" t="s">
        <v>6</v>
      </c>
      <c r="AL1736">
        <v>0</v>
      </c>
      <c r="AM1736">
        <v>0</v>
      </c>
      <c r="AN1736">
        <v>0</v>
      </c>
      <c r="AO1736">
        <v>0</v>
      </c>
      <c r="AP1736">
        <v>0</v>
      </c>
      <c r="AQ1736">
        <v>0</v>
      </c>
      <c r="AR1736">
        <v>0</v>
      </c>
      <c r="AS1736">
        <v>0</v>
      </c>
      <c r="AT1736">
        <v>0</v>
      </c>
      <c r="AU1736">
        <v>0</v>
      </c>
      <c r="AV1736">
        <v>0</v>
      </c>
      <c r="AW1736">
        <v>0</v>
      </c>
      <c r="AX1736">
        <v>0</v>
      </c>
      <c r="AY1736">
        <v>0</v>
      </c>
      <c r="AZ1736">
        <v>0</v>
      </c>
      <c r="BA1736">
        <v>0</v>
      </c>
    </row>
    <row r="1737" spans="1:53" x14ac:dyDescent="0.4">
      <c r="A1737">
        <v>1781</v>
      </c>
      <c r="B1737" s="1">
        <v>43378</v>
      </c>
      <c r="C1737">
        <v>2</v>
      </c>
      <c r="D1737" s="1">
        <v>43378.448611111111</v>
      </c>
      <c r="E1737" s="1">
        <v>43378.750694444447</v>
      </c>
      <c r="F1737">
        <v>25000</v>
      </c>
      <c r="G1737">
        <v>0</v>
      </c>
      <c r="H1737">
        <v>200</v>
      </c>
      <c r="I1737">
        <v>0</v>
      </c>
      <c r="J1737">
        <v>0</v>
      </c>
      <c r="K1737">
        <v>0</v>
      </c>
      <c r="L1737">
        <v>0</v>
      </c>
      <c r="M1737">
        <v>2016</v>
      </c>
      <c r="N1737">
        <v>0</v>
      </c>
      <c r="O1737">
        <v>0</v>
      </c>
      <c r="P1737">
        <v>21060</v>
      </c>
      <c r="Q1737">
        <v>0</v>
      </c>
      <c r="R1737">
        <v>48276</v>
      </c>
      <c r="S1737">
        <v>0</v>
      </c>
      <c r="T1737">
        <v>0</v>
      </c>
      <c r="U1737">
        <v>0</v>
      </c>
      <c r="V1737">
        <v>1</v>
      </c>
      <c r="W1737">
        <v>3</v>
      </c>
      <c r="X1737">
        <v>0</v>
      </c>
      <c r="Y1737">
        <v>37</v>
      </c>
      <c r="Z1737">
        <v>34</v>
      </c>
      <c r="AA1737">
        <v>121</v>
      </c>
      <c r="AB1737">
        <v>43</v>
      </c>
      <c r="AC1737">
        <v>222</v>
      </c>
      <c r="AD1737">
        <v>80</v>
      </c>
      <c r="AE1737">
        <v>73</v>
      </c>
      <c r="AF1737">
        <v>2333</v>
      </c>
      <c r="AG1737">
        <v>98276</v>
      </c>
      <c r="AH1737">
        <v>50000</v>
      </c>
      <c r="AI1737">
        <v>0</v>
      </c>
      <c r="AJ1737">
        <v>30</v>
      </c>
      <c r="AL1737">
        <v>0</v>
      </c>
      <c r="AM1737">
        <v>0</v>
      </c>
      <c r="AN1737">
        <v>0</v>
      </c>
      <c r="AO1737">
        <v>0</v>
      </c>
      <c r="AP1737">
        <v>0</v>
      </c>
      <c r="AQ1737">
        <v>0</v>
      </c>
      <c r="AR1737">
        <v>0</v>
      </c>
      <c r="AS1737">
        <v>0</v>
      </c>
      <c r="AT1737">
        <v>0</v>
      </c>
      <c r="AU1737">
        <v>0</v>
      </c>
      <c r="AV1737">
        <v>0</v>
      </c>
      <c r="AW1737">
        <v>0</v>
      </c>
      <c r="AX1737">
        <v>1620</v>
      </c>
      <c r="AY1737">
        <v>38</v>
      </c>
      <c r="AZ1737">
        <v>88</v>
      </c>
      <c r="BA1737">
        <v>5812</v>
      </c>
    </row>
    <row r="1738" spans="1:53" x14ac:dyDescent="0.4">
      <c r="A1738">
        <v>1782</v>
      </c>
      <c r="B1738" s="1">
        <v>43379</v>
      </c>
      <c r="C1738">
        <v>1</v>
      </c>
      <c r="D1738" s="1">
        <v>43379.291666666664</v>
      </c>
      <c r="E1738" s="1">
        <v>43379.730555555558</v>
      </c>
      <c r="F1738">
        <v>42000</v>
      </c>
      <c r="G1738">
        <v>2320</v>
      </c>
      <c r="H1738">
        <v>0</v>
      </c>
      <c r="I1738">
        <v>0</v>
      </c>
      <c r="J1738">
        <v>0</v>
      </c>
      <c r="K1738">
        <v>0</v>
      </c>
      <c r="L1738">
        <v>0</v>
      </c>
      <c r="M1738">
        <v>3545</v>
      </c>
      <c r="N1738">
        <v>0</v>
      </c>
      <c r="O1738">
        <v>0</v>
      </c>
      <c r="P1738">
        <v>19710</v>
      </c>
      <c r="Q1738">
        <v>0</v>
      </c>
      <c r="R1738">
        <v>67575</v>
      </c>
      <c r="S1738">
        <v>0</v>
      </c>
      <c r="T1738">
        <v>0</v>
      </c>
      <c r="U1738">
        <v>0</v>
      </c>
      <c r="V1738">
        <v>2</v>
      </c>
      <c r="W1738">
        <v>0</v>
      </c>
      <c r="X1738">
        <v>0</v>
      </c>
      <c r="Y1738">
        <v>59</v>
      </c>
      <c r="Z1738">
        <v>23</v>
      </c>
      <c r="AA1738">
        <v>167</v>
      </c>
      <c r="AB1738">
        <v>66</v>
      </c>
      <c r="AC1738">
        <v>221</v>
      </c>
      <c r="AD1738">
        <v>80</v>
      </c>
      <c r="AE1738">
        <v>50</v>
      </c>
      <c r="AF1738">
        <v>4365</v>
      </c>
      <c r="AG1738">
        <v>117525</v>
      </c>
      <c r="AH1738">
        <v>50000</v>
      </c>
      <c r="AI1738">
        <v>-50</v>
      </c>
      <c r="AJ1738">
        <v>93</v>
      </c>
      <c r="AK1738" t="s">
        <v>20</v>
      </c>
      <c r="AL1738">
        <v>0</v>
      </c>
      <c r="AM1738">
        <v>0</v>
      </c>
      <c r="AN1738">
        <v>0</v>
      </c>
      <c r="AO1738">
        <v>0</v>
      </c>
      <c r="AP1738">
        <v>0</v>
      </c>
      <c r="AQ1738">
        <v>0</v>
      </c>
      <c r="AR1738">
        <v>0</v>
      </c>
      <c r="AS1738">
        <v>0</v>
      </c>
      <c r="AT1738">
        <v>0</v>
      </c>
      <c r="AU1738">
        <v>0</v>
      </c>
      <c r="AV1738">
        <v>0</v>
      </c>
      <c r="AW1738">
        <v>0</v>
      </c>
      <c r="AX1738">
        <v>-130</v>
      </c>
      <c r="AY1738">
        <v>49</v>
      </c>
      <c r="AZ1738">
        <v>117</v>
      </c>
      <c r="BA1738">
        <v>7462</v>
      </c>
    </row>
    <row r="1739" spans="1:53" x14ac:dyDescent="0.4">
      <c r="A1739">
        <v>1783</v>
      </c>
      <c r="B1739" s="1">
        <v>43379</v>
      </c>
      <c r="C1739">
        <v>2</v>
      </c>
      <c r="D1739" s="1">
        <v>43379.730555555558</v>
      </c>
      <c r="E1739" s="1">
        <v>43379.95416666667</v>
      </c>
      <c r="F1739">
        <v>80390</v>
      </c>
      <c r="G1739">
        <v>8290</v>
      </c>
      <c r="H1739">
        <v>0</v>
      </c>
      <c r="I1739">
        <v>0</v>
      </c>
      <c r="J1739">
        <v>0</v>
      </c>
      <c r="K1739">
        <v>0</v>
      </c>
      <c r="L1739">
        <v>0</v>
      </c>
      <c r="M1739">
        <v>7094</v>
      </c>
      <c r="N1739">
        <v>0</v>
      </c>
      <c r="O1739">
        <v>0</v>
      </c>
      <c r="P1739">
        <v>-19710</v>
      </c>
      <c r="Q1739">
        <v>0</v>
      </c>
      <c r="R1739">
        <v>76064</v>
      </c>
      <c r="S1739">
        <v>0</v>
      </c>
      <c r="T1739">
        <v>0</v>
      </c>
      <c r="U1739">
        <v>0</v>
      </c>
      <c r="V1739">
        <v>8</v>
      </c>
      <c r="W1739">
        <v>2</v>
      </c>
      <c r="X1739">
        <v>0</v>
      </c>
      <c r="Y1739">
        <v>64</v>
      </c>
      <c r="Z1739">
        <v>26</v>
      </c>
      <c r="AA1739">
        <v>163</v>
      </c>
      <c r="AB1739">
        <v>63</v>
      </c>
      <c r="AC1739">
        <v>202</v>
      </c>
      <c r="AD1739">
        <v>77</v>
      </c>
      <c r="AE1739">
        <v>43</v>
      </c>
      <c r="AF1739">
        <v>4691</v>
      </c>
      <c r="AG1739">
        <v>193589</v>
      </c>
      <c r="AH1739">
        <v>50000</v>
      </c>
      <c r="AI1739">
        <v>-50</v>
      </c>
      <c r="AJ1739">
        <v>108</v>
      </c>
      <c r="AK1739" t="s">
        <v>30</v>
      </c>
      <c r="AL1739">
        <v>0</v>
      </c>
      <c r="AM1739">
        <v>0</v>
      </c>
      <c r="AN1739">
        <v>0</v>
      </c>
      <c r="AO1739">
        <v>0</v>
      </c>
      <c r="AP1739">
        <v>0</v>
      </c>
      <c r="AQ1739">
        <v>0</v>
      </c>
      <c r="AR1739">
        <v>0</v>
      </c>
      <c r="AS1739">
        <v>0</v>
      </c>
      <c r="AT1739">
        <v>0</v>
      </c>
      <c r="AU1739">
        <v>0</v>
      </c>
      <c r="AV1739">
        <v>0</v>
      </c>
      <c r="AW1739">
        <v>0</v>
      </c>
      <c r="AX1739">
        <v>80928</v>
      </c>
      <c r="AY1739">
        <v>24</v>
      </c>
      <c r="AZ1739">
        <v>96</v>
      </c>
      <c r="BA1739">
        <v>3652</v>
      </c>
    </row>
    <row r="1740" spans="1:53" x14ac:dyDescent="0.4">
      <c r="A1740">
        <v>1784</v>
      </c>
      <c r="B1740" s="1">
        <v>43379</v>
      </c>
      <c r="C1740">
        <v>3</v>
      </c>
      <c r="D1740" s="1">
        <v>43379.95416666667</v>
      </c>
      <c r="E1740" s="1">
        <v>43380.07708333333</v>
      </c>
      <c r="F1740">
        <v>104260</v>
      </c>
      <c r="G1740">
        <v>5500</v>
      </c>
      <c r="H1740">
        <v>200</v>
      </c>
      <c r="I1740">
        <v>0</v>
      </c>
      <c r="J1740">
        <v>0</v>
      </c>
      <c r="K1740">
        <v>0</v>
      </c>
      <c r="L1740">
        <v>0</v>
      </c>
      <c r="M1740">
        <v>8795</v>
      </c>
      <c r="N1740">
        <v>0</v>
      </c>
      <c r="O1740">
        <v>0</v>
      </c>
      <c r="P1740">
        <v>100548</v>
      </c>
      <c r="Q1740">
        <v>0</v>
      </c>
      <c r="R1740">
        <v>219303</v>
      </c>
      <c r="S1740">
        <v>0</v>
      </c>
      <c r="T1740">
        <v>0</v>
      </c>
      <c r="U1740">
        <v>0</v>
      </c>
      <c r="V1740">
        <v>23</v>
      </c>
      <c r="W1740">
        <v>7</v>
      </c>
      <c r="X1740">
        <v>0</v>
      </c>
      <c r="Y1740">
        <v>89</v>
      </c>
      <c r="Z1740">
        <v>26</v>
      </c>
      <c r="AA1740">
        <v>182</v>
      </c>
      <c r="AB1740">
        <v>60</v>
      </c>
      <c r="AC1740">
        <v>186</v>
      </c>
      <c r="AD1740">
        <v>79</v>
      </c>
      <c r="AE1740">
        <v>56</v>
      </c>
      <c r="AF1740">
        <v>22381</v>
      </c>
      <c r="AG1740">
        <v>412892</v>
      </c>
      <c r="AH1740">
        <v>50000</v>
      </c>
      <c r="AI1740">
        <v>-50</v>
      </c>
      <c r="AJ1740">
        <v>99</v>
      </c>
      <c r="AK1740" t="s">
        <v>9</v>
      </c>
      <c r="AL1740">
        <v>0</v>
      </c>
      <c r="AM1740">
        <v>0</v>
      </c>
      <c r="AN1740">
        <v>0</v>
      </c>
      <c r="AO1740">
        <v>0</v>
      </c>
      <c r="AP1740">
        <v>0</v>
      </c>
      <c r="AQ1740">
        <v>0</v>
      </c>
      <c r="AR1740">
        <v>0</v>
      </c>
      <c r="AS1740">
        <v>0</v>
      </c>
      <c r="AT1740">
        <v>0</v>
      </c>
      <c r="AU1740">
        <v>0</v>
      </c>
      <c r="AV1740">
        <v>0</v>
      </c>
      <c r="AW1740">
        <v>0</v>
      </c>
      <c r="AX1740">
        <v>4190</v>
      </c>
      <c r="AY1740">
        <v>14</v>
      </c>
      <c r="AZ1740">
        <v>57</v>
      </c>
      <c r="BA1740">
        <v>2105</v>
      </c>
    </row>
    <row r="1741" spans="1:53" x14ac:dyDescent="0.4">
      <c r="A1741">
        <v>1785</v>
      </c>
      <c r="B1741" s="1">
        <v>43380</v>
      </c>
      <c r="C1741">
        <v>1</v>
      </c>
      <c r="D1741" s="1">
        <v>43380.291666666664</v>
      </c>
      <c r="E1741" s="1">
        <v>43380.414583333331</v>
      </c>
      <c r="F1741">
        <v>0</v>
      </c>
      <c r="G1741">
        <v>0</v>
      </c>
      <c r="H1741">
        <v>0</v>
      </c>
      <c r="I1741">
        <v>0</v>
      </c>
      <c r="J1741">
        <v>0</v>
      </c>
      <c r="K1741">
        <v>0</v>
      </c>
      <c r="L1741">
        <v>0</v>
      </c>
      <c r="M1741">
        <v>0</v>
      </c>
      <c r="N1741">
        <v>0</v>
      </c>
      <c r="O1741">
        <v>0</v>
      </c>
      <c r="P1741">
        <v>0</v>
      </c>
      <c r="Q1741">
        <v>0</v>
      </c>
      <c r="R1741">
        <v>0</v>
      </c>
      <c r="S1741">
        <v>0</v>
      </c>
      <c r="T1741">
        <v>0</v>
      </c>
      <c r="U1741">
        <v>0</v>
      </c>
      <c r="V1741">
        <v>0</v>
      </c>
      <c r="W1741">
        <v>0</v>
      </c>
      <c r="X1741">
        <v>0</v>
      </c>
      <c r="Y1741">
        <v>24</v>
      </c>
      <c r="Z1741">
        <v>6</v>
      </c>
      <c r="AA1741">
        <v>185</v>
      </c>
      <c r="AB1741">
        <v>56</v>
      </c>
      <c r="AC1741">
        <v>127</v>
      </c>
      <c r="AD1741">
        <v>77</v>
      </c>
      <c r="AE1741">
        <v>45</v>
      </c>
      <c r="AF1741">
        <v>0</v>
      </c>
      <c r="AG1741">
        <v>50000</v>
      </c>
      <c r="AH1741">
        <v>0</v>
      </c>
      <c r="AI1741">
        <v>50000</v>
      </c>
      <c r="AJ1741">
        <v>0</v>
      </c>
      <c r="AK1741" t="s">
        <v>6</v>
      </c>
      <c r="AL1741">
        <v>0</v>
      </c>
      <c r="AM1741">
        <v>0</v>
      </c>
      <c r="AN1741">
        <v>0</v>
      </c>
      <c r="AO1741">
        <v>0</v>
      </c>
      <c r="AP1741">
        <v>0</v>
      </c>
      <c r="AQ1741">
        <v>0</v>
      </c>
      <c r="AR1741">
        <v>0</v>
      </c>
      <c r="AS1741">
        <v>0</v>
      </c>
      <c r="AT1741">
        <v>0</v>
      </c>
      <c r="AU1741">
        <v>0</v>
      </c>
      <c r="AV1741">
        <v>0</v>
      </c>
      <c r="AW1741">
        <v>0</v>
      </c>
      <c r="AX1741">
        <v>0</v>
      </c>
      <c r="AY1741">
        <v>0</v>
      </c>
      <c r="AZ1741">
        <v>0</v>
      </c>
      <c r="BA1741">
        <v>0</v>
      </c>
    </row>
    <row r="1742" spans="1:53" x14ac:dyDescent="0.4">
      <c r="A1742">
        <v>1786</v>
      </c>
      <c r="B1742" s="1">
        <v>43380</v>
      </c>
      <c r="C1742">
        <v>2</v>
      </c>
      <c r="D1742" s="1">
        <v>43380.414583333331</v>
      </c>
      <c r="E1742" s="1">
        <v>43380.736111111109</v>
      </c>
      <c r="F1742">
        <v>44000</v>
      </c>
      <c r="G1742">
        <v>6660</v>
      </c>
      <c r="H1742">
        <v>400</v>
      </c>
      <c r="I1742">
        <v>0</v>
      </c>
      <c r="J1742">
        <v>0</v>
      </c>
      <c r="K1742">
        <v>0</v>
      </c>
      <c r="L1742">
        <v>0</v>
      </c>
      <c r="M1742">
        <v>4082</v>
      </c>
      <c r="N1742">
        <v>0</v>
      </c>
      <c r="O1742">
        <v>0</v>
      </c>
      <c r="P1742">
        <v>24840</v>
      </c>
      <c r="Q1742">
        <v>0</v>
      </c>
      <c r="R1742">
        <v>79982</v>
      </c>
      <c r="S1742">
        <v>0</v>
      </c>
      <c r="T1742">
        <v>0</v>
      </c>
      <c r="U1742">
        <v>0</v>
      </c>
      <c r="V1742">
        <v>0</v>
      </c>
      <c r="W1742">
        <v>3</v>
      </c>
      <c r="X1742">
        <v>0</v>
      </c>
      <c r="Y1742">
        <v>76</v>
      </c>
      <c r="Z1742">
        <v>26</v>
      </c>
      <c r="AA1742">
        <v>209</v>
      </c>
      <c r="AB1742">
        <v>52</v>
      </c>
      <c r="AC1742">
        <v>204</v>
      </c>
      <c r="AD1742">
        <v>76</v>
      </c>
      <c r="AE1742">
        <v>62</v>
      </c>
      <c r="AF1742">
        <v>0</v>
      </c>
      <c r="AG1742">
        <v>129982</v>
      </c>
      <c r="AH1742">
        <v>50000</v>
      </c>
      <c r="AI1742">
        <v>0</v>
      </c>
      <c r="AJ1742">
        <v>92</v>
      </c>
      <c r="AK1742" t="s">
        <v>22</v>
      </c>
      <c r="AL1742">
        <v>0</v>
      </c>
      <c r="AM1742">
        <v>0</v>
      </c>
      <c r="AN1742">
        <v>0</v>
      </c>
      <c r="AO1742">
        <v>0</v>
      </c>
      <c r="AP1742">
        <v>0</v>
      </c>
      <c r="AQ1742">
        <v>0</v>
      </c>
      <c r="AR1742">
        <v>0</v>
      </c>
      <c r="AS1742">
        <v>0</v>
      </c>
      <c r="AT1742">
        <v>0</v>
      </c>
      <c r="AU1742">
        <v>0</v>
      </c>
      <c r="AV1742">
        <v>0</v>
      </c>
      <c r="AW1742">
        <v>0</v>
      </c>
      <c r="AX1742">
        <v>-1080</v>
      </c>
      <c r="AY1742">
        <v>52</v>
      </c>
      <c r="AZ1742">
        <v>132</v>
      </c>
      <c r="BA1742">
        <v>7433</v>
      </c>
    </row>
    <row r="1743" spans="1:53" x14ac:dyDescent="0.4">
      <c r="A1743">
        <v>1787</v>
      </c>
      <c r="B1743" s="1">
        <v>43380</v>
      </c>
      <c r="C1743">
        <v>3</v>
      </c>
      <c r="D1743" s="1">
        <v>43380.736111111109</v>
      </c>
      <c r="E1743" s="1">
        <v>43380.958333333336</v>
      </c>
      <c r="F1743">
        <v>49800</v>
      </c>
      <c r="G1743">
        <v>1180</v>
      </c>
      <c r="H1743">
        <v>0</v>
      </c>
      <c r="I1743">
        <v>0</v>
      </c>
      <c r="J1743">
        <v>0</v>
      </c>
      <c r="K1743">
        <v>0</v>
      </c>
      <c r="L1743">
        <v>0</v>
      </c>
      <c r="M1743">
        <v>4078</v>
      </c>
      <c r="N1743">
        <v>0</v>
      </c>
      <c r="O1743">
        <v>0</v>
      </c>
      <c r="P1743">
        <v>-24840</v>
      </c>
      <c r="Q1743">
        <v>0</v>
      </c>
      <c r="R1743">
        <v>30218</v>
      </c>
      <c r="S1743">
        <v>0</v>
      </c>
      <c r="T1743">
        <v>0</v>
      </c>
      <c r="U1743">
        <v>0</v>
      </c>
      <c r="V1743">
        <v>4</v>
      </c>
      <c r="W1743">
        <v>0</v>
      </c>
      <c r="X1743">
        <v>0</v>
      </c>
      <c r="Y1743">
        <v>80</v>
      </c>
      <c r="Z1743">
        <v>26</v>
      </c>
      <c r="AA1743">
        <v>220</v>
      </c>
      <c r="AB1743">
        <v>52</v>
      </c>
      <c r="AC1743">
        <v>215</v>
      </c>
      <c r="AD1743">
        <v>79</v>
      </c>
      <c r="AE1743">
        <v>55</v>
      </c>
      <c r="AF1743">
        <v>0</v>
      </c>
      <c r="AG1743">
        <v>160200</v>
      </c>
      <c r="AH1743">
        <v>50000</v>
      </c>
      <c r="AI1743">
        <v>0</v>
      </c>
      <c r="AJ1743">
        <v>100</v>
      </c>
      <c r="AK1743" t="s">
        <v>0</v>
      </c>
      <c r="AL1743">
        <v>0</v>
      </c>
      <c r="AM1743">
        <v>0</v>
      </c>
      <c r="AN1743">
        <v>0</v>
      </c>
      <c r="AO1743">
        <v>0</v>
      </c>
      <c r="AP1743">
        <v>0</v>
      </c>
      <c r="AQ1743">
        <v>0</v>
      </c>
      <c r="AR1743">
        <v>0</v>
      </c>
      <c r="AS1743">
        <v>0</v>
      </c>
      <c r="AT1743">
        <v>0</v>
      </c>
      <c r="AU1743">
        <v>0</v>
      </c>
      <c r="AV1743">
        <v>0</v>
      </c>
      <c r="AW1743">
        <v>0</v>
      </c>
      <c r="AX1743">
        <v>65328</v>
      </c>
      <c r="AY1743">
        <v>21</v>
      </c>
      <c r="AZ1743">
        <v>63</v>
      </c>
      <c r="BA1743">
        <v>4257</v>
      </c>
    </row>
    <row r="1744" spans="1:53" x14ac:dyDescent="0.4">
      <c r="A1744">
        <v>1788</v>
      </c>
      <c r="B1744" s="1">
        <v>43380</v>
      </c>
      <c r="C1744">
        <v>4</v>
      </c>
      <c r="D1744" s="1">
        <v>43380.958333333336</v>
      </c>
      <c r="E1744" s="1">
        <v>43381.094444444447</v>
      </c>
      <c r="F1744">
        <v>92000</v>
      </c>
      <c r="G1744">
        <v>3620</v>
      </c>
      <c r="H1744">
        <v>0</v>
      </c>
      <c r="I1744">
        <v>0</v>
      </c>
      <c r="J1744">
        <v>0</v>
      </c>
      <c r="K1744">
        <v>0</v>
      </c>
      <c r="L1744">
        <v>0</v>
      </c>
      <c r="M1744">
        <v>7648</v>
      </c>
      <c r="N1744">
        <v>0</v>
      </c>
      <c r="O1744">
        <v>0</v>
      </c>
      <c r="P1744">
        <v>68040</v>
      </c>
      <c r="Q1744">
        <v>0</v>
      </c>
      <c r="R1744">
        <v>171308</v>
      </c>
      <c r="S1744">
        <v>0</v>
      </c>
      <c r="T1744">
        <v>0</v>
      </c>
      <c r="U1744">
        <v>0</v>
      </c>
      <c r="V1744">
        <v>19</v>
      </c>
      <c r="W1744">
        <v>5</v>
      </c>
      <c r="X1744">
        <v>0</v>
      </c>
      <c r="Y1744">
        <v>79</v>
      </c>
      <c r="Z1744">
        <v>23</v>
      </c>
      <c r="AA1744">
        <v>193</v>
      </c>
      <c r="AB1744">
        <v>51</v>
      </c>
      <c r="AC1744">
        <v>215</v>
      </c>
      <c r="AD1744">
        <v>78</v>
      </c>
      <c r="AE1744">
        <v>57</v>
      </c>
      <c r="AF1744">
        <v>1561</v>
      </c>
      <c r="AG1744">
        <v>331508</v>
      </c>
      <c r="AH1744">
        <v>50000</v>
      </c>
      <c r="AI1744">
        <v>0</v>
      </c>
      <c r="AJ1744">
        <v>100</v>
      </c>
      <c r="AK1744" t="s">
        <v>0</v>
      </c>
      <c r="AL1744">
        <v>0</v>
      </c>
      <c r="AM1744">
        <v>0</v>
      </c>
      <c r="AN1744">
        <v>0</v>
      </c>
      <c r="AO1744">
        <v>0</v>
      </c>
      <c r="AP1744">
        <v>0</v>
      </c>
      <c r="AQ1744">
        <v>0</v>
      </c>
      <c r="AR1744">
        <v>0</v>
      </c>
      <c r="AS1744">
        <v>0</v>
      </c>
      <c r="AT1744">
        <v>0</v>
      </c>
      <c r="AU1744">
        <v>0</v>
      </c>
      <c r="AV1744">
        <v>0</v>
      </c>
      <c r="AW1744">
        <v>0</v>
      </c>
      <c r="AX1744">
        <v>3930</v>
      </c>
      <c r="AY1744">
        <v>15</v>
      </c>
      <c r="AZ1744">
        <v>45</v>
      </c>
      <c r="BA1744">
        <v>2411</v>
      </c>
    </row>
    <row r="1745" spans="1:53" x14ac:dyDescent="0.4">
      <c r="A1745">
        <v>1789</v>
      </c>
      <c r="B1745" s="1">
        <v>43381</v>
      </c>
      <c r="C1745">
        <v>1</v>
      </c>
      <c r="D1745" s="1">
        <v>43381.291666666664</v>
      </c>
      <c r="E1745" s="1">
        <v>43381.411111111112</v>
      </c>
      <c r="F1745">
        <v>0</v>
      </c>
      <c r="G1745">
        <v>0</v>
      </c>
      <c r="H1745">
        <v>0</v>
      </c>
      <c r="I1745">
        <v>0</v>
      </c>
      <c r="J1745">
        <v>0</v>
      </c>
      <c r="K1745">
        <v>0</v>
      </c>
      <c r="L1745">
        <v>0</v>
      </c>
      <c r="M1745">
        <v>0</v>
      </c>
      <c r="N1745">
        <v>0</v>
      </c>
      <c r="O1745">
        <v>0</v>
      </c>
      <c r="P1745">
        <v>0</v>
      </c>
      <c r="Q1745">
        <v>0</v>
      </c>
      <c r="R1745">
        <v>0</v>
      </c>
      <c r="S1745">
        <v>0</v>
      </c>
      <c r="T1745">
        <v>0</v>
      </c>
      <c r="U1745">
        <v>0</v>
      </c>
      <c r="V1745">
        <v>0</v>
      </c>
      <c r="W1745">
        <v>0</v>
      </c>
      <c r="X1745">
        <v>0</v>
      </c>
      <c r="Y1745">
        <v>27</v>
      </c>
      <c r="Z1745">
        <v>11</v>
      </c>
      <c r="AA1745">
        <v>137</v>
      </c>
      <c r="AB1745">
        <v>47</v>
      </c>
      <c r="AC1745">
        <v>107</v>
      </c>
      <c r="AD1745">
        <v>75</v>
      </c>
      <c r="AE1745">
        <v>55</v>
      </c>
      <c r="AF1745">
        <v>0</v>
      </c>
      <c r="AG1745">
        <v>50050</v>
      </c>
      <c r="AH1745">
        <v>0</v>
      </c>
      <c r="AI1745">
        <v>50050</v>
      </c>
      <c r="AJ1745">
        <v>0</v>
      </c>
      <c r="AK1745" t="s">
        <v>6</v>
      </c>
      <c r="AL1745">
        <v>0</v>
      </c>
      <c r="AM1745">
        <v>0</v>
      </c>
      <c r="AN1745">
        <v>0</v>
      </c>
      <c r="AO1745">
        <v>0</v>
      </c>
      <c r="AP1745">
        <v>0</v>
      </c>
      <c r="AQ1745">
        <v>0</v>
      </c>
      <c r="AR1745">
        <v>0</v>
      </c>
      <c r="AS1745">
        <v>0</v>
      </c>
      <c r="AT1745">
        <v>0</v>
      </c>
      <c r="AU1745">
        <v>0</v>
      </c>
      <c r="AV1745">
        <v>0</v>
      </c>
      <c r="AW1745">
        <v>0</v>
      </c>
      <c r="AX1745">
        <v>0</v>
      </c>
      <c r="AY1745">
        <v>0</v>
      </c>
      <c r="AZ1745">
        <v>0</v>
      </c>
      <c r="BA1745">
        <v>0</v>
      </c>
    </row>
    <row r="1746" spans="1:53" x14ac:dyDescent="0.4">
      <c r="A1746">
        <v>1790</v>
      </c>
      <c r="B1746" s="1">
        <v>43381</v>
      </c>
      <c r="C1746">
        <v>2</v>
      </c>
      <c r="D1746" s="1">
        <v>43381.411111111112</v>
      </c>
      <c r="E1746" s="1">
        <v>43381.745833333334</v>
      </c>
      <c r="F1746">
        <v>42750</v>
      </c>
      <c r="G1746">
        <v>5820</v>
      </c>
      <c r="H1746">
        <v>200</v>
      </c>
      <c r="I1746">
        <v>0</v>
      </c>
      <c r="J1746">
        <v>0</v>
      </c>
      <c r="K1746">
        <v>0</v>
      </c>
      <c r="L1746">
        <v>0</v>
      </c>
      <c r="M1746">
        <v>3900</v>
      </c>
      <c r="N1746">
        <v>0</v>
      </c>
      <c r="O1746">
        <v>0</v>
      </c>
      <c r="P1746">
        <v>19440</v>
      </c>
      <c r="Q1746">
        <v>0</v>
      </c>
      <c r="R1746">
        <v>72110</v>
      </c>
      <c r="S1746">
        <v>0</v>
      </c>
      <c r="T1746">
        <v>0</v>
      </c>
      <c r="U1746">
        <v>0</v>
      </c>
      <c r="V1746">
        <v>0</v>
      </c>
      <c r="W1746">
        <v>4</v>
      </c>
      <c r="X1746">
        <v>0</v>
      </c>
      <c r="Y1746">
        <v>60</v>
      </c>
      <c r="Z1746">
        <v>39</v>
      </c>
      <c r="AA1746">
        <v>171</v>
      </c>
      <c r="AB1746">
        <v>55</v>
      </c>
      <c r="AC1746">
        <v>212</v>
      </c>
      <c r="AD1746">
        <v>80</v>
      </c>
      <c r="AE1746">
        <v>84</v>
      </c>
      <c r="AF1746">
        <v>216</v>
      </c>
      <c r="AG1746">
        <v>122170</v>
      </c>
      <c r="AH1746">
        <v>50000</v>
      </c>
      <c r="AI1746">
        <v>60</v>
      </c>
      <c r="AJ1746">
        <v>96</v>
      </c>
      <c r="AK1746" t="s">
        <v>4</v>
      </c>
      <c r="AL1746">
        <v>0</v>
      </c>
      <c r="AM1746">
        <v>0</v>
      </c>
      <c r="AN1746">
        <v>0</v>
      </c>
      <c r="AO1746">
        <v>0</v>
      </c>
      <c r="AP1746">
        <v>0</v>
      </c>
      <c r="AQ1746">
        <v>0</v>
      </c>
      <c r="AR1746">
        <v>0</v>
      </c>
      <c r="AS1746">
        <v>0</v>
      </c>
      <c r="AT1746">
        <v>0</v>
      </c>
      <c r="AU1746">
        <v>0</v>
      </c>
      <c r="AV1746">
        <v>0</v>
      </c>
      <c r="AW1746">
        <v>0</v>
      </c>
      <c r="AX1746">
        <v>-130</v>
      </c>
      <c r="AY1746">
        <v>49</v>
      </c>
      <c r="AZ1746">
        <v>116</v>
      </c>
      <c r="BA1746">
        <v>7424</v>
      </c>
    </row>
    <row r="1747" spans="1:53" x14ac:dyDescent="0.4">
      <c r="A1747">
        <v>1791</v>
      </c>
      <c r="B1747" s="1">
        <v>43381</v>
      </c>
      <c r="C1747">
        <v>3</v>
      </c>
      <c r="D1747" s="1">
        <v>43381.745833333334</v>
      </c>
      <c r="E1747" s="1">
        <v>43381.947916666664</v>
      </c>
      <c r="F1747">
        <v>26400</v>
      </c>
      <c r="G1747">
        <v>1720</v>
      </c>
      <c r="H1747">
        <v>0</v>
      </c>
      <c r="I1747">
        <v>0</v>
      </c>
      <c r="J1747">
        <v>0</v>
      </c>
      <c r="K1747">
        <v>0</v>
      </c>
      <c r="L1747">
        <v>0</v>
      </c>
      <c r="M1747">
        <v>2249</v>
      </c>
      <c r="N1747">
        <v>0</v>
      </c>
      <c r="O1747">
        <v>0</v>
      </c>
      <c r="P1747">
        <v>-10800</v>
      </c>
      <c r="Q1747">
        <v>0</v>
      </c>
      <c r="R1747">
        <v>19569</v>
      </c>
      <c r="S1747">
        <v>0</v>
      </c>
      <c r="T1747">
        <v>0</v>
      </c>
      <c r="U1747">
        <v>0</v>
      </c>
      <c r="V1747">
        <v>2</v>
      </c>
      <c r="W1747">
        <v>5</v>
      </c>
      <c r="X1747">
        <v>0</v>
      </c>
      <c r="Y1747">
        <v>56</v>
      </c>
      <c r="Z1747">
        <v>38</v>
      </c>
      <c r="AA1747">
        <v>161</v>
      </c>
      <c r="AB1747">
        <v>54</v>
      </c>
      <c r="AC1747">
        <v>218</v>
      </c>
      <c r="AD1747">
        <v>80</v>
      </c>
      <c r="AE1747">
        <v>83</v>
      </c>
      <c r="AF1747">
        <v>216</v>
      </c>
      <c r="AG1747">
        <v>141679</v>
      </c>
      <c r="AH1747">
        <v>50000</v>
      </c>
      <c r="AI1747">
        <v>0</v>
      </c>
      <c r="AJ1747">
        <v>106</v>
      </c>
      <c r="AK1747" t="s">
        <v>29</v>
      </c>
      <c r="AL1747">
        <v>0</v>
      </c>
      <c r="AM1747">
        <v>0</v>
      </c>
      <c r="AN1747">
        <v>0</v>
      </c>
      <c r="AO1747">
        <v>0</v>
      </c>
      <c r="AP1747">
        <v>0</v>
      </c>
      <c r="AQ1747">
        <v>0</v>
      </c>
      <c r="AR1747">
        <v>0</v>
      </c>
      <c r="AS1747">
        <v>0</v>
      </c>
      <c r="AT1747">
        <v>0</v>
      </c>
      <c r="AU1747">
        <v>0</v>
      </c>
      <c r="AV1747">
        <v>0</v>
      </c>
      <c r="AW1747">
        <v>0</v>
      </c>
      <c r="AX1747">
        <v>7538</v>
      </c>
      <c r="AY1747">
        <v>9</v>
      </c>
      <c r="AZ1747">
        <v>23</v>
      </c>
      <c r="BA1747">
        <v>2195</v>
      </c>
    </row>
    <row r="1748" spans="1:53" x14ac:dyDescent="0.4">
      <c r="A1748">
        <v>1792</v>
      </c>
      <c r="B1748" s="1">
        <v>43382</v>
      </c>
      <c r="C1748">
        <v>1</v>
      </c>
      <c r="D1748" s="1">
        <v>43382.291666666664</v>
      </c>
      <c r="E1748" s="1">
        <v>43382.456944444442</v>
      </c>
      <c r="F1748">
        <v>0</v>
      </c>
      <c r="G1748">
        <v>0</v>
      </c>
      <c r="H1748">
        <v>0</v>
      </c>
      <c r="I1748">
        <v>0</v>
      </c>
      <c r="J1748">
        <v>0</v>
      </c>
      <c r="K1748">
        <v>0</v>
      </c>
      <c r="L1748">
        <v>0</v>
      </c>
      <c r="M1748">
        <v>0</v>
      </c>
      <c r="N1748">
        <v>0</v>
      </c>
      <c r="O1748">
        <v>0</v>
      </c>
      <c r="P1748">
        <v>0</v>
      </c>
      <c r="Q1748">
        <v>0</v>
      </c>
      <c r="R1748">
        <v>0</v>
      </c>
      <c r="S1748">
        <v>0</v>
      </c>
      <c r="T1748">
        <v>0</v>
      </c>
      <c r="U1748">
        <v>0</v>
      </c>
      <c r="V1748">
        <v>0</v>
      </c>
      <c r="W1748">
        <v>0</v>
      </c>
      <c r="X1748">
        <v>0</v>
      </c>
      <c r="Y1748">
        <v>29</v>
      </c>
      <c r="Z1748">
        <v>11</v>
      </c>
      <c r="AA1748">
        <v>110</v>
      </c>
      <c r="AB1748">
        <v>55</v>
      </c>
      <c r="AC1748">
        <v>126</v>
      </c>
      <c r="AD1748">
        <v>82</v>
      </c>
      <c r="AE1748">
        <v>80</v>
      </c>
      <c r="AF1748">
        <v>0</v>
      </c>
      <c r="AG1748">
        <v>50000</v>
      </c>
      <c r="AH1748">
        <v>0</v>
      </c>
      <c r="AI1748">
        <v>50000</v>
      </c>
      <c r="AJ1748">
        <v>0</v>
      </c>
      <c r="AK1748" t="s">
        <v>6</v>
      </c>
      <c r="AL1748">
        <v>0</v>
      </c>
      <c r="AM1748">
        <v>0</v>
      </c>
      <c r="AN1748">
        <v>0</v>
      </c>
      <c r="AO1748">
        <v>0</v>
      </c>
      <c r="AP1748">
        <v>0</v>
      </c>
      <c r="AQ1748">
        <v>0</v>
      </c>
      <c r="AR1748">
        <v>0</v>
      </c>
      <c r="AS1748">
        <v>0</v>
      </c>
      <c r="AT1748">
        <v>0</v>
      </c>
      <c r="AU1748">
        <v>0</v>
      </c>
      <c r="AV1748">
        <v>0</v>
      </c>
      <c r="AW1748">
        <v>0</v>
      </c>
      <c r="AX1748">
        <v>0</v>
      </c>
      <c r="AY1748">
        <v>0</v>
      </c>
      <c r="AZ1748">
        <v>0</v>
      </c>
      <c r="BA1748">
        <v>0</v>
      </c>
    </row>
    <row r="1749" spans="1:53" x14ac:dyDescent="0.4">
      <c r="A1749">
        <v>1793</v>
      </c>
      <c r="B1749" s="1">
        <v>43382</v>
      </c>
      <c r="C1749">
        <v>2</v>
      </c>
      <c r="D1749" s="1">
        <v>43382.456944444442</v>
      </c>
      <c r="E1749" s="1">
        <v>43382.745138888888</v>
      </c>
      <c r="F1749">
        <v>17500</v>
      </c>
      <c r="G1749">
        <v>680</v>
      </c>
      <c r="H1749">
        <v>0</v>
      </c>
      <c r="I1749">
        <v>0</v>
      </c>
      <c r="J1749">
        <v>0</v>
      </c>
      <c r="K1749">
        <v>0</v>
      </c>
      <c r="L1749">
        <v>0</v>
      </c>
      <c r="M1749">
        <v>1454</v>
      </c>
      <c r="N1749">
        <v>0</v>
      </c>
      <c r="O1749">
        <v>0</v>
      </c>
      <c r="P1749">
        <v>15120</v>
      </c>
      <c r="Q1749">
        <v>0</v>
      </c>
      <c r="R1749">
        <v>34754</v>
      </c>
      <c r="S1749">
        <v>0</v>
      </c>
      <c r="T1749">
        <v>0</v>
      </c>
      <c r="U1749">
        <v>0</v>
      </c>
      <c r="V1749">
        <v>0</v>
      </c>
      <c r="W1749">
        <v>1</v>
      </c>
      <c r="X1749">
        <v>0</v>
      </c>
      <c r="Y1749">
        <v>48</v>
      </c>
      <c r="Z1749">
        <v>25</v>
      </c>
      <c r="AA1749">
        <v>144</v>
      </c>
      <c r="AB1749">
        <v>54</v>
      </c>
      <c r="AC1749">
        <v>165</v>
      </c>
      <c r="AD1749">
        <v>85</v>
      </c>
      <c r="AE1749">
        <v>79</v>
      </c>
      <c r="AF1749">
        <v>0</v>
      </c>
      <c r="AG1749">
        <v>84754</v>
      </c>
      <c r="AH1749">
        <v>50000</v>
      </c>
      <c r="AI1749">
        <v>0</v>
      </c>
      <c r="AJ1749">
        <v>96</v>
      </c>
      <c r="AK1749" t="s">
        <v>4</v>
      </c>
      <c r="AL1749">
        <v>0</v>
      </c>
      <c r="AM1749">
        <v>0</v>
      </c>
      <c r="AN1749">
        <v>0</v>
      </c>
      <c r="AO1749">
        <v>0</v>
      </c>
      <c r="AP1749">
        <v>0</v>
      </c>
      <c r="AQ1749">
        <v>0</v>
      </c>
      <c r="AR1749">
        <v>0</v>
      </c>
      <c r="AS1749">
        <v>0</v>
      </c>
      <c r="AT1749">
        <v>0</v>
      </c>
      <c r="AU1749">
        <v>0</v>
      </c>
      <c r="AV1749">
        <v>0</v>
      </c>
      <c r="AW1749">
        <v>0</v>
      </c>
      <c r="AX1749">
        <v>-346</v>
      </c>
      <c r="AY1749">
        <v>29</v>
      </c>
      <c r="AZ1749">
        <v>60</v>
      </c>
      <c r="BA1749">
        <v>4042</v>
      </c>
    </row>
    <row r="1750" spans="1:53" x14ac:dyDescent="0.4">
      <c r="A1750">
        <v>1794</v>
      </c>
      <c r="B1750" s="1">
        <v>43383</v>
      </c>
      <c r="C1750">
        <v>1</v>
      </c>
      <c r="D1750" s="1">
        <v>43383.291666666664</v>
      </c>
      <c r="E1750" s="1">
        <v>43383.45</v>
      </c>
      <c r="F1750">
        <v>0</v>
      </c>
      <c r="G1750">
        <v>0</v>
      </c>
      <c r="H1750">
        <v>0</v>
      </c>
      <c r="I1750">
        <v>0</v>
      </c>
      <c r="J1750">
        <v>0</v>
      </c>
      <c r="K1750">
        <v>0</v>
      </c>
      <c r="L1750">
        <v>0</v>
      </c>
      <c r="M1750">
        <v>0</v>
      </c>
      <c r="N1750">
        <v>0</v>
      </c>
      <c r="O1750">
        <v>0</v>
      </c>
      <c r="P1750">
        <v>0</v>
      </c>
      <c r="Q1750">
        <v>0</v>
      </c>
      <c r="R1750">
        <v>0</v>
      </c>
      <c r="S1750">
        <v>0</v>
      </c>
      <c r="T1750">
        <v>0</v>
      </c>
      <c r="U1750">
        <v>0</v>
      </c>
      <c r="V1750">
        <v>0</v>
      </c>
      <c r="W1750">
        <v>0</v>
      </c>
      <c r="X1750">
        <v>0</v>
      </c>
      <c r="Y1750">
        <v>30</v>
      </c>
      <c r="Z1750">
        <v>12</v>
      </c>
      <c r="AA1750">
        <v>101</v>
      </c>
      <c r="AB1750">
        <v>53</v>
      </c>
      <c r="AC1750">
        <v>72</v>
      </c>
      <c r="AD1750">
        <v>88</v>
      </c>
      <c r="AE1750">
        <v>90</v>
      </c>
      <c r="AF1750">
        <v>0</v>
      </c>
      <c r="AG1750">
        <v>50000</v>
      </c>
      <c r="AH1750">
        <v>0</v>
      </c>
      <c r="AI1750">
        <v>50000</v>
      </c>
      <c r="AJ1750">
        <v>0</v>
      </c>
      <c r="AK1750" t="s">
        <v>6</v>
      </c>
      <c r="AL1750">
        <v>0</v>
      </c>
      <c r="AM1750">
        <v>0</v>
      </c>
      <c r="AN1750">
        <v>0</v>
      </c>
      <c r="AO1750">
        <v>0</v>
      </c>
      <c r="AP1750">
        <v>0</v>
      </c>
      <c r="AQ1750">
        <v>0</v>
      </c>
      <c r="AR1750">
        <v>0</v>
      </c>
      <c r="AS1750">
        <v>0</v>
      </c>
      <c r="AT1750">
        <v>0</v>
      </c>
      <c r="AU1750">
        <v>0</v>
      </c>
      <c r="AV1750">
        <v>0</v>
      </c>
      <c r="AW1750">
        <v>0</v>
      </c>
      <c r="AX1750">
        <v>0</v>
      </c>
      <c r="AY1750">
        <v>0</v>
      </c>
      <c r="AZ1750">
        <v>0</v>
      </c>
      <c r="BA1750">
        <v>0</v>
      </c>
    </row>
    <row r="1751" spans="1:53" x14ac:dyDescent="0.4">
      <c r="A1751">
        <v>1795</v>
      </c>
      <c r="B1751" s="1">
        <v>43383</v>
      </c>
      <c r="C1751">
        <v>2</v>
      </c>
      <c r="D1751" s="1">
        <v>43383.45</v>
      </c>
      <c r="E1751" s="1">
        <v>43383.740277777775</v>
      </c>
      <c r="F1751">
        <v>16000</v>
      </c>
      <c r="G1751">
        <v>1920</v>
      </c>
      <c r="H1751">
        <v>0</v>
      </c>
      <c r="I1751">
        <v>0</v>
      </c>
      <c r="J1751">
        <v>0</v>
      </c>
      <c r="K1751">
        <v>0</v>
      </c>
      <c r="L1751">
        <v>0</v>
      </c>
      <c r="M1751">
        <v>1434</v>
      </c>
      <c r="N1751">
        <v>0</v>
      </c>
      <c r="O1751">
        <v>0</v>
      </c>
      <c r="P1751">
        <v>17280</v>
      </c>
      <c r="Q1751">
        <v>0</v>
      </c>
      <c r="R1751">
        <v>36634</v>
      </c>
      <c r="S1751">
        <v>0</v>
      </c>
      <c r="T1751">
        <v>0</v>
      </c>
      <c r="U1751">
        <v>0</v>
      </c>
      <c r="V1751">
        <v>1</v>
      </c>
      <c r="W1751">
        <v>1</v>
      </c>
      <c r="X1751">
        <v>0</v>
      </c>
      <c r="Y1751">
        <v>47</v>
      </c>
      <c r="Z1751">
        <v>26</v>
      </c>
      <c r="AA1751">
        <v>72</v>
      </c>
      <c r="AB1751">
        <v>51</v>
      </c>
      <c r="AC1751">
        <v>132</v>
      </c>
      <c r="AD1751">
        <v>94</v>
      </c>
      <c r="AE1751">
        <v>94</v>
      </c>
      <c r="AF1751">
        <v>0</v>
      </c>
      <c r="AG1751">
        <v>86634</v>
      </c>
      <c r="AH1751">
        <v>50000</v>
      </c>
      <c r="AI1751">
        <v>0</v>
      </c>
      <c r="AJ1751">
        <v>96</v>
      </c>
      <c r="AK1751" t="s">
        <v>4</v>
      </c>
      <c r="AL1751">
        <v>0</v>
      </c>
      <c r="AM1751">
        <v>0</v>
      </c>
      <c r="AN1751">
        <v>0</v>
      </c>
      <c r="AO1751">
        <v>0</v>
      </c>
      <c r="AP1751">
        <v>0</v>
      </c>
      <c r="AQ1751">
        <v>0</v>
      </c>
      <c r="AR1751">
        <v>0</v>
      </c>
      <c r="AS1751">
        <v>0</v>
      </c>
      <c r="AT1751">
        <v>0</v>
      </c>
      <c r="AU1751">
        <v>0</v>
      </c>
      <c r="AV1751">
        <v>0</v>
      </c>
      <c r="AW1751">
        <v>0</v>
      </c>
      <c r="AX1751">
        <v>-259</v>
      </c>
      <c r="AY1751">
        <v>35</v>
      </c>
      <c r="AZ1751">
        <v>62</v>
      </c>
      <c r="BA1751">
        <v>4756</v>
      </c>
    </row>
    <row r="1752" spans="1:53" x14ac:dyDescent="0.4">
      <c r="A1752">
        <v>1796</v>
      </c>
      <c r="B1752" s="1">
        <v>43383</v>
      </c>
      <c r="C1752">
        <v>3</v>
      </c>
      <c r="D1752" s="1">
        <v>43383.740277777775</v>
      </c>
      <c r="E1752" s="1">
        <v>43384.086805555555</v>
      </c>
      <c r="F1752">
        <v>51740</v>
      </c>
      <c r="G1752">
        <v>4850</v>
      </c>
      <c r="H1752">
        <v>0</v>
      </c>
      <c r="I1752">
        <v>0</v>
      </c>
      <c r="J1752">
        <v>0</v>
      </c>
      <c r="K1752">
        <v>0</v>
      </c>
      <c r="L1752">
        <v>0</v>
      </c>
      <c r="M1752">
        <v>4527</v>
      </c>
      <c r="N1752">
        <v>0</v>
      </c>
      <c r="O1752">
        <v>0</v>
      </c>
      <c r="P1752">
        <v>-13392</v>
      </c>
      <c r="Q1752">
        <v>0</v>
      </c>
      <c r="R1752">
        <v>47725</v>
      </c>
      <c r="S1752">
        <v>0</v>
      </c>
      <c r="T1752">
        <v>0</v>
      </c>
      <c r="U1752">
        <v>0</v>
      </c>
      <c r="V1752">
        <v>2</v>
      </c>
      <c r="W1752">
        <v>2</v>
      </c>
      <c r="X1752">
        <v>0</v>
      </c>
      <c r="Y1752">
        <v>67</v>
      </c>
      <c r="Z1752">
        <v>26</v>
      </c>
      <c r="AA1752">
        <v>63</v>
      </c>
      <c r="AB1752">
        <v>50</v>
      </c>
      <c r="AC1752">
        <v>117</v>
      </c>
      <c r="AD1752">
        <v>94</v>
      </c>
      <c r="AE1752">
        <v>89</v>
      </c>
      <c r="AF1752">
        <v>13830</v>
      </c>
      <c r="AG1752">
        <v>134359</v>
      </c>
      <c r="AH1752">
        <v>50000</v>
      </c>
      <c r="AI1752">
        <v>0</v>
      </c>
      <c r="AJ1752">
        <v>100</v>
      </c>
      <c r="AK1752" t="s">
        <v>0</v>
      </c>
      <c r="AL1752">
        <v>0</v>
      </c>
      <c r="AM1752">
        <v>0</v>
      </c>
      <c r="AN1752">
        <v>0</v>
      </c>
      <c r="AO1752">
        <v>0</v>
      </c>
      <c r="AP1752">
        <v>0</v>
      </c>
      <c r="AQ1752">
        <v>0</v>
      </c>
      <c r="AR1752">
        <v>0</v>
      </c>
      <c r="AS1752">
        <v>0</v>
      </c>
      <c r="AT1752">
        <v>0</v>
      </c>
      <c r="AU1752">
        <v>0</v>
      </c>
      <c r="AV1752">
        <v>0</v>
      </c>
      <c r="AW1752">
        <v>0</v>
      </c>
      <c r="AX1752">
        <v>1166</v>
      </c>
      <c r="AY1752">
        <v>11</v>
      </c>
      <c r="AZ1752">
        <v>32</v>
      </c>
      <c r="BA1752">
        <v>2571</v>
      </c>
    </row>
    <row r="1753" spans="1:53" x14ac:dyDescent="0.4">
      <c r="A1753">
        <v>1797</v>
      </c>
      <c r="B1753" s="1">
        <v>43384</v>
      </c>
      <c r="C1753">
        <v>1</v>
      </c>
      <c r="D1753" s="1">
        <v>43384.291666666664</v>
      </c>
      <c r="E1753" s="1">
        <v>43384.451388888891</v>
      </c>
      <c r="F1753">
        <v>0</v>
      </c>
      <c r="G1753">
        <v>0</v>
      </c>
      <c r="H1753">
        <v>0</v>
      </c>
      <c r="I1753">
        <v>0</v>
      </c>
      <c r="J1753">
        <v>0</v>
      </c>
      <c r="K1753">
        <v>0</v>
      </c>
      <c r="L1753">
        <v>0</v>
      </c>
      <c r="M1753">
        <v>0</v>
      </c>
      <c r="N1753">
        <v>0</v>
      </c>
      <c r="O1753">
        <v>0</v>
      </c>
      <c r="P1753">
        <v>0</v>
      </c>
      <c r="Q1753">
        <v>0</v>
      </c>
      <c r="R1753">
        <v>0</v>
      </c>
      <c r="S1753">
        <v>0</v>
      </c>
      <c r="T1753">
        <v>0</v>
      </c>
      <c r="U1753">
        <v>0</v>
      </c>
      <c r="V1753">
        <v>0</v>
      </c>
      <c r="W1753">
        <v>0</v>
      </c>
      <c r="X1753">
        <v>0</v>
      </c>
      <c r="Y1753">
        <v>26</v>
      </c>
      <c r="Z1753">
        <v>8</v>
      </c>
      <c r="AA1753">
        <v>159</v>
      </c>
      <c r="AB1753">
        <v>49</v>
      </c>
      <c r="AC1753">
        <v>110</v>
      </c>
      <c r="AD1753">
        <v>93</v>
      </c>
      <c r="AE1753">
        <v>85</v>
      </c>
      <c r="AF1753">
        <v>0</v>
      </c>
      <c r="AG1753">
        <v>50000</v>
      </c>
      <c r="AH1753">
        <v>0</v>
      </c>
      <c r="AI1753">
        <v>50000</v>
      </c>
      <c r="AJ1753">
        <v>0</v>
      </c>
      <c r="AK1753" t="s">
        <v>6</v>
      </c>
      <c r="AL1753">
        <v>0</v>
      </c>
      <c r="AM1753">
        <v>0</v>
      </c>
      <c r="AN1753">
        <v>0</v>
      </c>
      <c r="AO1753">
        <v>0</v>
      </c>
      <c r="AP1753">
        <v>0</v>
      </c>
      <c r="AQ1753">
        <v>0</v>
      </c>
      <c r="AR1753">
        <v>0</v>
      </c>
      <c r="AS1753">
        <v>0</v>
      </c>
      <c r="AT1753">
        <v>0</v>
      </c>
      <c r="AU1753">
        <v>0</v>
      </c>
      <c r="AV1753">
        <v>0</v>
      </c>
      <c r="AW1753">
        <v>0</v>
      </c>
      <c r="AX1753">
        <v>0</v>
      </c>
      <c r="AY1753">
        <v>0</v>
      </c>
      <c r="AZ1753">
        <v>0</v>
      </c>
      <c r="BA1753">
        <v>0</v>
      </c>
    </row>
    <row r="1754" spans="1:53" x14ac:dyDescent="0.4">
      <c r="A1754">
        <v>1798</v>
      </c>
      <c r="B1754" s="1">
        <v>43384</v>
      </c>
      <c r="C1754">
        <v>2</v>
      </c>
      <c r="D1754" s="1">
        <v>43384.451388888891</v>
      </c>
      <c r="E1754" s="1">
        <v>43384.736805555556</v>
      </c>
      <c r="F1754">
        <v>15000</v>
      </c>
      <c r="G1754">
        <v>0</v>
      </c>
      <c r="H1754">
        <v>0</v>
      </c>
      <c r="I1754">
        <v>0</v>
      </c>
      <c r="J1754">
        <v>0</v>
      </c>
      <c r="K1754">
        <v>0</v>
      </c>
      <c r="L1754">
        <v>0</v>
      </c>
      <c r="M1754">
        <v>1200</v>
      </c>
      <c r="N1754">
        <v>0</v>
      </c>
      <c r="O1754">
        <v>0</v>
      </c>
      <c r="P1754">
        <v>9720</v>
      </c>
      <c r="Q1754">
        <v>0</v>
      </c>
      <c r="R1754">
        <v>25920</v>
      </c>
      <c r="S1754">
        <v>0</v>
      </c>
      <c r="T1754">
        <v>0</v>
      </c>
      <c r="U1754">
        <v>0</v>
      </c>
      <c r="V1754">
        <v>2</v>
      </c>
      <c r="W1754">
        <v>0</v>
      </c>
      <c r="X1754">
        <v>0</v>
      </c>
      <c r="Y1754">
        <v>25</v>
      </c>
      <c r="Z1754">
        <v>11</v>
      </c>
      <c r="AA1754">
        <v>154</v>
      </c>
      <c r="AB1754">
        <v>44</v>
      </c>
      <c r="AC1754">
        <v>163</v>
      </c>
      <c r="AD1754">
        <v>93</v>
      </c>
      <c r="AE1754">
        <v>82</v>
      </c>
      <c r="AF1754">
        <v>5643</v>
      </c>
      <c r="AG1754">
        <v>75920</v>
      </c>
      <c r="AH1754">
        <v>50000</v>
      </c>
      <c r="AI1754">
        <v>0</v>
      </c>
      <c r="AJ1754">
        <v>96</v>
      </c>
      <c r="AK1754" t="s">
        <v>4</v>
      </c>
      <c r="AL1754">
        <v>0</v>
      </c>
      <c r="AM1754">
        <v>0</v>
      </c>
      <c r="AN1754">
        <v>0</v>
      </c>
      <c r="AO1754">
        <v>0</v>
      </c>
      <c r="AP1754">
        <v>0</v>
      </c>
      <c r="AQ1754">
        <v>0</v>
      </c>
      <c r="AR1754">
        <v>0</v>
      </c>
      <c r="AS1754">
        <v>0</v>
      </c>
      <c r="AT1754">
        <v>0</v>
      </c>
      <c r="AU1754">
        <v>0</v>
      </c>
      <c r="AV1754">
        <v>0</v>
      </c>
      <c r="AW1754">
        <v>0</v>
      </c>
      <c r="AX1754">
        <v>734</v>
      </c>
      <c r="AY1754">
        <v>27</v>
      </c>
      <c r="AZ1754">
        <v>48</v>
      </c>
      <c r="BA1754">
        <v>3809</v>
      </c>
    </row>
    <row r="1755" spans="1:53" x14ac:dyDescent="0.4">
      <c r="A1755">
        <v>1799</v>
      </c>
      <c r="B1755" s="1">
        <v>43384</v>
      </c>
      <c r="C1755">
        <v>3</v>
      </c>
      <c r="D1755" s="1">
        <v>43384.736805555556</v>
      </c>
      <c r="E1755" s="1">
        <v>43384.94027777778</v>
      </c>
      <c r="F1755">
        <v>18020</v>
      </c>
      <c r="G1755">
        <v>1360</v>
      </c>
      <c r="H1755">
        <v>200</v>
      </c>
      <c r="I1755">
        <v>0</v>
      </c>
      <c r="J1755">
        <v>0</v>
      </c>
      <c r="K1755">
        <v>0</v>
      </c>
      <c r="L1755">
        <v>0</v>
      </c>
      <c r="M1755">
        <v>1566</v>
      </c>
      <c r="N1755">
        <v>0</v>
      </c>
      <c r="O1755">
        <v>0</v>
      </c>
      <c r="P1755">
        <v>-4536</v>
      </c>
      <c r="Q1755">
        <v>0</v>
      </c>
      <c r="R1755">
        <v>16610</v>
      </c>
      <c r="S1755">
        <v>0</v>
      </c>
      <c r="T1755">
        <v>0</v>
      </c>
      <c r="U1755">
        <v>0</v>
      </c>
      <c r="V1755">
        <v>3</v>
      </c>
      <c r="W1755">
        <v>0</v>
      </c>
      <c r="X1755">
        <v>0</v>
      </c>
      <c r="Y1755">
        <v>26</v>
      </c>
      <c r="Z1755">
        <v>11</v>
      </c>
      <c r="AA1755">
        <v>150</v>
      </c>
      <c r="AB1755">
        <v>41</v>
      </c>
      <c r="AC1755">
        <v>164</v>
      </c>
      <c r="AD1755">
        <v>92</v>
      </c>
      <c r="AE1755">
        <v>81</v>
      </c>
      <c r="AF1755">
        <v>11799</v>
      </c>
      <c r="AG1755">
        <v>92530</v>
      </c>
      <c r="AH1755">
        <v>50000</v>
      </c>
      <c r="AI1755">
        <v>0</v>
      </c>
      <c r="AJ1755">
        <v>108</v>
      </c>
      <c r="AK1755" t="s">
        <v>30</v>
      </c>
      <c r="AL1755">
        <v>0</v>
      </c>
      <c r="AM1755">
        <v>0</v>
      </c>
      <c r="AN1755">
        <v>0</v>
      </c>
      <c r="AO1755">
        <v>0</v>
      </c>
      <c r="AP1755">
        <v>0</v>
      </c>
      <c r="AQ1755">
        <v>0</v>
      </c>
      <c r="AR1755">
        <v>0</v>
      </c>
      <c r="AS1755">
        <v>0</v>
      </c>
      <c r="AT1755">
        <v>0</v>
      </c>
      <c r="AU1755">
        <v>0</v>
      </c>
      <c r="AV1755">
        <v>0</v>
      </c>
      <c r="AW1755">
        <v>0</v>
      </c>
      <c r="AX1755">
        <v>20499</v>
      </c>
      <c r="AY1755">
        <v>13</v>
      </c>
      <c r="AZ1755">
        <v>39</v>
      </c>
      <c r="BA1755">
        <v>1657</v>
      </c>
    </row>
    <row r="1756" spans="1:53" x14ac:dyDescent="0.4">
      <c r="A1756">
        <v>1800</v>
      </c>
      <c r="B1756" s="1">
        <v>43384</v>
      </c>
      <c r="C1756">
        <v>4</v>
      </c>
      <c r="D1756" s="1">
        <v>43384.94027777778</v>
      </c>
      <c r="E1756" s="1">
        <v>43385.084027777775</v>
      </c>
      <c r="F1756">
        <v>36090</v>
      </c>
      <c r="G1756">
        <v>6210</v>
      </c>
      <c r="H1756">
        <v>0</v>
      </c>
      <c r="I1756">
        <v>0</v>
      </c>
      <c r="J1756">
        <v>0</v>
      </c>
      <c r="K1756">
        <v>0</v>
      </c>
      <c r="L1756">
        <v>0</v>
      </c>
      <c r="M1756">
        <v>3384</v>
      </c>
      <c r="N1756">
        <v>0</v>
      </c>
      <c r="O1756">
        <v>0</v>
      </c>
      <c r="P1756">
        <v>756</v>
      </c>
      <c r="Q1756">
        <v>0</v>
      </c>
      <c r="R1756">
        <v>46440</v>
      </c>
      <c r="S1756">
        <v>0</v>
      </c>
      <c r="T1756">
        <v>0</v>
      </c>
      <c r="U1756">
        <v>0</v>
      </c>
      <c r="V1756">
        <v>5</v>
      </c>
      <c r="W1756">
        <v>4</v>
      </c>
      <c r="X1756">
        <v>0</v>
      </c>
      <c r="Y1756">
        <v>10</v>
      </c>
      <c r="Z1756">
        <v>12</v>
      </c>
      <c r="AA1756">
        <v>163</v>
      </c>
      <c r="AB1756">
        <v>46</v>
      </c>
      <c r="AC1756">
        <v>185</v>
      </c>
      <c r="AD1756">
        <v>94</v>
      </c>
      <c r="AE1756">
        <v>81</v>
      </c>
      <c r="AF1756">
        <v>31969</v>
      </c>
      <c r="AG1756">
        <v>138970</v>
      </c>
      <c r="AH1756">
        <v>50000</v>
      </c>
      <c r="AI1756">
        <v>0</v>
      </c>
      <c r="AJ1756">
        <v>100</v>
      </c>
      <c r="AK1756" t="s">
        <v>0</v>
      </c>
      <c r="AL1756">
        <v>0</v>
      </c>
      <c r="AM1756">
        <v>0</v>
      </c>
      <c r="AN1756">
        <v>0</v>
      </c>
      <c r="AO1756">
        <v>0</v>
      </c>
      <c r="AP1756">
        <v>0</v>
      </c>
      <c r="AQ1756">
        <v>0</v>
      </c>
      <c r="AR1756">
        <v>0</v>
      </c>
      <c r="AS1756">
        <v>0</v>
      </c>
      <c r="AT1756">
        <v>0</v>
      </c>
      <c r="AU1756">
        <v>0</v>
      </c>
      <c r="AV1756">
        <v>0</v>
      </c>
      <c r="AW1756">
        <v>0</v>
      </c>
      <c r="AX1756">
        <v>1674</v>
      </c>
      <c r="AY1756">
        <v>5</v>
      </c>
      <c r="AZ1756">
        <v>11</v>
      </c>
      <c r="BA1756">
        <v>727</v>
      </c>
    </row>
    <row r="1757" spans="1:53" x14ac:dyDescent="0.4">
      <c r="A1757">
        <v>1801</v>
      </c>
      <c r="B1757" s="1">
        <v>43385</v>
      </c>
      <c r="C1757">
        <v>1</v>
      </c>
      <c r="D1757" s="1">
        <v>43385.291666666664</v>
      </c>
      <c r="E1757" s="1">
        <v>43385.454861111109</v>
      </c>
      <c r="F1757">
        <v>0</v>
      </c>
      <c r="G1757">
        <v>0</v>
      </c>
      <c r="H1757">
        <v>0</v>
      </c>
      <c r="I1757">
        <v>0</v>
      </c>
      <c r="J1757">
        <v>0</v>
      </c>
      <c r="K1757">
        <v>0</v>
      </c>
      <c r="L1757">
        <v>0</v>
      </c>
      <c r="M1757">
        <v>0</v>
      </c>
      <c r="N1757">
        <v>0</v>
      </c>
      <c r="O1757">
        <v>0</v>
      </c>
      <c r="P1757">
        <v>0</v>
      </c>
      <c r="Q1757">
        <v>0</v>
      </c>
      <c r="R1757">
        <v>0</v>
      </c>
      <c r="S1757">
        <v>0</v>
      </c>
      <c r="T1757">
        <v>0</v>
      </c>
      <c r="U1757">
        <v>0</v>
      </c>
      <c r="V1757">
        <v>0</v>
      </c>
      <c r="W1757">
        <v>3</v>
      </c>
      <c r="X1757">
        <v>0</v>
      </c>
      <c r="Y1757">
        <v>14</v>
      </c>
      <c r="Z1757">
        <v>3</v>
      </c>
      <c r="AA1757">
        <v>154</v>
      </c>
      <c r="AB1757">
        <v>45</v>
      </c>
      <c r="AC1757">
        <v>132</v>
      </c>
      <c r="AD1757">
        <v>91</v>
      </c>
      <c r="AE1757">
        <v>75</v>
      </c>
      <c r="AF1757">
        <v>0</v>
      </c>
      <c r="AG1757">
        <v>50000</v>
      </c>
      <c r="AH1757">
        <v>0</v>
      </c>
      <c r="AI1757">
        <v>50000</v>
      </c>
      <c r="AJ1757">
        <v>0</v>
      </c>
      <c r="AK1757" t="s">
        <v>6</v>
      </c>
      <c r="AL1757">
        <v>0</v>
      </c>
      <c r="AM1757">
        <v>0</v>
      </c>
      <c r="AN1757">
        <v>0</v>
      </c>
      <c r="AO1757">
        <v>0</v>
      </c>
      <c r="AP1757">
        <v>0</v>
      </c>
      <c r="AQ1757">
        <v>0</v>
      </c>
      <c r="AR1757">
        <v>0</v>
      </c>
      <c r="AS1757">
        <v>0</v>
      </c>
      <c r="AT1757">
        <v>0</v>
      </c>
      <c r="AU1757">
        <v>0</v>
      </c>
      <c r="AV1757">
        <v>0</v>
      </c>
      <c r="AW1757">
        <v>0</v>
      </c>
      <c r="AX1757">
        <v>0</v>
      </c>
      <c r="AY1757">
        <v>0</v>
      </c>
      <c r="AZ1757">
        <v>0</v>
      </c>
      <c r="BA1757">
        <v>0</v>
      </c>
    </row>
    <row r="1758" spans="1:53" x14ac:dyDescent="0.4">
      <c r="A1758">
        <v>1802</v>
      </c>
      <c r="B1758" s="1">
        <v>43385</v>
      </c>
      <c r="C1758">
        <v>2</v>
      </c>
      <c r="D1758" s="1">
        <v>43385.454861111109</v>
      </c>
      <c r="E1758" s="1">
        <v>43385.73333333333</v>
      </c>
      <c r="F1758">
        <v>18500</v>
      </c>
      <c r="G1758">
        <v>500</v>
      </c>
      <c r="H1758">
        <v>0</v>
      </c>
      <c r="I1758">
        <v>0</v>
      </c>
      <c r="J1758">
        <v>0</v>
      </c>
      <c r="K1758">
        <v>0</v>
      </c>
      <c r="L1758">
        <v>0</v>
      </c>
      <c r="M1758">
        <v>1520</v>
      </c>
      <c r="N1758">
        <v>0</v>
      </c>
      <c r="O1758">
        <v>0</v>
      </c>
      <c r="P1758">
        <v>22680</v>
      </c>
      <c r="Q1758">
        <v>0</v>
      </c>
      <c r="R1758">
        <v>43200</v>
      </c>
      <c r="S1758">
        <v>0</v>
      </c>
      <c r="T1758">
        <v>0</v>
      </c>
      <c r="U1758">
        <v>0</v>
      </c>
      <c r="V1758">
        <v>0</v>
      </c>
      <c r="W1758">
        <v>4</v>
      </c>
      <c r="X1758">
        <v>0</v>
      </c>
      <c r="Y1758">
        <v>51</v>
      </c>
      <c r="Z1758">
        <v>7</v>
      </c>
      <c r="AA1758">
        <v>134</v>
      </c>
      <c r="AB1758">
        <v>49</v>
      </c>
      <c r="AC1758">
        <v>231</v>
      </c>
      <c r="AD1758">
        <v>93</v>
      </c>
      <c r="AE1758">
        <v>75</v>
      </c>
      <c r="AF1758">
        <v>0</v>
      </c>
      <c r="AG1758">
        <v>93200</v>
      </c>
      <c r="AH1758">
        <v>50000</v>
      </c>
      <c r="AI1758">
        <v>0</v>
      </c>
      <c r="AJ1758">
        <v>96</v>
      </c>
      <c r="AK1758" t="s">
        <v>4</v>
      </c>
      <c r="AL1758">
        <v>0</v>
      </c>
      <c r="AM1758">
        <v>0</v>
      </c>
      <c r="AN1758">
        <v>0</v>
      </c>
      <c r="AO1758">
        <v>0</v>
      </c>
      <c r="AP1758">
        <v>0</v>
      </c>
      <c r="AQ1758">
        <v>0</v>
      </c>
      <c r="AR1758">
        <v>0</v>
      </c>
      <c r="AS1758">
        <v>0</v>
      </c>
      <c r="AT1758">
        <v>0</v>
      </c>
      <c r="AU1758">
        <v>0</v>
      </c>
      <c r="AV1758">
        <v>0</v>
      </c>
      <c r="AW1758">
        <v>0</v>
      </c>
      <c r="AX1758">
        <v>1814</v>
      </c>
      <c r="AY1758">
        <v>41</v>
      </c>
      <c r="AZ1758">
        <v>79</v>
      </c>
      <c r="BA1758">
        <v>5672</v>
      </c>
    </row>
    <row r="1759" spans="1:53" x14ac:dyDescent="0.4">
      <c r="A1759">
        <v>1803</v>
      </c>
      <c r="B1759" s="1">
        <v>43386</v>
      </c>
      <c r="C1759">
        <v>1</v>
      </c>
      <c r="D1759" s="1">
        <v>43386.291666666664</v>
      </c>
      <c r="E1759" s="1">
        <v>43386.397916666669</v>
      </c>
      <c r="F1759">
        <v>0</v>
      </c>
      <c r="G1759">
        <v>0</v>
      </c>
      <c r="H1759">
        <v>0</v>
      </c>
      <c r="I1759">
        <v>0</v>
      </c>
      <c r="J1759">
        <v>0</v>
      </c>
      <c r="K1759">
        <v>0</v>
      </c>
      <c r="L1759">
        <v>0</v>
      </c>
      <c r="M1759">
        <v>0</v>
      </c>
      <c r="N1759">
        <v>0</v>
      </c>
      <c r="O1759">
        <v>0</v>
      </c>
      <c r="P1759">
        <v>0</v>
      </c>
      <c r="Q1759">
        <v>0</v>
      </c>
      <c r="R1759">
        <v>0</v>
      </c>
      <c r="S1759">
        <v>0</v>
      </c>
      <c r="T1759">
        <v>0</v>
      </c>
      <c r="U1759">
        <v>0</v>
      </c>
      <c r="V1759">
        <v>0</v>
      </c>
      <c r="W1759">
        <v>0</v>
      </c>
      <c r="X1759">
        <v>0</v>
      </c>
      <c r="Y1759">
        <v>29</v>
      </c>
      <c r="Z1759">
        <v>6</v>
      </c>
      <c r="AA1759">
        <v>133</v>
      </c>
      <c r="AB1759">
        <v>55</v>
      </c>
      <c r="AC1759">
        <v>141</v>
      </c>
      <c r="AD1759">
        <v>93</v>
      </c>
      <c r="AE1759">
        <v>75</v>
      </c>
      <c r="AF1759">
        <v>0</v>
      </c>
      <c r="AG1759">
        <v>50000</v>
      </c>
      <c r="AH1759">
        <v>50000</v>
      </c>
      <c r="AI1759">
        <v>0</v>
      </c>
      <c r="AJ1759">
        <v>0</v>
      </c>
      <c r="AK1759" t="s">
        <v>6</v>
      </c>
      <c r="AL1759">
        <v>0</v>
      </c>
      <c r="AM1759">
        <v>0</v>
      </c>
      <c r="AN1759">
        <v>0</v>
      </c>
      <c r="AO1759">
        <v>0</v>
      </c>
      <c r="AP1759">
        <v>0</v>
      </c>
      <c r="AQ1759">
        <v>0</v>
      </c>
      <c r="AR1759">
        <v>0</v>
      </c>
      <c r="AS1759">
        <v>0</v>
      </c>
      <c r="AT1759">
        <v>0</v>
      </c>
      <c r="AU1759">
        <v>0</v>
      </c>
      <c r="AV1759">
        <v>0</v>
      </c>
      <c r="AW1759">
        <v>0</v>
      </c>
      <c r="AX1759">
        <v>0</v>
      </c>
      <c r="AY1759">
        <v>0</v>
      </c>
      <c r="AZ1759">
        <v>0</v>
      </c>
      <c r="BA1759">
        <v>0</v>
      </c>
    </row>
    <row r="1760" spans="1:53" x14ac:dyDescent="0.4">
      <c r="A1760">
        <v>1804</v>
      </c>
      <c r="B1760" s="1">
        <v>43386</v>
      </c>
      <c r="C1760">
        <v>2</v>
      </c>
      <c r="D1760" s="1">
        <v>43386.397916666669</v>
      </c>
      <c r="E1760" s="1">
        <v>43386.740972222222</v>
      </c>
      <c r="F1760">
        <v>38000</v>
      </c>
      <c r="G1760">
        <v>3120</v>
      </c>
      <c r="H1760">
        <v>0</v>
      </c>
      <c r="I1760">
        <v>0</v>
      </c>
      <c r="J1760">
        <v>0</v>
      </c>
      <c r="K1760">
        <v>0</v>
      </c>
      <c r="L1760">
        <v>0</v>
      </c>
      <c r="M1760">
        <v>3290</v>
      </c>
      <c r="N1760">
        <v>0</v>
      </c>
      <c r="O1760">
        <v>0</v>
      </c>
      <c r="P1760">
        <v>17820</v>
      </c>
      <c r="Q1760">
        <v>0</v>
      </c>
      <c r="R1760">
        <v>62230</v>
      </c>
      <c r="S1760">
        <v>0</v>
      </c>
      <c r="T1760">
        <v>0</v>
      </c>
      <c r="U1760">
        <v>0</v>
      </c>
      <c r="V1760">
        <v>2</v>
      </c>
      <c r="W1760">
        <v>4</v>
      </c>
      <c r="X1760">
        <v>0</v>
      </c>
      <c r="Y1760">
        <v>40</v>
      </c>
      <c r="Z1760">
        <v>15</v>
      </c>
      <c r="AA1760">
        <v>166</v>
      </c>
      <c r="AB1760">
        <v>64</v>
      </c>
      <c r="AC1760">
        <v>236</v>
      </c>
      <c r="AD1760">
        <v>96</v>
      </c>
      <c r="AE1760">
        <v>77</v>
      </c>
      <c r="AF1760">
        <v>2013</v>
      </c>
      <c r="AG1760">
        <v>112230</v>
      </c>
      <c r="AH1760">
        <v>50000</v>
      </c>
      <c r="AI1760">
        <v>0</v>
      </c>
      <c r="AJ1760">
        <v>90</v>
      </c>
      <c r="AK1760" t="s">
        <v>24</v>
      </c>
      <c r="AL1760">
        <v>0</v>
      </c>
      <c r="AM1760">
        <v>0</v>
      </c>
      <c r="AN1760">
        <v>0</v>
      </c>
      <c r="AO1760">
        <v>0</v>
      </c>
      <c r="AP1760">
        <v>0</v>
      </c>
      <c r="AQ1760">
        <v>0</v>
      </c>
      <c r="AR1760">
        <v>0</v>
      </c>
      <c r="AS1760">
        <v>0</v>
      </c>
      <c r="AT1760">
        <v>0</v>
      </c>
      <c r="AU1760">
        <v>0</v>
      </c>
      <c r="AV1760">
        <v>0</v>
      </c>
      <c r="AW1760">
        <v>0</v>
      </c>
      <c r="AX1760">
        <v>-1080</v>
      </c>
      <c r="AY1760">
        <v>49</v>
      </c>
      <c r="AZ1760">
        <v>105</v>
      </c>
      <c r="BA1760">
        <v>7433</v>
      </c>
    </row>
    <row r="1761" spans="1:53" x14ac:dyDescent="0.4">
      <c r="A1761">
        <v>1805</v>
      </c>
      <c r="B1761" s="1">
        <v>43386</v>
      </c>
      <c r="C1761">
        <v>3</v>
      </c>
      <c r="D1761" s="1">
        <v>43386.740972222222</v>
      </c>
      <c r="E1761" s="1">
        <v>43386.959722222222</v>
      </c>
      <c r="F1761">
        <v>50000</v>
      </c>
      <c r="G1761">
        <v>1860</v>
      </c>
      <c r="H1761">
        <v>0</v>
      </c>
      <c r="I1761">
        <v>0</v>
      </c>
      <c r="J1761">
        <v>0</v>
      </c>
      <c r="K1761">
        <v>0</v>
      </c>
      <c r="L1761">
        <v>0</v>
      </c>
      <c r="M1761">
        <v>4149</v>
      </c>
      <c r="N1761">
        <v>0</v>
      </c>
      <c r="O1761">
        <v>0</v>
      </c>
      <c r="P1761">
        <v>-10692</v>
      </c>
      <c r="Q1761">
        <v>0</v>
      </c>
      <c r="R1761">
        <v>45317</v>
      </c>
      <c r="S1761">
        <v>0</v>
      </c>
      <c r="T1761">
        <v>0</v>
      </c>
      <c r="U1761">
        <v>0</v>
      </c>
      <c r="V1761">
        <v>7</v>
      </c>
      <c r="W1761">
        <v>2</v>
      </c>
      <c r="X1761">
        <v>0</v>
      </c>
      <c r="Y1761">
        <v>48</v>
      </c>
      <c r="Z1761">
        <v>10</v>
      </c>
      <c r="AA1761">
        <v>166</v>
      </c>
      <c r="AB1761">
        <v>63</v>
      </c>
      <c r="AC1761">
        <v>223</v>
      </c>
      <c r="AD1761">
        <v>97</v>
      </c>
      <c r="AE1761">
        <v>69</v>
      </c>
      <c r="AF1761">
        <v>2013</v>
      </c>
      <c r="AG1761">
        <v>157547</v>
      </c>
      <c r="AH1761">
        <v>50000</v>
      </c>
      <c r="AI1761">
        <v>0</v>
      </c>
      <c r="AJ1761">
        <v>84</v>
      </c>
      <c r="AK1761" t="s">
        <v>16</v>
      </c>
      <c r="AL1761">
        <v>0</v>
      </c>
      <c r="AM1761">
        <v>0</v>
      </c>
      <c r="AN1761">
        <v>0</v>
      </c>
      <c r="AO1761">
        <v>0</v>
      </c>
      <c r="AP1761">
        <v>0</v>
      </c>
      <c r="AQ1761">
        <v>0</v>
      </c>
      <c r="AR1761">
        <v>0</v>
      </c>
      <c r="AS1761">
        <v>0</v>
      </c>
      <c r="AT1761">
        <v>0</v>
      </c>
      <c r="AU1761">
        <v>0</v>
      </c>
      <c r="AV1761">
        <v>0</v>
      </c>
      <c r="AW1761">
        <v>0</v>
      </c>
      <c r="AX1761">
        <v>92367</v>
      </c>
      <c r="AY1761">
        <v>30</v>
      </c>
      <c r="AZ1761">
        <v>104</v>
      </c>
      <c r="BA1761">
        <v>3917</v>
      </c>
    </row>
    <row r="1762" spans="1:53" x14ac:dyDescent="0.4">
      <c r="A1762">
        <v>1806</v>
      </c>
      <c r="B1762" s="1">
        <v>43387</v>
      </c>
      <c r="C1762">
        <v>1</v>
      </c>
      <c r="D1762" s="1">
        <v>43387.291666666664</v>
      </c>
      <c r="E1762" s="1">
        <v>43387.411111111112</v>
      </c>
      <c r="F1762">
        <v>0</v>
      </c>
      <c r="G1762">
        <v>0</v>
      </c>
      <c r="H1762">
        <v>0</v>
      </c>
      <c r="I1762">
        <v>0</v>
      </c>
      <c r="J1762">
        <v>0</v>
      </c>
      <c r="K1762">
        <v>0</v>
      </c>
      <c r="L1762">
        <v>0</v>
      </c>
      <c r="M1762">
        <v>0</v>
      </c>
      <c r="N1762">
        <v>0</v>
      </c>
      <c r="O1762">
        <v>0</v>
      </c>
      <c r="P1762">
        <v>0</v>
      </c>
      <c r="Q1762">
        <v>0</v>
      </c>
      <c r="R1762">
        <v>0</v>
      </c>
      <c r="S1762">
        <v>0</v>
      </c>
      <c r="T1762">
        <v>0</v>
      </c>
      <c r="U1762">
        <v>0</v>
      </c>
      <c r="V1762">
        <v>0</v>
      </c>
      <c r="W1762">
        <v>0</v>
      </c>
      <c r="X1762">
        <v>0</v>
      </c>
      <c r="Y1762">
        <v>28</v>
      </c>
      <c r="Z1762">
        <v>9</v>
      </c>
      <c r="AA1762">
        <v>123</v>
      </c>
      <c r="AB1762">
        <v>68</v>
      </c>
      <c r="AC1762">
        <v>130</v>
      </c>
      <c r="AD1762">
        <v>90</v>
      </c>
      <c r="AE1762">
        <v>40</v>
      </c>
      <c r="AF1762">
        <v>0</v>
      </c>
      <c r="AG1762">
        <v>49990</v>
      </c>
      <c r="AH1762">
        <v>0</v>
      </c>
      <c r="AI1762">
        <v>49990</v>
      </c>
      <c r="AJ1762">
        <v>0</v>
      </c>
      <c r="AK1762" t="s">
        <v>6</v>
      </c>
      <c r="AL1762">
        <v>0</v>
      </c>
      <c r="AM1762">
        <v>0</v>
      </c>
      <c r="AN1762">
        <v>0</v>
      </c>
      <c r="AO1762">
        <v>0</v>
      </c>
      <c r="AP1762">
        <v>0</v>
      </c>
      <c r="AQ1762">
        <v>0</v>
      </c>
      <c r="AR1762">
        <v>0</v>
      </c>
      <c r="AS1762">
        <v>0</v>
      </c>
      <c r="AT1762">
        <v>0</v>
      </c>
      <c r="AU1762">
        <v>0</v>
      </c>
      <c r="AV1762">
        <v>0</v>
      </c>
      <c r="AW1762">
        <v>0</v>
      </c>
      <c r="AX1762">
        <v>0</v>
      </c>
      <c r="AY1762">
        <v>0</v>
      </c>
      <c r="AZ1762">
        <v>0</v>
      </c>
      <c r="BA1762">
        <v>0</v>
      </c>
    </row>
    <row r="1763" spans="1:53" x14ac:dyDescent="0.4">
      <c r="A1763">
        <v>1807</v>
      </c>
      <c r="B1763" s="1">
        <v>43387</v>
      </c>
      <c r="C1763">
        <v>2</v>
      </c>
      <c r="D1763" s="1">
        <v>43387.411111111112</v>
      </c>
      <c r="E1763" s="1">
        <v>43387.734722222223</v>
      </c>
      <c r="F1763">
        <v>44000</v>
      </c>
      <c r="G1763">
        <v>4260</v>
      </c>
      <c r="H1763">
        <v>400</v>
      </c>
      <c r="I1763">
        <v>0</v>
      </c>
      <c r="J1763">
        <v>0</v>
      </c>
      <c r="K1763">
        <v>0</v>
      </c>
      <c r="L1763">
        <v>0</v>
      </c>
      <c r="M1763">
        <v>3892</v>
      </c>
      <c r="N1763">
        <v>0</v>
      </c>
      <c r="O1763">
        <v>0</v>
      </c>
      <c r="P1763">
        <v>18360</v>
      </c>
      <c r="Q1763">
        <v>0</v>
      </c>
      <c r="R1763">
        <v>70912</v>
      </c>
      <c r="S1763">
        <v>0</v>
      </c>
      <c r="T1763">
        <v>0</v>
      </c>
      <c r="U1763">
        <v>0</v>
      </c>
      <c r="V1763">
        <v>1</v>
      </c>
      <c r="W1763">
        <v>1</v>
      </c>
      <c r="X1763">
        <v>0</v>
      </c>
      <c r="Y1763">
        <v>62</v>
      </c>
      <c r="Z1763">
        <v>39</v>
      </c>
      <c r="AA1763">
        <v>174</v>
      </c>
      <c r="AB1763">
        <v>76</v>
      </c>
      <c r="AC1763">
        <v>245</v>
      </c>
      <c r="AD1763">
        <v>98</v>
      </c>
      <c r="AE1763">
        <v>56</v>
      </c>
      <c r="AF1763">
        <v>216</v>
      </c>
      <c r="AG1763">
        <v>120912</v>
      </c>
      <c r="AH1763">
        <v>50000</v>
      </c>
      <c r="AI1763">
        <v>0</v>
      </c>
      <c r="AJ1763">
        <v>96</v>
      </c>
      <c r="AK1763" t="s">
        <v>4</v>
      </c>
      <c r="AL1763">
        <v>0</v>
      </c>
      <c r="AM1763">
        <v>0</v>
      </c>
      <c r="AN1763">
        <v>0</v>
      </c>
      <c r="AO1763">
        <v>0</v>
      </c>
      <c r="AP1763">
        <v>0</v>
      </c>
      <c r="AQ1763">
        <v>0</v>
      </c>
      <c r="AR1763">
        <v>0</v>
      </c>
      <c r="AS1763">
        <v>0</v>
      </c>
      <c r="AT1763">
        <v>0</v>
      </c>
      <c r="AU1763">
        <v>0</v>
      </c>
      <c r="AV1763">
        <v>0</v>
      </c>
      <c r="AW1763">
        <v>0</v>
      </c>
      <c r="AX1763">
        <v>-626</v>
      </c>
      <c r="AY1763">
        <v>50</v>
      </c>
      <c r="AZ1763">
        <v>117</v>
      </c>
      <c r="BA1763">
        <v>7523</v>
      </c>
    </row>
    <row r="1764" spans="1:53" x14ac:dyDescent="0.4">
      <c r="A1764">
        <v>1808</v>
      </c>
      <c r="B1764" s="1">
        <v>43387</v>
      </c>
      <c r="C1764">
        <v>3</v>
      </c>
      <c r="D1764" s="1">
        <v>43387.734722222223</v>
      </c>
      <c r="E1764" s="1">
        <v>43387.953472222223</v>
      </c>
      <c r="F1764">
        <v>69860</v>
      </c>
      <c r="G1764">
        <v>3440</v>
      </c>
      <c r="H1764">
        <v>0</v>
      </c>
      <c r="I1764">
        <v>0</v>
      </c>
      <c r="J1764">
        <v>0</v>
      </c>
      <c r="K1764">
        <v>0</v>
      </c>
      <c r="L1764">
        <v>0</v>
      </c>
      <c r="M1764">
        <v>5862</v>
      </c>
      <c r="N1764">
        <v>0</v>
      </c>
      <c r="O1764">
        <v>0</v>
      </c>
      <c r="P1764">
        <v>-15768</v>
      </c>
      <c r="Q1764">
        <v>0</v>
      </c>
      <c r="R1764">
        <v>63394</v>
      </c>
      <c r="S1764">
        <v>0</v>
      </c>
      <c r="T1764">
        <v>0</v>
      </c>
      <c r="U1764">
        <v>0</v>
      </c>
      <c r="V1764">
        <v>5</v>
      </c>
      <c r="W1764">
        <v>0</v>
      </c>
      <c r="X1764">
        <v>0</v>
      </c>
      <c r="Y1764">
        <v>85</v>
      </c>
      <c r="Z1764">
        <v>41</v>
      </c>
      <c r="AA1764">
        <v>168</v>
      </c>
      <c r="AB1764">
        <v>74</v>
      </c>
      <c r="AC1764">
        <v>242</v>
      </c>
      <c r="AD1764">
        <v>97</v>
      </c>
      <c r="AE1764">
        <v>55</v>
      </c>
      <c r="AF1764">
        <v>5346</v>
      </c>
      <c r="AG1764">
        <v>184306</v>
      </c>
      <c r="AH1764">
        <v>50000</v>
      </c>
      <c r="AI1764">
        <v>0</v>
      </c>
      <c r="AJ1764">
        <v>30</v>
      </c>
      <c r="AL1764">
        <v>0</v>
      </c>
      <c r="AM1764">
        <v>0</v>
      </c>
      <c r="AN1764">
        <v>0</v>
      </c>
      <c r="AO1764">
        <v>0</v>
      </c>
      <c r="AP1764">
        <v>0</v>
      </c>
      <c r="AQ1764">
        <v>0</v>
      </c>
      <c r="AR1764">
        <v>0</v>
      </c>
      <c r="AS1764">
        <v>0</v>
      </c>
      <c r="AT1764">
        <v>0</v>
      </c>
      <c r="AU1764">
        <v>0</v>
      </c>
      <c r="AV1764">
        <v>0</v>
      </c>
      <c r="AW1764">
        <v>0</v>
      </c>
      <c r="AX1764">
        <v>2754</v>
      </c>
      <c r="AY1764">
        <v>16</v>
      </c>
      <c r="AZ1764">
        <v>45</v>
      </c>
      <c r="BA1764">
        <v>3094</v>
      </c>
    </row>
    <row r="1765" spans="1:53" x14ac:dyDescent="0.4">
      <c r="A1765">
        <v>1809</v>
      </c>
      <c r="B1765" s="1">
        <v>43388</v>
      </c>
      <c r="C1765">
        <v>1</v>
      </c>
      <c r="D1765" s="1">
        <v>43388.291666666664</v>
      </c>
      <c r="E1765" s="1">
        <v>43388.450694444444</v>
      </c>
      <c r="F1765">
        <v>0</v>
      </c>
      <c r="G1765">
        <v>0</v>
      </c>
      <c r="H1765">
        <v>0</v>
      </c>
      <c r="I1765">
        <v>0</v>
      </c>
      <c r="J1765">
        <v>0</v>
      </c>
      <c r="K1765">
        <v>0</v>
      </c>
      <c r="L1765">
        <v>0</v>
      </c>
      <c r="M1765">
        <v>0</v>
      </c>
      <c r="N1765">
        <v>0</v>
      </c>
      <c r="O1765">
        <v>0</v>
      </c>
      <c r="P1765">
        <v>0</v>
      </c>
      <c r="Q1765">
        <v>0</v>
      </c>
      <c r="R1765">
        <v>0</v>
      </c>
      <c r="S1765">
        <v>0</v>
      </c>
      <c r="T1765">
        <v>0</v>
      </c>
      <c r="U1765">
        <v>0</v>
      </c>
      <c r="V1765">
        <v>0</v>
      </c>
      <c r="W1765">
        <v>0</v>
      </c>
      <c r="X1765">
        <v>0</v>
      </c>
      <c r="Y1765">
        <v>25</v>
      </c>
      <c r="Z1765">
        <v>6</v>
      </c>
      <c r="AA1765">
        <v>165</v>
      </c>
      <c r="AB1765">
        <v>76</v>
      </c>
      <c r="AC1765">
        <v>140</v>
      </c>
      <c r="AD1765">
        <v>49</v>
      </c>
      <c r="AE1765">
        <v>55</v>
      </c>
      <c r="AF1765">
        <v>0</v>
      </c>
      <c r="AG1765">
        <v>50000</v>
      </c>
      <c r="AH1765">
        <v>0</v>
      </c>
      <c r="AI1765">
        <v>50000</v>
      </c>
      <c r="AJ1765">
        <v>0</v>
      </c>
      <c r="AK1765" t="s">
        <v>6</v>
      </c>
      <c r="AL1765">
        <v>0</v>
      </c>
      <c r="AM1765">
        <v>0</v>
      </c>
      <c r="AN1765">
        <v>0</v>
      </c>
      <c r="AO1765">
        <v>0</v>
      </c>
      <c r="AP1765">
        <v>0</v>
      </c>
      <c r="AQ1765">
        <v>0</v>
      </c>
      <c r="AR1765">
        <v>0</v>
      </c>
      <c r="AS1765">
        <v>0</v>
      </c>
      <c r="AT1765">
        <v>0</v>
      </c>
      <c r="AU1765">
        <v>0</v>
      </c>
      <c r="AV1765">
        <v>0</v>
      </c>
      <c r="AW1765">
        <v>0</v>
      </c>
      <c r="AX1765">
        <v>0</v>
      </c>
      <c r="AY1765">
        <v>0</v>
      </c>
      <c r="AZ1765">
        <v>0</v>
      </c>
      <c r="BA1765">
        <v>0</v>
      </c>
    </row>
    <row r="1766" spans="1:53" x14ac:dyDescent="0.4">
      <c r="A1766">
        <v>1810</v>
      </c>
      <c r="B1766" s="1">
        <v>43388</v>
      </c>
      <c r="C1766">
        <v>2</v>
      </c>
      <c r="D1766" s="1">
        <v>43388.450694444444</v>
      </c>
      <c r="E1766" s="1">
        <v>43388.73333333333</v>
      </c>
      <c r="F1766">
        <v>20000</v>
      </c>
      <c r="G1766">
        <v>1220</v>
      </c>
      <c r="H1766">
        <v>200</v>
      </c>
      <c r="I1766">
        <v>0</v>
      </c>
      <c r="J1766">
        <v>0</v>
      </c>
      <c r="K1766">
        <v>0</v>
      </c>
      <c r="L1766">
        <v>0</v>
      </c>
      <c r="M1766">
        <v>1713</v>
      </c>
      <c r="N1766">
        <v>0</v>
      </c>
      <c r="O1766">
        <v>0</v>
      </c>
      <c r="P1766">
        <v>8640</v>
      </c>
      <c r="Q1766">
        <v>0</v>
      </c>
      <c r="R1766">
        <v>31773</v>
      </c>
      <c r="S1766">
        <v>0</v>
      </c>
      <c r="T1766">
        <v>0</v>
      </c>
      <c r="U1766">
        <v>0</v>
      </c>
      <c r="V1766">
        <v>3</v>
      </c>
      <c r="W1766">
        <v>1</v>
      </c>
      <c r="X1766">
        <v>0</v>
      </c>
      <c r="Y1766">
        <v>19</v>
      </c>
      <c r="Z1766">
        <v>13</v>
      </c>
      <c r="AA1766">
        <v>133</v>
      </c>
      <c r="AB1766">
        <v>66</v>
      </c>
      <c r="AC1766">
        <v>184</v>
      </c>
      <c r="AD1766">
        <v>56</v>
      </c>
      <c r="AE1766">
        <v>57</v>
      </c>
      <c r="AF1766">
        <v>2496</v>
      </c>
      <c r="AG1766">
        <v>81773</v>
      </c>
      <c r="AH1766">
        <v>50000</v>
      </c>
      <c r="AI1766">
        <v>0</v>
      </c>
      <c r="AJ1766">
        <v>96</v>
      </c>
      <c r="AK1766" t="s">
        <v>4</v>
      </c>
      <c r="AL1766">
        <v>0</v>
      </c>
      <c r="AM1766">
        <v>0</v>
      </c>
      <c r="AN1766">
        <v>0</v>
      </c>
      <c r="AO1766">
        <v>0</v>
      </c>
      <c r="AP1766">
        <v>0</v>
      </c>
      <c r="AQ1766">
        <v>0</v>
      </c>
      <c r="AR1766">
        <v>0</v>
      </c>
      <c r="AS1766">
        <v>0</v>
      </c>
      <c r="AT1766">
        <v>0</v>
      </c>
      <c r="AU1766">
        <v>0</v>
      </c>
      <c r="AV1766">
        <v>0</v>
      </c>
      <c r="AW1766">
        <v>0</v>
      </c>
      <c r="AX1766">
        <v>0</v>
      </c>
      <c r="AY1766">
        <v>35</v>
      </c>
      <c r="AZ1766">
        <v>56</v>
      </c>
      <c r="BA1766">
        <v>5088</v>
      </c>
    </row>
    <row r="1767" spans="1:53" x14ac:dyDescent="0.4">
      <c r="A1767">
        <v>1811</v>
      </c>
      <c r="B1767" s="1">
        <v>43388</v>
      </c>
      <c r="C1767">
        <v>3</v>
      </c>
      <c r="D1767" s="1">
        <v>43388.73333333333</v>
      </c>
      <c r="E1767" s="1">
        <v>43388.95</v>
      </c>
      <c r="F1767">
        <v>10500</v>
      </c>
      <c r="G1767">
        <v>0</v>
      </c>
      <c r="H1767">
        <v>0</v>
      </c>
      <c r="I1767">
        <v>0</v>
      </c>
      <c r="J1767">
        <v>0</v>
      </c>
      <c r="K1767">
        <v>0</v>
      </c>
      <c r="L1767">
        <v>0</v>
      </c>
      <c r="M1767">
        <v>840</v>
      </c>
      <c r="N1767">
        <v>0</v>
      </c>
      <c r="O1767">
        <v>0</v>
      </c>
      <c r="P1767">
        <v>-8640</v>
      </c>
      <c r="Q1767">
        <v>0</v>
      </c>
      <c r="R1767">
        <v>2700</v>
      </c>
      <c r="S1767">
        <v>0</v>
      </c>
      <c r="T1767">
        <v>0</v>
      </c>
      <c r="U1767">
        <v>0</v>
      </c>
      <c r="V1767">
        <v>3</v>
      </c>
      <c r="W1767">
        <v>1</v>
      </c>
      <c r="X1767">
        <v>0</v>
      </c>
      <c r="Y1767">
        <v>19</v>
      </c>
      <c r="Z1767">
        <v>14</v>
      </c>
      <c r="AA1767">
        <v>133</v>
      </c>
      <c r="AB1767">
        <v>67</v>
      </c>
      <c r="AC1767">
        <v>183</v>
      </c>
      <c r="AD1767">
        <v>56</v>
      </c>
      <c r="AE1767">
        <v>57</v>
      </c>
      <c r="AF1767">
        <v>4656</v>
      </c>
      <c r="AG1767">
        <v>84473</v>
      </c>
      <c r="AH1767">
        <v>50000</v>
      </c>
      <c r="AI1767">
        <v>0</v>
      </c>
      <c r="AJ1767">
        <v>106</v>
      </c>
      <c r="AK1767" t="s">
        <v>29</v>
      </c>
      <c r="AL1767">
        <v>0</v>
      </c>
      <c r="AM1767">
        <v>0</v>
      </c>
      <c r="AN1767">
        <v>0</v>
      </c>
      <c r="AO1767">
        <v>0</v>
      </c>
      <c r="AP1767">
        <v>0</v>
      </c>
      <c r="AQ1767">
        <v>0</v>
      </c>
      <c r="AR1767">
        <v>0</v>
      </c>
      <c r="AS1767">
        <v>0</v>
      </c>
      <c r="AT1767">
        <v>0</v>
      </c>
      <c r="AU1767">
        <v>0</v>
      </c>
      <c r="AV1767">
        <v>0</v>
      </c>
      <c r="AW1767">
        <v>0</v>
      </c>
      <c r="AX1767">
        <v>810</v>
      </c>
      <c r="AY1767">
        <v>3</v>
      </c>
      <c r="AZ1767">
        <v>4</v>
      </c>
      <c r="BA1767">
        <v>1147</v>
      </c>
    </row>
    <row r="1768" spans="1:53" x14ac:dyDescent="0.4">
      <c r="A1768">
        <v>1812</v>
      </c>
      <c r="B1768" s="1">
        <v>43389</v>
      </c>
      <c r="C1768">
        <v>1</v>
      </c>
      <c r="D1768" s="1">
        <v>43389.291666666664</v>
      </c>
      <c r="E1768" s="1">
        <v>43389.45</v>
      </c>
      <c r="F1768">
        <v>0</v>
      </c>
      <c r="G1768">
        <v>0</v>
      </c>
      <c r="H1768">
        <v>0</v>
      </c>
      <c r="I1768">
        <v>0</v>
      </c>
      <c r="J1768">
        <v>0</v>
      </c>
      <c r="K1768">
        <v>0</v>
      </c>
      <c r="L1768">
        <v>0</v>
      </c>
      <c r="M1768">
        <v>0</v>
      </c>
      <c r="N1768">
        <v>0</v>
      </c>
      <c r="O1768">
        <v>0</v>
      </c>
      <c r="P1768">
        <v>0</v>
      </c>
      <c r="Q1768">
        <v>0</v>
      </c>
      <c r="R1768">
        <v>0</v>
      </c>
      <c r="S1768">
        <v>0</v>
      </c>
      <c r="T1768">
        <v>0</v>
      </c>
      <c r="U1768">
        <v>0</v>
      </c>
      <c r="V1768">
        <v>0</v>
      </c>
      <c r="W1768">
        <v>1</v>
      </c>
      <c r="X1768">
        <v>0</v>
      </c>
      <c r="Y1768">
        <v>20</v>
      </c>
      <c r="Z1768">
        <v>15</v>
      </c>
      <c r="AA1768">
        <v>129</v>
      </c>
      <c r="AB1768">
        <v>68</v>
      </c>
      <c r="AC1768">
        <v>88</v>
      </c>
      <c r="AD1768">
        <v>54</v>
      </c>
      <c r="AE1768">
        <v>50</v>
      </c>
      <c r="AF1768">
        <v>0</v>
      </c>
      <c r="AG1768">
        <v>50000</v>
      </c>
      <c r="AH1768">
        <v>0</v>
      </c>
      <c r="AI1768">
        <v>50000</v>
      </c>
      <c r="AJ1768">
        <v>0</v>
      </c>
      <c r="AK1768" t="s">
        <v>6</v>
      </c>
      <c r="AL1768">
        <v>0</v>
      </c>
      <c r="AM1768">
        <v>0</v>
      </c>
      <c r="AN1768">
        <v>0</v>
      </c>
      <c r="AO1768">
        <v>0</v>
      </c>
      <c r="AP1768">
        <v>0</v>
      </c>
      <c r="AQ1768">
        <v>0</v>
      </c>
      <c r="AR1768">
        <v>0</v>
      </c>
      <c r="AS1768">
        <v>0</v>
      </c>
      <c r="AT1768">
        <v>0</v>
      </c>
      <c r="AU1768">
        <v>0</v>
      </c>
      <c r="AV1768">
        <v>0</v>
      </c>
      <c r="AW1768">
        <v>0</v>
      </c>
      <c r="AX1768">
        <v>0</v>
      </c>
      <c r="AY1768">
        <v>0</v>
      </c>
      <c r="AZ1768">
        <v>0</v>
      </c>
      <c r="BA1768">
        <v>0</v>
      </c>
    </row>
    <row r="1769" spans="1:53" x14ac:dyDescent="0.4">
      <c r="A1769">
        <v>1813</v>
      </c>
      <c r="B1769" s="1">
        <v>43389</v>
      </c>
      <c r="C1769">
        <v>2</v>
      </c>
      <c r="D1769" s="1">
        <v>43389.45</v>
      </c>
      <c r="E1769" s="1">
        <v>43389.736805555556</v>
      </c>
      <c r="F1769">
        <v>11500</v>
      </c>
      <c r="G1769">
        <v>1740</v>
      </c>
      <c r="H1769">
        <v>0</v>
      </c>
      <c r="I1769">
        <v>0</v>
      </c>
      <c r="J1769">
        <v>0</v>
      </c>
      <c r="K1769">
        <v>0</v>
      </c>
      <c r="L1769">
        <v>0</v>
      </c>
      <c r="M1769">
        <v>1059</v>
      </c>
      <c r="N1769">
        <v>0</v>
      </c>
      <c r="O1769">
        <v>0</v>
      </c>
      <c r="P1769">
        <v>11340</v>
      </c>
      <c r="Q1769">
        <v>0</v>
      </c>
      <c r="R1769">
        <v>25639</v>
      </c>
      <c r="S1769">
        <v>0</v>
      </c>
      <c r="T1769">
        <v>0</v>
      </c>
      <c r="U1769">
        <v>0</v>
      </c>
      <c r="V1769">
        <v>2</v>
      </c>
      <c r="W1769">
        <v>0</v>
      </c>
      <c r="X1769">
        <v>0</v>
      </c>
      <c r="Y1769">
        <v>28</v>
      </c>
      <c r="Z1769">
        <v>23</v>
      </c>
      <c r="AA1769">
        <v>116</v>
      </c>
      <c r="AB1769">
        <v>60</v>
      </c>
      <c r="AC1769">
        <v>121</v>
      </c>
      <c r="AD1769">
        <v>54</v>
      </c>
      <c r="AE1769">
        <v>59</v>
      </c>
      <c r="AF1769">
        <v>0</v>
      </c>
      <c r="AG1769">
        <v>75639</v>
      </c>
      <c r="AH1769">
        <v>50000</v>
      </c>
      <c r="AI1769">
        <v>0</v>
      </c>
      <c r="AJ1769">
        <v>96</v>
      </c>
      <c r="AK1769" t="s">
        <v>4</v>
      </c>
      <c r="AL1769">
        <v>0</v>
      </c>
      <c r="AM1769">
        <v>0</v>
      </c>
      <c r="AN1769">
        <v>0</v>
      </c>
      <c r="AO1769">
        <v>0</v>
      </c>
      <c r="AP1769">
        <v>0</v>
      </c>
      <c r="AQ1769">
        <v>0</v>
      </c>
      <c r="AR1769">
        <v>0</v>
      </c>
      <c r="AS1769">
        <v>0</v>
      </c>
      <c r="AT1769">
        <v>0</v>
      </c>
      <c r="AU1769">
        <v>0</v>
      </c>
      <c r="AV1769">
        <v>0</v>
      </c>
      <c r="AW1769">
        <v>0</v>
      </c>
      <c r="AX1769">
        <v>0</v>
      </c>
      <c r="AY1769">
        <v>27</v>
      </c>
      <c r="AZ1769">
        <v>44</v>
      </c>
      <c r="BA1769">
        <v>3539</v>
      </c>
    </row>
    <row r="1770" spans="1:53" x14ac:dyDescent="0.4">
      <c r="A1770">
        <v>1814</v>
      </c>
      <c r="B1770" s="1">
        <v>43389</v>
      </c>
      <c r="C1770">
        <v>3</v>
      </c>
      <c r="D1770" s="1">
        <v>43389.736805555556</v>
      </c>
      <c r="E1770" s="1">
        <v>43389.953472222223</v>
      </c>
      <c r="F1770">
        <v>33280</v>
      </c>
      <c r="G1770">
        <v>1520</v>
      </c>
      <c r="H1770">
        <v>0</v>
      </c>
      <c r="I1770">
        <v>0</v>
      </c>
      <c r="J1770">
        <v>0</v>
      </c>
      <c r="K1770">
        <v>0</v>
      </c>
      <c r="L1770">
        <v>0</v>
      </c>
      <c r="M1770">
        <v>2785</v>
      </c>
      <c r="N1770">
        <v>0</v>
      </c>
      <c r="O1770">
        <v>0</v>
      </c>
      <c r="P1770">
        <v>5292</v>
      </c>
      <c r="Q1770">
        <v>0</v>
      </c>
      <c r="R1770">
        <v>42877</v>
      </c>
      <c r="S1770">
        <v>0</v>
      </c>
      <c r="T1770">
        <v>0</v>
      </c>
      <c r="U1770">
        <v>0</v>
      </c>
      <c r="V1770">
        <v>8</v>
      </c>
      <c r="W1770">
        <v>0</v>
      </c>
      <c r="X1770">
        <v>0</v>
      </c>
      <c r="Y1770">
        <v>10</v>
      </c>
      <c r="Z1770">
        <v>23</v>
      </c>
      <c r="AA1770">
        <v>104</v>
      </c>
      <c r="AB1770">
        <v>63</v>
      </c>
      <c r="AC1770">
        <v>124</v>
      </c>
      <c r="AD1770">
        <v>53</v>
      </c>
      <c r="AE1770">
        <v>60</v>
      </c>
      <c r="AF1770">
        <v>1901</v>
      </c>
      <c r="AG1770">
        <v>118516</v>
      </c>
      <c r="AH1770">
        <v>50000</v>
      </c>
      <c r="AI1770">
        <v>0</v>
      </c>
      <c r="AJ1770">
        <v>30</v>
      </c>
      <c r="AL1770">
        <v>0</v>
      </c>
      <c r="AM1770">
        <v>0</v>
      </c>
      <c r="AN1770">
        <v>0</v>
      </c>
      <c r="AO1770">
        <v>0</v>
      </c>
      <c r="AP1770">
        <v>0</v>
      </c>
      <c r="AQ1770">
        <v>0</v>
      </c>
      <c r="AR1770">
        <v>0</v>
      </c>
      <c r="AS1770">
        <v>0</v>
      </c>
      <c r="AT1770">
        <v>0</v>
      </c>
      <c r="AU1770">
        <v>0</v>
      </c>
      <c r="AV1770">
        <v>0</v>
      </c>
      <c r="AW1770">
        <v>0</v>
      </c>
      <c r="AX1770">
        <v>6189</v>
      </c>
      <c r="AY1770">
        <v>17</v>
      </c>
      <c r="AZ1770">
        <v>37</v>
      </c>
      <c r="BA1770">
        <v>2397</v>
      </c>
    </row>
    <row r="1771" spans="1:53" x14ac:dyDescent="0.4">
      <c r="A1771">
        <v>1815</v>
      </c>
      <c r="B1771" s="1">
        <v>43390</v>
      </c>
      <c r="C1771">
        <v>1</v>
      </c>
      <c r="D1771" s="1">
        <v>43390.291666666664</v>
      </c>
      <c r="E1771" s="1">
        <v>43390.448611111111</v>
      </c>
      <c r="F1771">
        <v>0</v>
      </c>
      <c r="G1771">
        <v>0</v>
      </c>
      <c r="H1771">
        <v>0</v>
      </c>
      <c r="I1771">
        <v>0</v>
      </c>
      <c r="J1771">
        <v>0</v>
      </c>
      <c r="K1771">
        <v>0</v>
      </c>
      <c r="L1771">
        <v>0</v>
      </c>
      <c r="M1771">
        <v>0</v>
      </c>
      <c r="N1771">
        <v>0</v>
      </c>
      <c r="O1771">
        <v>0</v>
      </c>
      <c r="P1771">
        <v>0</v>
      </c>
      <c r="Q1771">
        <v>0</v>
      </c>
      <c r="R1771">
        <v>0</v>
      </c>
      <c r="S1771">
        <v>0</v>
      </c>
      <c r="T1771">
        <v>0</v>
      </c>
      <c r="U1771">
        <v>0</v>
      </c>
      <c r="V1771">
        <v>0</v>
      </c>
      <c r="W1771">
        <v>0</v>
      </c>
      <c r="X1771">
        <v>0</v>
      </c>
      <c r="Y1771">
        <v>21</v>
      </c>
      <c r="Z1771">
        <v>25</v>
      </c>
      <c r="AA1771">
        <v>118</v>
      </c>
      <c r="AB1771">
        <v>62</v>
      </c>
      <c r="AC1771">
        <v>130</v>
      </c>
      <c r="AD1771">
        <v>51</v>
      </c>
      <c r="AE1771">
        <v>45</v>
      </c>
      <c r="AF1771">
        <v>0</v>
      </c>
      <c r="AG1771">
        <v>50000</v>
      </c>
      <c r="AH1771">
        <v>0</v>
      </c>
      <c r="AI1771">
        <v>50000</v>
      </c>
      <c r="AJ1771">
        <v>0</v>
      </c>
      <c r="AK1771" t="s">
        <v>6</v>
      </c>
      <c r="AL1771">
        <v>0</v>
      </c>
      <c r="AM1771">
        <v>0</v>
      </c>
      <c r="AN1771">
        <v>0</v>
      </c>
      <c r="AO1771">
        <v>0</v>
      </c>
      <c r="AP1771">
        <v>0</v>
      </c>
      <c r="AQ1771">
        <v>0</v>
      </c>
      <c r="AR1771">
        <v>0</v>
      </c>
      <c r="AS1771">
        <v>0</v>
      </c>
      <c r="AT1771">
        <v>0</v>
      </c>
      <c r="AU1771">
        <v>0</v>
      </c>
      <c r="AV1771">
        <v>0</v>
      </c>
      <c r="AW1771">
        <v>0</v>
      </c>
      <c r="AX1771">
        <v>0</v>
      </c>
      <c r="AY1771">
        <v>0</v>
      </c>
      <c r="AZ1771">
        <v>0</v>
      </c>
      <c r="BA1771">
        <v>0</v>
      </c>
    </row>
    <row r="1772" spans="1:53" x14ac:dyDescent="0.4">
      <c r="A1772">
        <v>1816</v>
      </c>
      <c r="B1772" s="1">
        <v>43390</v>
      </c>
      <c r="C1772">
        <v>2</v>
      </c>
      <c r="D1772" s="1">
        <v>43390.448611111111</v>
      </c>
      <c r="E1772" s="1">
        <v>43390.736805555556</v>
      </c>
      <c r="F1772">
        <v>20000</v>
      </c>
      <c r="G1772">
        <v>3500</v>
      </c>
      <c r="H1772">
        <v>0</v>
      </c>
      <c r="I1772">
        <v>0</v>
      </c>
      <c r="J1772">
        <v>0</v>
      </c>
      <c r="K1772">
        <v>0</v>
      </c>
      <c r="L1772">
        <v>0</v>
      </c>
      <c r="M1772">
        <v>1879</v>
      </c>
      <c r="N1772">
        <v>0</v>
      </c>
      <c r="O1772">
        <v>0</v>
      </c>
      <c r="P1772">
        <v>5400</v>
      </c>
      <c r="Q1772">
        <v>0</v>
      </c>
      <c r="R1772">
        <v>30779</v>
      </c>
      <c r="S1772">
        <v>0</v>
      </c>
      <c r="T1772">
        <v>0</v>
      </c>
      <c r="U1772">
        <v>0</v>
      </c>
      <c r="V1772">
        <v>2</v>
      </c>
      <c r="W1772">
        <v>0</v>
      </c>
      <c r="X1772">
        <v>0</v>
      </c>
      <c r="Y1772">
        <v>28</v>
      </c>
      <c r="Z1772">
        <v>32</v>
      </c>
      <c r="AA1772">
        <v>116</v>
      </c>
      <c r="AB1772">
        <v>57</v>
      </c>
      <c r="AC1772">
        <v>148</v>
      </c>
      <c r="AD1772">
        <v>51</v>
      </c>
      <c r="AE1772">
        <v>54</v>
      </c>
      <c r="AF1772">
        <v>540</v>
      </c>
      <c r="AG1772">
        <v>80779</v>
      </c>
      <c r="AH1772">
        <v>50000</v>
      </c>
      <c r="AI1772">
        <v>0</v>
      </c>
      <c r="AJ1772">
        <v>96</v>
      </c>
      <c r="AK1772" t="s">
        <v>4</v>
      </c>
      <c r="AL1772">
        <v>0</v>
      </c>
      <c r="AM1772">
        <v>0</v>
      </c>
      <c r="AN1772">
        <v>0</v>
      </c>
      <c r="AO1772">
        <v>0</v>
      </c>
      <c r="AP1772">
        <v>0</v>
      </c>
      <c r="AQ1772">
        <v>0</v>
      </c>
      <c r="AR1772">
        <v>0</v>
      </c>
      <c r="AS1772">
        <v>0</v>
      </c>
      <c r="AT1772">
        <v>0</v>
      </c>
      <c r="AU1772">
        <v>0</v>
      </c>
      <c r="AV1772">
        <v>0</v>
      </c>
      <c r="AW1772">
        <v>0</v>
      </c>
      <c r="AX1772">
        <v>1490</v>
      </c>
      <c r="AY1772">
        <v>27</v>
      </c>
      <c r="AZ1772">
        <v>50</v>
      </c>
      <c r="BA1772">
        <v>3819</v>
      </c>
    </row>
    <row r="1773" spans="1:53" x14ac:dyDescent="0.4">
      <c r="A1773">
        <v>1817</v>
      </c>
      <c r="B1773" s="1">
        <v>43391</v>
      </c>
      <c r="C1773">
        <v>1</v>
      </c>
      <c r="D1773" s="1">
        <v>43391.291666666664</v>
      </c>
      <c r="E1773" s="1">
        <v>43391.447916666664</v>
      </c>
      <c r="F1773">
        <v>0</v>
      </c>
      <c r="G1773">
        <v>0</v>
      </c>
      <c r="H1773">
        <v>0</v>
      </c>
      <c r="I1773">
        <v>0</v>
      </c>
      <c r="J1773">
        <v>0</v>
      </c>
      <c r="K1773">
        <v>0</v>
      </c>
      <c r="L1773">
        <v>0</v>
      </c>
      <c r="M1773">
        <v>0</v>
      </c>
      <c r="N1773">
        <v>0</v>
      </c>
      <c r="O1773">
        <v>0</v>
      </c>
      <c r="P1773">
        <v>0</v>
      </c>
      <c r="Q1773">
        <v>0</v>
      </c>
      <c r="R1773">
        <v>0</v>
      </c>
      <c r="S1773">
        <v>0</v>
      </c>
      <c r="T1773">
        <v>0</v>
      </c>
      <c r="U1773">
        <v>0</v>
      </c>
      <c r="V1773">
        <v>0</v>
      </c>
      <c r="W1773">
        <v>0</v>
      </c>
      <c r="X1773">
        <v>0</v>
      </c>
      <c r="Y1773">
        <v>27</v>
      </c>
      <c r="Z1773">
        <v>8</v>
      </c>
      <c r="AA1773">
        <v>147</v>
      </c>
      <c r="AB1773">
        <v>55</v>
      </c>
      <c r="AC1773">
        <v>120</v>
      </c>
      <c r="AD1773">
        <v>50</v>
      </c>
      <c r="AE1773">
        <v>100</v>
      </c>
      <c r="AF1773">
        <v>0</v>
      </c>
      <c r="AG1773">
        <v>50000</v>
      </c>
      <c r="AH1773">
        <v>0</v>
      </c>
      <c r="AI1773">
        <v>50000</v>
      </c>
      <c r="AJ1773">
        <v>0</v>
      </c>
      <c r="AK1773" t="s">
        <v>6</v>
      </c>
      <c r="AL1773">
        <v>0</v>
      </c>
      <c r="AM1773">
        <v>0</v>
      </c>
      <c r="AN1773">
        <v>0</v>
      </c>
      <c r="AO1773">
        <v>0</v>
      </c>
      <c r="AP1773">
        <v>0</v>
      </c>
      <c r="AQ1773">
        <v>0</v>
      </c>
      <c r="AR1773">
        <v>0</v>
      </c>
      <c r="AS1773">
        <v>0</v>
      </c>
      <c r="AT1773">
        <v>0</v>
      </c>
      <c r="AU1773">
        <v>0</v>
      </c>
      <c r="AV1773">
        <v>0</v>
      </c>
      <c r="AW1773">
        <v>0</v>
      </c>
      <c r="AX1773">
        <v>0</v>
      </c>
      <c r="AY1773">
        <v>0</v>
      </c>
      <c r="AZ1773">
        <v>0</v>
      </c>
      <c r="BA1773">
        <v>0</v>
      </c>
    </row>
    <row r="1774" spans="1:53" x14ac:dyDescent="0.4">
      <c r="A1774">
        <v>1818</v>
      </c>
      <c r="B1774" s="1">
        <v>43391</v>
      </c>
      <c r="C1774">
        <v>2</v>
      </c>
      <c r="D1774" s="1">
        <v>43391.447916666664</v>
      </c>
      <c r="E1774" s="1">
        <v>43391.738888888889</v>
      </c>
      <c r="F1774">
        <v>20500</v>
      </c>
      <c r="G1774">
        <v>0</v>
      </c>
      <c r="H1774">
        <v>200</v>
      </c>
      <c r="I1774">
        <v>0</v>
      </c>
      <c r="J1774">
        <v>0</v>
      </c>
      <c r="K1774">
        <v>0</v>
      </c>
      <c r="L1774">
        <v>0</v>
      </c>
      <c r="M1774">
        <v>1656</v>
      </c>
      <c r="N1774">
        <v>0</v>
      </c>
      <c r="O1774">
        <v>0</v>
      </c>
      <c r="P1774">
        <v>15660</v>
      </c>
      <c r="Q1774">
        <v>0</v>
      </c>
      <c r="R1774">
        <v>38016</v>
      </c>
      <c r="S1774">
        <v>0</v>
      </c>
      <c r="T1774">
        <v>0</v>
      </c>
      <c r="U1774">
        <v>0</v>
      </c>
      <c r="V1774">
        <v>2</v>
      </c>
      <c r="W1774">
        <v>0</v>
      </c>
      <c r="X1774">
        <v>0</v>
      </c>
      <c r="Y1774">
        <v>35</v>
      </c>
      <c r="Z1774">
        <v>18</v>
      </c>
      <c r="AA1774">
        <v>146</v>
      </c>
      <c r="AB1774">
        <v>46</v>
      </c>
      <c r="AC1774">
        <v>176</v>
      </c>
      <c r="AD1774">
        <v>49</v>
      </c>
      <c r="AE1774">
        <v>97</v>
      </c>
      <c r="AF1774">
        <v>5014</v>
      </c>
      <c r="AG1774">
        <v>88016</v>
      </c>
      <c r="AH1774">
        <v>50000</v>
      </c>
      <c r="AI1774">
        <v>0</v>
      </c>
      <c r="AJ1774">
        <v>96</v>
      </c>
      <c r="AK1774" t="s">
        <v>4</v>
      </c>
      <c r="AL1774">
        <v>0</v>
      </c>
      <c r="AM1774">
        <v>0</v>
      </c>
      <c r="AN1774">
        <v>0</v>
      </c>
      <c r="AO1774">
        <v>0</v>
      </c>
      <c r="AP1774">
        <v>0</v>
      </c>
      <c r="AQ1774">
        <v>0</v>
      </c>
      <c r="AR1774">
        <v>0</v>
      </c>
      <c r="AS1774">
        <v>0</v>
      </c>
      <c r="AT1774">
        <v>0</v>
      </c>
      <c r="AU1774">
        <v>0</v>
      </c>
      <c r="AV1774">
        <v>0</v>
      </c>
      <c r="AW1774">
        <v>0</v>
      </c>
      <c r="AX1774">
        <v>410</v>
      </c>
      <c r="AY1774">
        <v>40</v>
      </c>
      <c r="AZ1774">
        <v>70</v>
      </c>
      <c r="BA1774">
        <v>5795</v>
      </c>
    </row>
    <row r="1775" spans="1:53" x14ac:dyDescent="0.4">
      <c r="A1775">
        <v>1819</v>
      </c>
      <c r="B1775" s="1">
        <v>43391</v>
      </c>
      <c r="C1775">
        <v>3</v>
      </c>
      <c r="D1775" s="1">
        <v>43391.738888888889</v>
      </c>
      <c r="E1775" s="1">
        <v>43391.959722222222</v>
      </c>
      <c r="F1775">
        <v>17000</v>
      </c>
      <c r="G1775">
        <v>1500</v>
      </c>
      <c r="H1775">
        <v>0</v>
      </c>
      <c r="I1775">
        <v>0</v>
      </c>
      <c r="J1775">
        <v>0</v>
      </c>
      <c r="K1775">
        <v>0</v>
      </c>
      <c r="L1775">
        <v>0</v>
      </c>
      <c r="M1775">
        <v>1480</v>
      </c>
      <c r="N1775">
        <v>0</v>
      </c>
      <c r="O1775">
        <v>0</v>
      </c>
      <c r="P1775">
        <v>-15660</v>
      </c>
      <c r="Q1775">
        <v>0</v>
      </c>
      <c r="R1775">
        <v>4320</v>
      </c>
      <c r="S1775">
        <v>0</v>
      </c>
      <c r="T1775">
        <v>0</v>
      </c>
      <c r="U1775">
        <v>0</v>
      </c>
      <c r="V1775">
        <v>2</v>
      </c>
      <c r="W1775">
        <v>0</v>
      </c>
      <c r="X1775">
        <v>0</v>
      </c>
      <c r="Y1775">
        <v>38</v>
      </c>
      <c r="Z1775">
        <v>19</v>
      </c>
      <c r="AA1775">
        <v>154</v>
      </c>
      <c r="AB1775">
        <v>45</v>
      </c>
      <c r="AC1775">
        <v>183</v>
      </c>
      <c r="AD1775">
        <v>49</v>
      </c>
      <c r="AE1775">
        <v>97</v>
      </c>
      <c r="AF1775">
        <v>5014</v>
      </c>
      <c r="AG1775">
        <v>92336</v>
      </c>
      <c r="AH1775">
        <v>50000</v>
      </c>
      <c r="AI1775">
        <v>0</v>
      </c>
      <c r="AJ1775">
        <v>100</v>
      </c>
      <c r="AK1775" t="s">
        <v>0</v>
      </c>
      <c r="AL1775">
        <v>0</v>
      </c>
      <c r="AM1775">
        <v>0</v>
      </c>
      <c r="AN1775">
        <v>0</v>
      </c>
      <c r="AO1775">
        <v>0</v>
      </c>
      <c r="AP1775">
        <v>0</v>
      </c>
      <c r="AQ1775">
        <v>0</v>
      </c>
      <c r="AR1775">
        <v>0</v>
      </c>
      <c r="AS1775">
        <v>0</v>
      </c>
      <c r="AT1775">
        <v>0</v>
      </c>
      <c r="AU1775">
        <v>0</v>
      </c>
      <c r="AV1775">
        <v>0</v>
      </c>
      <c r="AW1775">
        <v>0</v>
      </c>
      <c r="AX1775">
        <v>5216</v>
      </c>
      <c r="AY1775">
        <v>4</v>
      </c>
      <c r="AZ1775">
        <v>7</v>
      </c>
      <c r="BA1775">
        <v>1436</v>
      </c>
    </row>
    <row r="1776" spans="1:53" x14ac:dyDescent="0.4">
      <c r="A1776">
        <v>1820</v>
      </c>
      <c r="B1776" s="1">
        <v>43392</v>
      </c>
      <c r="C1776">
        <v>1</v>
      </c>
      <c r="D1776" s="1">
        <v>43392.291666666664</v>
      </c>
      <c r="E1776" s="1">
        <v>43392.45</v>
      </c>
      <c r="F1776">
        <v>0</v>
      </c>
      <c r="G1776">
        <v>0</v>
      </c>
      <c r="H1776">
        <v>0</v>
      </c>
      <c r="I1776">
        <v>0</v>
      </c>
      <c r="J1776">
        <v>0</v>
      </c>
      <c r="K1776">
        <v>0</v>
      </c>
      <c r="L1776">
        <v>0</v>
      </c>
      <c r="M1776">
        <v>0</v>
      </c>
      <c r="N1776">
        <v>0</v>
      </c>
      <c r="O1776">
        <v>0</v>
      </c>
      <c r="P1776">
        <v>0</v>
      </c>
      <c r="Q1776">
        <v>0</v>
      </c>
      <c r="R1776">
        <v>0</v>
      </c>
      <c r="S1776">
        <v>0</v>
      </c>
      <c r="T1776">
        <v>0</v>
      </c>
      <c r="U1776">
        <v>0</v>
      </c>
      <c r="V1776">
        <v>0</v>
      </c>
      <c r="W1776">
        <v>0</v>
      </c>
      <c r="X1776">
        <v>0</v>
      </c>
      <c r="Y1776">
        <v>26</v>
      </c>
      <c r="Z1776">
        <v>9</v>
      </c>
      <c r="AA1776">
        <v>158</v>
      </c>
      <c r="AB1776">
        <v>43</v>
      </c>
      <c r="AC1776">
        <v>123</v>
      </c>
      <c r="AD1776">
        <v>47</v>
      </c>
      <c r="AE1776">
        <v>85</v>
      </c>
      <c r="AF1776">
        <v>0</v>
      </c>
      <c r="AG1776">
        <v>50000</v>
      </c>
      <c r="AH1776">
        <v>0</v>
      </c>
      <c r="AI1776">
        <v>50000</v>
      </c>
      <c r="AJ1776">
        <v>0</v>
      </c>
      <c r="AK1776" t="s">
        <v>6</v>
      </c>
      <c r="AL1776">
        <v>0</v>
      </c>
      <c r="AM1776">
        <v>0</v>
      </c>
      <c r="AN1776">
        <v>0</v>
      </c>
      <c r="AO1776">
        <v>0</v>
      </c>
      <c r="AP1776">
        <v>0</v>
      </c>
      <c r="AQ1776">
        <v>0</v>
      </c>
      <c r="AR1776">
        <v>0</v>
      </c>
      <c r="AS1776">
        <v>0</v>
      </c>
      <c r="AT1776">
        <v>0</v>
      </c>
      <c r="AU1776">
        <v>0</v>
      </c>
      <c r="AV1776">
        <v>0</v>
      </c>
      <c r="AW1776">
        <v>0</v>
      </c>
      <c r="AX1776">
        <v>0</v>
      </c>
      <c r="AY1776">
        <v>0</v>
      </c>
      <c r="AZ1776">
        <v>0</v>
      </c>
      <c r="BA1776">
        <v>0</v>
      </c>
    </row>
    <row r="1777" spans="1:53" x14ac:dyDescent="0.4">
      <c r="A1777">
        <v>1821</v>
      </c>
      <c r="B1777" s="1">
        <v>43392</v>
      </c>
      <c r="C1777">
        <v>2</v>
      </c>
      <c r="D1777" s="1">
        <v>43392.45</v>
      </c>
      <c r="E1777" s="1">
        <v>43392.734722222223</v>
      </c>
      <c r="F1777">
        <v>22000</v>
      </c>
      <c r="G1777">
        <v>2440</v>
      </c>
      <c r="H1777">
        <v>0</v>
      </c>
      <c r="I1777">
        <v>0</v>
      </c>
      <c r="J1777">
        <v>0</v>
      </c>
      <c r="K1777">
        <v>0</v>
      </c>
      <c r="L1777">
        <v>0</v>
      </c>
      <c r="M1777">
        <v>1955</v>
      </c>
      <c r="N1777">
        <v>0</v>
      </c>
      <c r="O1777">
        <v>0</v>
      </c>
      <c r="P1777">
        <v>23220</v>
      </c>
      <c r="Q1777">
        <v>0</v>
      </c>
      <c r="R1777">
        <v>49615</v>
      </c>
      <c r="S1777">
        <v>0</v>
      </c>
      <c r="T1777">
        <v>0</v>
      </c>
      <c r="U1777">
        <v>0</v>
      </c>
      <c r="V1777">
        <v>2</v>
      </c>
      <c r="W1777">
        <v>0</v>
      </c>
      <c r="X1777">
        <v>0</v>
      </c>
      <c r="Y1777">
        <v>36</v>
      </c>
      <c r="Z1777">
        <v>27</v>
      </c>
      <c r="AA1777">
        <v>249</v>
      </c>
      <c r="AB1777">
        <v>52</v>
      </c>
      <c r="AC1777">
        <v>224</v>
      </c>
      <c r="AD1777">
        <v>56</v>
      </c>
      <c r="AE1777">
        <v>95</v>
      </c>
      <c r="AF1777">
        <v>0</v>
      </c>
      <c r="AG1777">
        <v>99615</v>
      </c>
      <c r="AH1777">
        <v>50000</v>
      </c>
      <c r="AI1777">
        <v>0</v>
      </c>
      <c r="AJ1777">
        <v>96</v>
      </c>
      <c r="AK1777" t="s">
        <v>4</v>
      </c>
      <c r="AL1777">
        <v>0</v>
      </c>
      <c r="AM1777">
        <v>0</v>
      </c>
      <c r="AN1777">
        <v>0</v>
      </c>
      <c r="AO1777">
        <v>0</v>
      </c>
      <c r="AP1777">
        <v>0</v>
      </c>
      <c r="AQ1777">
        <v>0</v>
      </c>
      <c r="AR1777">
        <v>0</v>
      </c>
      <c r="AS1777">
        <v>0</v>
      </c>
      <c r="AT1777">
        <v>0</v>
      </c>
      <c r="AU1777">
        <v>0</v>
      </c>
      <c r="AV1777">
        <v>0</v>
      </c>
      <c r="AW1777">
        <v>0</v>
      </c>
      <c r="AX1777">
        <v>0</v>
      </c>
      <c r="AY1777">
        <v>41</v>
      </c>
      <c r="AZ1777">
        <v>87</v>
      </c>
      <c r="BA1777">
        <v>5534</v>
      </c>
    </row>
    <row r="1778" spans="1:53" x14ac:dyDescent="0.4">
      <c r="A1778">
        <v>1822</v>
      </c>
      <c r="B1778" s="1">
        <v>43393</v>
      </c>
      <c r="C1778">
        <v>1</v>
      </c>
      <c r="D1778" s="1">
        <v>43393.291666666664</v>
      </c>
      <c r="E1778" s="1">
        <v>43393.395833333336</v>
      </c>
      <c r="F1778">
        <v>0</v>
      </c>
      <c r="G1778">
        <v>0</v>
      </c>
      <c r="H1778">
        <v>0</v>
      </c>
      <c r="I1778">
        <v>0</v>
      </c>
      <c r="J1778">
        <v>0</v>
      </c>
      <c r="K1778">
        <v>0</v>
      </c>
      <c r="L1778">
        <v>0</v>
      </c>
      <c r="M1778">
        <v>0</v>
      </c>
      <c r="N1778">
        <v>0</v>
      </c>
      <c r="O1778">
        <v>0</v>
      </c>
      <c r="P1778">
        <v>0</v>
      </c>
      <c r="Q1778">
        <v>0</v>
      </c>
      <c r="R1778">
        <v>0</v>
      </c>
      <c r="S1778">
        <v>0</v>
      </c>
      <c r="T1778">
        <v>0</v>
      </c>
      <c r="U1778">
        <v>0</v>
      </c>
      <c r="V1778">
        <v>0</v>
      </c>
      <c r="W1778">
        <v>0</v>
      </c>
      <c r="X1778">
        <v>0</v>
      </c>
      <c r="Y1778">
        <v>29</v>
      </c>
      <c r="Z1778">
        <v>2</v>
      </c>
      <c r="AA1778">
        <v>164</v>
      </c>
      <c r="AB1778">
        <v>37</v>
      </c>
      <c r="AC1778">
        <v>145</v>
      </c>
      <c r="AD1778">
        <v>45</v>
      </c>
      <c r="AE1778">
        <v>75</v>
      </c>
      <c r="AF1778">
        <v>0</v>
      </c>
      <c r="AG1778">
        <v>50000</v>
      </c>
      <c r="AH1778">
        <v>50000</v>
      </c>
      <c r="AI1778">
        <v>0</v>
      </c>
      <c r="AJ1778">
        <v>0</v>
      </c>
      <c r="AK1778" t="s">
        <v>6</v>
      </c>
      <c r="AL1778">
        <v>0</v>
      </c>
      <c r="AM1778">
        <v>0</v>
      </c>
      <c r="AN1778">
        <v>0</v>
      </c>
      <c r="AO1778">
        <v>0</v>
      </c>
      <c r="AP1778">
        <v>0</v>
      </c>
      <c r="AQ1778">
        <v>0</v>
      </c>
      <c r="AR1778">
        <v>0</v>
      </c>
      <c r="AS1778">
        <v>0</v>
      </c>
      <c r="AT1778">
        <v>0</v>
      </c>
      <c r="AU1778">
        <v>0</v>
      </c>
      <c r="AV1778">
        <v>0</v>
      </c>
      <c r="AW1778">
        <v>0</v>
      </c>
      <c r="AX1778">
        <v>0</v>
      </c>
      <c r="AY1778">
        <v>0</v>
      </c>
      <c r="AZ1778">
        <v>0</v>
      </c>
      <c r="BA1778">
        <v>0</v>
      </c>
    </row>
    <row r="1779" spans="1:53" x14ac:dyDescent="0.4">
      <c r="A1779">
        <v>1823</v>
      </c>
      <c r="B1779" s="1">
        <v>43393</v>
      </c>
      <c r="C1779">
        <v>2</v>
      </c>
      <c r="D1779" s="1">
        <v>43393.395833333336</v>
      </c>
      <c r="E1779" s="1">
        <v>43393.731944444444</v>
      </c>
      <c r="F1779">
        <v>39000</v>
      </c>
      <c r="G1779">
        <v>1800</v>
      </c>
      <c r="H1779">
        <v>0</v>
      </c>
      <c r="I1779">
        <v>0</v>
      </c>
      <c r="J1779">
        <v>0</v>
      </c>
      <c r="K1779">
        <v>0</v>
      </c>
      <c r="L1779">
        <v>0</v>
      </c>
      <c r="M1779">
        <v>3264</v>
      </c>
      <c r="N1779">
        <v>0</v>
      </c>
      <c r="O1779">
        <v>0</v>
      </c>
      <c r="P1779">
        <v>31590</v>
      </c>
      <c r="Q1779">
        <v>0</v>
      </c>
      <c r="R1779">
        <v>75654</v>
      </c>
      <c r="S1779">
        <v>0</v>
      </c>
      <c r="T1779">
        <v>0</v>
      </c>
      <c r="U1779">
        <v>0</v>
      </c>
      <c r="V1779">
        <v>2</v>
      </c>
      <c r="W1779">
        <v>1</v>
      </c>
      <c r="X1779">
        <v>0</v>
      </c>
      <c r="Y1779">
        <v>67</v>
      </c>
      <c r="Z1779">
        <v>29</v>
      </c>
      <c r="AA1779">
        <v>149</v>
      </c>
      <c r="AB1779">
        <v>27</v>
      </c>
      <c r="AC1779">
        <v>258</v>
      </c>
      <c r="AD1779">
        <v>47</v>
      </c>
      <c r="AE1779">
        <v>89</v>
      </c>
      <c r="AF1779">
        <v>0</v>
      </c>
      <c r="AG1779">
        <v>125654</v>
      </c>
      <c r="AH1779">
        <v>50000</v>
      </c>
      <c r="AI1779">
        <v>0</v>
      </c>
      <c r="AJ1779">
        <v>93</v>
      </c>
      <c r="AK1779" t="s">
        <v>20</v>
      </c>
      <c r="AL1779">
        <v>0</v>
      </c>
      <c r="AM1779">
        <v>0</v>
      </c>
      <c r="AN1779">
        <v>0</v>
      </c>
      <c r="AO1779">
        <v>0</v>
      </c>
      <c r="AP1779">
        <v>0</v>
      </c>
      <c r="AQ1779">
        <v>0</v>
      </c>
      <c r="AR1779">
        <v>0</v>
      </c>
      <c r="AS1779">
        <v>0</v>
      </c>
      <c r="AT1779">
        <v>0</v>
      </c>
      <c r="AU1779">
        <v>0</v>
      </c>
      <c r="AV1779">
        <v>0</v>
      </c>
      <c r="AW1779">
        <v>0</v>
      </c>
      <c r="AX1779">
        <v>-5206</v>
      </c>
      <c r="AY1779">
        <v>55</v>
      </c>
      <c r="AZ1779">
        <v>135</v>
      </c>
      <c r="BA1779">
        <v>7535</v>
      </c>
    </row>
    <row r="1780" spans="1:53" x14ac:dyDescent="0.4">
      <c r="A1780">
        <v>1824</v>
      </c>
      <c r="B1780" s="1">
        <v>43394</v>
      </c>
      <c r="C1780">
        <v>1</v>
      </c>
      <c r="D1780" s="1">
        <v>43394.291666666664</v>
      </c>
      <c r="E1780" s="1">
        <v>43394.405555555553</v>
      </c>
      <c r="F1780">
        <v>0</v>
      </c>
      <c r="G1780">
        <v>0</v>
      </c>
      <c r="H1780">
        <v>0</v>
      </c>
      <c r="I1780">
        <v>0</v>
      </c>
      <c r="J1780">
        <v>0</v>
      </c>
      <c r="K1780">
        <v>0</v>
      </c>
      <c r="L1780">
        <v>0</v>
      </c>
      <c r="M1780">
        <v>0</v>
      </c>
      <c r="N1780">
        <v>0</v>
      </c>
      <c r="O1780">
        <v>0</v>
      </c>
      <c r="P1780">
        <v>0</v>
      </c>
      <c r="Q1780">
        <v>0</v>
      </c>
      <c r="R1780">
        <v>0</v>
      </c>
      <c r="S1780">
        <v>0</v>
      </c>
      <c r="T1780">
        <v>0</v>
      </c>
      <c r="U1780">
        <v>0</v>
      </c>
      <c r="V1780">
        <v>0</v>
      </c>
      <c r="W1780">
        <v>0</v>
      </c>
      <c r="X1780">
        <v>0</v>
      </c>
      <c r="Y1780">
        <v>29</v>
      </c>
      <c r="Z1780">
        <v>4</v>
      </c>
      <c r="AA1780">
        <v>165</v>
      </c>
      <c r="AB1780">
        <v>24</v>
      </c>
      <c r="AC1780">
        <v>103</v>
      </c>
      <c r="AD1780">
        <v>38</v>
      </c>
      <c r="AE1780">
        <v>80</v>
      </c>
      <c r="AF1780">
        <v>0</v>
      </c>
      <c r="AG1780">
        <v>50000</v>
      </c>
      <c r="AH1780">
        <v>50000</v>
      </c>
      <c r="AI1780">
        <v>0</v>
      </c>
      <c r="AJ1780">
        <v>0</v>
      </c>
      <c r="AK1780" t="s">
        <v>6</v>
      </c>
      <c r="AL1780">
        <v>0</v>
      </c>
      <c r="AM1780">
        <v>0</v>
      </c>
      <c r="AN1780">
        <v>0</v>
      </c>
      <c r="AO1780">
        <v>0</v>
      </c>
      <c r="AP1780">
        <v>0</v>
      </c>
      <c r="AQ1780">
        <v>0</v>
      </c>
      <c r="AR1780">
        <v>0</v>
      </c>
      <c r="AS1780">
        <v>0</v>
      </c>
      <c r="AT1780">
        <v>0</v>
      </c>
      <c r="AU1780">
        <v>0</v>
      </c>
      <c r="AV1780">
        <v>0</v>
      </c>
      <c r="AW1780">
        <v>0</v>
      </c>
      <c r="AX1780">
        <v>0</v>
      </c>
      <c r="AY1780">
        <v>0</v>
      </c>
      <c r="AZ1780">
        <v>0</v>
      </c>
      <c r="BA1780">
        <v>0</v>
      </c>
    </row>
    <row r="1781" spans="1:53" x14ac:dyDescent="0.4">
      <c r="A1781">
        <v>1825</v>
      </c>
      <c r="B1781" s="1">
        <v>43394</v>
      </c>
      <c r="C1781">
        <v>2</v>
      </c>
      <c r="D1781" s="1">
        <v>43394.405555555553</v>
      </c>
      <c r="E1781" s="1">
        <v>43394.728472222225</v>
      </c>
      <c r="F1781">
        <v>40000</v>
      </c>
      <c r="G1781">
        <v>2420</v>
      </c>
      <c r="H1781">
        <v>0</v>
      </c>
      <c r="I1781">
        <v>0</v>
      </c>
      <c r="J1781">
        <v>0</v>
      </c>
      <c r="K1781">
        <v>0</v>
      </c>
      <c r="L1781">
        <v>0</v>
      </c>
      <c r="M1781">
        <v>3393</v>
      </c>
      <c r="N1781">
        <v>0</v>
      </c>
      <c r="O1781">
        <v>0</v>
      </c>
      <c r="P1781">
        <v>29160</v>
      </c>
      <c r="Q1781">
        <v>0</v>
      </c>
      <c r="R1781">
        <v>74973</v>
      </c>
      <c r="S1781">
        <v>0</v>
      </c>
      <c r="T1781">
        <v>0</v>
      </c>
      <c r="U1781">
        <v>0</v>
      </c>
      <c r="V1781">
        <v>2</v>
      </c>
      <c r="W1781">
        <v>1</v>
      </c>
      <c r="X1781">
        <v>0</v>
      </c>
      <c r="Y1781">
        <v>66</v>
      </c>
      <c r="Z1781">
        <v>33</v>
      </c>
      <c r="AA1781">
        <v>145</v>
      </c>
      <c r="AB1781">
        <v>21</v>
      </c>
      <c r="AC1781">
        <v>165</v>
      </c>
      <c r="AD1781">
        <v>38</v>
      </c>
      <c r="AE1781">
        <v>83</v>
      </c>
      <c r="AF1781">
        <v>0</v>
      </c>
      <c r="AG1781">
        <v>124973</v>
      </c>
      <c r="AH1781">
        <v>50000</v>
      </c>
      <c r="AI1781">
        <v>0</v>
      </c>
      <c r="AJ1781">
        <v>92</v>
      </c>
      <c r="AK1781" t="s">
        <v>22</v>
      </c>
      <c r="AL1781">
        <v>0</v>
      </c>
      <c r="AM1781">
        <v>0</v>
      </c>
      <c r="AN1781">
        <v>0</v>
      </c>
      <c r="AO1781">
        <v>0</v>
      </c>
      <c r="AP1781">
        <v>0</v>
      </c>
      <c r="AQ1781">
        <v>0</v>
      </c>
      <c r="AR1781">
        <v>0</v>
      </c>
      <c r="AS1781">
        <v>0</v>
      </c>
      <c r="AT1781">
        <v>0</v>
      </c>
      <c r="AU1781">
        <v>0</v>
      </c>
      <c r="AV1781">
        <v>0</v>
      </c>
      <c r="AW1781">
        <v>0</v>
      </c>
      <c r="AX1781">
        <v>1144</v>
      </c>
      <c r="AY1781">
        <v>54</v>
      </c>
      <c r="AZ1781">
        <v>130</v>
      </c>
      <c r="BA1781">
        <v>7833</v>
      </c>
    </row>
    <row r="1782" spans="1:53" x14ac:dyDescent="0.4">
      <c r="A1782">
        <v>1826</v>
      </c>
      <c r="B1782" s="1">
        <v>43394</v>
      </c>
      <c r="C1782">
        <v>3</v>
      </c>
      <c r="D1782" s="1">
        <v>43394.728472222225</v>
      </c>
      <c r="E1782" s="1">
        <v>43394.944444444445</v>
      </c>
      <c r="F1782">
        <v>48500</v>
      </c>
      <c r="G1782">
        <v>1060</v>
      </c>
      <c r="H1782">
        <v>200</v>
      </c>
      <c r="I1782">
        <v>0</v>
      </c>
      <c r="J1782">
        <v>1500</v>
      </c>
      <c r="K1782">
        <v>0</v>
      </c>
      <c r="L1782">
        <v>0</v>
      </c>
      <c r="M1782">
        <v>3860</v>
      </c>
      <c r="N1782">
        <v>0</v>
      </c>
      <c r="O1782">
        <v>0</v>
      </c>
      <c r="P1782">
        <v>-21816</v>
      </c>
      <c r="Q1782">
        <v>0</v>
      </c>
      <c r="R1782">
        <v>30304</v>
      </c>
      <c r="S1782">
        <v>0</v>
      </c>
      <c r="T1782">
        <v>0</v>
      </c>
      <c r="U1782">
        <v>0</v>
      </c>
      <c r="V1782">
        <v>4</v>
      </c>
      <c r="W1782">
        <v>0</v>
      </c>
      <c r="X1782">
        <v>0</v>
      </c>
      <c r="Y1782">
        <v>83</v>
      </c>
      <c r="Z1782">
        <v>31</v>
      </c>
      <c r="AA1782">
        <v>140</v>
      </c>
      <c r="AB1782">
        <v>19</v>
      </c>
      <c r="AC1782">
        <v>157</v>
      </c>
      <c r="AD1782">
        <v>36</v>
      </c>
      <c r="AE1782">
        <v>77</v>
      </c>
      <c r="AF1782">
        <v>0</v>
      </c>
      <c r="AG1782">
        <v>155277</v>
      </c>
      <c r="AH1782">
        <v>50000</v>
      </c>
      <c r="AI1782">
        <v>0</v>
      </c>
      <c r="AJ1782">
        <v>99</v>
      </c>
      <c r="AK1782" t="s">
        <v>9</v>
      </c>
      <c r="AL1782">
        <v>0</v>
      </c>
      <c r="AM1782">
        <v>0</v>
      </c>
      <c r="AN1782">
        <v>0</v>
      </c>
      <c r="AO1782">
        <v>0</v>
      </c>
      <c r="AP1782">
        <v>0</v>
      </c>
      <c r="AQ1782">
        <v>0</v>
      </c>
      <c r="AR1782">
        <v>0</v>
      </c>
      <c r="AS1782">
        <v>0</v>
      </c>
      <c r="AT1782">
        <v>0</v>
      </c>
      <c r="AU1782">
        <v>0</v>
      </c>
      <c r="AV1782">
        <v>0</v>
      </c>
      <c r="AW1782">
        <v>0</v>
      </c>
      <c r="AX1782">
        <v>10282</v>
      </c>
      <c r="AY1782">
        <v>15</v>
      </c>
      <c r="AZ1782">
        <v>38</v>
      </c>
      <c r="BA1782">
        <v>3128</v>
      </c>
    </row>
    <row r="1783" spans="1:53" x14ac:dyDescent="0.4">
      <c r="A1783">
        <v>1827</v>
      </c>
      <c r="B1783" s="1">
        <v>43395</v>
      </c>
      <c r="C1783">
        <v>1</v>
      </c>
      <c r="D1783" s="1">
        <v>43395.291666666664</v>
      </c>
      <c r="E1783" s="1">
        <v>43395.451388888891</v>
      </c>
      <c r="F1783">
        <v>0</v>
      </c>
      <c r="G1783">
        <v>0</v>
      </c>
      <c r="H1783">
        <v>0</v>
      </c>
      <c r="I1783">
        <v>0</v>
      </c>
      <c r="J1783">
        <v>0</v>
      </c>
      <c r="K1783">
        <v>0</v>
      </c>
      <c r="L1783">
        <v>0</v>
      </c>
      <c r="M1783">
        <v>0</v>
      </c>
      <c r="N1783">
        <v>0</v>
      </c>
      <c r="O1783">
        <v>0</v>
      </c>
      <c r="P1783">
        <v>0</v>
      </c>
      <c r="Q1783">
        <v>0</v>
      </c>
      <c r="R1783">
        <v>0</v>
      </c>
      <c r="S1783">
        <v>0</v>
      </c>
      <c r="T1783">
        <v>0</v>
      </c>
      <c r="U1783">
        <v>0</v>
      </c>
      <c r="V1783">
        <v>0</v>
      </c>
      <c r="W1783">
        <v>0</v>
      </c>
      <c r="X1783">
        <v>0</v>
      </c>
      <c r="Y1783">
        <v>31</v>
      </c>
      <c r="Z1783">
        <v>5</v>
      </c>
      <c r="AA1783">
        <v>139</v>
      </c>
      <c r="AB1783">
        <v>19</v>
      </c>
      <c r="AC1783">
        <v>142</v>
      </c>
      <c r="AD1783">
        <v>35</v>
      </c>
      <c r="AE1783">
        <v>55</v>
      </c>
      <c r="AF1783">
        <v>0</v>
      </c>
      <c r="AG1783">
        <v>50000</v>
      </c>
      <c r="AH1783">
        <v>0</v>
      </c>
      <c r="AI1783">
        <v>50000</v>
      </c>
      <c r="AJ1783">
        <v>0</v>
      </c>
      <c r="AK1783" t="s">
        <v>6</v>
      </c>
      <c r="AL1783">
        <v>0</v>
      </c>
      <c r="AM1783">
        <v>0</v>
      </c>
      <c r="AN1783">
        <v>0</v>
      </c>
      <c r="AO1783">
        <v>0</v>
      </c>
      <c r="AP1783">
        <v>0</v>
      </c>
      <c r="AQ1783">
        <v>0</v>
      </c>
      <c r="AR1783">
        <v>0</v>
      </c>
      <c r="AS1783">
        <v>0</v>
      </c>
      <c r="AT1783">
        <v>0</v>
      </c>
      <c r="AU1783">
        <v>0</v>
      </c>
      <c r="AV1783">
        <v>0</v>
      </c>
      <c r="AW1783">
        <v>0</v>
      </c>
      <c r="AX1783">
        <v>0</v>
      </c>
      <c r="AY1783">
        <v>0</v>
      </c>
      <c r="AZ1783">
        <v>0</v>
      </c>
      <c r="BA1783">
        <v>0</v>
      </c>
    </row>
    <row r="1784" spans="1:53" x14ac:dyDescent="0.4">
      <c r="A1784">
        <v>1828</v>
      </c>
      <c r="B1784" s="1">
        <v>43395</v>
      </c>
      <c r="C1784">
        <v>2</v>
      </c>
      <c r="D1784" s="1">
        <v>43395.451388888891</v>
      </c>
      <c r="E1784" s="1">
        <v>43395.737500000003</v>
      </c>
      <c r="F1784">
        <v>15500</v>
      </c>
      <c r="G1784">
        <v>2020</v>
      </c>
      <c r="H1784">
        <v>0</v>
      </c>
      <c r="I1784">
        <v>0</v>
      </c>
      <c r="J1784">
        <v>0</v>
      </c>
      <c r="K1784">
        <v>0</v>
      </c>
      <c r="L1784">
        <v>0</v>
      </c>
      <c r="M1784">
        <v>1401</v>
      </c>
      <c r="N1784">
        <v>0</v>
      </c>
      <c r="O1784">
        <v>0</v>
      </c>
      <c r="P1784">
        <v>18360</v>
      </c>
      <c r="Q1784">
        <v>0</v>
      </c>
      <c r="R1784">
        <v>37281</v>
      </c>
      <c r="S1784">
        <v>0</v>
      </c>
      <c r="T1784">
        <v>0</v>
      </c>
      <c r="U1784">
        <v>0</v>
      </c>
      <c r="V1784">
        <v>1</v>
      </c>
      <c r="W1784">
        <v>0</v>
      </c>
      <c r="X1784">
        <v>0</v>
      </c>
      <c r="Y1784">
        <v>50</v>
      </c>
      <c r="Z1784">
        <v>22</v>
      </c>
      <c r="AA1784">
        <v>129</v>
      </c>
      <c r="AB1784">
        <v>23</v>
      </c>
      <c r="AC1784">
        <v>196</v>
      </c>
      <c r="AD1784">
        <v>42</v>
      </c>
      <c r="AE1784">
        <v>61</v>
      </c>
      <c r="AF1784">
        <v>0</v>
      </c>
      <c r="AG1784">
        <v>87281</v>
      </c>
      <c r="AH1784">
        <v>50000</v>
      </c>
      <c r="AI1784">
        <v>0</v>
      </c>
      <c r="AJ1784">
        <v>96</v>
      </c>
      <c r="AK1784" t="s">
        <v>4</v>
      </c>
      <c r="AL1784">
        <v>0</v>
      </c>
      <c r="AM1784">
        <v>0</v>
      </c>
      <c r="AN1784">
        <v>0</v>
      </c>
      <c r="AO1784">
        <v>0</v>
      </c>
      <c r="AP1784">
        <v>0</v>
      </c>
      <c r="AQ1784">
        <v>0</v>
      </c>
      <c r="AR1784">
        <v>0</v>
      </c>
      <c r="AS1784">
        <v>0</v>
      </c>
      <c r="AT1784">
        <v>0</v>
      </c>
      <c r="AU1784">
        <v>0</v>
      </c>
      <c r="AV1784">
        <v>0</v>
      </c>
      <c r="AW1784">
        <v>0</v>
      </c>
      <c r="AX1784">
        <v>-3240</v>
      </c>
      <c r="AY1784">
        <v>37</v>
      </c>
      <c r="AZ1784">
        <v>65</v>
      </c>
      <c r="BA1784">
        <v>4258</v>
      </c>
    </row>
    <row r="1785" spans="1:53" x14ac:dyDescent="0.4">
      <c r="A1785">
        <v>1829</v>
      </c>
      <c r="B1785" s="1">
        <v>43395</v>
      </c>
      <c r="C1785">
        <v>3</v>
      </c>
      <c r="D1785" s="1">
        <v>43395.737500000003</v>
      </c>
      <c r="E1785" s="1">
        <v>43395.950694444444</v>
      </c>
      <c r="F1785">
        <v>26020</v>
      </c>
      <c r="G1785">
        <v>0</v>
      </c>
      <c r="H1785">
        <v>0</v>
      </c>
      <c r="I1785">
        <v>0</v>
      </c>
      <c r="J1785">
        <v>0</v>
      </c>
      <c r="K1785">
        <v>0</v>
      </c>
      <c r="L1785">
        <v>0</v>
      </c>
      <c r="M1785">
        <v>2082</v>
      </c>
      <c r="N1785">
        <v>0</v>
      </c>
      <c r="O1785">
        <v>0</v>
      </c>
      <c r="P1785">
        <v>-18360</v>
      </c>
      <c r="Q1785">
        <v>0</v>
      </c>
      <c r="R1785">
        <v>9742</v>
      </c>
      <c r="S1785">
        <v>0</v>
      </c>
      <c r="T1785">
        <v>0</v>
      </c>
      <c r="U1785">
        <v>0</v>
      </c>
      <c r="V1785">
        <v>1</v>
      </c>
      <c r="W1785">
        <v>1</v>
      </c>
      <c r="X1785">
        <v>0</v>
      </c>
      <c r="Y1785">
        <v>55</v>
      </c>
      <c r="Z1785">
        <v>21</v>
      </c>
      <c r="AA1785">
        <v>128</v>
      </c>
      <c r="AB1785">
        <v>27</v>
      </c>
      <c r="AC1785">
        <v>210</v>
      </c>
      <c r="AD1785">
        <v>42</v>
      </c>
      <c r="AE1785">
        <v>63</v>
      </c>
      <c r="AF1785">
        <v>0</v>
      </c>
      <c r="AG1785">
        <v>97023</v>
      </c>
      <c r="AH1785">
        <v>50000</v>
      </c>
      <c r="AI1785">
        <v>0</v>
      </c>
      <c r="AJ1785">
        <v>102</v>
      </c>
      <c r="AK1785" t="s">
        <v>8</v>
      </c>
      <c r="AL1785">
        <v>0</v>
      </c>
      <c r="AM1785">
        <v>0</v>
      </c>
      <c r="AN1785">
        <v>0</v>
      </c>
      <c r="AO1785">
        <v>0</v>
      </c>
      <c r="AP1785">
        <v>0</v>
      </c>
      <c r="AQ1785">
        <v>0</v>
      </c>
      <c r="AR1785">
        <v>0</v>
      </c>
      <c r="AS1785">
        <v>0</v>
      </c>
      <c r="AT1785">
        <v>0</v>
      </c>
      <c r="AU1785">
        <v>0</v>
      </c>
      <c r="AV1785">
        <v>0</v>
      </c>
      <c r="AW1785">
        <v>0</v>
      </c>
      <c r="AX1785">
        <v>10541</v>
      </c>
      <c r="AY1785">
        <v>6</v>
      </c>
      <c r="AZ1785">
        <v>22</v>
      </c>
      <c r="BA1785">
        <v>2408</v>
      </c>
    </row>
    <row r="1786" spans="1:53" x14ac:dyDescent="0.4">
      <c r="A1786">
        <v>1830</v>
      </c>
      <c r="B1786" s="1">
        <v>43395</v>
      </c>
      <c r="C1786">
        <v>4</v>
      </c>
      <c r="D1786" s="1">
        <v>43395.950694444444</v>
      </c>
      <c r="E1786" s="1">
        <v>43396.089583333334</v>
      </c>
      <c r="F1786">
        <v>18000</v>
      </c>
      <c r="G1786">
        <v>760</v>
      </c>
      <c r="H1786">
        <v>200</v>
      </c>
      <c r="I1786">
        <v>0</v>
      </c>
      <c r="J1786">
        <v>0</v>
      </c>
      <c r="K1786">
        <v>0</v>
      </c>
      <c r="L1786">
        <v>0</v>
      </c>
      <c r="M1786">
        <v>1517</v>
      </c>
      <c r="N1786">
        <v>0</v>
      </c>
      <c r="O1786">
        <v>0</v>
      </c>
      <c r="P1786">
        <v>19872</v>
      </c>
      <c r="Q1786">
        <v>0</v>
      </c>
      <c r="R1786">
        <v>40349</v>
      </c>
      <c r="S1786">
        <v>0</v>
      </c>
      <c r="T1786">
        <v>0</v>
      </c>
      <c r="U1786">
        <v>0</v>
      </c>
      <c r="V1786">
        <v>5</v>
      </c>
      <c r="W1786">
        <v>0</v>
      </c>
      <c r="X1786">
        <v>0</v>
      </c>
      <c r="Y1786">
        <v>61</v>
      </c>
      <c r="Z1786">
        <v>20</v>
      </c>
      <c r="AA1786">
        <v>124</v>
      </c>
      <c r="AB1786">
        <v>28</v>
      </c>
      <c r="AC1786">
        <v>207</v>
      </c>
      <c r="AD1786">
        <v>45</v>
      </c>
      <c r="AE1786">
        <v>61</v>
      </c>
      <c r="AF1786">
        <v>216</v>
      </c>
      <c r="AG1786">
        <v>137372</v>
      </c>
      <c r="AH1786">
        <v>50000</v>
      </c>
      <c r="AI1786">
        <v>0</v>
      </c>
      <c r="AJ1786">
        <v>100</v>
      </c>
      <c r="AK1786" t="s">
        <v>0</v>
      </c>
      <c r="AL1786">
        <v>0</v>
      </c>
      <c r="AM1786">
        <v>0</v>
      </c>
      <c r="AN1786">
        <v>0</v>
      </c>
      <c r="AO1786">
        <v>0</v>
      </c>
      <c r="AP1786">
        <v>0</v>
      </c>
      <c r="AQ1786">
        <v>0</v>
      </c>
      <c r="AR1786">
        <v>0</v>
      </c>
      <c r="AS1786">
        <v>0</v>
      </c>
      <c r="AT1786">
        <v>0</v>
      </c>
      <c r="AU1786">
        <v>0</v>
      </c>
      <c r="AV1786">
        <v>0</v>
      </c>
      <c r="AW1786">
        <v>0</v>
      </c>
      <c r="AX1786">
        <v>-1318</v>
      </c>
      <c r="AY1786">
        <v>4</v>
      </c>
      <c r="AZ1786">
        <v>12</v>
      </c>
      <c r="BA1786">
        <v>502</v>
      </c>
    </row>
    <row r="1787" spans="1:53" x14ac:dyDescent="0.4">
      <c r="A1787">
        <v>1831</v>
      </c>
      <c r="B1787" s="1">
        <v>43396</v>
      </c>
      <c r="C1787">
        <v>1</v>
      </c>
      <c r="D1787" s="1">
        <v>43396.291666666664</v>
      </c>
      <c r="E1787" s="1">
        <v>43396.450694444444</v>
      </c>
      <c r="F1787">
        <v>0</v>
      </c>
      <c r="G1787">
        <v>0</v>
      </c>
      <c r="H1787">
        <v>0</v>
      </c>
      <c r="I1787">
        <v>0</v>
      </c>
      <c r="J1787">
        <v>0</v>
      </c>
      <c r="K1787">
        <v>0</v>
      </c>
      <c r="L1787">
        <v>0</v>
      </c>
      <c r="M1787">
        <v>0</v>
      </c>
      <c r="N1787">
        <v>0</v>
      </c>
      <c r="O1787">
        <v>0</v>
      </c>
      <c r="P1787">
        <v>0</v>
      </c>
      <c r="Q1787">
        <v>0</v>
      </c>
      <c r="R1787">
        <v>0</v>
      </c>
      <c r="S1787">
        <v>0</v>
      </c>
      <c r="T1787">
        <v>0</v>
      </c>
      <c r="U1787">
        <v>0</v>
      </c>
      <c r="V1787">
        <v>0</v>
      </c>
      <c r="W1787">
        <v>0</v>
      </c>
      <c r="X1787">
        <v>0</v>
      </c>
      <c r="Y1787">
        <v>32</v>
      </c>
      <c r="Z1787">
        <v>6</v>
      </c>
      <c r="AA1787">
        <v>123</v>
      </c>
      <c r="AB1787">
        <v>26</v>
      </c>
      <c r="AC1787">
        <v>112</v>
      </c>
      <c r="AD1787">
        <v>44</v>
      </c>
      <c r="AE1787">
        <v>60</v>
      </c>
      <c r="AF1787">
        <v>0</v>
      </c>
      <c r="AG1787">
        <v>50000</v>
      </c>
      <c r="AH1787">
        <v>0</v>
      </c>
      <c r="AI1787">
        <v>50000</v>
      </c>
      <c r="AJ1787">
        <v>0</v>
      </c>
      <c r="AK1787" t="s">
        <v>6</v>
      </c>
      <c r="AL1787">
        <v>0</v>
      </c>
      <c r="AM1787">
        <v>0</v>
      </c>
      <c r="AN1787">
        <v>0</v>
      </c>
      <c r="AO1787">
        <v>0</v>
      </c>
      <c r="AP1787">
        <v>0</v>
      </c>
      <c r="AQ1787">
        <v>0</v>
      </c>
      <c r="AR1787">
        <v>0</v>
      </c>
      <c r="AS1787">
        <v>0</v>
      </c>
      <c r="AT1787">
        <v>0</v>
      </c>
      <c r="AU1787">
        <v>0</v>
      </c>
      <c r="AV1787">
        <v>0</v>
      </c>
      <c r="AW1787">
        <v>0</v>
      </c>
      <c r="AX1787">
        <v>0</v>
      </c>
      <c r="AY1787">
        <v>0</v>
      </c>
      <c r="AZ1787">
        <v>0</v>
      </c>
      <c r="BA1787">
        <v>0</v>
      </c>
    </row>
    <row r="1788" spans="1:53" x14ac:dyDescent="0.4">
      <c r="A1788">
        <v>1832</v>
      </c>
      <c r="B1788" s="1">
        <v>43396</v>
      </c>
      <c r="C1788">
        <v>2</v>
      </c>
      <c r="D1788" s="1">
        <v>43396.450694444444</v>
      </c>
      <c r="E1788" s="1">
        <v>43396.731249999997</v>
      </c>
      <c r="F1788">
        <v>9000</v>
      </c>
      <c r="G1788">
        <v>0</v>
      </c>
      <c r="H1788">
        <v>0</v>
      </c>
      <c r="I1788">
        <v>0</v>
      </c>
      <c r="J1788">
        <v>0</v>
      </c>
      <c r="K1788">
        <v>0</v>
      </c>
      <c r="L1788">
        <v>0</v>
      </c>
      <c r="M1788">
        <v>720</v>
      </c>
      <c r="N1788">
        <v>0</v>
      </c>
      <c r="O1788">
        <v>0</v>
      </c>
      <c r="P1788">
        <v>10800</v>
      </c>
      <c r="Q1788">
        <v>0</v>
      </c>
      <c r="R1788">
        <v>20520</v>
      </c>
      <c r="S1788">
        <v>0</v>
      </c>
      <c r="T1788">
        <v>0</v>
      </c>
      <c r="U1788">
        <v>0</v>
      </c>
      <c r="V1788">
        <v>1</v>
      </c>
      <c r="W1788">
        <v>1</v>
      </c>
      <c r="X1788">
        <v>0</v>
      </c>
      <c r="Y1788">
        <v>30</v>
      </c>
      <c r="Z1788">
        <v>8</v>
      </c>
      <c r="AA1788">
        <v>119</v>
      </c>
      <c r="AB1788">
        <v>20</v>
      </c>
      <c r="AC1788">
        <v>170</v>
      </c>
      <c r="AD1788">
        <v>46</v>
      </c>
      <c r="AE1788">
        <v>59</v>
      </c>
      <c r="AF1788">
        <v>6631</v>
      </c>
      <c r="AG1788">
        <v>70520</v>
      </c>
      <c r="AH1788">
        <v>50000</v>
      </c>
      <c r="AI1788">
        <v>0</v>
      </c>
      <c r="AJ1788">
        <v>96</v>
      </c>
      <c r="AK1788" t="s">
        <v>4</v>
      </c>
      <c r="AL1788">
        <v>0</v>
      </c>
      <c r="AM1788">
        <v>0</v>
      </c>
      <c r="AN1788">
        <v>0</v>
      </c>
      <c r="AO1788">
        <v>0</v>
      </c>
      <c r="AP1788">
        <v>0</v>
      </c>
      <c r="AQ1788">
        <v>0</v>
      </c>
      <c r="AR1788">
        <v>0</v>
      </c>
      <c r="AS1788">
        <v>0</v>
      </c>
      <c r="AT1788">
        <v>0</v>
      </c>
      <c r="AU1788">
        <v>0</v>
      </c>
      <c r="AV1788">
        <v>0</v>
      </c>
      <c r="AW1788">
        <v>0</v>
      </c>
      <c r="AX1788">
        <v>0</v>
      </c>
      <c r="AY1788">
        <v>21</v>
      </c>
      <c r="AZ1788">
        <v>38</v>
      </c>
      <c r="BA1788">
        <v>2610</v>
      </c>
    </row>
    <row r="1789" spans="1:53" x14ac:dyDescent="0.4">
      <c r="A1789">
        <v>1833</v>
      </c>
      <c r="B1789" s="1">
        <v>43396</v>
      </c>
      <c r="C1789">
        <v>3</v>
      </c>
      <c r="D1789" s="1">
        <v>43396.731249999997</v>
      </c>
      <c r="E1789" s="1">
        <v>43397.002083333333</v>
      </c>
      <c r="F1789">
        <v>32760</v>
      </c>
      <c r="G1789">
        <v>4820</v>
      </c>
      <c r="H1789">
        <v>0</v>
      </c>
      <c r="I1789">
        <v>0</v>
      </c>
      <c r="J1789">
        <v>0</v>
      </c>
      <c r="K1789">
        <v>0</v>
      </c>
      <c r="L1789">
        <v>0</v>
      </c>
      <c r="M1789">
        <v>3006</v>
      </c>
      <c r="N1789">
        <v>0</v>
      </c>
      <c r="O1789">
        <v>0</v>
      </c>
      <c r="P1789">
        <v>13176</v>
      </c>
      <c r="Q1789">
        <v>0</v>
      </c>
      <c r="R1789">
        <v>53762</v>
      </c>
      <c r="S1789">
        <v>0</v>
      </c>
      <c r="T1789">
        <v>0</v>
      </c>
      <c r="U1789">
        <v>0</v>
      </c>
      <c r="V1789">
        <v>6</v>
      </c>
      <c r="W1789">
        <v>1</v>
      </c>
      <c r="X1789">
        <v>0</v>
      </c>
      <c r="Y1789">
        <v>29</v>
      </c>
      <c r="Z1789">
        <v>12</v>
      </c>
      <c r="AA1789">
        <v>125</v>
      </c>
      <c r="AB1789">
        <v>26</v>
      </c>
      <c r="AC1789">
        <v>168</v>
      </c>
      <c r="AD1789">
        <v>43</v>
      </c>
      <c r="AE1789">
        <v>55</v>
      </c>
      <c r="AF1789">
        <v>8532</v>
      </c>
      <c r="AG1789">
        <v>124282</v>
      </c>
      <c r="AH1789">
        <v>50000</v>
      </c>
      <c r="AI1789">
        <v>0</v>
      </c>
      <c r="AJ1789">
        <v>29</v>
      </c>
      <c r="AK1789" t="s">
        <v>28</v>
      </c>
      <c r="AL1789">
        <v>0</v>
      </c>
      <c r="AM1789">
        <v>0</v>
      </c>
      <c r="AN1789">
        <v>0</v>
      </c>
      <c r="AO1789">
        <v>0</v>
      </c>
      <c r="AP1789">
        <v>0</v>
      </c>
      <c r="AQ1789">
        <v>0</v>
      </c>
      <c r="AR1789">
        <v>0</v>
      </c>
      <c r="AS1789">
        <v>0</v>
      </c>
      <c r="AT1789">
        <v>0</v>
      </c>
      <c r="AU1789">
        <v>0</v>
      </c>
      <c r="AV1789">
        <v>0</v>
      </c>
      <c r="AW1789">
        <v>0</v>
      </c>
      <c r="AX1789">
        <v>9634</v>
      </c>
      <c r="AY1789">
        <v>13</v>
      </c>
      <c r="AZ1789">
        <v>45</v>
      </c>
      <c r="BA1789">
        <v>2166</v>
      </c>
    </row>
    <row r="1790" spans="1:53" x14ac:dyDescent="0.4">
      <c r="A1790">
        <v>1834</v>
      </c>
      <c r="B1790" s="1">
        <v>43396</v>
      </c>
      <c r="C1790">
        <v>4</v>
      </c>
      <c r="D1790" s="1">
        <v>43397.002083333333</v>
      </c>
      <c r="E1790" s="1">
        <v>43397.112500000003</v>
      </c>
      <c r="F1790">
        <v>30120</v>
      </c>
      <c r="G1790">
        <v>0</v>
      </c>
      <c r="H1790">
        <v>200</v>
      </c>
      <c r="I1790">
        <v>0</v>
      </c>
      <c r="J1790">
        <v>0</v>
      </c>
      <c r="K1790">
        <v>1000</v>
      </c>
      <c r="L1790">
        <v>0</v>
      </c>
      <c r="M1790">
        <v>2506</v>
      </c>
      <c r="N1790">
        <v>0</v>
      </c>
      <c r="O1790">
        <v>0</v>
      </c>
      <c r="P1790">
        <v>-9828</v>
      </c>
      <c r="Q1790">
        <v>0</v>
      </c>
      <c r="R1790">
        <v>23998</v>
      </c>
      <c r="S1790">
        <v>0</v>
      </c>
      <c r="T1790">
        <v>0</v>
      </c>
      <c r="U1790">
        <v>0</v>
      </c>
      <c r="V1790">
        <v>8</v>
      </c>
      <c r="W1790">
        <v>0</v>
      </c>
      <c r="X1790">
        <v>0</v>
      </c>
      <c r="Y1790">
        <v>37</v>
      </c>
      <c r="Z1790">
        <v>14</v>
      </c>
      <c r="AA1790">
        <v>120</v>
      </c>
      <c r="AB1790">
        <v>26</v>
      </c>
      <c r="AC1790">
        <v>118</v>
      </c>
      <c r="AD1790">
        <v>42</v>
      </c>
      <c r="AE1790">
        <v>58</v>
      </c>
      <c r="AF1790">
        <v>9532</v>
      </c>
      <c r="AG1790">
        <v>148280</v>
      </c>
      <c r="AH1790">
        <v>50000</v>
      </c>
      <c r="AI1790">
        <v>0</v>
      </c>
      <c r="AJ1790">
        <v>29</v>
      </c>
      <c r="AK1790" t="s">
        <v>28</v>
      </c>
      <c r="AL1790">
        <v>0</v>
      </c>
      <c r="AM1790">
        <v>0</v>
      </c>
      <c r="AN1790">
        <v>0</v>
      </c>
      <c r="AO1790">
        <v>0</v>
      </c>
      <c r="AP1790">
        <v>0</v>
      </c>
      <c r="AQ1790">
        <v>0</v>
      </c>
      <c r="AR1790">
        <v>0</v>
      </c>
      <c r="AS1790">
        <v>0</v>
      </c>
      <c r="AT1790">
        <v>0</v>
      </c>
      <c r="AU1790">
        <v>0</v>
      </c>
      <c r="AV1790">
        <v>0</v>
      </c>
      <c r="AW1790">
        <v>0</v>
      </c>
      <c r="AX1790">
        <v>6221</v>
      </c>
      <c r="AY1790">
        <v>3</v>
      </c>
      <c r="AZ1790">
        <v>9</v>
      </c>
      <c r="BA1790">
        <v>486</v>
      </c>
    </row>
    <row r="1791" spans="1:53" x14ac:dyDescent="0.4">
      <c r="A1791">
        <v>1835</v>
      </c>
      <c r="B1791" s="1">
        <v>43397</v>
      </c>
      <c r="C1791">
        <v>1</v>
      </c>
      <c r="D1791" s="1">
        <v>43397.291666666664</v>
      </c>
      <c r="E1791" s="1">
        <v>43397.45416666667</v>
      </c>
      <c r="F1791">
        <v>0</v>
      </c>
      <c r="G1791">
        <v>0</v>
      </c>
      <c r="H1791">
        <v>0</v>
      </c>
      <c r="I1791">
        <v>0</v>
      </c>
      <c r="J1791">
        <v>0</v>
      </c>
      <c r="K1791">
        <v>0</v>
      </c>
      <c r="L1791">
        <v>0</v>
      </c>
      <c r="M1791">
        <v>0</v>
      </c>
      <c r="N1791">
        <v>0</v>
      </c>
      <c r="O1791">
        <v>0</v>
      </c>
      <c r="P1791">
        <v>0</v>
      </c>
      <c r="Q1791">
        <v>0</v>
      </c>
      <c r="R1791">
        <v>0</v>
      </c>
      <c r="S1791">
        <v>0</v>
      </c>
      <c r="T1791">
        <v>0</v>
      </c>
      <c r="U1791">
        <v>0</v>
      </c>
      <c r="V1791">
        <v>0</v>
      </c>
      <c r="W1791">
        <v>0</v>
      </c>
      <c r="X1791">
        <v>0</v>
      </c>
      <c r="Y1791">
        <v>28</v>
      </c>
      <c r="Z1791">
        <v>13</v>
      </c>
      <c r="AA1791">
        <v>123</v>
      </c>
      <c r="AB1791">
        <v>25</v>
      </c>
      <c r="AC1791">
        <v>69</v>
      </c>
      <c r="AD1791">
        <v>41</v>
      </c>
      <c r="AE1791">
        <v>55</v>
      </c>
      <c r="AF1791">
        <v>0</v>
      </c>
      <c r="AG1791">
        <v>49000</v>
      </c>
      <c r="AH1791">
        <v>0</v>
      </c>
      <c r="AI1791">
        <v>49000</v>
      </c>
      <c r="AJ1791">
        <v>0</v>
      </c>
      <c r="AK1791" t="s">
        <v>6</v>
      </c>
      <c r="AL1791">
        <v>0</v>
      </c>
      <c r="AM1791">
        <v>0</v>
      </c>
      <c r="AN1791">
        <v>0</v>
      </c>
      <c r="AO1791">
        <v>0</v>
      </c>
      <c r="AP1791">
        <v>0</v>
      </c>
      <c r="AQ1791">
        <v>0</v>
      </c>
      <c r="AR1791">
        <v>0</v>
      </c>
      <c r="AS1791">
        <v>0</v>
      </c>
      <c r="AT1791">
        <v>0</v>
      </c>
      <c r="AU1791">
        <v>0</v>
      </c>
      <c r="AV1791">
        <v>0</v>
      </c>
      <c r="AW1791">
        <v>0</v>
      </c>
      <c r="AX1791">
        <v>0</v>
      </c>
      <c r="AY1791">
        <v>0</v>
      </c>
      <c r="AZ1791">
        <v>0</v>
      </c>
      <c r="BA1791">
        <v>0</v>
      </c>
    </row>
    <row r="1792" spans="1:53" x14ac:dyDescent="0.4">
      <c r="A1792">
        <v>1836</v>
      </c>
      <c r="B1792" s="1">
        <v>43397</v>
      </c>
      <c r="C1792">
        <v>2</v>
      </c>
      <c r="D1792" s="1">
        <v>43397.45416666667</v>
      </c>
      <c r="E1792" s="1">
        <v>43397.750694444447</v>
      </c>
      <c r="F1792">
        <v>12500</v>
      </c>
      <c r="G1792">
        <v>0</v>
      </c>
      <c r="H1792">
        <v>0</v>
      </c>
      <c r="I1792">
        <v>0</v>
      </c>
      <c r="J1792">
        <v>0</v>
      </c>
      <c r="K1792">
        <v>0</v>
      </c>
      <c r="L1792">
        <v>0</v>
      </c>
      <c r="M1792">
        <v>1000</v>
      </c>
      <c r="N1792">
        <v>0</v>
      </c>
      <c r="O1792">
        <v>0</v>
      </c>
      <c r="P1792">
        <v>13500</v>
      </c>
      <c r="Q1792">
        <v>0</v>
      </c>
      <c r="R1792">
        <v>27000</v>
      </c>
      <c r="S1792">
        <v>0</v>
      </c>
      <c r="T1792">
        <v>0</v>
      </c>
      <c r="U1792">
        <v>0</v>
      </c>
      <c r="V1792">
        <v>1</v>
      </c>
      <c r="W1792">
        <v>0</v>
      </c>
      <c r="X1792">
        <v>0</v>
      </c>
      <c r="Y1792">
        <v>41</v>
      </c>
      <c r="Z1792">
        <v>18</v>
      </c>
      <c r="AA1792">
        <v>127</v>
      </c>
      <c r="AB1792">
        <v>32</v>
      </c>
      <c r="AC1792">
        <v>144</v>
      </c>
      <c r="AD1792">
        <v>41</v>
      </c>
      <c r="AE1792">
        <v>55</v>
      </c>
      <c r="AF1792">
        <v>0</v>
      </c>
      <c r="AG1792">
        <v>76000</v>
      </c>
      <c r="AH1792">
        <v>50000</v>
      </c>
      <c r="AI1792">
        <v>-1000</v>
      </c>
      <c r="AJ1792">
        <v>96</v>
      </c>
      <c r="AK1792" t="s">
        <v>4</v>
      </c>
      <c r="AL1792">
        <v>0</v>
      </c>
      <c r="AM1792">
        <v>0</v>
      </c>
      <c r="AN1792">
        <v>0</v>
      </c>
      <c r="AO1792">
        <v>0</v>
      </c>
      <c r="AP1792">
        <v>0</v>
      </c>
      <c r="AQ1792">
        <v>0</v>
      </c>
      <c r="AR1792">
        <v>0</v>
      </c>
      <c r="AS1792">
        <v>0</v>
      </c>
      <c r="AT1792">
        <v>0</v>
      </c>
      <c r="AU1792">
        <v>0</v>
      </c>
      <c r="AV1792">
        <v>0</v>
      </c>
      <c r="AW1792">
        <v>0</v>
      </c>
      <c r="AX1792">
        <v>410</v>
      </c>
      <c r="AY1792">
        <v>31</v>
      </c>
      <c r="AZ1792">
        <v>50</v>
      </c>
      <c r="BA1792">
        <v>3960</v>
      </c>
    </row>
    <row r="1793" spans="1:53" x14ac:dyDescent="0.4">
      <c r="A1793">
        <v>1837</v>
      </c>
      <c r="B1793" s="1">
        <v>43397</v>
      </c>
      <c r="C1793">
        <v>3</v>
      </c>
      <c r="D1793" s="1">
        <v>43397.750694444447</v>
      </c>
      <c r="E1793" s="1">
        <v>43397.970138888886</v>
      </c>
      <c r="F1793">
        <v>26260</v>
      </c>
      <c r="G1793">
        <v>380</v>
      </c>
      <c r="H1793">
        <v>0</v>
      </c>
      <c r="I1793">
        <v>0</v>
      </c>
      <c r="J1793">
        <v>0</v>
      </c>
      <c r="K1793">
        <v>0</v>
      </c>
      <c r="L1793">
        <v>0</v>
      </c>
      <c r="M1793">
        <v>2131</v>
      </c>
      <c r="N1793">
        <v>0</v>
      </c>
      <c r="O1793">
        <v>0</v>
      </c>
      <c r="P1793">
        <v>-13500</v>
      </c>
      <c r="Q1793">
        <v>0</v>
      </c>
      <c r="R1793">
        <v>15271</v>
      </c>
      <c r="S1793">
        <v>0</v>
      </c>
      <c r="T1793">
        <v>0</v>
      </c>
      <c r="U1793">
        <v>0</v>
      </c>
      <c r="V1793">
        <v>1</v>
      </c>
      <c r="W1793">
        <v>1</v>
      </c>
      <c r="X1793">
        <v>0</v>
      </c>
      <c r="Y1793">
        <v>40</v>
      </c>
      <c r="Z1793">
        <v>18</v>
      </c>
      <c r="AA1793">
        <v>121</v>
      </c>
      <c r="AB1793">
        <v>32</v>
      </c>
      <c r="AC1793">
        <v>143</v>
      </c>
      <c r="AD1793">
        <v>41</v>
      </c>
      <c r="AE1793">
        <v>56</v>
      </c>
      <c r="AF1793">
        <v>11880</v>
      </c>
      <c r="AG1793">
        <v>91271</v>
      </c>
      <c r="AH1793">
        <v>50000</v>
      </c>
      <c r="AI1793">
        <v>-1000</v>
      </c>
      <c r="AJ1793">
        <v>92</v>
      </c>
      <c r="AK1793" t="s">
        <v>22</v>
      </c>
      <c r="AL1793">
        <v>0</v>
      </c>
      <c r="AM1793">
        <v>0</v>
      </c>
      <c r="AN1793">
        <v>0</v>
      </c>
      <c r="AO1793">
        <v>0</v>
      </c>
      <c r="AP1793">
        <v>0</v>
      </c>
      <c r="AQ1793">
        <v>0</v>
      </c>
      <c r="AR1793">
        <v>0</v>
      </c>
      <c r="AS1793">
        <v>0</v>
      </c>
      <c r="AT1793">
        <v>0</v>
      </c>
      <c r="AU1793">
        <v>0</v>
      </c>
      <c r="AV1793">
        <v>0</v>
      </c>
      <c r="AW1793">
        <v>0</v>
      </c>
      <c r="AX1793">
        <v>21924</v>
      </c>
      <c r="AY1793">
        <v>6</v>
      </c>
      <c r="AZ1793">
        <v>33</v>
      </c>
      <c r="BA1793">
        <v>1537</v>
      </c>
    </row>
    <row r="1794" spans="1:53" x14ac:dyDescent="0.4">
      <c r="A1794">
        <v>1838</v>
      </c>
      <c r="B1794" s="1">
        <v>43398</v>
      </c>
      <c r="C1794">
        <v>1</v>
      </c>
      <c r="D1794" s="1">
        <v>43398.291666666664</v>
      </c>
      <c r="E1794" s="1">
        <v>43398.449305555558</v>
      </c>
      <c r="F1794">
        <v>0</v>
      </c>
      <c r="G1794">
        <v>0</v>
      </c>
      <c r="H1794">
        <v>0</v>
      </c>
      <c r="I1794">
        <v>0</v>
      </c>
      <c r="J1794">
        <v>0</v>
      </c>
      <c r="K1794">
        <v>0</v>
      </c>
      <c r="L1794">
        <v>0</v>
      </c>
      <c r="M1794">
        <v>0</v>
      </c>
      <c r="N1794">
        <v>0</v>
      </c>
      <c r="O1794">
        <v>0</v>
      </c>
      <c r="P1794">
        <v>0</v>
      </c>
      <c r="Q1794">
        <v>0</v>
      </c>
      <c r="R1794">
        <v>0</v>
      </c>
      <c r="S1794">
        <v>0</v>
      </c>
      <c r="T1794">
        <v>0</v>
      </c>
      <c r="U1794">
        <v>0</v>
      </c>
      <c r="V1794">
        <v>0</v>
      </c>
      <c r="W1794">
        <v>0</v>
      </c>
      <c r="X1794">
        <v>0</v>
      </c>
      <c r="Y1794">
        <v>32</v>
      </c>
      <c r="Z1794">
        <v>7</v>
      </c>
      <c r="AA1794">
        <v>116</v>
      </c>
      <c r="AB1794">
        <v>27</v>
      </c>
      <c r="AC1794">
        <v>132</v>
      </c>
      <c r="AD1794">
        <v>36</v>
      </c>
      <c r="AE1794">
        <v>50</v>
      </c>
      <c r="AF1794">
        <v>0</v>
      </c>
      <c r="AG1794">
        <v>50000</v>
      </c>
      <c r="AH1794">
        <v>0</v>
      </c>
      <c r="AI1794">
        <v>50000</v>
      </c>
      <c r="AJ1794">
        <v>0</v>
      </c>
      <c r="AK1794" t="s">
        <v>6</v>
      </c>
      <c r="AL1794">
        <v>0</v>
      </c>
      <c r="AM1794">
        <v>0</v>
      </c>
      <c r="AN1794">
        <v>0</v>
      </c>
      <c r="AO1794">
        <v>0</v>
      </c>
      <c r="AP1794">
        <v>0</v>
      </c>
      <c r="AQ1794">
        <v>0</v>
      </c>
      <c r="AR1794">
        <v>0</v>
      </c>
      <c r="AS1794">
        <v>0</v>
      </c>
      <c r="AT1794">
        <v>0</v>
      </c>
      <c r="AU1794">
        <v>0</v>
      </c>
      <c r="AV1794">
        <v>0</v>
      </c>
      <c r="AW1794">
        <v>0</v>
      </c>
      <c r="AX1794">
        <v>0</v>
      </c>
      <c r="AY1794">
        <v>0</v>
      </c>
      <c r="AZ1794">
        <v>0</v>
      </c>
      <c r="BA1794">
        <v>0</v>
      </c>
    </row>
    <row r="1795" spans="1:53" x14ac:dyDescent="0.4">
      <c r="A1795">
        <v>1839</v>
      </c>
      <c r="B1795" s="1">
        <v>43398</v>
      </c>
      <c r="C1795">
        <v>2</v>
      </c>
      <c r="D1795" s="1">
        <v>43398.449305555558</v>
      </c>
      <c r="E1795" s="1">
        <v>43398.738888888889</v>
      </c>
      <c r="F1795">
        <v>15000</v>
      </c>
      <c r="G1795">
        <v>0</v>
      </c>
      <c r="H1795">
        <v>0</v>
      </c>
      <c r="I1795">
        <v>0</v>
      </c>
      <c r="J1795">
        <v>0</v>
      </c>
      <c r="K1795">
        <v>0</v>
      </c>
      <c r="L1795">
        <v>0</v>
      </c>
      <c r="M1795">
        <v>1200</v>
      </c>
      <c r="N1795">
        <v>0</v>
      </c>
      <c r="O1795">
        <v>0</v>
      </c>
      <c r="P1795">
        <v>10260</v>
      </c>
      <c r="Q1795">
        <v>0</v>
      </c>
      <c r="R1795">
        <v>26460</v>
      </c>
      <c r="S1795">
        <v>0</v>
      </c>
      <c r="T1795">
        <v>0</v>
      </c>
      <c r="U1795">
        <v>0</v>
      </c>
      <c r="V1795">
        <v>0</v>
      </c>
      <c r="W1795">
        <v>0</v>
      </c>
      <c r="X1795">
        <v>0</v>
      </c>
      <c r="Y1795">
        <v>54</v>
      </c>
      <c r="Z1795">
        <v>14</v>
      </c>
      <c r="AA1795">
        <v>125</v>
      </c>
      <c r="AB1795">
        <v>20</v>
      </c>
      <c r="AC1795">
        <v>172</v>
      </c>
      <c r="AD1795">
        <v>38</v>
      </c>
      <c r="AE1795">
        <v>50</v>
      </c>
      <c r="AF1795">
        <v>0</v>
      </c>
      <c r="AG1795">
        <v>76460</v>
      </c>
      <c r="AH1795">
        <v>50000</v>
      </c>
      <c r="AI1795">
        <v>0</v>
      </c>
      <c r="AJ1795">
        <v>96</v>
      </c>
      <c r="AK1795" t="s">
        <v>4</v>
      </c>
      <c r="AL1795">
        <v>0</v>
      </c>
      <c r="AM1795">
        <v>0</v>
      </c>
      <c r="AN1795">
        <v>0</v>
      </c>
      <c r="AO1795">
        <v>0</v>
      </c>
      <c r="AP1795">
        <v>0</v>
      </c>
      <c r="AQ1795">
        <v>0</v>
      </c>
      <c r="AR1795">
        <v>0</v>
      </c>
      <c r="AS1795">
        <v>0</v>
      </c>
      <c r="AT1795">
        <v>0</v>
      </c>
      <c r="AU1795">
        <v>0</v>
      </c>
      <c r="AV1795">
        <v>0</v>
      </c>
      <c r="AW1795">
        <v>0</v>
      </c>
      <c r="AX1795">
        <v>734</v>
      </c>
      <c r="AY1795">
        <v>29</v>
      </c>
      <c r="AZ1795">
        <v>49</v>
      </c>
      <c r="BA1795">
        <v>3682</v>
      </c>
    </row>
    <row r="1796" spans="1:53" x14ac:dyDescent="0.4">
      <c r="A1796">
        <v>1840</v>
      </c>
      <c r="B1796" s="1">
        <v>43398</v>
      </c>
      <c r="C1796">
        <v>3</v>
      </c>
      <c r="D1796" s="1">
        <v>43398.738888888889</v>
      </c>
      <c r="E1796" s="1">
        <v>43398.950694444444</v>
      </c>
      <c r="F1796">
        <v>18750</v>
      </c>
      <c r="G1796">
        <v>1060</v>
      </c>
      <c r="H1796">
        <v>200</v>
      </c>
      <c r="I1796">
        <v>0</v>
      </c>
      <c r="J1796">
        <v>0</v>
      </c>
      <c r="K1796">
        <v>0</v>
      </c>
      <c r="L1796">
        <v>0</v>
      </c>
      <c r="M1796">
        <v>1600</v>
      </c>
      <c r="N1796">
        <v>0</v>
      </c>
      <c r="O1796">
        <v>0</v>
      </c>
      <c r="P1796">
        <v>-10260</v>
      </c>
      <c r="Q1796">
        <v>0</v>
      </c>
      <c r="R1796">
        <v>11350</v>
      </c>
      <c r="S1796">
        <v>0</v>
      </c>
      <c r="T1796">
        <v>0</v>
      </c>
      <c r="U1796">
        <v>0</v>
      </c>
      <c r="V1796">
        <v>1</v>
      </c>
      <c r="W1796">
        <v>0</v>
      </c>
      <c r="X1796">
        <v>0</v>
      </c>
      <c r="Y1796">
        <v>56</v>
      </c>
      <c r="Z1796">
        <v>14</v>
      </c>
      <c r="AA1796">
        <v>118</v>
      </c>
      <c r="AB1796">
        <v>20</v>
      </c>
      <c r="AC1796">
        <v>177</v>
      </c>
      <c r="AD1796">
        <v>38</v>
      </c>
      <c r="AE1796">
        <v>50</v>
      </c>
      <c r="AF1796">
        <v>0</v>
      </c>
      <c r="AG1796">
        <v>87810</v>
      </c>
      <c r="AH1796">
        <v>50000</v>
      </c>
      <c r="AI1796">
        <v>0</v>
      </c>
      <c r="AJ1796">
        <v>102</v>
      </c>
      <c r="AK1796" t="s">
        <v>8</v>
      </c>
      <c r="AL1796">
        <v>0</v>
      </c>
      <c r="AM1796">
        <v>0</v>
      </c>
      <c r="AN1796">
        <v>0</v>
      </c>
      <c r="AO1796">
        <v>0</v>
      </c>
      <c r="AP1796">
        <v>0</v>
      </c>
      <c r="AQ1796">
        <v>0</v>
      </c>
      <c r="AR1796">
        <v>0</v>
      </c>
      <c r="AS1796">
        <v>0</v>
      </c>
      <c r="AT1796">
        <v>0</v>
      </c>
      <c r="AU1796">
        <v>0</v>
      </c>
      <c r="AV1796">
        <v>0</v>
      </c>
      <c r="AW1796">
        <v>0</v>
      </c>
      <c r="AX1796">
        <v>21622</v>
      </c>
      <c r="AY1796">
        <v>10</v>
      </c>
      <c r="AZ1796">
        <v>33</v>
      </c>
      <c r="BA1796">
        <v>1902</v>
      </c>
    </row>
    <row r="1797" spans="1:53" x14ac:dyDescent="0.4">
      <c r="A1797">
        <v>1841</v>
      </c>
      <c r="B1797" s="1">
        <v>43398</v>
      </c>
      <c r="C1797">
        <v>4</v>
      </c>
      <c r="D1797" s="1">
        <v>43398.950694444444</v>
      </c>
      <c r="E1797" s="1">
        <v>43399.081944444442</v>
      </c>
      <c r="F1797">
        <v>38520</v>
      </c>
      <c r="G1797">
        <v>0</v>
      </c>
      <c r="H1797">
        <v>0</v>
      </c>
      <c r="I1797">
        <v>0</v>
      </c>
      <c r="J1797">
        <v>0</v>
      </c>
      <c r="K1797">
        <v>0</v>
      </c>
      <c r="L1797">
        <v>0</v>
      </c>
      <c r="M1797">
        <v>3082</v>
      </c>
      <c r="N1797">
        <v>0</v>
      </c>
      <c r="O1797">
        <v>0</v>
      </c>
      <c r="P1797">
        <v>12204</v>
      </c>
      <c r="Q1797">
        <v>0</v>
      </c>
      <c r="R1797">
        <v>53806</v>
      </c>
      <c r="S1797">
        <v>0</v>
      </c>
      <c r="T1797">
        <v>0</v>
      </c>
      <c r="U1797">
        <v>0</v>
      </c>
      <c r="V1797">
        <v>3</v>
      </c>
      <c r="W1797">
        <v>1</v>
      </c>
      <c r="X1797">
        <v>0</v>
      </c>
      <c r="Y1797">
        <v>62</v>
      </c>
      <c r="Z1797">
        <v>14</v>
      </c>
      <c r="AA1797">
        <v>109</v>
      </c>
      <c r="AB1797">
        <v>20</v>
      </c>
      <c r="AC1797">
        <v>172</v>
      </c>
      <c r="AD1797">
        <v>39</v>
      </c>
      <c r="AE1797">
        <v>41</v>
      </c>
      <c r="AF1797">
        <v>23760</v>
      </c>
      <c r="AG1797">
        <v>141616</v>
      </c>
      <c r="AH1797">
        <v>50000</v>
      </c>
      <c r="AI1797">
        <v>0</v>
      </c>
      <c r="AJ1797">
        <v>100</v>
      </c>
      <c r="AK1797" t="s">
        <v>0</v>
      </c>
      <c r="AL1797">
        <v>0</v>
      </c>
      <c r="AM1797">
        <v>0</v>
      </c>
      <c r="AN1797">
        <v>0</v>
      </c>
      <c r="AO1797">
        <v>0</v>
      </c>
      <c r="AP1797">
        <v>0</v>
      </c>
      <c r="AQ1797">
        <v>0</v>
      </c>
      <c r="AR1797">
        <v>0</v>
      </c>
      <c r="AS1797">
        <v>0</v>
      </c>
      <c r="AT1797">
        <v>0</v>
      </c>
      <c r="AU1797">
        <v>0</v>
      </c>
      <c r="AV1797">
        <v>0</v>
      </c>
      <c r="AW1797">
        <v>0</v>
      </c>
      <c r="AX1797">
        <v>594</v>
      </c>
      <c r="AY1797">
        <v>2</v>
      </c>
      <c r="AZ1797">
        <v>7</v>
      </c>
      <c r="BA1797">
        <v>490</v>
      </c>
    </row>
    <row r="1798" spans="1:53" x14ac:dyDescent="0.4">
      <c r="A1798">
        <v>1842</v>
      </c>
      <c r="B1798" s="1">
        <v>43399</v>
      </c>
      <c r="C1798">
        <v>1</v>
      </c>
      <c r="D1798" s="1">
        <v>43399.291666666664</v>
      </c>
      <c r="E1798" s="1">
        <v>43399.450694444444</v>
      </c>
      <c r="F1798">
        <v>0</v>
      </c>
      <c r="G1798">
        <v>0</v>
      </c>
      <c r="H1798">
        <v>0</v>
      </c>
      <c r="I1798">
        <v>0</v>
      </c>
      <c r="J1798">
        <v>0</v>
      </c>
      <c r="K1798">
        <v>0</v>
      </c>
      <c r="L1798">
        <v>0</v>
      </c>
      <c r="M1798">
        <v>0</v>
      </c>
      <c r="N1798">
        <v>0</v>
      </c>
      <c r="O1798">
        <v>0</v>
      </c>
      <c r="P1798">
        <v>0</v>
      </c>
      <c r="Q1798">
        <v>0</v>
      </c>
      <c r="R1798">
        <v>0</v>
      </c>
      <c r="S1798">
        <v>0</v>
      </c>
      <c r="T1798">
        <v>0</v>
      </c>
      <c r="U1798">
        <v>0</v>
      </c>
      <c r="V1798">
        <v>0</v>
      </c>
      <c r="W1798">
        <v>0</v>
      </c>
      <c r="X1798">
        <v>0</v>
      </c>
      <c r="Y1798">
        <v>30</v>
      </c>
      <c r="Z1798">
        <v>15</v>
      </c>
      <c r="AA1798">
        <v>102</v>
      </c>
      <c r="AB1798">
        <v>19</v>
      </c>
      <c r="AC1798">
        <v>113</v>
      </c>
      <c r="AD1798">
        <v>37</v>
      </c>
      <c r="AE1798">
        <v>35</v>
      </c>
      <c r="AF1798">
        <v>0</v>
      </c>
      <c r="AG1798">
        <v>50000</v>
      </c>
      <c r="AH1798">
        <v>0</v>
      </c>
      <c r="AI1798">
        <v>50000</v>
      </c>
      <c r="AJ1798">
        <v>0</v>
      </c>
      <c r="AK1798" t="s">
        <v>6</v>
      </c>
      <c r="AL1798">
        <v>0</v>
      </c>
      <c r="AM1798">
        <v>0</v>
      </c>
      <c r="AN1798">
        <v>0</v>
      </c>
      <c r="AO1798">
        <v>0</v>
      </c>
      <c r="AP1798">
        <v>0</v>
      </c>
      <c r="AQ1798">
        <v>0</v>
      </c>
      <c r="AR1798">
        <v>0</v>
      </c>
      <c r="AS1798">
        <v>0</v>
      </c>
      <c r="AT1798">
        <v>0</v>
      </c>
      <c r="AU1798">
        <v>0</v>
      </c>
      <c r="AV1798">
        <v>0</v>
      </c>
      <c r="AW1798">
        <v>0</v>
      </c>
      <c r="AX1798">
        <v>0</v>
      </c>
      <c r="AY1798">
        <v>0</v>
      </c>
      <c r="AZ1798">
        <v>0</v>
      </c>
      <c r="BA1798">
        <v>0</v>
      </c>
    </row>
    <row r="1799" spans="1:53" x14ac:dyDescent="0.4">
      <c r="A1799">
        <v>1843</v>
      </c>
      <c r="B1799" s="1">
        <v>43399</v>
      </c>
      <c r="C1799">
        <v>2</v>
      </c>
      <c r="D1799" s="1">
        <v>43399.450694444444</v>
      </c>
      <c r="E1799" s="1">
        <v>43399.734722222223</v>
      </c>
      <c r="F1799">
        <v>12500</v>
      </c>
      <c r="G1799">
        <v>0</v>
      </c>
      <c r="H1799">
        <v>0</v>
      </c>
      <c r="I1799">
        <v>0</v>
      </c>
      <c r="J1799">
        <v>0</v>
      </c>
      <c r="K1799">
        <v>0</v>
      </c>
      <c r="L1799">
        <v>0</v>
      </c>
      <c r="M1799">
        <v>1000</v>
      </c>
      <c r="N1799">
        <v>0</v>
      </c>
      <c r="O1799">
        <v>0</v>
      </c>
      <c r="P1799">
        <v>17820</v>
      </c>
      <c r="Q1799">
        <v>0</v>
      </c>
      <c r="R1799">
        <v>31320</v>
      </c>
      <c r="S1799">
        <v>0</v>
      </c>
      <c r="T1799">
        <v>0</v>
      </c>
      <c r="U1799">
        <v>0</v>
      </c>
      <c r="V1799">
        <v>1</v>
      </c>
      <c r="W1799">
        <v>0</v>
      </c>
      <c r="X1799">
        <v>0</v>
      </c>
      <c r="Y1799">
        <v>39</v>
      </c>
      <c r="Z1799">
        <v>36</v>
      </c>
      <c r="AA1799">
        <v>115</v>
      </c>
      <c r="AB1799">
        <v>21</v>
      </c>
      <c r="AC1799">
        <v>153</v>
      </c>
      <c r="AD1799">
        <v>41</v>
      </c>
      <c r="AE1799">
        <v>35</v>
      </c>
      <c r="AF1799">
        <v>0</v>
      </c>
      <c r="AG1799">
        <v>81320</v>
      </c>
      <c r="AH1799">
        <v>50000</v>
      </c>
      <c r="AI1799">
        <v>0</v>
      </c>
      <c r="AJ1799">
        <v>96</v>
      </c>
      <c r="AK1799" t="s">
        <v>4</v>
      </c>
      <c r="AL1799">
        <v>0</v>
      </c>
      <c r="AM1799">
        <v>0</v>
      </c>
      <c r="AN1799">
        <v>0</v>
      </c>
      <c r="AO1799">
        <v>0</v>
      </c>
      <c r="AP1799">
        <v>0</v>
      </c>
      <c r="AQ1799">
        <v>0</v>
      </c>
      <c r="AR1799">
        <v>0</v>
      </c>
      <c r="AS1799">
        <v>0</v>
      </c>
      <c r="AT1799">
        <v>0</v>
      </c>
      <c r="AU1799">
        <v>0</v>
      </c>
      <c r="AV1799">
        <v>0</v>
      </c>
      <c r="AW1799">
        <v>0</v>
      </c>
      <c r="AX1799">
        <v>1145</v>
      </c>
      <c r="AY1799">
        <v>33</v>
      </c>
      <c r="AZ1799">
        <v>58</v>
      </c>
      <c r="BA1799">
        <v>4238</v>
      </c>
    </row>
    <row r="1800" spans="1:53" x14ac:dyDescent="0.4">
      <c r="A1800">
        <v>1844</v>
      </c>
      <c r="B1800" s="1">
        <v>43400</v>
      </c>
      <c r="C1800">
        <v>1</v>
      </c>
      <c r="D1800" s="1">
        <v>43400.291666666664</v>
      </c>
      <c r="E1800" s="1">
        <v>43400.397916666669</v>
      </c>
      <c r="F1800">
        <v>0</v>
      </c>
      <c r="G1800">
        <v>0</v>
      </c>
      <c r="H1800">
        <v>0</v>
      </c>
      <c r="I1800">
        <v>0</v>
      </c>
      <c r="J1800">
        <v>0</v>
      </c>
      <c r="K1800">
        <v>0</v>
      </c>
      <c r="L1800">
        <v>0</v>
      </c>
      <c r="M1800">
        <v>0</v>
      </c>
      <c r="N1800">
        <v>0</v>
      </c>
      <c r="O1800">
        <v>0</v>
      </c>
      <c r="P1800">
        <v>0</v>
      </c>
      <c r="Q1800">
        <v>0</v>
      </c>
      <c r="R1800">
        <v>0</v>
      </c>
      <c r="S1800">
        <v>0</v>
      </c>
      <c r="T1800">
        <v>0</v>
      </c>
      <c r="U1800">
        <v>0</v>
      </c>
      <c r="V1800">
        <v>0</v>
      </c>
      <c r="W1800">
        <v>0</v>
      </c>
      <c r="X1800">
        <v>0</v>
      </c>
      <c r="Y1800">
        <v>33</v>
      </c>
      <c r="Z1800">
        <v>8</v>
      </c>
      <c r="AA1800">
        <v>112</v>
      </c>
      <c r="AB1800">
        <v>10</v>
      </c>
      <c r="AC1800">
        <v>106</v>
      </c>
      <c r="AD1800">
        <v>42</v>
      </c>
      <c r="AE1800">
        <v>30</v>
      </c>
      <c r="AF1800">
        <v>0</v>
      </c>
      <c r="AG1800">
        <v>50000</v>
      </c>
      <c r="AH1800">
        <v>50000</v>
      </c>
      <c r="AI1800">
        <v>0</v>
      </c>
      <c r="AJ1800">
        <v>0</v>
      </c>
      <c r="AK1800" t="s">
        <v>6</v>
      </c>
      <c r="AL1800">
        <v>0</v>
      </c>
      <c r="AM1800">
        <v>0</v>
      </c>
      <c r="AN1800">
        <v>0</v>
      </c>
      <c r="AO1800">
        <v>0</v>
      </c>
      <c r="AP1800">
        <v>0</v>
      </c>
      <c r="AQ1800">
        <v>0</v>
      </c>
      <c r="AR1800">
        <v>0</v>
      </c>
      <c r="AS1800">
        <v>0</v>
      </c>
      <c r="AT1800">
        <v>0</v>
      </c>
      <c r="AU1800">
        <v>0</v>
      </c>
      <c r="AV1800">
        <v>0</v>
      </c>
      <c r="AW1800">
        <v>0</v>
      </c>
      <c r="AX1800">
        <v>0</v>
      </c>
      <c r="AY1800">
        <v>0</v>
      </c>
      <c r="AZ1800">
        <v>0</v>
      </c>
      <c r="BA1800">
        <v>0</v>
      </c>
    </row>
    <row r="1801" spans="1:53" x14ac:dyDescent="0.4">
      <c r="A1801">
        <v>1845</v>
      </c>
      <c r="B1801" s="1">
        <v>43400</v>
      </c>
      <c r="C1801">
        <v>2</v>
      </c>
      <c r="D1801" s="1">
        <v>43400.397916666669</v>
      </c>
      <c r="E1801" s="1">
        <v>43400.824999999997</v>
      </c>
      <c r="F1801">
        <v>45000</v>
      </c>
      <c r="G1801">
        <v>3580</v>
      </c>
      <c r="H1801">
        <v>400</v>
      </c>
      <c r="I1801">
        <v>0</v>
      </c>
      <c r="J1801">
        <v>0</v>
      </c>
      <c r="K1801">
        <v>0</v>
      </c>
      <c r="L1801">
        <v>0</v>
      </c>
      <c r="M1801">
        <v>3918</v>
      </c>
      <c r="N1801">
        <v>0</v>
      </c>
      <c r="O1801">
        <v>0</v>
      </c>
      <c r="P1801">
        <v>12960</v>
      </c>
      <c r="Q1801">
        <v>0</v>
      </c>
      <c r="R1801">
        <v>65858</v>
      </c>
      <c r="S1801">
        <v>0</v>
      </c>
      <c r="T1801">
        <v>0</v>
      </c>
      <c r="U1801">
        <v>0</v>
      </c>
      <c r="V1801">
        <v>1</v>
      </c>
      <c r="W1801">
        <v>2</v>
      </c>
      <c r="X1801">
        <v>0</v>
      </c>
      <c r="Y1801">
        <v>70</v>
      </c>
      <c r="Z1801">
        <v>21</v>
      </c>
      <c r="AA1801">
        <v>102</v>
      </c>
      <c r="AB1801">
        <v>6</v>
      </c>
      <c r="AC1801">
        <v>198</v>
      </c>
      <c r="AD1801">
        <v>40</v>
      </c>
      <c r="AE1801">
        <v>33</v>
      </c>
      <c r="AF1801">
        <v>2665</v>
      </c>
      <c r="AG1801">
        <v>115878</v>
      </c>
      <c r="AH1801">
        <v>50000</v>
      </c>
      <c r="AI1801">
        <v>20</v>
      </c>
      <c r="AJ1801">
        <v>30</v>
      </c>
      <c r="AL1801">
        <v>0</v>
      </c>
      <c r="AM1801">
        <v>0</v>
      </c>
      <c r="AN1801">
        <v>0</v>
      </c>
      <c r="AO1801">
        <v>0</v>
      </c>
      <c r="AP1801">
        <v>0</v>
      </c>
      <c r="AQ1801">
        <v>0</v>
      </c>
      <c r="AR1801">
        <v>0</v>
      </c>
      <c r="AS1801">
        <v>0</v>
      </c>
      <c r="AT1801">
        <v>0</v>
      </c>
      <c r="AU1801">
        <v>0</v>
      </c>
      <c r="AV1801">
        <v>0</v>
      </c>
      <c r="AW1801">
        <v>0</v>
      </c>
      <c r="AX1801">
        <v>9698</v>
      </c>
      <c r="AY1801">
        <v>55</v>
      </c>
      <c r="AZ1801">
        <v>121</v>
      </c>
      <c r="BA1801">
        <v>8535</v>
      </c>
    </row>
    <row r="1802" spans="1:53" x14ac:dyDescent="0.4">
      <c r="A1802">
        <v>1846</v>
      </c>
      <c r="B1802" s="1">
        <v>43400</v>
      </c>
      <c r="C1802">
        <v>3</v>
      </c>
      <c r="D1802" s="1">
        <v>43400.824999999997</v>
      </c>
      <c r="E1802" s="1">
        <v>43400.825694444444</v>
      </c>
      <c r="F1802">
        <v>0</v>
      </c>
      <c r="G1802">
        <v>0</v>
      </c>
      <c r="H1802">
        <v>0</v>
      </c>
      <c r="I1802">
        <v>0</v>
      </c>
      <c r="J1802">
        <v>0</v>
      </c>
      <c r="K1802">
        <v>0</v>
      </c>
      <c r="L1802">
        <v>0</v>
      </c>
      <c r="M1802">
        <v>0</v>
      </c>
      <c r="N1802">
        <v>0</v>
      </c>
      <c r="O1802">
        <v>0</v>
      </c>
      <c r="P1802">
        <v>0</v>
      </c>
      <c r="Q1802">
        <v>0</v>
      </c>
      <c r="R1802">
        <v>0</v>
      </c>
      <c r="S1802">
        <v>0</v>
      </c>
      <c r="T1802">
        <v>0</v>
      </c>
      <c r="U1802">
        <v>0</v>
      </c>
      <c r="V1802">
        <v>1</v>
      </c>
      <c r="W1802">
        <v>2</v>
      </c>
      <c r="X1802">
        <v>0</v>
      </c>
      <c r="Y1802">
        <v>70</v>
      </c>
      <c r="Z1802">
        <v>21</v>
      </c>
      <c r="AA1802">
        <v>102</v>
      </c>
      <c r="AB1802">
        <v>6</v>
      </c>
      <c r="AC1802">
        <v>198</v>
      </c>
      <c r="AD1802">
        <v>40</v>
      </c>
      <c r="AE1802">
        <v>33</v>
      </c>
      <c r="AF1802">
        <v>2665</v>
      </c>
      <c r="AG1802">
        <v>115878</v>
      </c>
      <c r="AH1802">
        <v>50000</v>
      </c>
      <c r="AI1802">
        <v>20</v>
      </c>
      <c r="AJ1802">
        <v>30</v>
      </c>
      <c r="AL1802">
        <v>0</v>
      </c>
      <c r="AM1802">
        <v>0</v>
      </c>
      <c r="AN1802">
        <v>0</v>
      </c>
      <c r="AO1802">
        <v>0</v>
      </c>
      <c r="AP1802">
        <v>0</v>
      </c>
      <c r="AQ1802">
        <v>0</v>
      </c>
      <c r="AR1802">
        <v>0</v>
      </c>
      <c r="AS1802">
        <v>0</v>
      </c>
      <c r="AT1802">
        <v>0</v>
      </c>
      <c r="AU1802">
        <v>0</v>
      </c>
      <c r="AV1802">
        <v>0</v>
      </c>
      <c r="AW1802">
        <v>0</v>
      </c>
      <c r="AX1802">
        <v>9698</v>
      </c>
      <c r="AY1802">
        <v>0</v>
      </c>
      <c r="AZ1802">
        <v>0</v>
      </c>
      <c r="BA1802">
        <v>11</v>
      </c>
    </row>
    <row r="1803" spans="1:53" x14ac:dyDescent="0.4">
      <c r="A1803">
        <v>1847</v>
      </c>
      <c r="B1803" s="1">
        <v>43401</v>
      </c>
      <c r="C1803">
        <v>1</v>
      </c>
      <c r="D1803" s="1">
        <v>43401.291666666664</v>
      </c>
      <c r="E1803" s="1">
        <v>43401.395833333336</v>
      </c>
      <c r="F1803">
        <v>0</v>
      </c>
      <c r="G1803">
        <v>0</v>
      </c>
      <c r="H1803">
        <v>0</v>
      </c>
      <c r="I1803">
        <v>0</v>
      </c>
      <c r="J1803">
        <v>0</v>
      </c>
      <c r="K1803">
        <v>0</v>
      </c>
      <c r="L1803">
        <v>0</v>
      </c>
      <c r="M1803">
        <v>0</v>
      </c>
      <c r="N1803">
        <v>0</v>
      </c>
      <c r="O1803">
        <v>0</v>
      </c>
      <c r="P1803">
        <v>0</v>
      </c>
      <c r="Q1803">
        <v>0</v>
      </c>
      <c r="R1803">
        <v>0</v>
      </c>
      <c r="S1803">
        <v>0</v>
      </c>
      <c r="T1803">
        <v>0</v>
      </c>
      <c r="U1803">
        <v>0</v>
      </c>
      <c r="V1803">
        <v>0</v>
      </c>
      <c r="W1803">
        <v>0</v>
      </c>
      <c r="X1803">
        <v>0</v>
      </c>
      <c r="Y1803">
        <v>29</v>
      </c>
      <c r="Z1803">
        <v>23</v>
      </c>
      <c r="AA1803">
        <v>82</v>
      </c>
      <c r="AB1803">
        <v>0</v>
      </c>
      <c r="AC1803">
        <v>111</v>
      </c>
      <c r="AD1803">
        <v>34</v>
      </c>
      <c r="AE1803">
        <v>20</v>
      </c>
      <c r="AF1803">
        <v>0</v>
      </c>
      <c r="AG1803">
        <v>50000</v>
      </c>
      <c r="AH1803">
        <v>50000</v>
      </c>
      <c r="AI1803">
        <v>0</v>
      </c>
      <c r="AJ1803">
        <v>0</v>
      </c>
      <c r="AK1803" t="s">
        <v>6</v>
      </c>
      <c r="AL1803">
        <v>0</v>
      </c>
      <c r="AM1803">
        <v>0</v>
      </c>
      <c r="AN1803">
        <v>0</v>
      </c>
      <c r="AO1803">
        <v>0</v>
      </c>
      <c r="AP1803">
        <v>0</v>
      </c>
      <c r="AQ1803">
        <v>0</v>
      </c>
      <c r="AR1803">
        <v>0</v>
      </c>
      <c r="AS1803">
        <v>0</v>
      </c>
      <c r="AT1803">
        <v>0</v>
      </c>
      <c r="AU1803">
        <v>0</v>
      </c>
      <c r="AV1803">
        <v>0</v>
      </c>
      <c r="AW1803">
        <v>0</v>
      </c>
      <c r="AX1803">
        <v>0</v>
      </c>
      <c r="AY1803">
        <v>0</v>
      </c>
      <c r="AZ1803">
        <v>0</v>
      </c>
      <c r="BA1803">
        <v>0</v>
      </c>
    </row>
    <row r="1804" spans="1:53" x14ac:dyDescent="0.4">
      <c r="A1804">
        <v>1848</v>
      </c>
      <c r="B1804" s="1">
        <v>43401</v>
      </c>
      <c r="C1804">
        <v>2</v>
      </c>
      <c r="D1804" s="1">
        <v>43401.395833333336</v>
      </c>
      <c r="E1804" s="1">
        <v>43401.731249999997</v>
      </c>
      <c r="F1804">
        <v>41500</v>
      </c>
      <c r="G1804">
        <v>3080</v>
      </c>
      <c r="H1804">
        <v>200</v>
      </c>
      <c r="I1804">
        <v>0</v>
      </c>
      <c r="J1804">
        <v>0</v>
      </c>
      <c r="K1804">
        <v>0</v>
      </c>
      <c r="L1804">
        <v>0</v>
      </c>
      <c r="M1804">
        <v>3582</v>
      </c>
      <c r="N1804">
        <v>0</v>
      </c>
      <c r="O1804">
        <v>0</v>
      </c>
      <c r="P1804">
        <v>23760</v>
      </c>
      <c r="Q1804">
        <v>0</v>
      </c>
      <c r="R1804">
        <v>72122</v>
      </c>
      <c r="S1804">
        <v>0</v>
      </c>
      <c r="T1804">
        <v>0</v>
      </c>
      <c r="U1804">
        <v>0</v>
      </c>
      <c r="V1804">
        <v>1</v>
      </c>
      <c r="W1804">
        <v>1</v>
      </c>
      <c r="X1804">
        <v>0</v>
      </c>
      <c r="Y1804">
        <v>76</v>
      </c>
      <c r="Z1804">
        <v>38</v>
      </c>
      <c r="AA1804">
        <v>95</v>
      </c>
      <c r="AB1804">
        <v>5</v>
      </c>
      <c r="AC1804">
        <v>115</v>
      </c>
      <c r="AD1804">
        <v>41</v>
      </c>
      <c r="AE1804">
        <v>17</v>
      </c>
      <c r="AF1804">
        <v>1000</v>
      </c>
      <c r="AG1804">
        <v>122122</v>
      </c>
      <c r="AH1804">
        <v>50000</v>
      </c>
      <c r="AI1804">
        <v>0</v>
      </c>
      <c r="AJ1804">
        <v>92</v>
      </c>
      <c r="AK1804" t="s">
        <v>22</v>
      </c>
      <c r="AL1804">
        <v>0</v>
      </c>
      <c r="AM1804">
        <v>0</v>
      </c>
      <c r="AN1804">
        <v>0</v>
      </c>
      <c r="AO1804">
        <v>0</v>
      </c>
      <c r="AP1804">
        <v>0</v>
      </c>
      <c r="AQ1804">
        <v>0</v>
      </c>
      <c r="AR1804">
        <v>0</v>
      </c>
      <c r="AS1804">
        <v>0</v>
      </c>
      <c r="AT1804">
        <v>0</v>
      </c>
      <c r="AU1804">
        <v>0</v>
      </c>
      <c r="AV1804">
        <v>0</v>
      </c>
      <c r="AW1804">
        <v>0</v>
      </c>
      <c r="AX1804">
        <v>1966</v>
      </c>
      <c r="AY1804">
        <v>55</v>
      </c>
      <c r="AZ1804">
        <v>127</v>
      </c>
      <c r="BA1804">
        <v>7727</v>
      </c>
    </row>
    <row r="1805" spans="1:53" x14ac:dyDescent="0.4">
      <c r="A1805">
        <v>1849</v>
      </c>
      <c r="B1805" s="1">
        <v>43401</v>
      </c>
      <c r="C1805">
        <v>3</v>
      </c>
      <c r="D1805" s="1">
        <v>43401.731249999997</v>
      </c>
      <c r="E1805" s="1">
        <v>43401.967361111114</v>
      </c>
      <c r="F1805">
        <v>50260</v>
      </c>
      <c r="G1805">
        <v>2320</v>
      </c>
      <c r="H1805">
        <v>0</v>
      </c>
      <c r="I1805">
        <v>0</v>
      </c>
      <c r="J1805">
        <v>0</v>
      </c>
      <c r="K1805">
        <v>0</v>
      </c>
      <c r="L1805">
        <v>0</v>
      </c>
      <c r="M1805">
        <v>4207</v>
      </c>
      <c r="N1805">
        <v>0</v>
      </c>
      <c r="O1805">
        <v>0</v>
      </c>
      <c r="P1805">
        <v>-23760</v>
      </c>
      <c r="Q1805">
        <v>0</v>
      </c>
      <c r="R1805">
        <v>33027</v>
      </c>
      <c r="S1805">
        <v>0</v>
      </c>
      <c r="T1805">
        <v>0</v>
      </c>
      <c r="U1805">
        <v>0</v>
      </c>
      <c r="V1805">
        <v>1</v>
      </c>
      <c r="W1805">
        <v>3</v>
      </c>
      <c r="X1805">
        <v>0</v>
      </c>
      <c r="Y1805">
        <v>94</v>
      </c>
      <c r="Z1805">
        <v>43</v>
      </c>
      <c r="AA1805">
        <v>100</v>
      </c>
      <c r="AB1805">
        <v>8</v>
      </c>
      <c r="AC1805">
        <v>112</v>
      </c>
      <c r="AD1805">
        <v>41</v>
      </c>
      <c r="AE1805">
        <v>23</v>
      </c>
      <c r="AF1805">
        <v>2901</v>
      </c>
      <c r="AG1805">
        <v>155149</v>
      </c>
      <c r="AH1805">
        <v>50000</v>
      </c>
      <c r="AI1805">
        <v>0</v>
      </c>
      <c r="AJ1805">
        <v>108</v>
      </c>
      <c r="AK1805" t="s">
        <v>30</v>
      </c>
      <c r="AL1805">
        <v>0</v>
      </c>
      <c r="AM1805">
        <v>0</v>
      </c>
      <c r="AN1805">
        <v>0</v>
      </c>
      <c r="AO1805">
        <v>0</v>
      </c>
      <c r="AP1805">
        <v>0</v>
      </c>
      <c r="AQ1805">
        <v>0</v>
      </c>
      <c r="AR1805">
        <v>0</v>
      </c>
      <c r="AS1805">
        <v>0</v>
      </c>
      <c r="AT1805">
        <v>0</v>
      </c>
      <c r="AU1805">
        <v>0</v>
      </c>
      <c r="AV1805">
        <v>0</v>
      </c>
      <c r="AW1805">
        <v>0</v>
      </c>
      <c r="AX1805">
        <v>10087</v>
      </c>
      <c r="AY1805">
        <v>13</v>
      </c>
      <c r="AZ1805">
        <v>46</v>
      </c>
      <c r="BA1805">
        <v>3002</v>
      </c>
    </row>
    <row r="1806" spans="1:53" x14ac:dyDescent="0.4">
      <c r="A1806">
        <v>1850</v>
      </c>
      <c r="B1806" s="1">
        <v>43401</v>
      </c>
      <c r="C1806">
        <v>4</v>
      </c>
      <c r="D1806" s="1">
        <v>43401.967361111114</v>
      </c>
      <c r="E1806" s="1">
        <v>43402.07916666667</v>
      </c>
      <c r="F1806">
        <v>17020</v>
      </c>
      <c r="G1806">
        <v>830</v>
      </c>
      <c r="H1806">
        <v>200</v>
      </c>
      <c r="I1806">
        <v>0</v>
      </c>
      <c r="J1806">
        <v>0</v>
      </c>
      <c r="K1806">
        <v>0</v>
      </c>
      <c r="L1806">
        <v>0</v>
      </c>
      <c r="M1806">
        <v>1444</v>
      </c>
      <c r="N1806">
        <v>0</v>
      </c>
      <c r="O1806">
        <v>0</v>
      </c>
      <c r="P1806">
        <v>4752</v>
      </c>
      <c r="Q1806">
        <v>0</v>
      </c>
      <c r="R1806">
        <v>24246</v>
      </c>
      <c r="S1806">
        <v>0</v>
      </c>
      <c r="T1806">
        <v>0</v>
      </c>
      <c r="U1806">
        <v>0</v>
      </c>
      <c r="V1806">
        <v>4</v>
      </c>
      <c r="W1806">
        <v>3</v>
      </c>
      <c r="X1806">
        <v>0</v>
      </c>
      <c r="Y1806">
        <v>89</v>
      </c>
      <c r="Z1806">
        <v>41</v>
      </c>
      <c r="AA1806">
        <v>100</v>
      </c>
      <c r="AB1806">
        <v>9</v>
      </c>
      <c r="AC1806">
        <v>110</v>
      </c>
      <c r="AD1806">
        <v>41</v>
      </c>
      <c r="AE1806">
        <v>23</v>
      </c>
      <c r="AF1806">
        <v>3117</v>
      </c>
      <c r="AG1806">
        <v>179395</v>
      </c>
      <c r="AH1806">
        <v>50000</v>
      </c>
      <c r="AI1806">
        <v>0</v>
      </c>
      <c r="AJ1806">
        <v>100</v>
      </c>
      <c r="AK1806" t="s">
        <v>0</v>
      </c>
      <c r="AL1806">
        <v>0</v>
      </c>
      <c r="AM1806">
        <v>0</v>
      </c>
      <c r="AN1806">
        <v>0</v>
      </c>
      <c r="AO1806">
        <v>0</v>
      </c>
      <c r="AP1806">
        <v>0</v>
      </c>
      <c r="AQ1806">
        <v>0</v>
      </c>
      <c r="AR1806">
        <v>0</v>
      </c>
      <c r="AS1806">
        <v>0</v>
      </c>
      <c r="AT1806">
        <v>0</v>
      </c>
      <c r="AU1806">
        <v>0</v>
      </c>
      <c r="AV1806">
        <v>0</v>
      </c>
      <c r="AW1806">
        <v>0</v>
      </c>
      <c r="AX1806">
        <v>0</v>
      </c>
      <c r="AY1806">
        <v>2</v>
      </c>
      <c r="AZ1806">
        <v>4</v>
      </c>
      <c r="BA1806">
        <v>521</v>
      </c>
    </row>
    <row r="1807" spans="1:53" x14ac:dyDescent="0.4">
      <c r="A1807">
        <v>1851</v>
      </c>
      <c r="B1807" s="1">
        <v>43402</v>
      </c>
      <c r="C1807">
        <v>1</v>
      </c>
      <c r="D1807" s="1">
        <v>43402.291666666664</v>
      </c>
      <c r="E1807" s="1">
        <v>43402.452777777777</v>
      </c>
      <c r="F1807">
        <v>0</v>
      </c>
      <c r="G1807">
        <v>0</v>
      </c>
      <c r="H1807">
        <v>0</v>
      </c>
      <c r="I1807">
        <v>0</v>
      </c>
      <c r="J1807">
        <v>0</v>
      </c>
      <c r="K1807">
        <v>0</v>
      </c>
      <c r="L1807">
        <v>0</v>
      </c>
      <c r="M1807">
        <v>0</v>
      </c>
      <c r="N1807">
        <v>0</v>
      </c>
      <c r="O1807">
        <v>0</v>
      </c>
      <c r="P1807">
        <v>0</v>
      </c>
      <c r="Q1807">
        <v>0</v>
      </c>
      <c r="R1807">
        <v>0</v>
      </c>
      <c r="S1807">
        <v>0</v>
      </c>
      <c r="T1807">
        <v>0</v>
      </c>
      <c r="U1807">
        <v>0</v>
      </c>
      <c r="V1807">
        <v>0</v>
      </c>
      <c r="W1807">
        <v>0</v>
      </c>
      <c r="X1807">
        <v>0</v>
      </c>
      <c r="Y1807">
        <v>34</v>
      </c>
      <c r="Z1807">
        <v>9</v>
      </c>
      <c r="AA1807">
        <v>97</v>
      </c>
      <c r="AB1807">
        <v>9</v>
      </c>
      <c r="AC1807">
        <v>112</v>
      </c>
      <c r="AD1807">
        <v>41</v>
      </c>
      <c r="AE1807">
        <v>25</v>
      </c>
      <c r="AF1807">
        <v>0</v>
      </c>
      <c r="AG1807">
        <v>50000</v>
      </c>
      <c r="AH1807">
        <v>0</v>
      </c>
      <c r="AI1807">
        <v>50000</v>
      </c>
      <c r="AJ1807">
        <v>0</v>
      </c>
      <c r="AK1807" t="s">
        <v>6</v>
      </c>
      <c r="AL1807">
        <v>0</v>
      </c>
      <c r="AM1807">
        <v>0</v>
      </c>
      <c r="AN1807">
        <v>0</v>
      </c>
      <c r="AO1807">
        <v>0</v>
      </c>
      <c r="AP1807">
        <v>0</v>
      </c>
      <c r="AQ1807">
        <v>0</v>
      </c>
      <c r="AR1807">
        <v>0</v>
      </c>
      <c r="AS1807">
        <v>0</v>
      </c>
      <c r="AT1807">
        <v>0</v>
      </c>
      <c r="AU1807">
        <v>0</v>
      </c>
      <c r="AV1807">
        <v>0</v>
      </c>
      <c r="AW1807">
        <v>0</v>
      </c>
      <c r="AX1807">
        <v>0</v>
      </c>
      <c r="AY1807">
        <v>0</v>
      </c>
      <c r="AZ1807">
        <v>0</v>
      </c>
      <c r="BA1807">
        <v>0</v>
      </c>
    </row>
    <row r="1808" spans="1:53" x14ac:dyDescent="0.4">
      <c r="A1808">
        <v>1852</v>
      </c>
      <c r="B1808" s="1">
        <v>43402</v>
      </c>
      <c r="C1808">
        <v>2</v>
      </c>
      <c r="D1808" s="1">
        <v>43402.452777777777</v>
      </c>
      <c r="E1808" s="1">
        <v>43402.755555555559</v>
      </c>
      <c r="F1808">
        <v>30500</v>
      </c>
      <c r="G1808">
        <v>3280</v>
      </c>
      <c r="H1808">
        <v>0</v>
      </c>
      <c r="I1808">
        <v>0</v>
      </c>
      <c r="J1808">
        <v>0</v>
      </c>
      <c r="K1808">
        <v>0</v>
      </c>
      <c r="L1808">
        <v>0</v>
      </c>
      <c r="M1808">
        <v>2701</v>
      </c>
      <c r="N1808">
        <v>0</v>
      </c>
      <c r="O1808">
        <v>0</v>
      </c>
      <c r="P1808">
        <v>15120</v>
      </c>
      <c r="Q1808">
        <v>0</v>
      </c>
      <c r="R1808">
        <v>51601</v>
      </c>
      <c r="S1808">
        <v>0</v>
      </c>
      <c r="T1808">
        <v>0</v>
      </c>
      <c r="U1808">
        <v>0</v>
      </c>
      <c r="V1808">
        <v>0</v>
      </c>
      <c r="W1808">
        <v>1</v>
      </c>
      <c r="X1808">
        <v>0</v>
      </c>
      <c r="Y1808">
        <v>63</v>
      </c>
      <c r="Z1808">
        <v>29</v>
      </c>
      <c r="AA1808">
        <v>94</v>
      </c>
      <c r="AB1808">
        <v>12</v>
      </c>
      <c r="AC1808">
        <v>198</v>
      </c>
      <c r="AD1808">
        <v>47</v>
      </c>
      <c r="AE1808">
        <v>35</v>
      </c>
      <c r="AF1808">
        <v>6852</v>
      </c>
      <c r="AG1808">
        <v>101602</v>
      </c>
      <c r="AH1808">
        <v>50000</v>
      </c>
      <c r="AI1808">
        <v>1</v>
      </c>
      <c r="AJ1808">
        <v>96</v>
      </c>
      <c r="AK1808" t="s">
        <v>4</v>
      </c>
      <c r="AL1808">
        <v>0</v>
      </c>
      <c r="AM1808">
        <v>0</v>
      </c>
      <c r="AN1808">
        <v>0</v>
      </c>
      <c r="AO1808">
        <v>0</v>
      </c>
      <c r="AP1808">
        <v>0</v>
      </c>
      <c r="AQ1808">
        <v>0</v>
      </c>
      <c r="AR1808">
        <v>0</v>
      </c>
      <c r="AS1808">
        <v>0</v>
      </c>
      <c r="AT1808">
        <v>0</v>
      </c>
      <c r="AU1808">
        <v>0</v>
      </c>
      <c r="AV1808">
        <v>0</v>
      </c>
      <c r="AW1808">
        <v>0</v>
      </c>
      <c r="AX1808">
        <v>3845</v>
      </c>
      <c r="AY1808">
        <v>38</v>
      </c>
      <c r="AZ1808">
        <v>86</v>
      </c>
      <c r="BA1808">
        <v>5702</v>
      </c>
    </row>
    <row r="1809" spans="1:53" x14ac:dyDescent="0.4">
      <c r="A1809">
        <v>1853</v>
      </c>
      <c r="B1809" s="1">
        <v>43402</v>
      </c>
      <c r="C1809">
        <v>3</v>
      </c>
      <c r="D1809" s="1">
        <v>43402.755555555559</v>
      </c>
      <c r="E1809" s="1">
        <v>43402.759027777778</v>
      </c>
      <c r="F1809">
        <v>0</v>
      </c>
      <c r="G1809">
        <v>0</v>
      </c>
      <c r="H1809">
        <v>0</v>
      </c>
      <c r="I1809">
        <v>0</v>
      </c>
      <c r="J1809">
        <v>0</v>
      </c>
      <c r="K1809">
        <v>0</v>
      </c>
      <c r="L1809">
        <v>0</v>
      </c>
      <c r="M1809">
        <v>0</v>
      </c>
      <c r="N1809">
        <v>0</v>
      </c>
      <c r="O1809">
        <v>0</v>
      </c>
      <c r="P1809">
        <v>1620</v>
      </c>
      <c r="Q1809">
        <v>0</v>
      </c>
      <c r="R1809">
        <v>1620</v>
      </c>
      <c r="S1809">
        <v>0</v>
      </c>
      <c r="T1809">
        <v>0</v>
      </c>
      <c r="U1809">
        <v>0</v>
      </c>
      <c r="V1809">
        <v>0</v>
      </c>
      <c r="W1809">
        <v>1</v>
      </c>
      <c r="X1809">
        <v>0</v>
      </c>
      <c r="Y1809">
        <v>64</v>
      </c>
      <c r="Z1809">
        <v>29</v>
      </c>
      <c r="AA1809">
        <v>100</v>
      </c>
      <c r="AB1809">
        <v>13</v>
      </c>
      <c r="AC1809">
        <v>195</v>
      </c>
      <c r="AD1809">
        <v>47</v>
      </c>
      <c r="AE1809">
        <v>34</v>
      </c>
      <c r="AF1809">
        <v>6852</v>
      </c>
      <c r="AG1809">
        <v>103221</v>
      </c>
      <c r="AH1809">
        <v>50000</v>
      </c>
      <c r="AI1809">
        <v>0</v>
      </c>
      <c r="AJ1809">
        <v>100</v>
      </c>
      <c r="AK1809" t="s">
        <v>0</v>
      </c>
      <c r="AL1809">
        <v>0</v>
      </c>
      <c r="AM1809">
        <v>0</v>
      </c>
      <c r="AN1809">
        <v>0</v>
      </c>
      <c r="AO1809">
        <v>0</v>
      </c>
      <c r="AP1809">
        <v>0</v>
      </c>
      <c r="AQ1809">
        <v>0</v>
      </c>
      <c r="AR1809">
        <v>0</v>
      </c>
      <c r="AS1809">
        <v>0</v>
      </c>
      <c r="AT1809">
        <v>0</v>
      </c>
      <c r="AU1809">
        <v>0</v>
      </c>
      <c r="AV1809">
        <v>0</v>
      </c>
      <c r="AW1809">
        <v>0</v>
      </c>
      <c r="AX1809">
        <v>2765</v>
      </c>
      <c r="AY1809">
        <v>1</v>
      </c>
      <c r="AZ1809">
        <v>3</v>
      </c>
      <c r="BA1809">
        <v>63</v>
      </c>
    </row>
    <row r="1810" spans="1:53" x14ac:dyDescent="0.4">
      <c r="A1810">
        <v>1854</v>
      </c>
      <c r="B1810" s="1">
        <v>43402</v>
      </c>
      <c r="C1810">
        <v>4</v>
      </c>
      <c r="D1810" s="1">
        <v>43402.759027777778</v>
      </c>
      <c r="E1810" s="1">
        <v>43402.958333333336</v>
      </c>
      <c r="F1810">
        <v>21000</v>
      </c>
      <c r="G1810">
        <v>3560</v>
      </c>
      <c r="H1810">
        <v>0</v>
      </c>
      <c r="I1810">
        <v>0</v>
      </c>
      <c r="J1810">
        <v>0</v>
      </c>
      <c r="K1810">
        <v>0</v>
      </c>
      <c r="L1810">
        <v>0</v>
      </c>
      <c r="M1810">
        <v>1965</v>
      </c>
      <c r="N1810">
        <v>0</v>
      </c>
      <c r="O1810">
        <v>0</v>
      </c>
      <c r="P1810">
        <v>-3780</v>
      </c>
      <c r="Q1810">
        <v>0</v>
      </c>
      <c r="R1810">
        <v>22745</v>
      </c>
      <c r="S1810">
        <v>0</v>
      </c>
      <c r="T1810">
        <v>0</v>
      </c>
      <c r="U1810">
        <v>0</v>
      </c>
      <c r="V1810">
        <v>3</v>
      </c>
      <c r="W1810">
        <v>0</v>
      </c>
      <c r="X1810">
        <v>0</v>
      </c>
      <c r="Y1810">
        <v>60</v>
      </c>
      <c r="Z1810">
        <v>29</v>
      </c>
      <c r="AA1810">
        <v>104</v>
      </c>
      <c r="AB1810">
        <v>12</v>
      </c>
      <c r="AC1810">
        <v>189</v>
      </c>
      <c r="AD1810">
        <v>47</v>
      </c>
      <c r="AE1810">
        <v>41</v>
      </c>
      <c r="AF1810">
        <v>8300</v>
      </c>
      <c r="AG1810">
        <v>125966</v>
      </c>
      <c r="AH1810">
        <v>50000</v>
      </c>
      <c r="AI1810">
        <v>0</v>
      </c>
      <c r="AJ1810">
        <v>100</v>
      </c>
      <c r="AK1810" t="s">
        <v>0</v>
      </c>
      <c r="AL1810">
        <v>0</v>
      </c>
      <c r="AM1810">
        <v>0</v>
      </c>
      <c r="AN1810">
        <v>0</v>
      </c>
      <c r="AO1810">
        <v>0</v>
      </c>
      <c r="AP1810">
        <v>0</v>
      </c>
      <c r="AQ1810">
        <v>0</v>
      </c>
      <c r="AR1810">
        <v>0</v>
      </c>
      <c r="AS1810">
        <v>0</v>
      </c>
      <c r="AT1810">
        <v>0</v>
      </c>
      <c r="AU1810">
        <v>0</v>
      </c>
      <c r="AV1810">
        <v>0</v>
      </c>
      <c r="AW1810">
        <v>0</v>
      </c>
      <c r="AX1810">
        <v>1922</v>
      </c>
      <c r="AY1810">
        <v>10</v>
      </c>
      <c r="AZ1810">
        <v>21</v>
      </c>
      <c r="BA1810">
        <v>1850</v>
      </c>
    </row>
    <row r="1811" spans="1:53" x14ac:dyDescent="0.4">
      <c r="A1811">
        <v>1855</v>
      </c>
      <c r="B1811" s="1">
        <v>43402</v>
      </c>
      <c r="C1811">
        <v>5</v>
      </c>
      <c r="D1811" s="1">
        <v>43402.958333333336</v>
      </c>
      <c r="E1811" s="1">
        <v>43403.100694444445</v>
      </c>
      <c r="F1811">
        <v>13400</v>
      </c>
      <c r="G1811">
        <v>0</v>
      </c>
      <c r="H1811">
        <v>0</v>
      </c>
      <c r="I1811">
        <v>0</v>
      </c>
      <c r="J1811">
        <v>0</v>
      </c>
      <c r="K1811">
        <v>0</v>
      </c>
      <c r="L1811">
        <v>0</v>
      </c>
      <c r="M1811">
        <v>1072</v>
      </c>
      <c r="N1811">
        <v>0</v>
      </c>
      <c r="O1811">
        <v>0</v>
      </c>
      <c r="P1811">
        <v>-6696</v>
      </c>
      <c r="Q1811">
        <v>0</v>
      </c>
      <c r="R1811">
        <v>7776</v>
      </c>
      <c r="S1811">
        <v>0</v>
      </c>
      <c r="T1811">
        <v>0</v>
      </c>
      <c r="U1811">
        <v>0</v>
      </c>
      <c r="V1811">
        <v>4</v>
      </c>
      <c r="W1811">
        <v>0</v>
      </c>
      <c r="X1811">
        <v>0</v>
      </c>
      <c r="Y1811">
        <v>56</v>
      </c>
      <c r="Z1811">
        <v>31</v>
      </c>
      <c r="AA1811">
        <v>110</v>
      </c>
      <c r="AB1811">
        <v>15</v>
      </c>
      <c r="AC1811">
        <v>191</v>
      </c>
      <c r="AD1811">
        <v>48</v>
      </c>
      <c r="AE1811">
        <v>42</v>
      </c>
      <c r="AF1811">
        <v>8300</v>
      </c>
      <c r="AG1811">
        <v>133742</v>
      </c>
      <c r="AH1811">
        <v>50000</v>
      </c>
      <c r="AI1811">
        <v>0</v>
      </c>
      <c r="AJ1811">
        <v>102</v>
      </c>
      <c r="AK1811" t="s">
        <v>8</v>
      </c>
      <c r="AL1811">
        <v>0</v>
      </c>
      <c r="AM1811">
        <v>0</v>
      </c>
      <c r="AN1811">
        <v>0</v>
      </c>
      <c r="AO1811">
        <v>0</v>
      </c>
      <c r="AP1811">
        <v>0</v>
      </c>
      <c r="AQ1811">
        <v>0</v>
      </c>
      <c r="AR1811">
        <v>0</v>
      </c>
      <c r="AS1811">
        <v>0</v>
      </c>
      <c r="AT1811">
        <v>0</v>
      </c>
      <c r="AU1811">
        <v>0</v>
      </c>
      <c r="AV1811">
        <v>0</v>
      </c>
      <c r="AW1811">
        <v>0</v>
      </c>
      <c r="AX1811">
        <v>6955</v>
      </c>
      <c r="AY1811">
        <v>2</v>
      </c>
      <c r="AZ1811">
        <v>5</v>
      </c>
      <c r="BA1811">
        <v>787</v>
      </c>
    </row>
    <row r="1812" spans="1:53" x14ac:dyDescent="0.4">
      <c r="A1812">
        <v>1856</v>
      </c>
      <c r="B1812" s="1">
        <v>43403</v>
      </c>
      <c r="C1812">
        <v>1</v>
      </c>
      <c r="D1812" s="1">
        <v>43403.291666666664</v>
      </c>
      <c r="E1812" s="1">
        <v>43403.454861111109</v>
      </c>
      <c r="F1812">
        <v>0</v>
      </c>
      <c r="G1812">
        <v>0</v>
      </c>
      <c r="H1812">
        <v>0</v>
      </c>
      <c r="I1812">
        <v>0</v>
      </c>
      <c r="J1812">
        <v>0</v>
      </c>
      <c r="K1812">
        <v>0</v>
      </c>
      <c r="L1812">
        <v>0</v>
      </c>
      <c r="M1812">
        <v>0</v>
      </c>
      <c r="N1812">
        <v>0</v>
      </c>
      <c r="O1812">
        <v>0</v>
      </c>
      <c r="P1812">
        <v>0</v>
      </c>
      <c r="Q1812">
        <v>0</v>
      </c>
      <c r="R1812">
        <v>0</v>
      </c>
      <c r="S1812">
        <v>0</v>
      </c>
      <c r="T1812">
        <v>0</v>
      </c>
      <c r="U1812">
        <v>0</v>
      </c>
      <c r="V1812">
        <v>0</v>
      </c>
      <c r="W1812">
        <v>0</v>
      </c>
      <c r="X1812">
        <v>0</v>
      </c>
      <c r="Y1812">
        <v>25</v>
      </c>
      <c r="Z1812">
        <v>24</v>
      </c>
      <c r="AA1812">
        <v>106</v>
      </c>
      <c r="AB1812">
        <v>15</v>
      </c>
      <c r="AC1812">
        <v>138</v>
      </c>
      <c r="AD1812">
        <v>46</v>
      </c>
      <c r="AE1812">
        <v>40</v>
      </c>
      <c r="AF1812">
        <v>0</v>
      </c>
      <c r="AG1812">
        <v>50000</v>
      </c>
      <c r="AH1812">
        <v>0</v>
      </c>
      <c r="AI1812">
        <v>50000</v>
      </c>
      <c r="AJ1812">
        <v>0</v>
      </c>
      <c r="AK1812" t="s">
        <v>6</v>
      </c>
      <c r="AL1812">
        <v>0</v>
      </c>
      <c r="AM1812">
        <v>0</v>
      </c>
      <c r="AN1812">
        <v>0</v>
      </c>
      <c r="AO1812">
        <v>0</v>
      </c>
      <c r="AP1812">
        <v>0</v>
      </c>
      <c r="AQ1812">
        <v>0</v>
      </c>
      <c r="AR1812">
        <v>0</v>
      </c>
      <c r="AS1812">
        <v>0</v>
      </c>
      <c r="AT1812">
        <v>0</v>
      </c>
      <c r="AU1812">
        <v>0</v>
      </c>
      <c r="AV1812">
        <v>0</v>
      </c>
      <c r="AW1812">
        <v>0</v>
      </c>
      <c r="AX1812">
        <v>0</v>
      </c>
      <c r="AY1812">
        <v>0</v>
      </c>
      <c r="AZ1812">
        <v>0</v>
      </c>
      <c r="BA1812">
        <v>0</v>
      </c>
    </row>
    <row r="1813" spans="1:53" x14ac:dyDescent="0.4">
      <c r="A1813">
        <v>1857</v>
      </c>
      <c r="B1813" s="1">
        <v>43403</v>
      </c>
      <c r="C1813">
        <v>2</v>
      </c>
      <c r="D1813" s="1">
        <v>43403.454861111109</v>
      </c>
      <c r="E1813" s="1">
        <v>43403.757638888892</v>
      </c>
      <c r="F1813">
        <v>13500</v>
      </c>
      <c r="G1813">
        <v>1260</v>
      </c>
      <c r="H1813">
        <v>0</v>
      </c>
      <c r="I1813">
        <v>0</v>
      </c>
      <c r="J1813">
        <v>0</v>
      </c>
      <c r="K1813">
        <v>0</v>
      </c>
      <c r="L1813">
        <v>0</v>
      </c>
      <c r="M1813">
        <v>1180</v>
      </c>
      <c r="N1813">
        <v>0</v>
      </c>
      <c r="O1813">
        <v>0</v>
      </c>
      <c r="P1813">
        <v>10260</v>
      </c>
      <c r="Q1813">
        <v>0</v>
      </c>
      <c r="R1813">
        <v>26200</v>
      </c>
      <c r="S1813">
        <v>0</v>
      </c>
      <c r="T1813">
        <v>0</v>
      </c>
      <c r="U1813">
        <v>0</v>
      </c>
      <c r="V1813">
        <v>0</v>
      </c>
      <c r="W1813">
        <v>3</v>
      </c>
      <c r="X1813">
        <v>0</v>
      </c>
      <c r="Y1813">
        <v>34</v>
      </c>
      <c r="Z1813">
        <v>26</v>
      </c>
      <c r="AA1813">
        <v>112</v>
      </c>
      <c r="AB1813">
        <v>15</v>
      </c>
      <c r="AC1813">
        <v>197</v>
      </c>
      <c r="AD1813">
        <v>48</v>
      </c>
      <c r="AE1813">
        <v>40</v>
      </c>
      <c r="AF1813">
        <v>0</v>
      </c>
      <c r="AG1813">
        <v>76200</v>
      </c>
      <c r="AH1813">
        <v>50000</v>
      </c>
      <c r="AI1813">
        <v>0</v>
      </c>
      <c r="AJ1813">
        <v>96</v>
      </c>
      <c r="AK1813" t="s">
        <v>4</v>
      </c>
      <c r="AL1813">
        <v>0</v>
      </c>
      <c r="AM1813">
        <v>0</v>
      </c>
      <c r="AN1813">
        <v>0</v>
      </c>
      <c r="AO1813">
        <v>0</v>
      </c>
      <c r="AP1813">
        <v>0</v>
      </c>
      <c r="AQ1813">
        <v>0</v>
      </c>
      <c r="AR1813">
        <v>0</v>
      </c>
      <c r="AS1813">
        <v>0</v>
      </c>
      <c r="AT1813">
        <v>0</v>
      </c>
      <c r="AU1813">
        <v>0</v>
      </c>
      <c r="AV1813">
        <v>0</v>
      </c>
      <c r="AW1813">
        <v>0</v>
      </c>
      <c r="AX1813">
        <v>410</v>
      </c>
      <c r="AY1813">
        <v>25</v>
      </c>
      <c r="AZ1813">
        <v>43</v>
      </c>
      <c r="BA1813">
        <v>3668</v>
      </c>
    </row>
    <row r="1814" spans="1:53" x14ac:dyDescent="0.4">
      <c r="A1814">
        <v>1858</v>
      </c>
      <c r="B1814" s="1">
        <v>43404</v>
      </c>
      <c r="C1814">
        <v>1</v>
      </c>
      <c r="D1814" s="1">
        <v>43404.291666666664</v>
      </c>
      <c r="E1814" s="1">
        <v>43404.45208333333</v>
      </c>
      <c r="F1814">
        <v>0</v>
      </c>
      <c r="G1814">
        <v>0</v>
      </c>
      <c r="H1814">
        <v>0</v>
      </c>
      <c r="I1814">
        <v>0</v>
      </c>
      <c r="J1814">
        <v>0</v>
      </c>
      <c r="K1814">
        <v>0</v>
      </c>
      <c r="L1814">
        <v>0</v>
      </c>
      <c r="M1814">
        <v>0</v>
      </c>
      <c r="N1814">
        <v>0</v>
      </c>
      <c r="O1814">
        <v>0</v>
      </c>
      <c r="P1814">
        <v>0</v>
      </c>
      <c r="Q1814">
        <v>0</v>
      </c>
      <c r="R1814">
        <v>0</v>
      </c>
      <c r="S1814">
        <v>0</v>
      </c>
      <c r="T1814">
        <v>0</v>
      </c>
      <c r="U1814">
        <v>0</v>
      </c>
      <c r="V1814">
        <v>0</v>
      </c>
      <c r="W1814">
        <v>0</v>
      </c>
      <c r="X1814">
        <v>0</v>
      </c>
      <c r="Y1814">
        <v>26</v>
      </c>
      <c r="Z1814">
        <v>23</v>
      </c>
      <c r="AA1814">
        <v>100</v>
      </c>
      <c r="AB1814">
        <v>14</v>
      </c>
      <c r="AC1814">
        <v>151</v>
      </c>
      <c r="AD1814">
        <v>50</v>
      </c>
      <c r="AE1814">
        <v>40</v>
      </c>
      <c r="AF1814">
        <v>0</v>
      </c>
      <c r="AG1814">
        <v>50000</v>
      </c>
      <c r="AH1814">
        <v>0</v>
      </c>
      <c r="AI1814">
        <v>50000</v>
      </c>
      <c r="AJ1814">
        <v>0</v>
      </c>
      <c r="AK1814" t="s">
        <v>6</v>
      </c>
      <c r="AL1814">
        <v>0</v>
      </c>
      <c r="AM1814">
        <v>0</v>
      </c>
      <c r="AN1814">
        <v>0</v>
      </c>
      <c r="AO1814">
        <v>0</v>
      </c>
      <c r="AP1814">
        <v>0</v>
      </c>
      <c r="AQ1814">
        <v>0</v>
      </c>
      <c r="AR1814">
        <v>0</v>
      </c>
      <c r="AS1814">
        <v>0</v>
      </c>
      <c r="AT1814">
        <v>0</v>
      </c>
      <c r="AU1814">
        <v>0</v>
      </c>
      <c r="AV1814">
        <v>0</v>
      </c>
      <c r="AW1814">
        <v>0</v>
      </c>
      <c r="AX1814">
        <v>0</v>
      </c>
      <c r="AY1814">
        <v>0</v>
      </c>
      <c r="AZ1814">
        <v>0</v>
      </c>
      <c r="BA1814">
        <v>0</v>
      </c>
    </row>
    <row r="1815" spans="1:53" x14ac:dyDescent="0.4">
      <c r="A1815">
        <v>1859</v>
      </c>
      <c r="B1815" s="1">
        <v>43404</v>
      </c>
      <c r="C1815">
        <v>2</v>
      </c>
      <c r="D1815" s="1">
        <v>43404.45208333333</v>
      </c>
      <c r="E1815" s="1">
        <v>43404.731944444444</v>
      </c>
      <c r="F1815">
        <v>13500</v>
      </c>
      <c r="G1815">
        <v>0</v>
      </c>
      <c r="H1815">
        <v>0</v>
      </c>
      <c r="I1815">
        <v>0</v>
      </c>
      <c r="J1815">
        <v>0</v>
      </c>
      <c r="K1815">
        <v>0</v>
      </c>
      <c r="L1815">
        <v>0</v>
      </c>
      <c r="M1815">
        <v>1080</v>
      </c>
      <c r="N1815">
        <v>0</v>
      </c>
      <c r="O1815">
        <v>0</v>
      </c>
      <c r="P1815">
        <v>7560</v>
      </c>
      <c r="Q1815">
        <v>0</v>
      </c>
      <c r="R1815">
        <v>22140</v>
      </c>
      <c r="S1815">
        <v>0</v>
      </c>
      <c r="T1815">
        <v>0</v>
      </c>
      <c r="U1815">
        <v>0</v>
      </c>
      <c r="V1815">
        <v>2</v>
      </c>
      <c r="W1815">
        <v>0</v>
      </c>
      <c r="X1815">
        <v>0</v>
      </c>
      <c r="Y1815">
        <v>23</v>
      </c>
      <c r="Z1815">
        <v>32</v>
      </c>
      <c r="AA1815">
        <v>101</v>
      </c>
      <c r="AB1815">
        <v>15</v>
      </c>
      <c r="AC1815">
        <v>199</v>
      </c>
      <c r="AD1815">
        <v>52</v>
      </c>
      <c r="AE1815">
        <v>40</v>
      </c>
      <c r="AF1815">
        <v>0</v>
      </c>
      <c r="AG1815">
        <v>72140</v>
      </c>
      <c r="AH1815">
        <v>50000</v>
      </c>
      <c r="AI1815">
        <v>0</v>
      </c>
      <c r="AJ1815">
        <v>96</v>
      </c>
      <c r="AK1815" t="s">
        <v>4</v>
      </c>
      <c r="AL1815">
        <v>0</v>
      </c>
      <c r="AM1815">
        <v>0</v>
      </c>
      <c r="AN1815">
        <v>0</v>
      </c>
      <c r="AO1815">
        <v>0</v>
      </c>
      <c r="AP1815">
        <v>0</v>
      </c>
      <c r="AQ1815">
        <v>0</v>
      </c>
      <c r="AR1815">
        <v>0</v>
      </c>
      <c r="AS1815">
        <v>0</v>
      </c>
      <c r="AT1815">
        <v>0</v>
      </c>
      <c r="AU1815">
        <v>0</v>
      </c>
      <c r="AV1815">
        <v>0</v>
      </c>
      <c r="AW1815">
        <v>0</v>
      </c>
      <c r="AX1815">
        <v>0</v>
      </c>
      <c r="AY1815">
        <v>24</v>
      </c>
      <c r="AZ1815">
        <v>40</v>
      </c>
      <c r="BA1815">
        <v>3428</v>
      </c>
    </row>
    <row r="1816" spans="1:53" x14ac:dyDescent="0.4">
      <c r="A1816">
        <v>1860</v>
      </c>
      <c r="B1816" s="1">
        <v>43404</v>
      </c>
      <c r="C1816">
        <v>3</v>
      </c>
      <c r="D1816" s="1">
        <v>43404.731944444444</v>
      </c>
      <c r="E1816" s="1">
        <v>43404.952777777777</v>
      </c>
      <c r="F1816">
        <v>28280</v>
      </c>
      <c r="G1816">
        <v>900</v>
      </c>
      <c r="H1816">
        <v>400</v>
      </c>
      <c r="I1816">
        <v>0</v>
      </c>
      <c r="J1816">
        <v>0</v>
      </c>
      <c r="K1816">
        <v>0</v>
      </c>
      <c r="L1816">
        <v>0</v>
      </c>
      <c r="M1816">
        <v>2367</v>
      </c>
      <c r="N1816">
        <v>0</v>
      </c>
      <c r="O1816">
        <v>0</v>
      </c>
      <c r="P1816">
        <v>-7560</v>
      </c>
      <c r="Q1816">
        <v>0</v>
      </c>
      <c r="R1816">
        <v>24387</v>
      </c>
      <c r="S1816">
        <v>0</v>
      </c>
      <c r="T1816">
        <v>0</v>
      </c>
      <c r="U1816">
        <v>0</v>
      </c>
      <c r="V1816">
        <v>2</v>
      </c>
      <c r="W1816">
        <v>1</v>
      </c>
      <c r="X1816">
        <v>0</v>
      </c>
      <c r="Y1816">
        <v>28</v>
      </c>
      <c r="Z1816">
        <v>35</v>
      </c>
      <c r="AA1816">
        <v>112</v>
      </c>
      <c r="AB1816">
        <v>16</v>
      </c>
      <c r="AC1816">
        <v>209</v>
      </c>
      <c r="AD1816">
        <v>53</v>
      </c>
      <c r="AE1816">
        <v>51</v>
      </c>
      <c r="AF1816">
        <v>11621</v>
      </c>
      <c r="AG1816">
        <v>96527</v>
      </c>
      <c r="AH1816">
        <v>50000</v>
      </c>
      <c r="AI1816">
        <v>0</v>
      </c>
      <c r="AJ1816">
        <v>100</v>
      </c>
      <c r="AK1816" t="s">
        <v>0</v>
      </c>
      <c r="AL1816">
        <v>0</v>
      </c>
      <c r="AM1816">
        <v>0</v>
      </c>
      <c r="AN1816">
        <v>0</v>
      </c>
      <c r="AO1816">
        <v>0</v>
      </c>
      <c r="AP1816">
        <v>0</v>
      </c>
      <c r="AQ1816">
        <v>0</v>
      </c>
      <c r="AR1816">
        <v>0</v>
      </c>
      <c r="AS1816">
        <v>0</v>
      </c>
      <c r="AT1816">
        <v>0</v>
      </c>
      <c r="AU1816">
        <v>0</v>
      </c>
      <c r="AV1816">
        <v>0</v>
      </c>
      <c r="AW1816">
        <v>0</v>
      </c>
      <c r="AX1816">
        <v>10800</v>
      </c>
      <c r="AY1816">
        <v>12</v>
      </c>
      <c r="AZ1816">
        <v>38</v>
      </c>
      <c r="BA1816">
        <v>1764</v>
      </c>
    </row>
    <row r="1817" spans="1:53" x14ac:dyDescent="0.4">
      <c r="A1817">
        <v>1861</v>
      </c>
      <c r="B1817" s="1">
        <v>43404</v>
      </c>
      <c r="C1817">
        <v>4</v>
      </c>
      <c r="D1817" s="1">
        <v>43404.952777777777</v>
      </c>
      <c r="E1817" s="1">
        <v>43405.107638888891</v>
      </c>
      <c r="F1817">
        <v>20880</v>
      </c>
      <c r="G1817">
        <v>0</v>
      </c>
      <c r="H1817">
        <v>200</v>
      </c>
      <c r="I1817">
        <v>0</v>
      </c>
      <c r="J1817">
        <v>0</v>
      </c>
      <c r="K1817">
        <v>0</v>
      </c>
      <c r="L1817">
        <v>0</v>
      </c>
      <c r="M1817">
        <v>1686</v>
      </c>
      <c r="N1817">
        <v>0</v>
      </c>
      <c r="O1817">
        <v>0</v>
      </c>
      <c r="P1817">
        <v>7128</v>
      </c>
      <c r="Q1817">
        <v>0</v>
      </c>
      <c r="R1817">
        <v>29894</v>
      </c>
      <c r="S1817">
        <v>0</v>
      </c>
      <c r="T1817">
        <v>0</v>
      </c>
      <c r="U1817">
        <v>0</v>
      </c>
      <c r="V1817">
        <v>3</v>
      </c>
      <c r="W1817">
        <v>3</v>
      </c>
      <c r="X1817">
        <v>0</v>
      </c>
      <c r="Y1817">
        <v>36</v>
      </c>
      <c r="Z1817">
        <v>37</v>
      </c>
      <c r="AA1817">
        <v>116</v>
      </c>
      <c r="AB1817">
        <v>21</v>
      </c>
      <c r="AC1817">
        <v>211</v>
      </c>
      <c r="AD1817">
        <v>54</v>
      </c>
      <c r="AE1817">
        <v>54</v>
      </c>
      <c r="AF1817">
        <v>11837</v>
      </c>
      <c r="AG1817">
        <v>126421</v>
      </c>
      <c r="AH1817">
        <v>50000</v>
      </c>
      <c r="AI1817">
        <v>0</v>
      </c>
      <c r="AJ1817">
        <v>100</v>
      </c>
      <c r="AK1817" t="s">
        <v>0</v>
      </c>
      <c r="AL1817">
        <v>0</v>
      </c>
      <c r="AM1817">
        <v>0</v>
      </c>
      <c r="AN1817">
        <v>0</v>
      </c>
      <c r="AO1817">
        <v>0</v>
      </c>
      <c r="AP1817">
        <v>0</v>
      </c>
      <c r="AQ1817">
        <v>0</v>
      </c>
      <c r="AR1817">
        <v>0</v>
      </c>
      <c r="AS1817">
        <v>0</v>
      </c>
      <c r="AT1817">
        <v>0</v>
      </c>
      <c r="AU1817">
        <v>0</v>
      </c>
      <c r="AV1817">
        <v>0</v>
      </c>
      <c r="AW1817">
        <v>0</v>
      </c>
      <c r="AX1817">
        <v>864</v>
      </c>
      <c r="AY1817">
        <v>5</v>
      </c>
      <c r="AZ1817">
        <v>11</v>
      </c>
      <c r="BA1817">
        <v>520</v>
      </c>
    </row>
    <row r="1818" spans="1:53" x14ac:dyDescent="0.4">
      <c r="A1818">
        <v>1862</v>
      </c>
      <c r="B1818" s="1">
        <v>43405</v>
      </c>
      <c r="C1818">
        <v>1</v>
      </c>
      <c r="D1818" s="1">
        <v>43405.291666666664</v>
      </c>
      <c r="E1818" s="1">
        <v>43405.447222222225</v>
      </c>
      <c r="F1818">
        <v>0</v>
      </c>
      <c r="G1818">
        <v>0</v>
      </c>
      <c r="H1818">
        <v>0</v>
      </c>
      <c r="I1818">
        <v>0</v>
      </c>
      <c r="J1818">
        <v>0</v>
      </c>
      <c r="K1818">
        <v>0</v>
      </c>
      <c r="L1818">
        <v>0</v>
      </c>
      <c r="M1818">
        <v>0</v>
      </c>
      <c r="N1818">
        <v>0</v>
      </c>
      <c r="O1818">
        <v>0</v>
      </c>
      <c r="P1818">
        <v>0</v>
      </c>
      <c r="Q1818">
        <v>0</v>
      </c>
      <c r="R1818">
        <v>0</v>
      </c>
      <c r="S1818">
        <v>0</v>
      </c>
      <c r="T1818">
        <v>0</v>
      </c>
      <c r="U1818">
        <v>0</v>
      </c>
      <c r="V1818">
        <v>0</v>
      </c>
      <c r="W1818">
        <v>0</v>
      </c>
      <c r="X1818">
        <v>0</v>
      </c>
      <c r="Y1818">
        <v>30</v>
      </c>
      <c r="Z1818">
        <v>10</v>
      </c>
      <c r="AA1818">
        <v>125</v>
      </c>
      <c r="AB1818">
        <v>21</v>
      </c>
      <c r="AC1818">
        <v>113</v>
      </c>
      <c r="AD1818">
        <v>53</v>
      </c>
      <c r="AE1818">
        <v>55</v>
      </c>
      <c r="AF1818">
        <v>0</v>
      </c>
      <c r="AG1818">
        <v>50000</v>
      </c>
      <c r="AH1818">
        <v>0</v>
      </c>
      <c r="AI1818">
        <v>50000</v>
      </c>
      <c r="AJ1818">
        <v>0</v>
      </c>
      <c r="AK1818" t="s">
        <v>6</v>
      </c>
      <c r="AL1818">
        <v>0</v>
      </c>
      <c r="AM1818">
        <v>0</v>
      </c>
      <c r="AN1818">
        <v>0</v>
      </c>
      <c r="AO1818">
        <v>0</v>
      </c>
      <c r="AP1818">
        <v>0</v>
      </c>
      <c r="AQ1818">
        <v>0</v>
      </c>
      <c r="AR1818">
        <v>0</v>
      </c>
      <c r="AS1818">
        <v>0</v>
      </c>
      <c r="AT1818">
        <v>0</v>
      </c>
      <c r="AU1818">
        <v>0</v>
      </c>
      <c r="AV1818">
        <v>0</v>
      </c>
      <c r="AW1818">
        <v>0</v>
      </c>
      <c r="AX1818">
        <v>0</v>
      </c>
      <c r="AY1818">
        <v>0</v>
      </c>
      <c r="AZ1818">
        <v>0</v>
      </c>
      <c r="BA1818">
        <v>0</v>
      </c>
    </row>
    <row r="1819" spans="1:53" x14ac:dyDescent="0.4">
      <c r="A1819">
        <v>1863</v>
      </c>
      <c r="B1819" s="1">
        <v>43405</v>
      </c>
      <c r="C1819">
        <v>2</v>
      </c>
      <c r="D1819" s="1">
        <v>43405.447222222225</v>
      </c>
      <c r="E1819" s="1">
        <v>43405.732638888891</v>
      </c>
      <c r="F1819">
        <v>8000</v>
      </c>
      <c r="G1819">
        <v>0</v>
      </c>
      <c r="H1819">
        <v>0</v>
      </c>
      <c r="I1819">
        <v>0</v>
      </c>
      <c r="J1819">
        <v>0</v>
      </c>
      <c r="K1819">
        <v>0</v>
      </c>
      <c r="L1819">
        <v>0</v>
      </c>
      <c r="M1819">
        <v>640</v>
      </c>
      <c r="N1819">
        <v>0</v>
      </c>
      <c r="O1819">
        <v>0</v>
      </c>
      <c r="P1819">
        <v>12960</v>
      </c>
      <c r="Q1819">
        <v>0</v>
      </c>
      <c r="R1819">
        <v>21600</v>
      </c>
      <c r="S1819">
        <v>0</v>
      </c>
      <c r="T1819">
        <v>0</v>
      </c>
      <c r="U1819">
        <v>0</v>
      </c>
      <c r="V1819">
        <v>1</v>
      </c>
      <c r="W1819">
        <v>2</v>
      </c>
      <c r="X1819">
        <v>0</v>
      </c>
      <c r="Y1819">
        <v>25</v>
      </c>
      <c r="Z1819">
        <v>19</v>
      </c>
      <c r="AA1819">
        <v>135</v>
      </c>
      <c r="AB1819">
        <v>19</v>
      </c>
      <c r="AC1819">
        <v>153</v>
      </c>
      <c r="AD1819">
        <v>53</v>
      </c>
      <c r="AE1819">
        <v>53</v>
      </c>
      <c r="AF1819">
        <v>802</v>
      </c>
      <c r="AG1819">
        <v>71600</v>
      </c>
      <c r="AH1819">
        <v>50000</v>
      </c>
      <c r="AI1819">
        <v>0</v>
      </c>
      <c r="AJ1819">
        <v>96</v>
      </c>
      <c r="AK1819" t="s">
        <v>4</v>
      </c>
      <c r="AL1819">
        <v>0</v>
      </c>
      <c r="AM1819">
        <v>0</v>
      </c>
      <c r="AN1819">
        <v>0</v>
      </c>
      <c r="AO1819">
        <v>0</v>
      </c>
      <c r="AP1819">
        <v>0</v>
      </c>
      <c r="AQ1819">
        <v>0</v>
      </c>
      <c r="AR1819">
        <v>0</v>
      </c>
      <c r="AS1819">
        <v>0</v>
      </c>
      <c r="AT1819">
        <v>0</v>
      </c>
      <c r="AU1819">
        <v>0</v>
      </c>
      <c r="AV1819">
        <v>0</v>
      </c>
      <c r="AW1819">
        <v>0</v>
      </c>
      <c r="AX1819">
        <v>-540</v>
      </c>
      <c r="AY1819">
        <v>27</v>
      </c>
      <c r="AZ1819">
        <v>40</v>
      </c>
      <c r="BA1819">
        <v>2808</v>
      </c>
    </row>
    <row r="1820" spans="1:53" x14ac:dyDescent="0.4">
      <c r="A1820">
        <v>1864</v>
      </c>
      <c r="B1820" s="1">
        <v>43405</v>
      </c>
      <c r="C1820">
        <v>3</v>
      </c>
      <c r="D1820" s="1">
        <v>43405.732638888891</v>
      </c>
      <c r="E1820" s="1">
        <v>43405.954861111109</v>
      </c>
      <c r="F1820">
        <v>26150</v>
      </c>
      <c r="G1820">
        <v>2630</v>
      </c>
      <c r="H1820">
        <v>200</v>
      </c>
      <c r="I1820">
        <v>0</v>
      </c>
      <c r="J1820">
        <v>0</v>
      </c>
      <c r="K1820">
        <v>0</v>
      </c>
      <c r="L1820">
        <v>0</v>
      </c>
      <c r="M1820">
        <v>2318</v>
      </c>
      <c r="N1820">
        <v>0</v>
      </c>
      <c r="O1820">
        <v>0</v>
      </c>
      <c r="P1820">
        <v>-2592</v>
      </c>
      <c r="Q1820">
        <v>0</v>
      </c>
      <c r="R1820">
        <v>28706</v>
      </c>
      <c r="S1820">
        <v>0</v>
      </c>
      <c r="T1820">
        <v>0</v>
      </c>
      <c r="U1820">
        <v>0</v>
      </c>
      <c r="V1820">
        <v>4</v>
      </c>
      <c r="W1820">
        <v>0</v>
      </c>
      <c r="X1820">
        <v>0</v>
      </c>
      <c r="Y1820">
        <v>34</v>
      </c>
      <c r="Z1820">
        <v>21</v>
      </c>
      <c r="AA1820">
        <v>123</v>
      </c>
      <c r="AB1820">
        <v>15</v>
      </c>
      <c r="AC1820">
        <v>143</v>
      </c>
      <c r="AD1820">
        <v>52</v>
      </c>
      <c r="AE1820">
        <v>48</v>
      </c>
      <c r="AF1820">
        <v>1023</v>
      </c>
      <c r="AG1820">
        <v>100311</v>
      </c>
      <c r="AH1820">
        <v>50000</v>
      </c>
      <c r="AI1820">
        <v>5</v>
      </c>
      <c r="AJ1820">
        <v>108</v>
      </c>
      <c r="AK1820" t="s">
        <v>30</v>
      </c>
      <c r="AL1820">
        <v>0</v>
      </c>
      <c r="AM1820">
        <v>0</v>
      </c>
      <c r="AN1820">
        <v>0</v>
      </c>
      <c r="AO1820">
        <v>0</v>
      </c>
      <c r="AP1820">
        <v>0</v>
      </c>
      <c r="AQ1820">
        <v>0</v>
      </c>
      <c r="AR1820">
        <v>0</v>
      </c>
      <c r="AS1820">
        <v>0</v>
      </c>
      <c r="AT1820">
        <v>0</v>
      </c>
      <c r="AU1820">
        <v>0</v>
      </c>
      <c r="AV1820">
        <v>0</v>
      </c>
      <c r="AW1820">
        <v>0</v>
      </c>
      <c r="AX1820">
        <v>11328</v>
      </c>
      <c r="AY1820">
        <v>13</v>
      </c>
      <c r="AZ1820">
        <v>35</v>
      </c>
      <c r="BA1820">
        <v>2922</v>
      </c>
    </row>
    <row r="1821" spans="1:53" x14ac:dyDescent="0.4">
      <c r="A1821">
        <v>1865</v>
      </c>
      <c r="B1821" s="1">
        <v>43406</v>
      </c>
      <c r="C1821">
        <v>1</v>
      </c>
      <c r="D1821" s="1">
        <v>43406.291666666664</v>
      </c>
      <c r="E1821" s="1">
        <v>43406.453472222223</v>
      </c>
      <c r="F1821">
        <v>0</v>
      </c>
      <c r="G1821">
        <v>0</v>
      </c>
      <c r="H1821">
        <v>0</v>
      </c>
      <c r="I1821">
        <v>0</v>
      </c>
      <c r="J1821">
        <v>0</v>
      </c>
      <c r="K1821">
        <v>0</v>
      </c>
      <c r="L1821">
        <v>0</v>
      </c>
      <c r="M1821">
        <v>0</v>
      </c>
      <c r="N1821">
        <v>0</v>
      </c>
      <c r="O1821">
        <v>0</v>
      </c>
      <c r="P1821">
        <v>0</v>
      </c>
      <c r="Q1821">
        <v>0</v>
      </c>
      <c r="R1821">
        <v>0</v>
      </c>
      <c r="S1821">
        <v>0</v>
      </c>
      <c r="T1821">
        <v>0</v>
      </c>
      <c r="U1821">
        <v>0</v>
      </c>
      <c r="V1821">
        <v>0</v>
      </c>
      <c r="W1821">
        <v>0</v>
      </c>
      <c r="X1821">
        <v>0</v>
      </c>
      <c r="Y1821">
        <v>21</v>
      </c>
      <c r="Z1821">
        <v>19</v>
      </c>
      <c r="AA1821">
        <v>130</v>
      </c>
      <c r="AB1821">
        <v>15</v>
      </c>
      <c r="AC1821">
        <v>145</v>
      </c>
      <c r="AD1821">
        <v>52</v>
      </c>
      <c r="AE1821">
        <v>40</v>
      </c>
      <c r="AF1821">
        <v>4000</v>
      </c>
      <c r="AG1821">
        <v>50000</v>
      </c>
      <c r="AH1821">
        <v>50000</v>
      </c>
      <c r="AI1821">
        <v>0</v>
      </c>
      <c r="AJ1821">
        <v>0</v>
      </c>
      <c r="AK1821" t="s">
        <v>6</v>
      </c>
      <c r="AL1821">
        <v>0</v>
      </c>
      <c r="AM1821">
        <v>0</v>
      </c>
      <c r="AN1821">
        <v>0</v>
      </c>
      <c r="AO1821">
        <v>0</v>
      </c>
      <c r="AP1821">
        <v>0</v>
      </c>
      <c r="AQ1821">
        <v>0</v>
      </c>
      <c r="AR1821">
        <v>0</v>
      </c>
      <c r="AS1821">
        <v>0</v>
      </c>
      <c r="AT1821">
        <v>0</v>
      </c>
      <c r="AU1821">
        <v>0</v>
      </c>
      <c r="AV1821">
        <v>0</v>
      </c>
      <c r="AW1821">
        <v>0</v>
      </c>
      <c r="AX1821">
        <v>0</v>
      </c>
      <c r="AY1821">
        <v>0</v>
      </c>
      <c r="AZ1821">
        <v>0</v>
      </c>
      <c r="BA1821">
        <v>0</v>
      </c>
    </row>
    <row r="1822" spans="1:53" x14ac:dyDescent="0.4">
      <c r="A1822">
        <v>1866</v>
      </c>
      <c r="B1822" s="1">
        <v>43406</v>
      </c>
      <c r="C1822">
        <v>2</v>
      </c>
      <c r="D1822" s="1">
        <v>43406.453472222223</v>
      </c>
      <c r="E1822" s="1">
        <v>43406.727083333331</v>
      </c>
      <c r="F1822">
        <v>17000</v>
      </c>
      <c r="G1822">
        <v>0</v>
      </c>
      <c r="H1822">
        <v>0</v>
      </c>
      <c r="I1822">
        <v>0</v>
      </c>
      <c r="J1822">
        <v>0</v>
      </c>
      <c r="K1822">
        <v>400</v>
      </c>
      <c r="L1822">
        <v>0</v>
      </c>
      <c r="M1822">
        <v>1392</v>
      </c>
      <c r="N1822">
        <v>0</v>
      </c>
      <c r="O1822">
        <v>0</v>
      </c>
      <c r="P1822">
        <v>11340</v>
      </c>
      <c r="Q1822">
        <v>0</v>
      </c>
      <c r="R1822">
        <v>30132</v>
      </c>
      <c r="S1822">
        <v>0</v>
      </c>
      <c r="T1822">
        <v>0</v>
      </c>
      <c r="U1822">
        <v>0</v>
      </c>
      <c r="V1822">
        <v>2</v>
      </c>
      <c r="W1822">
        <v>0</v>
      </c>
      <c r="X1822">
        <v>0</v>
      </c>
      <c r="Y1822">
        <v>27</v>
      </c>
      <c r="Z1822">
        <v>24</v>
      </c>
      <c r="AA1822">
        <v>114</v>
      </c>
      <c r="AB1822">
        <v>13</v>
      </c>
      <c r="AC1822">
        <v>204</v>
      </c>
      <c r="AD1822">
        <v>57</v>
      </c>
      <c r="AE1822">
        <v>36</v>
      </c>
      <c r="AF1822">
        <v>6721</v>
      </c>
      <c r="AG1822">
        <v>80132</v>
      </c>
      <c r="AH1822">
        <v>50000</v>
      </c>
      <c r="AI1822">
        <v>0</v>
      </c>
      <c r="AJ1822">
        <v>35</v>
      </c>
      <c r="AL1822">
        <v>0</v>
      </c>
      <c r="AM1822">
        <v>0</v>
      </c>
      <c r="AN1822">
        <v>0</v>
      </c>
      <c r="AO1822">
        <v>0</v>
      </c>
      <c r="AP1822">
        <v>0</v>
      </c>
      <c r="AQ1822">
        <v>0</v>
      </c>
      <c r="AR1822">
        <v>0</v>
      </c>
      <c r="AS1822">
        <v>0</v>
      </c>
      <c r="AT1822">
        <v>0</v>
      </c>
      <c r="AU1822">
        <v>0</v>
      </c>
      <c r="AV1822">
        <v>0</v>
      </c>
      <c r="AW1822">
        <v>0</v>
      </c>
      <c r="AX1822">
        <v>-1210</v>
      </c>
      <c r="AY1822">
        <v>37</v>
      </c>
      <c r="AZ1822">
        <v>54</v>
      </c>
      <c r="BA1822">
        <v>4973</v>
      </c>
    </row>
    <row r="1823" spans="1:53" x14ac:dyDescent="0.4">
      <c r="A1823">
        <v>1867</v>
      </c>
      <c r="B1823" s="1">
        <v>43407</v>
      </c>
      <c r="C1823">
        <v>1</v>
      </c>
      <c r="D1823" s="1">
        <v>43407.291666666664</v>
      </c>
      <c r="E1823" s="1">
        <v>43407.393055555556</v>
      </c>
      <c r="F1823">
        <v>0</v>
      </c>
      <c r="G1823">
        <v>0</v>
      </c>
      <c r="H1823">
        <v>0</v>
      </c>
      <c r="I1823">
        <v>0</v>
      </c>
      <c r="J1823">
        <v>0</v>
      </c>
      <c r="K1823">
        <v>0</v>
      </c>
      <c r="L1823">
        <v>0</v>
      </c>
      <c r="M1823">
        <v>0</v>
      </c>
      <c r="N1823">
        <v>0</v>
      </c>
      <c r="O1823">
        <v>0</v>
      </c>
      <c r="P1823">
        <v>0</v>
      </c>
      <c r="Q1823">
        <v>0</v>
      </c>
      <c r="R1823">
        <v>0</v>
      </c>
      <c r="S1823">
        <v>0</v>
      </c>
      <c r="T1823">
        <v>0</v>
      </c>
      <c r="U1823">
        <v>0</v>
      </c>
      <c r="V1823">
        <v>0</v>
      </c>
      <c r="W1823">
        <v>0</v>
      </c>
      <c r="X1823">
        <v>0</v>
      </c>
      <c r="Y1823">
        <v>28</v>
      </c>
      <c r="Z1823">
        <v>22</v>
      </c>
      <c r="AA1823">
        <v>86</v>
      </c>
      <c r="AB1823">
        <v>13</v>
      </c>
      <c r="AC1823">
        <v>135</v>
      </c>
      <c r="AD1823">
        <v>55</v>
      </c>
      <c r="AE1823">
        <v>125</v>
      </c>
      <c r="AF1823">
        <v>0</v>
      </c>
      <c r="AG1823">
        <v>50000</v>
      </c>
      <c r="AH1823">
        <v>50000</v>
      </c>
      <c r="AI1823">
        <v>0</v>
      </c>
      <c r="AJ1823">
        <v>0</v>
      </c>
      <c r="AK1823" t="s">
        <v>6</v>
      </c>
      <c r="AL1823">
        <v>0</v>
      </c>
      <c r="AM1823">
        <v>0</v>
      </c>
      <c r="AN1823">
        <v>0</v>
      </c>
      <c r="AO1823">
        <v>0</v>
      </c>
      <c r="AP1823">
        <v>0</v>
      </c>
      <c r="AQ1823">
        <v>0</v>
      </c>
      <c r="AR1823">
        <v>0</v>
      </c>
      <c r="AS1823">
        <v>0</v>
      </c>
      <c r="AT1823">
        <v>0</v>
      </c>
      <c r="AU1823">
        <v>0</v>
      </c>
      <c r="AV1823">
        <v>0</v>
      </c>
      <c r="AW1823">
        <v>0</v>
      </c>
      <c r="AX1823">
        <v>0</v>
      </c>
      <c r="AY1823">
        <v>0</v>
      </c>
      <c r="AZ1823">
        <v>0</v>
      </c>
      <c r="BA1823">
        <v>0</v>
      </c>
    </row>
    <row r="1824" spans="1:53" x14ac:dyDescent="0.4">
      <c r="A1824">
        <v>1868</v>
      </c>
      <c r="B1824" s="1">
        <v>43407</v>
      </c>
      <c r="C1824">
        <v>2</v>
      </c>
      <c r="D1824" s="1">
        <v>43407.393055555556</v>
      </c>
      <c r="E1824" s="1">
        <v>43407.729861111111</v>
      </c>
      <c r="F1824">
        <v>37500</v>
      </c>
      <c r="G1824">
        <v>4440</v>
      </c>
      <c r="H1824">
        <v>200</v>
      </c>
      <c r="I1824">
        <v>0</v>
      </c>
      <c r="J1824">
        <v>0</v>
      </c>
      <c r="K1824">
        <v>0</v>
      </c>
      <c r="L1824">
        <v>0</v>
      </c>
      <c r="M1824">
        <v>3370</v>
      </c>
      <c r="N1824">
        <v>0</v>
      </c>
      <c r="O1824">
        <v>0</v>
      </c>
      <c r="P1824">
        <v>25110</v>
      </c>
      <c r="Q1824">
        <v>0</v>
      </c>
      <c r="R1824">
        <v>70620</v>
      </c>
      <c r="S1824">
        <v>0</v>
      </c>
      <c r="T1824">
        <v>0</v>
      </c>
      <c r="U1824">
        <v>0</v>
      </c>
      <c r="V1824">
        <v>2</v>
      </c>
      <c r="W1824">
        <v>0</v>
      </c>
      <c r="X1824">
        <v>0</v>
      </c>
      <c r="Y1824">
        <v>65</v>
      </c>
      <c r="Z1824">
        <v>39</v>
      </c>
      <c r="AA1824">
        <v>110</v>
      </c>
      <c r="AB1824">
        <v>22</v>
      </c>
      <c r="AC1824">
        <v>176</v>
      </c>
      <c r="AD1824">
        <v>59</v>
      </c>
      <c r="AE1824">
        <v>117</v>
      </c>
      <c r="AF1824">
        <v>1848</v>
      </c>
      <c r="AG1824">
        <v>120620</v>
      </c>
      <c r="AH1824">
        <v>50000</v>
      </c>
      <c r="AI1824">
        <v>0</v>
      </c>
      <c r="AJ1824">
        <v>92</v>
      </c>
      <c r="AK1824" t="s">
        <v>22</v>
      </c>
      <c r="AL1824">
        <v>0</v>
      </c>
      <c r="AM1824">
        <v>0</v>
      </c>
      <c r="AN1824">
        <v>0</v>
      </c>
      <c r="AO1824">
        <v>0</v>
      </c>
      <c r="AP1824">
        <v>0</v>
      </c>
      <c r="AQ1824">
        <v>0</v>
      </c>
      <c r="AR1824">
        <v>0</v>
      </c>
      <c r="AS1824">
        <v>0</v>
      </c>
      <c r="AT1824">
        <v>0</v>
      </c>
      <c r="AU1824">
        <v>0</v>
      </c>
      <c r="AV1824">
        <v>0</v>
      </c>
      <c r="AW1824">
        <v>0</v>
      </c>
      <c r="AX1824">
        <v>1296</v>
      </c>
      <c r="AY1824">
        <v>56</v>
      </c>
      <c r="AZ1824">
        <v>118</v>
      </c>
      <c r="BA1824">
        <v>7872</v>
      </c>
    </row>
    <row r="1825" spans="1:53" x14ac:dyDescent="0.4">
      <c r="A1825">
        <v>1869</v>
      </c>
      <c r="B1825" s="1">
        <v>43407</v>
      </c>
      <c r="C1825">
        <v>3</v>
      </c>
      <c r="D1825" s="1">
        <v>43407.729861111111</v>
      </c>
      <c r="E1825" s="1">
        <v>43408.080555555556</v>
      </c>
      <c r="F1825">
        <v>190950</v>
      </c>
      <c r="G1825">
        <v>12080</v>
      </c>
      <c r="H1825">
        <v>200</v>
      </c>
      <c r="I1825">
        <v>0</v>
      </c>
      <c r="J1825">
        <v>0</v>
      </c>
      <c r="K1825">
        <v>0</v>
      </c>
      <c r="L1825">
        <v>0</v>
      </c>
      <c r="M1825">
        <v>16258</v>
      </c>
      <c r="N1825">
        <v>0</v>
      </c>
      <c r="O1825">
        <v>0</v>
      </c>
      <c r="P1825">
        <v>48870</v>
      </c>
      <c r="Q1825">
        <v>0</v>
      </c>
      <c r="R1825">
        <v>268358</v>
      </c>
      <c r="S1825">
        <v>0</v>
      </c>
      <c r="T1825">
        <v>0</v>
      </c>
      <c r="U1825">
        <v>0</v>
      </c>
      <c r="V1825">
        <v>18</v>
      </c>
      <c r="W1825">
        <v>10</v>
      </c>
      <c r="X1825">
        <v>0</v>
      </c>
      <c r="Y1825">
        <v>123</v>
      </c>
      <c r="Z1825">
        <v>37</v>
      </c>
      <c r="AA1825">
        <v>103</v>
      </c>
      <c r="AB1825">
        <v>23</v>
      </c>
      <c r="AC1825">
        <v>173</v>
      </c>
      <c r="AD1825">
        <v>57</v>
      </c>
      <c r="AE1825">
        <v>125</v>
      </c>
      <c r="AF1825">
        <v>3888</v>
      </c>
      <c r="AG1825">
        <v>388978</v>
      </c>
      <c r="AH1825">
        <v>50000</v>
      </c>
      <c r="AI1825">
        <v>0</v>
      </c>
      <c r="AJ1825">
        <v>102</v>
      </c>
      <c r="AK1825" t="s">
        <v>8</v>
      </c>
      <c r="AL1825">
        <v>0</v>
      </c>
      <c r="AM1825">
        <v>0</v>
      </c>
      <c r="AN1825">
        <v>0</v>
      </c>
      <c r="AO1825">
        <v>0</v>
      </c>
      <c r="AP1825">
        <v>0</v>
      </c>
      <c r="AQ1825">
        <v>0</v>
      </c>
      <c r="AR1825">
        <v>0</v>
      </c>
      <c r="AS1825">
        <v>0</v>
      </c>
      <c r="AT1825">
        <v>0</v>
      </c>
      <c r="AU1825">
        <v>0</v>
      </c>
      <c r="AV1825">
        <v>0</v>
      </c>
      <c r="AW1825">
        <v>0</v>
      </c>
      <c r="AX1825">
        <v>14385</v>
      </c>
      <c r="AY1825">
        <v>39</v>
      </c>
      <c r="AZ1825">
        <v>151</v>
      </c>
      <c r="BA1825">
        <v>6272</v>
      </c>
    </row>
    <row r="1826" spans="1:53" x14ac:dyDescent="0.4">
      <c r="A1826">
        <v>1870</v>
      </c>
      <c r="B1826" s="1">
        <v>43408</v>
      </c>
      <c r="C1826">
        <v>1</v>
      </c>
      <c r="D1826" s="1">
        <v>43408.291666666664</v>
      </c>
      <c r="E1826" s="1">
        <v>43408.406944444447</v>
      </c>
      <c r="F1826">
        <v>0</v>
      </c>
      <c r="G1826">
        <v>0</v>
      </c>
      <c r="H1826">
        <v>0</v>
      </c>
      <c r="I1826">
        <v>0</v>
      </c>
      <c r="J1826">
        <v>0</v>
      </c>
      <c r="K1826">
        <v>0</v>
      </c>
      <c r="L1826">
        <v>0</v>
      </c>
      <c r="M1826">
        <v>0</v>
      </c>
      <c r="N1826">
        <v>0</v>
      </c>
      <c r="O1826">
        <v>0</v>
      </c>
      <c r="P1826">
        <v>0</v>
      </c>
      <c r="Q1826">
        <v>0</v>
      </c>
      <c r="R1826">
        <v>0</v>
      </c>
      <c r="S1826">
        <v>0</v>
      </c>
      <c r="T1826">
        <v>0</v>
      </c>
      <c r="U1826">
        <v>0</v>
      </c>
      <c r="V1826">
        <v>0</v>
      </c>
      <c r="W1826">
        <v>0</v>
      </c>
      <c r="X1826">
        <v>0</v>
      </c>
      <c r="Y1826">
        <v>28</v>
      </c>
      <c r="Z1826">
        <v>17</v>
      </c>
      <c r="AA1826">
        <v>110</v>
      </c>
      <c r="AB1826">
        <v>18</v>
      </c>
      <c r="AC1826">
        <v>120</v>
      </c>
      <c r="AD1826">
        <v>55</v>
      </c>
      <c r="AE1826">
        <v>125</v>
      </c>
      <c r="AF1826">
        <v>0</v>
      </c>
      <c r="AG1826">
        <v>50000</v>
      </c>
      <c r="AH1826">
        <v>50000</v>
      </c>
      <c r="AI1826">
        <v>0</v>
      </c>
      <c r="AJ1826">
        <v>0</v>
      </c>
      <c r="AK1826" t="s">
        <v>6</v>
      </c>
      <c r="AL1826">
        <v>0</v>
      </c>
      <c r="AM1826">
        <v>0</v>
      </c>
      <c r="AN1826">
        <v>0</v>
      </c>
      <c r="AO1826">
        <v>0</v>
      </c>
      <c r="AP1826">
        <v>0</v>
      </c>
      <c r="AQ1826">
        <v>0</v>
      </c>
      <c r="AR1826">
        <v>0</v>
      </c>
      <c r="AS1826">
        <v>0</v>
      </c>
      <c r="AT1826">
        <v>0</v>
      </c>
      <c r="AU1826">
        <v>0</v>
      </c>
      <c r="AV1826">
        <v>0</v>
      </c>
      <c r="AW1826">
        <v>0</v>
      </c>
      <c r="AX1826">
        <v>0</v>
      </c>
      <c r="AY1826">
        <v>0</v>
      </c>
      <c r="AZ1826">
        <v>0</v>
      </c>
      <c r="BA1826">
        <v>0</v>
      </c>
    </row>
    <row r="1827" spans="1:53" x14ac:dyDescent="0.4">
      <c r="A1827">
        <v>1871</v>
      </c>
      <c r="B1827" s="1">
        <v>43408</v>
      </c>
      <c r="C1827">
        <v>2</v>
      </c>
      <c r="D1827" s="1">
        <v>43408.406944444447</v>
      </c>
      <c r="E1827" s="1">
        <v>43408.736805555556</v>
      </c>
      <c r="F1827">
        <v>43750</v>
      </c>
      <c r="G1827">
        <v>4260</v>
      </c>
      <c r="H1827">
        <v>200</v>
      </c>
      <c r="I1827">
        <v>0</v>
      </c>
      <c r="J1827">
        <v>0</v>
      </c>
      <c r="K1827">
        <v>0</v>
      </c>
      <c r="L1827">
        <v>0</v>
      </c>
      <c r="M1827">
        <v>3855</v>
      </c>
      <c r="N1827">
        <v>0</v>
      </c>
      <c r="O1827">
        <v>0</v>
      </c>
      <c r="P1827">
        <v>20520</v>
      </c>
      <c r="Q1827">
        <v>0</v>
      </c>
      <c r="R1827">
        <v>72585</v>
      </c>
      <c r="S1827">
        <v>0</v>
      </c>
      <c r="T1827">
        <v>0</v>
      </c>
      <c r="U1827">
        <v>0</v>
      </c>
      <c r="V1827">
        <v>3</v>
      </c>
      <c r="W1827">
        <v>1</v>
      </c>
      <c r="X1827">
        <v>0</v>
      </c>
      <c r="Y1827">
        <v>52</v>
      </c>
      <c r="Z1827">
        <v>42</v>
      </c>
      <c r="AA1827">
        <v>117</v>
      </c>
      <c r="AB1827">
        <v>16</v>
      </c>
      <c r="AC1827">
        <v>169</v>
      </c>
      <c r="AD1827">
        <v>54</v>
      </c>
      <c r="AE1827">
        <v>125</v>
      </c>
      <c r="AF1827">
        <v>0</v>
      </c>
      <c r="AG1827">
        <v>122585</v>
      </c>
      <c r="AH1827">
        <v>50000</v>
      </c>
      <c r="AI1827">
        <v>0</v>
      </c>
      <c r="AJ1827">
        <v>92</v>
      </c>
      <c r="AK1827" t="s">
        <v>22</v>
      </c>
      <c r="AL1827">
        <v>0</v>
      </c>
      <c r="AM1827">
        <v>0</v>
      </c>
      <c r="AN1827">
        <v>0</v>
      </c>
      <c r="AO1827">
        <v>0</v>
      </c>
      <c r="AP1827">
        <v>0</v>
      </c>
      <c r="AQ1827">
        <v>0</v>
      </c>
      <c r="AR1827">
        <v>0</v>
      </c>
      <c r="AS1827">
        <v>0</v>
      </c>
      <c r="AT1827">
        <v>0</v>
      </c>
      <c r="AU1827">
        <v>0</v>
      </c>
      <c r="AV1827">
        <v>0</v>
      </c>
      <c r="AW1827">
        <v>0</v>
      </c>
      <c r="AX1827">
        <v>-1620</v>
      </c>
      <c r="AY1827">
        <v>54</v>
      </c>
      <c r="AZ1827">
        <v>124</v>
      </c>
      <c r="BA1827">
        <v>7788</v>
      </c>
    </row>
    <row r="1828" spans="1:53" x14ac:dyDescent="0.4">
      <c r="A1828">
        <v>1872</v>
      </c>
      <c r="B1828" s="1">
        <v>43409</v>
      </c>
      <c r="C1828">
        <v>1</v>
      </c>
      <c r="D1828" s="1">
        <v>43409.291666666664</v>
      </c>
      <c r="E1828" s="1">
        <v>43409.45208333333</v>
      </c>
      <c r="F1828">
        <v>0</v>
      </c>
      <c r="G1828">
        <v>0</v>
      </c>
      <c r="H1828">
        <v>0</v>
      </c>
      <c r="I1828">
        <v>0</v>
      </c>
      <c r="J1828">
        <v>0</v>
      </c>
      <c r="K1828">
        <v>0</v>
      </c>
      <c r="L1828">
        <v>0</v>
      </c>
      <c r="M1828">
        <v>0</v>
      </c>
      <c r="N1828">
        <v>0</v>
      </c>
      <c r="O1828">
        <v>0</v>
      </c>
      <c r="P1828">
        <v>0</v>
      </c>
      <c r="Q1828">
        <v>0</v>
      </c>
      <c r="R1828">
        <v>0</v>
      </c>
      <c r="S1828">
        <v>0</v>
      </c>
      <c r="T1828">
        <v>0</v>
      </c>
      <c r="U1828">
        <v>0</v>
      </c>
      <c r="V1828">
        <v>0</v>
      </c>
      <c r="W1828">
        <v>0</v>
      </c>
      <c r="X1828">
        <v>0</v>
      </c>
      <c r="Y1828">
        <v>26</v>
      </c>
      <c r="Z1828">
        <v>17</v>
      </c>
      <c r="AA1828">
        <v>132</v>
      </c>
      <c r="AB1828">
        <v>15</v>
      </c>
      <c r="AC1828">
        <v>118</v>
      </c>
      <c r="AD1828">
        <v>51</v>
      </c>
      <c r="AE1828">
        <v>115</v>
      </c>
      <c r="AF1828">
        <v>0</v>
      </c>
      <c r="AG1828">
        <v>50000</v>
      </c>
      <c r="AH1828">
        <v>0</v>
      </c>
      <c r="AI1828">
        <v>50000</v>
      </c>
      <c r="AJ1828">
        <v>0</v>
      </c>
      <c r="AK1828" t="s">
        <v>6</v>
      </c>
      <c r="AL1828">
        <v>0</v>
      </c>
      <c r="AM1828">
        <v>0</v>
      </c>
      <c r="AN1828">
        <v>0</v>
      </c>
      <c r="AO1828">
        <v>0</v>
      </c>
      <c r="AP1828">
        <v>0</v>
      </c>
      <c r="AQ1828">
        <v>0</v>
      </c>
      <c r="AR1828">
        <v>0</v>
      </c>
      <c r="AS1828">
        <v>0</v>
      </c>
      <c r="AT1828">
        <v>0</v>
      </c>
      <c r="AU1828">
        <v>0</v>
      </c>
      <c r="AV1828">
        <v>0</v>
      </c>
      <c r="AW1828">
        <v>0</v>
      </c>
      <c r="AX1828">
        <v>0</v>
      </c>
      <c r="AY1828">
        <v>0</v>
      </c>
      <c r="AZ1828">
        <v>0</v>
      </c>
      <c r="BA1828">
        <v>0</v>
      </c>
    </row>
    <row r="1829" spans="1:53" x14ac:dyDescent="0.4">
      <c r="A1829">
        <v>1873</v>
      </c>
      <c r="B1829" s="1">
        <v>43409</v>
      </c>
      <c r="C1829">
        <v>2</v>
      </c>
      <c r="D1829" s="1">
        <v>43409.45208333333</v>
      </c>
      <c r="E1829" s="1">
        <v>43409.746527777781</v>
      </c>
      <c r="F1829">
        <v>18000</v>
      </c>
      <c r="G1829">
        <v>5580</v>
      </c>
      <c r="H1829">
        <v>0</v>
      </c>
      <c r="I1829">
        <v>0</v>
      </c>
      <c r="J1829">
        <v>0</v>
      </c>
      <c r="K1829">
        <v>0</v>
      </c>
      <c r="L1829">
        <v>0</v>
      </c>
      <c r="M1829">
        <v>1886</v>
      </c>
      <c r="N1829">
        <v>0</v>
      </c>
      <c r="O1829">
        <v>0</v>
      </c>
      <c r="P1829">
        <v>17820</v>
      </c>
      <c r="Q1829">
        <v>0</v>
      </c>
      <c r="R1829">
        <v>43286</v>
      </c>
      <c r="S1829">
        <v>0</v>
      </c>
      <c r="T1829">
        <v>0</v>
      </c>
      <c r="U1829">
        <v>0</v>
      </c>
      <c r="V1829">
        <v>2</v>
      </c>
      <c r="W1829">
        <v>2</v>
      </c>
      <c r="X1829">
        <v>0</v>
      </c>
      <c r="Y1829">
        <v>35</v>
      </c>
      <c r="Z1829">
        <v>27</v>
      </c>
      <c r="AA1829">
        <v>114</v>
      </c>
      <c r="AB1829">
        <v>21</v>
      </c>
      <c r="AC1829">
        <v>143</v>
      </c>
      <c r="AD1829">
        <v>50</v>
      </c>
      <c r="AE1829">
        <v>116</v>
      </c>
      <c r="AF1829">
        <v>540</v>
      </c>
      <c r="AG1829">
        <v>93286</v>
      </c>
      <c r="AH1829">
        <v>50000</v>
      </c>
      <c r="AI1829">
        <v>0</v>
      </c>
      <c r="AJ1829">
        <v>96</v>
      </c>
      <c r="AK1829" t="s">
        <v>4</v>
      </c>
      <c r="AL1829">
        <v>0</v>
      </c>
      <c r="AM1829">
        <v>0</v>
      </c>
      <c r="AN1829">
        <v>0</v>
      </c>
      <c r="AO1829">
        <v>0</v>
      </c>
      <c r="AP1829">
        <v>0</v>
      </c>
      <c r="AQ1829">
        <v>0</v>
      </c>
      <c r="AR1829">
        <v>0</v>
      </c>
      <c r="AS1829">
        <v>0</v>
      </c>
      <c r="AT1829">
        <v>0</v>
      </c>
      <c r="AU1829">
        <v>0</v>
      </c>
      <c r="AV1829">
        <v>0</v>
      </c>
      <c r="AW1829">
        <v>0</v>
      </c>
      <c r="AX1829">
        <v>0</v>
      </c>
      <c r="AY1829">
        <v>34</v>
      </c>
      <c r="AZ1829">
        <v>67</v>
      </c>
      <c r="BA1829">
        <v>4327</v>
      </c>
    </row>
    <row r="1830" spans="1:53" x14ac:dyDescent="0.4">
      <c r="A1830">
        <v>1874</v>
      </c>
      <c r="B1830" s="1">
        <v>43409</v>
      </c>
      <c r="C1830">
        <v>3</v>
      </c>
      <c r="D1830" s="1">
        <v>43409.746527777781</v>
      </c>
      <c r="E1830" s="1">
        <v>43409.944444444445</v>
      </c>
      <c r="F1830">
        <v>20000</v>
      </c>
      <c r="G1830">
        <v>1000</v>
      </c>
      <c r="H1830">
        <v>0</v>
      </c>
      <c r="I1830">
        <v>0</v>
      </c>
      <c r="J1830">
        <v>0</v>
      </c>
      <c r="K1830">
        <v>0</v>
      </c>
      <c r="L1830">
        <v>0</v>
      </c>
      <c r="M1830">
        <v>1680</v>
      </c>
      <c r="N1830">
        <v>0</v>
      </c>
      <c r="O1830">
        <v>0</v>
      </c>
      <c r="P1830">
        <v>-13068</v>
      </c>
      <c r="Q1830">
        <v>0</v>
      </c>
      <c r="R1830">
        <v>9612</v>
      </c>
      <c r="S1830">
        <v>0</v>
      </c>
      <c r="T1830">
        <v>0</v>
      </c>
      <c r="U1830">
        <v>0</v>
      </c>
      <c r="V1830">
        <v>2</v>
      </c>
      <c r="W1830">
        <v>3</v>
      </c>
      <c r="X1830">
        <v>0</v>
      </c>
      <c r="Y1830">
        <v>38</v>
      </c>
      <c r="Z1830">
        <v>30</v>
      </c>
      <c r="AA1830">
        <v>114</v>
      </c>
      <c r="AB1830">
        <v>23</v>
      </c>
      <c r="AC1830">
        <v>144</v>
      </c>
      <c r="AD1830">
        <v>50</v>
      </c>
      <c r="AE1830">
        <v>118</v>
      </c>
      <c r="AF1830">
        <v>540</v>
      </c>
      <c r="AG1830">
        <v>102898</v>
      </c>
      <c r="AH1830">
        <v>50000</v>
      </c>
      <c r="AI1830">
        <v>0</v>
      </c>
      <c r="AJ1830">
        <v>108</v>
      </c>
      <c r="AK1830" t="s">
        <v>30</v>
      </c>
      <c r="AL1830">
        <v>0</v>
      </c>
      <c r="AM1830">
        <v>0</v>
      </c>
      <c r="AN1830">
        <v>0</v>
      </c>
      <c r="AO1830">
        <v>0</v>
      </c>
      <c r="AP1830">
        <v>0</v>
      </c>
      <c r="AQ1830">
        <v>0</v>
      </c>
      <c r="AR1830">
        <v>0</v>
      </c>
      <c r="AS1830">
        <v>0</v>
      </c>
      <c r="AT1830">
        <v>0</v>
      </c>
      <c r="AU1830">
        <v>0</v>
      </c>
      <c r="AV1830">
        <v>0</v>
      </c>
      <c r="AW1830">
        <v>0</v>
      </c>
      <c r="AX1830">
        <v>7344</v>
      </c>
      <c r="AY1830">
        <v>7</v>
      </c>
      <c r="AZ1830">
        <v>17</v>
      </c>
      <c r="BA1830">
        <v>1958</v>
      </c>
    </row>
    <row r="1831" spans="1:53" x14ac:dyDescent="0.4">
      <c r="A1831">
        <v>1875</v>
      </c>
      <c r="B1831" s="1">
        <v>43409</v>
      </c>
      <c r="C1831">
        <v>4</v>
      </c>
      <c r="D1831" s="1">
        <v>43409.944444444445</v>
      </c>
      <c r="E1831" s="1">
        <v>43410.075694444444</v>
      </c>
      <c r="F1831">
        <v>11000</v>
      </c>
      <c r="G1831">
        <v>0</v>
      </c>
      <c r="H1831">
        <v>0</v>
      </c>
      <c r="I1831">
        <v>0</v>
      </c>
      <c r="J1831">
        <v>200</v>
      </c>
      <c r="K1831">
        <v>0</v>
      </c>
      <c r="L1831">
        <v>0</v>
      </c>
      <c r="M1831">
        <v>864</v>
      </c>
      <c r="N1831">
        <v>0</v>
      </c>
      <c r="O1831">
        <v>0</v>
      </c>
      <c r="P1831">
        <v>15228</v>
      </c>
      <c r="Q1831">
        <v>0</v>
      </c>
      <c r="R1831">
        <v>26892</v>
      </c>
      <c r="S1831">
        <v>0</v>
      </c>
      <c r="T1831">
        <v>0</v>
      </c>
      <c r="U1831">
        <v>0</v>
      </c>
      <c r="V1831">
        <v>5</v>
      </c>
      <c r="W1831">
        <v>2</v>
      </c>
      <c r="X1831">
        <v>0</v>
      </c>
      <c r="Y1831">
        <v>36</v>
      </c>
      <c r="Z1831">
        <v>29</v>
      </c>
      <c r="AA1831">
        <v>116</v>
      </c>
      <c r="AB1831">
        <v>21</v>
      </c>
      <c r="AC1831">
        <v>142</v>
      </c>
      <c r="AD1831">
        <v>48</v>
      </c>
      <c r="AE1831">
        <v>120</v>
      </c>
      <c r="AF1831">
        <v>4860</v>
      </c>
      <c r="AG1831">
        <v>129790</v>
      </c>
      <c r="AH1831">
        <v>50000</v>
      </c>
      <c r="AI1831">
        <v>0</v>
      </c>
      <c r="AJ1831">
        <v>108</v>
      </c>
      <c r="AK1831" t="s">
        <v>30</v>
      </c>
      <c r="AL1831">
        <v>0</v>
      </c>
      <c r="AM1831">
        <v>0</v>
      </c>
      <c r="AN1831">
        <v>0</v>
      </c>
      <c r="AO1831">
        <v>0</v>
      </c>
      <c r="AP1831">
        <v>0</v>
      </c>
      <c r="AQ1831">
        <v>0</v>
      </c>
      <c r="AR1831">
        <v>0</v>
      </c>
      <c r="AS1831">
        <v>0</v>
      </c>
      <c r="AT1831">
        <v>0</v>
      </c>
      <c r="AU1831">
        <v>0</v>
      </c>
      <c r="AV1831">
        <v>0</v>
      </c>
      <c r="AW1831">
        <v>0</v>
      </c>
      <c r="AX1831">
        <v>2840</v>
      </c>
      <c r="AY1831">
        <v>4</v>
      </c>
      <c r="AZ1831">
        <v>11</v>
      </c>
      <c r="BA1831">
        <v>594</v>
      </c>
    </row>
    <row r="1832" spans="1:53" x14ac:dyDescent="0.4">
      <c r="A1832">
        <v>1876</v>
      </c>
      <c r="B1832" s="1">
        <v>43410</v>
      </c>
      <c r="C1832">
        <v>1</v>
      </c>
      <c r="D1832" s="1">
        <v>43410.291666666664</v>
      </c>
      <c r="E1832" s="1">
        <v>43410.450694444444</v>
      </c>
      <c r="F1832">
        <v>0</v>
      </c>
      <c r="G1832">
        <v>0</v>
      </c>
      <c r="H1832">
        <v>0</v>
      </c>
      <c r="I1832">
        <v>0</v>
      </c>
      <c r="J1832">
        <v>0</v>
      </c>
      <c r="K1832">
        <v>0</v>
      </c>
      <c r="L1832">
        <v>0</v>
      </c>
      <c r="M1832">
        <v>0</v>
      </c>
      <c r="N1832">
        <v>0</v>
      </c>
      <c r="O1832">
        <v>0</v>
      </c>
      <c r="P1832">
        <v>0</v>
      </c>
      <c r="Q1832">
        <v>0</v>
      </c>
      <c r="R1832">
        <v>0</v>
      </c>
      <c r="S1832">
        <v>0</v>
      </c>
      <c r="T1832">
        <v>0</v>
      </c>
      <c r="U1832">
        <v>0</v>
      </c>
      <c r="V1832">
        <v>0</v>
      </c>
      <c r="W1832">
        <v>0</v>
      </c>
      <c r="X1832">
        <v>0</v>
      </c>
      <c r="Y1832">
        <v>32</v>
      </c>
      <c r="Z1832">
        <v>8</v>
      </c>
      <c r="AA1832">
        <v>115</v>
      </c>
      <c r="AB1832">
        <v>24</v>
      </c>
      <c r="AC1832">
        <v>96</v>
      </c>
      <c r="AD1832">
        <v>46</v>
      </c>
      <c r="AE1832">
        <v>110</v>
      </c>
      <c r="AF1832">
        <v>0</v>
      </c>
      <c r="AG1832">
        <v>50000</v>
      </c>
      <c r="AH1832">
        <v>0</v>
      </c>
      <c r="AI1832">
        <v>50000</v>
      </c>
      <c r="AJ1832">
        <v>0</v>
      </c>
      <c r="AK1832" t="s">
        <v>6</v>
      </c>
      <c r="AL1832">
        <v>0</v>
      </c>
      <c r="AM1832">
        <v>0</v>
      </c>
      <c r="AN1832">
        <v>0</v>
      </c>
      <c r="AO1832">
        <v>0</v>
      </c>
      <c r="AP1832">
        <v>0</v>
      </c>
      <c r="AQ1832">
        <v>0</v>
      </c>
      <c r="AR1832">
        <v>0</v>
      </c>
      <c r="AS1832">
        <v>0</v>
      </c>
      <c r="AT1832">
        <v>0</v>
      </c>
      <c r="AU1832">
        <v>0</v>
      </c>
      <c r="AV1832">
        <v>0</v>
      </c>
      <c r="AW1832">
        <v>0</v>
      </c>
      <c r="AX1832">
        <v>0</v>
      </c>
      <c r="AY1832">
        <v>0</v>
      </c>
      <c r="AZ1832">
        <v>0</v>
      </c>
      <c r="BA1832">
        <v>0</v>
      </c>
    </row>
    <row r="1833" spans="1:53" x14ac:dyDescent="0.4">
      <c r="A1833">
        <v>1877</v>
      </c>
      <c r="B1833" s="1">
        <v>43410</v>
      </c>
      <c r="C1833">
        <v>2</v>
      </c>
      <c r="D1833" s="1">
        <v>43410.450694444444</v>
      </c>
      <c r="E1833" s="1">
        <v>43410.75</v>
      </c>
      <c r="F1833">
        <v>6500</v>
      </c>
      <c r="G1833">
        <v>0</v>
      </c>
      <c r="H1833">
        <v>0</v>
      </c>
      <c r="I1833">
        <v>0</v>
      </c>
      <c r="J1833">
        <v>0</v>
      </c>
      <c r="K1833">
        <v>0</v>
      </c>
      <c r="L1833">
        <v>0</v>
      </c>
      <c r="M1833">
        <v>520</v>
      </c>
      <c r="N1833">
        <v>0</v>
      </c>
      <c r="O1833">
        <v>0</v>
      </c>
      <c r="P1833">
        <v>21060</v>
      </c>
      <c r="Q1833">
        <v>0</v>
      </c>
      <c r="R1833">
        <v>28080</v>
      </c>
      <c r="S1833">
        <v>0</v>
      </c>
      <c r="T1833">
        <v>0</v>
      </c>
      <c r="U1833">
        <v>0</v>
      </c>
      <c r="V1833">
        <v>1</v>
      </c>
      <c r="W1833">
        <v>1</v>
      </c>
      <c r="X1833">
        <v>0</v>
      </c>
      <c r="Y1833">
        <v>37</v>
      </c>
      <c r="Z1833">
        <v>18</v>
      </c>
      <c r="AA1833">
        <v>143</v>
      </c>
      <c r="AB1833">
        <v>24</v>
      </c>
      <c r="AC1833">
        <v>124</v>
      </c>
      <c r="AD1833">
        <v>46</v>
      </c>
      <c r="AE1833">
        <v>110</v>
      </c>
      <c r="AF1833">
        <v>0</v>
      </c>
      <c r="AG1833">
        <v>78080</v>
      </c>
      <c r="AH1833">
        <v>50000</v>
      </c>
      <c r="AI1833">
        <v>0</v>
      </c>
      <c r="AJ1833">
        <v>96</v>
      </c>
      <c r="AK1833" t="s">
        <v>4</v>
      </c>
      <c r="AL1833">
        <v>0</v>
      </c>
      <c r="AM1833">
        <v>0</v>
      </c>
      <c r="AN1833">
        <v>0</v>
      </c>
      <c r="AO1833">
        <v>0</v>
      </c>
      <c r="AP1833">
        <v>0</v>
      </c>
      <c r="AQ1833">
        <v>0</v>
      </c>
      <c r="AR1833">
        <v>0</v>
      </c>
      <c r="AS1833">
        <v>0</v>
      </c>
      <c r="AT1833">
        <v>0</v>
      </c>
      <c r="AU1833">
        <v>0</v>
      </c>
      <c r="AV1833">
        <v>0</v>
      </c>
      <c r="AW1833">
        <v>0</v>
      </c>
      <c r="AX1833">
        <v>928</v>
      </c>
      <c r="AY1833">
        <v>26</v>
      </c>
      <c r="AZ1833">
        <v>52</v>
      </c>
      <c r="BA1833">
        <v>2756</v>
      </c>
    </row>
    <row r="1834" spans="1:53" x14ac:dyDescent="0.4">
      <c r="A1834">
        <v>1878</v>
      </c>
      <c r="B1834" s="1">
        <v>43411</v>
      </c>
      <c r="C1834">
        <v>1</v>
      </c>
      <c r="D1834" s="1">
        <v>43411.291666666664</v>
      </c>
      <c r="E1834" s="1">
        <v>43411.450694444444</v>
      </c>
      <c r="F1834">
        <v>0</v>
      </c>
      <c r="G1834">
        <v>0</v>
      </c>
      <c r="H1834">
        <v>0</v>
      </c>
      <c r="I1834">
        <v>0</v>
      </c>
      <c r="J1834">
        <v>0</v>
      </c>
      <c r="K1834">
        <v>0</v>
      </c>
      <c r="L1834">
        <v>0</v>
      </c>
      <c r="M1834">
        <v>0</v>
      </c>
      <c r="N1834">
        <v>0</v>
      </c>
      <c r="O1834">
        <v>0</v>
      </c>
      <c r="P1834">
        <v>0</v>
      </c>
      <c r="Q1834">
        <v>0</v>
      </c>
      <c r="R1834">
        <v>0</v>
      </c>
      <c r="S1834">
        <v>0</v>
      </c>
      <c r="T1834">
        <v>0</v>
      </c>
      <c r="U1834">
        <v>0</v>
      </c>
      <c r="V1834">
        <v>0</v>
      </c>
      <c r="W1834">
        <v>0</v>
      </c>
      <c r="X1834">
        <v>0</v>
      </c>
      <c r="Y1834">
        <v>33</v>
      </c>
      <c r="Z1834">
        <v>14</v>
      </c>
      <c r="AA1834">
        <v>79</v>
      </c>
      <c r="AB1834">
        <v>20</v>
      </c>
      <c r="AC1834">
        <v>76</v>
      </c>
      <c r="AD1834">
        <v>47</v>
      </c>
      <c r="AE1834">
        <v>105</v>
      </c>
      <c r="AF1834">
        <v>0</v>
      </c>
      <c r="AG1834">
        <v>50000</v>
      </c>
      <c r="AH1834">
        <v>0</v>
      </c>
      <c r="AI1834">
        <v>50000</v>
      </c>
      <c r="AJ1834">
        <v>0</v>
      </c>
      <c r="AK1834" t="s">
        <v>6</v>
      </c>
      <c r="AL1834">
        <v>0</v>
      </c>
      <c r="AM1834">
        <v>0</v>
      </c>
      <c r="AN1834">
        <v>0</v>
      </c>
      <c r="AO1834">
        <v>0</v>
      </c>
      <c r="AP1834">
        <v>0</v>
      </c>
      <c r="AQ1834">
        <v>0</v>
      </c>
      <c r="AR1834">
        <v>0</v>
      </c>
      <c r="AS1834">
        <v>0</v>
      </c>
      <c r="AT1834">
        <v>0</v>
      </c>
      <c r="AU1834">
        <v>0</v>
      </c>
      <c r="AV1834">
        <v>0</v>
      </c>
      <c r="AW1834">
        <v>0</v>
      </c>
      <c r="AX1834">
        <v>0</v>
      </c>
      <c r="AY1834">
        <v>0</v>
      </c>
      <c r="AZ1834">
        <v>0</v>
      </c>
      <c r="BA1834">
        <v>0</v>
      </c>
    </row>
    <row r="1835" spans="1:53" x14ac:dyDescent="0.4">
      <c r="A1835">
        <v>1879</v>
      </c>
      <c r="B1835" s="1">
        <v>43411</v>
      </c>
      <c r="C1835">
        <v>2</v>
      </c>
      <c r="D1835" s="1">
        <v>43411.450694444444</v>
      </c>
      <c r="E1835" s="1">
        <v>43411.746527777781</v>
      </c>
      <c r="F1835">
        <v>16000</v>
      </c>
      <c r="G1835">
        <v>2100</v>
      </c>
      <c r="H1835">
        <v>0</v>
      </c>
      <c r="I1835">
        <v>0</v>
      </c>
      <c r="J1835">
        <v>0</v>
      </c>
      <c r="K1835">
        <v>0</v>
      </c>
      <c r="L1835">
        <v>0</v>
      </c>
      <c r="M1835">
        <v>1448</v>
      </c>
      <c r="N1835">
        <v>0</v>
      </c>
      <c r="O1835">
        <v>0</v>
      </c>
      <c r="P1835">
        <v>14040</v>
      </c>
      <c r="Q1835">
        <v>0</v>
      </c>
      <c r="R1835">
        <v>33588</v>
      </c>
      <c r="S1835">
        <v>0</v>
      </c>
      <c r="T1835">
        <v>0</v>
      </c>
      <c r="U1835">
        <v>0</v>
      </c>
      <c r="V1835">
        <v>2</v>
      </c>
      <c r="W1835">
        <v>2</v>
      </c>
      <c r="X1835">
        <v>0</v>
      </c>
      <c r="Y1835">
        <v>32</v>
      </c>
      <c r="Z1835">
        <v>26</v>
      </c>
      <c r="AA1835">
        <v>67</v>
      </c>
      <c r="AB1835">
        <v>8</v>
      </c>
      <c r="AC1835">
        <v>114</v>
      </c>
      <c r="AD1835">
        <v>47</v>
      </c>
      <c r="AE1835">
        <v>113</v>
      </c>
      <c r="AF1835">
        <v>0</v>
      </c>
      <c r="AG1835">
        <v>83588</v>
      </c>
      <c r="AH1835">
        <v>50000</v>
      </c>
      <c r="AI1835">
        <v>0</v>
      </c>
      <c r="AJ1835">
        <v>96</v>
      </c>
      <c r="AK1835" t="s">
        <v>4</v>
      </c>
      <c r="AL1835">
        <v>0</v>
      </c>
      <c r="AM1835">
        <v>0</v>
      </c>
      <c r="AN1835">
        <v>0</v>
      </c>
      <c r="AO1835">
        <v>0</v>
      </c>
      <c r="AP1835">
        <v>0</v>
      </c>
      <c r="AQ1835">
        <v>0</v>
      </c>
      <c r="AR1835">
        <v>0</v>
      </c>
      <c r="AS1835">
        <v>0</v>
      </c>
      <c r="AT1835">
        <v>0</v>
      </c>
      <c r="AU1835">
        <v>0</v>
      </c>
      <c r="AV1835">
        <v>0</v>
      </c>
      <c r="AW1835">
        <v>0</v>
      </c>
      <c r="AX1835">
        <v>-130</v>
      </c>
      <c r="AY1835">
        <v>35</v>
      </c>
      <c r="AZ1835">
        <v>58</v>
      </c>
      <c r="BA1835">
        <v>4513</v>
      </c>
    </row>
    <row r="1836" spans="1:53" x14ac:dyDescent="0.4">
      <c r="A1836">
        <v>1880</v>
      </c>
      <c r="B1836" s="1">
        <v>43411</v>
      </c>
      <c r="C1836">
        <v>3</v>
      </c>
      <c r="D1836" s="1">
        <v>43411.746527777781</v>
      </c>
      <c r="E1836" s="1">
        <v>43411.951388888891</v>
      </c>
      <c r="F1836">
        <v>21500</v>
      </c>
      <c r="G1836">
        <v>1380</v>
      </c>
      <c r="H1836">
        <v>200</v>
      </c>
      <c r="I1836">
        <v>0</v>
      </c>
      <c r="J1836">
        <v>0</v>
      </c>
      <c r="K1836">
        <v>0</v>
      </c>
      <c r="L1836">
        <v>0</v>
      </c>
      <c r="M1836">
        <v>1846</v>
      </c>
      <c r="N1836">
        <v>0</v>
      </c>
      <c r="O1836">
        <v>0</v>
      </c>
      <c r="P1836">
        <v>-6912</v>
      </c>
      <c r="Q1836">
        <v>0</v>
      </c>
      <c r="R1836">
        <v>18014</v>
      </c>
      <c r="S1836">
        <v>0</v>
      </c>
      <c r="T1836">
        <v>0</v>
      </c>
      <c r="U1836">
        <v>0</v>
      </c>
      <c r="V1836">
        <v>3</v>
      </c>
      <c r="W1836">
        <v>1</v>
      </c>
      <c r="X1836">
        <v>0</v>
      </c>
      <c r="Y1836">
        <v>41</v>
      </c>
      <c r="Z1836">
        <v>28</v>
      </c>
      <c r="AA1836">
        <v>65</v>
      </c>
      <c r="AB1836">
        <v>8</v>
      </c>
      <c r="AC1836">
        <v>112</v>
      </c>
      <c r="AD1836">
        <v>47</v>
      </c>
      <c r="AE1836">
        <v>107</v>
      </c>
      <c r="AF1836">
        <v>3240</v>
      </c>
      <c r="AG1836">
        <v>101602</v>
      </c>
      <c r="AH1836">
        <v>50000</v>
      </c>
      <c r="AI1836">
        <v>0</v>
      </c>
      <c r="AJ1836">
        <v>99</v>
      </c>
      <c r="AK1836" t="s">
        <v>9</v>
      </c>
      <c r="AL1836">
        <v>0</v>
      </c>
      <c r="AM1836">
        <v>0</v>
      </c>
      <c r="AN1836">
        <v>0</v>
      </c>
      <c r="AO1836">
        <v>0</v>
      </c>
      <c r="AP1836">
        <v>0</v>
      </c>
      <c r="AQ1836">
        <v>0</v>
      </c>
      <c r="AR1836">
        <v>0</v>
      </c>
      <c r="AS1836">
        <v>0</v>
      </c>
      <c r="AT1836">
        <v>0</v>
      </c>
      <c r="AU1836">
        <v>0</v>
      </c>
      <c r="AV1836">
        <v>0</v>
      </c>
      <c r="AW1836">
        <v>0</v>
      </c>
      <c r="AX1836">
        <v>19354</v>
      </c>
      <c r="AY1836">
        <v>8</v>
      </c>
      <c r="AZ1836">
        <v>19</v>
      </c>
      <c r="BA1836">
        <v>1906</v>
      </c>
    </row>
    <row r="1837" spans="1:53" x14ac:dyDescent="0.4">
      <c r="A1837">
        <v>1881</v>
      </c>
      <c r="B1837" s="1">
        <v>43412</v>
      </c>
      <c r="C1837">
        <v>1</v>
      </c>
      <c r="D1837" s="1">
        <v>43412.291666666664</v>
      </c>
      <c r="E1837" s="1">
        <v>43412.448611111111</v>
      </c>
      <c r="F1837">
        <v>0</v>
      </c>
      <c r="G1837">
        <v>0</v>
      </c>
      <c r="H1837">
        <v>0</v>
      </c>
      <c r="I1837">
        <v>0</v>
      </c>
      <c r="J1837">
        <v>0</v>
      </c>
      <c r="K1837">
        <v>0</v>
      </c>
      <c r="L1837">
        <v>0</v>
      </c>
      <c r="M1837">
        <v>0</v>
      </c>
      <c r="N1837">
        <v>0</v>
      </c>
      <c r="O1837">
        <v>0</v>
      </c>
      <c r="P1837">
        <v>0</v>
      </c>
      <c r="Q1837">
        <v>0</v>
      </c>
      <c r="R1837">
        <v>0</v>
      </c>
      <c r="S1837">
        <v>0</v>
      </c>
      <c r="T1837">
        <v>0</v>
      </c>
      <c r="U1837">
        <v>0</v>
      </c>
      <c r="V1837">
        <v>0</v>
      </c>
      <c r="W1837">
        <v>0</v>
      </c>
      <c r="X1837">
        <v>0</v>
      </c>
      <c r="Y1837">
        <v>30</v>
      </c>
      <c r="Z1837">
        <v>25</v>
      </c>
      <c r="AA1837">
        <v>57</v>
      </c>
      <c r="AB1837">
        <v>8</v>
      </c>
      <c r="AC1837">
        <v>110</v>
      </c>
      <c r="AD1837">
        <v>40</v>
      </c>
      <c r="AE1837">
        <v>100</v>
      </c>
      <c r="AF1837">
        <v>0</v>
      </c>
      <c r="AG1837">
        <v>50000</v>
      </c>
      <c r="AH1837">
        <v>0</v>
      </c>
      <c r="AI1837">
        <v>50000</v>
      </c>
      <c r="AJ1837">
        <v>0</v>
      </c>
      <c r="AK1837" t="s">
        <v>6</v>
      </c>
      <c r="AL1837">
        <v>0</v>
      </c>
      <c r="AM1837">
        <v>0</v>
      </c>
      <c r="AN1837">
        <v>0</v>
      </c>
      <c r="AO1837">
        <v>0</v>
      </c>
      <c r="AP1837">
        <v>0</v>
      </c>
      <c r="AQ1837">
        <v>0</v>
      </c>
      <c r="AR1837">
        <v>0</v>
      </c>
      <c r="AS1837">
        <v>0</v>
      </c>
      <c r="AT1837">
        <v>0</v>
      </c>
      <c r="AU1837">
        <v>0</v>
      </c>
      <c r="AV1837">
        <v>0</v>
      </c>
      <c r="AW1837">
        <v>0</v>
      </c>
      <c r="AX1837">
        <v>0</v>
      </c>
      <c r="AY1837">
        <v>0</v>
      </c>
      <c r="AZ1837">
        <v>0</v>
      </c>
      <c r="BA1837">
        <v>0</v>
      </c>
    </row>
    <row r="1838" spans="1:53" x14ac:dyDescent="0.4">
      <c r="A1838">
        <v>1882</v>
      </c>
      <c r="B1838" s="1">
        <v>43412</v>
      </c>
      <c r="C1838">
        <v>2</v>
      </c>
      <c r="D1838" s="1">
        <v>43412.448611111111</v>
      </c>
      <c r="E1838" s="1">
        <v>43412.743750000001</v>
      </c>
      <c r="F1838">
        <v>8500</v>
      </c>
      <c r="G1838">
        <v>680</v>
      </c>
      <c r="H1838">
        <v>0</v>
      </c>
      <c r="I1838">
        <v>0</v>
      </c>
      <c r="J1838">
        <v>0</v>
      </c>
      <c r="K1838">
        <v>0</v>
      </c>
      <c r="L1838">
        <v>0</v>
      </c>
      <c r="M1838">
        <v>734</v>
      </c>
      <c r="N1838">
        <v>0</v>
      </c>
      <c r="O1838">
        <v>0</v>
      </c>
      <c r="P1838">
        <v>15660</v>
      </c>
      <c r="Q1838">
        <v>0</v>
      </c>
      <c r="R1838">
        <v>25574</v>
      </c>
      <c r="S1838">
        <v>0</v>
      </c>
      <c r="T1838">
        <v>0</v>
      </c>
      <c r="U1838">
        <v>0</v>
      </c>
      <c r="V1838">
        <v>0</v>
      </c>
      <c r="W1838">
        <v>1</v>
      </c>
      <c r="X1838">
        <v>0</v>
      </c>
      <c r="Y1838">
        <v>47</v>
      </c>
      <c r="Z1838">
        <v>29</v>
      </c>
      <c r="AA1838">
        <v>55</v>
      </c>
      <c r="AB1838">
        <v>0</v>
      </c>
      <c r="AC1838">
        <v>114</v>
      </c>
      <c r="AD1838">
        <v>39</v>
      </c>
      <c r="AE1838">
        <v>99</v>
      </c>
      <c r="AF1838">
        <v>2140</v>
      </c>
      <c r="AG1838">
        <v>75574</v>
      </c>
      <c r="AH1838">
        <v>50000</v>
      </c>
      <c r="AI1838">
        <v>0</v>
      </c>
      <c r="AJ1838">
        <v>96</v>
      </c>
      <c r="AK1838" t="s">
        <v>4</v>
      </c>
      <c r="AL1838">
        <v>0</v>
      </c>
      <c r="AM1838">
        <v>0</v>
      </c>
      <c r="AN1838">
        <v>0</v>
      </c>
      <c r="AO1838">
        <v>0</v>
      </c>
      <c r="AP1838">
        <v>0</v>
      </c>
      <c r="AQ1838">
        <v>0</v>
      </c>
      <c r="AR1838">
        <v>0</v>
      </c>
      <c r="AS1838">
        <v>0</v>
      </c>
      <c r="AT1838">
        <v>0</v>
      </c>
      <c r="AU1838">
        <v>0</v>
      </c>
      <c r="AV1838">
        <v>0</v>
      </c>
      <c r="AW1838">
        <v>0</v>
      </c>
      <c r="AX1838">
        <v>-346</v>
      </c>
      <c r="AY1838">
        <v>25</v>
      </c>
      <c r="AZ1838">
        <v>46</v>
      </c>
      <c r="BA1838">
        <v>2604</v>
      </c>
    </row>
    <row r="1839" spans="1:53" x14ac:dyDescent="0.4">
      <c r="A1839">
        <v>1883</v>
      </c>
      <c r="B1839" s="1">
        <v>43412</v>
      </c>
      <c r="C1839">
        <v>3</v>
      </c>
      <c r="D1839" s="1">
        <v>43412.743750000001</v>
      </c>
      <c r="E1839" s="1">
        <v>43412.952777777777</v>
      </c>
      <c r="F1839">
        <v>19500</v>
      </c>
      <c r="G1839">
        <v>1740</v>
      </c>
      <c r="H1839">
        <v>0</v>
      </c>
      <c r="I1839">
        <v>0</v>
      </c>
      <c r="J1839">
        <v>0</v>
      </c>
      <c r="K1839">
        <v>0</v>
      </c>
      <c r="L1839">
        <v>0</v>
      </c>
      <c r="M1839">
        <v>1698</v>
      </c>
      <c r="N1839">
        <v>0</v>
      </c>
      <c r="O1839">
        <v>0</v>
      </c>
      <c r="P1839">
        <v>-13068</v>
      </c>
      <c r="Q1839">
        <v>0</v>
      </c>
      <c r="R1839">
        <v>9870</v>
      </c>
      <c r="S1839">
        <v>0</v>
      </c>
      <c r="T1839">
        <v>0</v>
      </c>
      <c r="U1839">
        <v>0</v>
      </c>
      <c r="V1839">
        <v>0</v>
      </c>
      <c r="W1839">
        <v>2</v>
      </c>
      <c r="X1839">
        <v>0</v>
      </c>
      <c r="Y1839">
        <v>51</v>
      </c>
      <c r="Z1839">
        <v>30</v>
      </c>
      <c r="AA1839">
        <v>57</v>
      </c>
      <c r="AB1839">
        <v>3</v>
      </c>
      <c r="AC1839">
        <v>117</v>
      </c>
      <c r="AD1839">
        <v>37</v>
      </c>
      <c r="AE1839">
        <v>99</v>
      </c>
      <c r="AF1839">
        <v>2140</v>
      </c>
      <c r="AG1839">
        <v>85444</v>
      </c>
      <c r="AH1839">
        <v>50000</v>
      </c>
      <c r="AI1839">
        <v>0</v>
      </c>
      <c r="AJ1839">
        <v>102</v>
      </c>
      <c r="AK1839" t="s">
        <v>8</v>
      </c>
      <c r="AL1839">
        <v>0</v>
      </c>
      <c r="AM1839">
        <v>0</v>
      </c>
      <c r="AN1839">
        <v>0</v>
      </c>
      <c r="AO1839">
        <v>0</v>
      </c>
      <c r="AP1839">
        <v>0</v>
      </c>
      <c r="AQ1839">
        <v>0</v>
      </c>
      <c r="AR1839">
        <v>0</v>
      </c>
      <c r="AS1839">
        <v>0</v>
      </c>
      <c r="AT1839">
        <v>0</v>
      </c>
      <c r="AU1839">
        <v>0</v>
      </c>
      <c r="AV1839">
        <v>0</v>
      </c>
      <c r="AW1839">
        <v>0</v>
      </c>
      <c r="AX1839">
        <v>14580</v>
      </c>
      <c r="AY1839">
        <v>5</v>
      </c>
      <c r="AZ1839">
        <v>24</v>
      </c>
      <c r="BA1839">
        <v>2031</v>
      </c>
    </row>
    <row r="1840" spans="1:53" x14ac:dyDescent="0.4">
      <c r="A1840">
        <v>1884</v>
      </c>
      <c r="B1840" s="1">
        <v>43413</v>
      </c>
      <c r="C1840">
        <v>1</v>
      </c>
      <c r="D1840" s="1">
        <v>43413.291666666664</v>
      </c>
      <c r="E1840" s="1">
        <v>43413.448611111111</v>
      </c>
      <c r="F1840">
        <v>0</v>
      </c>
      <c r="G1840">
        <v>0</v>
      </c>
      <c r="H1840">
        <v>0</v>
      </c>
      <c r="I1840">
        <v>0</v>
      </c>
      <c r="J1840">
        <v>0</v>
      </c>
      <c r="K1840">
        <v>0</v>
      </c>
      <c r="L1840">
        <v>0</v>
      </c>
      <c r="M1840">
        <v>0</v>
      </c>
      <c r="N1840">
        <v>0</v>
      </c>
      <c r="O1840">
        <v>0</v>
      </c>
      <c r="P1840">
        <v>0</v>
      </c>
      <c r="Q1840">
        <v>0</v>
      </c>
      <c r="R1840">
        <v>0</v>
      </c>
      <c r="S1840">
        <v>0</v>
      </c>
      <c r="T1840">
        <v>0</v>
      </c>
      <c r="U1840">
        <v>0</v>
      </c>
      <c r="V1840">
        <v>0</v>
      </c>
      <c r="W1840">
        <v>0</v>
      </c>
      <c r="X1840">
        <v>0</v>
      </c>
      <c r="Y1840">
        <v>32</v>
      </c>
      <c r="Z1840">
        <v>21</v>
      </c>
      <c r="AA1840">
        <v>58</v>
      </c>
      <c r="AB1840">
        <v>5</v>
      </c>
      <c r="AC1840">
        <v>116</v>
      </c>
      <c r="AD1840">
        <v>38</v>
      </c>
      <c r="AE1840">
        <v>100</v>
      </c>
      <c r="AF1840">
        <v>0</v>
      </c>
      <c r="AG1840">
        <v>50000</v>
      </c>
      <c r="AH1840">
        <v>0</v>
      </c>
      <c r="AI1840">
        <v>50000</v>
      </c>
      <c r="AJ1840">
        <v>0</v>
      </c>
      <c r="AK1840" t="s">
        <v>6</v>
      </c>
      <c r="AL1840">
        <v>0</v>
      </c>
      <c r="AM1840">
        <v>0</v>
      </c>
      <c r="AN1840">
        <v>0</v>
      </c>
      <c r="AO1840">
        <v>0</v>
      </c>
      <c r="AP1840">
        <v>0</v>
      </c>
      <c r="AQ1840">
        <v>0</v>
      </c>
      <c r="AR1840">
        <v>0</v>
      </c>
      <c r="AS1840">
        <v>0</v>
      </c>
      <c r="AT1840">
        <v>0</v>
      </c>
      <c r="AU1840">
        <v>0</v>
      </c>
      <c r="AV1840">
        <v>0</v>
      </c>
      <c r="AW1840">
        <v>0</v>
      </c>
      <c r="AX1840">
        <v>0</v>
      </c>
      <c r="AY1840">
        <v>0</v>
      </c>
      <c r="AZ1840">
        <v>0</v>
      </c>
      <c r="BA1840">
        <v>0</v>
      </c>
    </row>
    <row r="1841" spans="1:53" x14ac:dyDescent="0.4">
      <c r="A1841">
        <v>1885</v>
      </c>
      <c r="B1841" s="1">
        <v>43413</v>
      </c>
      <c r="C1841">
        <v>2</v>
      </c>
      <c r="D1841" s="1">
        <v>43413.448611111111</v>
      </c>
      <c r="E1841" s="1">
        <v>43413.731944444444</v>
      </c>
      <c r="F1841">
        <v>10500</v>
      </c>
      <c r="G1841">
        <v>380</v>
      </c>
      <c r="H1841">
        <v>0</v>
      </c>
      <c r="I1841">
        <v>0</v>
      </c>
      <c r="J1841">
        <v>0</v>
      </c>
      <c r="K1841">
        <v>0</v>
      </c>
      <c r="L1841">
        <v>0</v>
      </c>
      <c r="M1841">
        <v>870</v>
      </c>
      <c r="N1841">
        <v>0</v>
      </c>
      <c r="O1841">
        <v>0</v>
      </c>
      <c r="P1841">
        <v>19310</v>
      </c>
      <c r="Q1841">
        <v>0</v>
      </c>
      <c r="R1841">
        <v>31060</v>
      </c>
      <c r="S1841">
        <v>0</v>
      </c>
      <c r="T1841">
        <v>0</v>
      </c>
      <c r="U1841">
        <v>0</v>
      </c>
      <c r="V1841">
        <v>4</v>
      </c>
      <c r="W1841">
        <v>1</v>
      </c>
      <c r="X1841">
        <v>0</v>
      </c>
      <c r="Y1841">
        <v>14</v>
      </c>
      <c r="Z1841">
        <v>27</v>
      </c>
      <c r="AA1841">
        <v>65</v>
      </c>
      <c r="AB1841">
        <v>7</v>
      </c>
      <c r="AC1841">
        <v>142</v>
      </c>
      <c r="AD1841">
        <v>38</v>
      </c>
      <c r="AE1841">
        <v>100</v>
      </c>
      <c r="AF1841">
        <v>0</v>
      </c>
      <c r="AG1841">
        <v>81060</v>
      </c>
      <c r="AH1841">
        <v>50000</v>
      </c>
      <c r="AI1841">
        <v>0</v>
      </c>
      <c r="AJ1841">
        <v>96</v>
      </c>
      <c r="AK1841" t="s">
        <v>4</v>
      </c>
      <c r="AL1841">
        <v>0</v>
      </c>
      <c r="AM1841">
        <v>0</v>
      </c>
      <c r="AN1841">
        <v>0</v>
      </c>
      <c r="AO1841">
        <v>0</v>
      </c>
      <c r="AP1841">
        <v>0</v>
      </c>
      <c r="AQ1841">
        <v>0</v>
      </c>
      <c r="AR1841">
        <v>0</v>
      </c>
      <c r="AS1841">
        <v>0</v>
      </c>
      <c r="AT1841">
        <v>0</v>
      </c>
      <c r="AU1841">
        <v>0</v>
      </c>
      <c r="AV1841">
        <v>0</v>
      </c>
      <c r="AW1841">
        <v>0</v>
      </c>
      <c r="AX1841">
        <v>1144</v>
      </c>
      <c r="AY1841">
        <v>33</v>
      </c>
      <c r="AZ1841">
        <v>56</v>
      </c>
      <c r="BA1841">
        <v>4047</v>
      </c>
    </row>
    <row r="1842" spans="1:53" x14ac:dyDescent="0.4">
      <c r="A1842">
        <v>1886</v>
      </c>
      <c r="B1842" s="1">
        <v>43413</v>
      </c>
      <c r="C1842">
        <v>3</v>
      </c>
      <c r="D1842" s="1">
        <v>43413.731944444444</v>
      </c>
      <c r="E1842" s="1">
        <v>43414.118055555555</v>
      </c>
      <c r="F1842">
        <v>186910</v>
      </c>
      <c r="G1842">
        <v>8320</v>
      </c>
      <c r="H1842">
        <v>1200</v>
      </c>
      <c r="I1842">
        <v>0</v>
      </c>
      <c r="J1842">
        <v>0</v>
      </c>
      <c r="K1842">
        <v>100</v>
      </c>
      <c r="L1842">
        <v>0</v>
      </c>
      <c r="M1842">
        <v>15720</v>
      </c>
      <c r="N1842">
        <v>0</v>
      </c>
      <c r="O1842">
        <v>0</v>
      </c>
      <c r="P1842">
        <v>33718</v>
      </c>
      <c r="Q1842">
        <v>0</v>
      </c>
      <c r="R1842">
        <v>245968</v>
      </c>
      <c r="S1842">
        <v>0</v>
      </c>
      <c r="T1842">
        <v>0</v>
      </c>
      <c r="U1842">
        <v>0</v>
      </c>
      <c r="V1842">
        <v>23</v>
      </c>
      <c r="W1842">
        <v>4</v>
      </c>
      <c r="X1842">
        <v>0</v>
      </c>
      <c r="Y1842">
        <v>40</v>
      </c>
      <c r="Z1842">
        <v>28</v>
      </c>
      <c r="AA1842">
        <v>42</v>
      </c>
      <c r="AB1842">
        <v>5</v>
      </c>
      <c r="AC1842">
        <v>145</v>
      </c>
      <c r="AD1842">
        <v>38</v>
      </c>
      <c r="AE1842">
        <v>88</v>
      </c>
      <c r="AF1842">
        <v>9943</v>
      </c>
      <c r="AG1842">
        <v>320121</v>
      </c>
      <c r="AH1842">
        <v>50000</v>
      </c>
      <c r="AI1842">
        <v>-6907</v>
      </c>
      <c r="AJ1842">
        <v>108</v>
      </c>
      <c r="AK1842" t="s">
        <v>30</v>
      </c>
      <c r="AL1842">
        <v>0</v>
      </c>
      <c r="AM1842">
        <v>0</v>
      </c>
      <c r="AN1842">
        <v>0</v>
      </c>
      <c r="AO1842">
        <v>0</v>
      </c>
      <c r="AP1842">
        <v>0</v>
      </c>
      <c r="AQ1842">
        <v>0</v>
      </c>
      <c r="AR1842">
        <v>0</v>
      </c>
      <c r="AS1842">
        <v>0</v>
      </c>
      <c r="AT1842">
        <v>0</v>
      </c>
      <c r="AU1842">
        <v>0</v>
      </c>
      <c r="AV1842">
        <v>0</v>
      </c>
      <c r="AW1842">
        <v>0</v>
      </c>
      <c r="AX1842">
        <v>1890</v>
      </c>
      <c r="AY1842">
        <v>36</v>
      </c>
      <c r="AZ1842">
        <v>145</v>
      </c>
      <c r="BA1842">
        <v>5583</v>
      </c>
    </row>
    <row r="1843" spans="1:53" x14ac:dyDescent="0.4">
      <c r="A1843">
        <v>1887</v>
      </c>
      <c r="B1843" s="1">
        <v>43414</v>
      </c>
      <c r="C1843">
        <v>1</v>
      </c>
      <c r="D1843" s="1">
        <v>43414.291666666664</v>
      </c>
      <c r="E1843" s="1">
        <v>43414.385416666664</v>
      </c>
      <c r="F1843">
        <v>0</v>
      </c>
      <c r="G1843">
        <v>0</v>
      </c>
      <c r="H1843">
        <v>0</v>
      </c>
      <c r="I1843">
        <v>0</v>
      </c>
      <c r="J1843">
        <v>0</v>
      </c>
      <c r="K1843">
        <v>0</v>
      </c>
      <c r="L1843">
        <v>0</v>
      </c>
      <c r="M1843">
        <v>0</v>
      </c>
      <c r="N1843">
        <v>0</v>
      </c>
      <c r="O1843">
        <v>0</v>
      </c>
      <c r="P1843">
        <v>0</v>
      </c>
      <c r="Q1843">
        <v>0</v>
      </c>
      <c r="R1843">
        <v>0</v>
      </c>
      <c r="S1843">
        <v>0</v>
      </c>
      <c r="T1843">
        <v>0</v>
      </c>
      <c r="U1843">
        <v>0</v>
      </c>
      <c r="V1843">
        <v>0</v>
      </c>
      <c r="W1843">
        <v>0</v>
      </c>
      <c r="X1843">
        <v>0</v>
      </c>
      <c r="Y1843">
        <v>25</v>
      </c>
      <c r="Z1843">
        <v>18</v>
      </c>
      <c r="AA1843">
        <v>43</v>
      </c>
      <c r="AB1843">
        <v>5</v>
      </c>
      <c r="AC1843">
        <v>118</v>
      </c>
      <c r="AD1843">
        <v>37</v>
      </c>
      <c r="AE1843">
        <v>85</v>
      </c>
      <c r="AF1843">
        <v>0</v>
      </c>
      <c r="AG1843">
        <v>40000</v>
      </c>
      <c r="AH1843">
        <v>40000</v>
      </c>
      <c r="AI1843">
        <v>0</v>
      </c>
      <c r="AJ1843">
        <v>0</v>
      </c>
      <c r="AK1843" t="s">
        <v>6</v>
      </c>
      <c r="AL1843">
        <v>0</v>
      </c>
      <c r="AM1843">
        <v>0</v>
      </c>
      <c r="AN1843">
        <v>0</v>
      </c>
      <c r="AO1843">
        <v>0</v>
      </c>
      <c r="AP1843">
        <v>0</v>
      </c>
      <c r="AQ1843">
        <v>0</v>
      </c>
      <c r="AR1843">
        <v>0</v>
      </c>
      <c r="AS1843">
        <v>0</v>
      </c>
      <c r="AT1843">
        <v>0</v>
      </c>
      <c r="AU1843">
        <v>0</v>
      </c>
      <c r="AV1843">
        <v>0</v>
      </c>
      <c r="AW1843">
        <v>0</v>
      </c>
      <c r="AX1843">
        <v>0</v>
      </c>
      <c r="AY1843">
        <v>0</v>
      </c>
      <c r="AZ1843">
        <v>0</v>
      </c>
      <c r="BA1843">
        <v>0</v>
      </c>
    </row>
    <row r="1844" spans="1:53" x14ac:dyDescent="0.4">
      <c r="A1844">
        <v>1888</v>
      </c>
      <c r="B1844" s="1">
        <v>43414</v>
      </c>
      <c r="C1844">
        <v>2</v>
      </c>
      <c r="D1844" s="1">
        <v>43414.385416666664</v>
      </c>
      <c r="E1844" s="1">
        <v>43414.742361111108</v>
      </c>
      <c r="F1844">
        <v>42000</v>
      </c>
      <c r="G1844">
        <v>500</v>
      </c>
      <c r="H1844">
        <v>0</v>
      </c>
      <c r="I1844">
        <v>0</v>
      </c>
      <c r="J1844">
        <v>0</v>
      </c>
      <c r="K1844">
        <v>0</v>
      </c>
      <c r="L1844">
        <v>0</v>
      </c>
      <c r="M1844">
        <v>3400</v>
      </c>
      <c r="N1844">
        <v>0</v>
      </c>
      <c r="O1844">
        <v>0</v>
      </c>
      <c r="P1844">
        <v>28080</v>
      </c>
      <c r="Q1844">
        <v>0</v>
      </c>
      <c r="R1844">
        <v>73980</v>
      </c>
      <c r="S1844">
        <v>0</v>
      </c>
      <c r="T1844">
        <v>0</v>
      </c>
      <c r="U1844">
        <v>0</v>
      </c>
      <c r="V1844">
        <v>1</v>
      </c>
      <c r="W1844">
        <v>1</v>
      </c>
      <c r="X1844">
        <v>0</v>
      </c>
      <c r="Y1844">
        <v>61</v>
      </c>
      <c r="Z1844">
        <v>52</v>
      </c>
      <c r="AA1844">
        <v>85</v>
      </c>
      <c r="AB1844">
        <v>20</v>
      </c>
      <c r="AC1844">
        <v>218</v>
      </c>
      <c r="AD1844">
        <v>41</v>
      </c>
      <c r="AE1844">
        <v>95</v>
      </c>
      <c r="AF1844">
        <v>0</v>
      </c>
      <c r="AG1844">
        <v>113980</v>
      </c>
      <c r="AH1844">
        <v>40000</v>
      </c>
      <c r="AI1844">
        <v>0</v>
      </c>
      <c r="AJ1844">
        <v>84</v>
      </c>
      <c r="AK1844" t="s">
        <v>16</v>
      </c>
      <c r="AL1844">
        <v>0</v>
      </c>
      <c r="AM1844">
        <v>0</v>
      </c>
      <c r="AN1844">
        <v>0</v>
      </c>
      <c r="AO1844">
        <v>0</v>
      </c>
      <c r="AP1844">
        <v>0</v>
      </c>
      <c r="AQ1844">
        <v>0</v>
      </c>
      <c r="AR1844">
        <v>0</v>
      </c>
      <c r="AS1844">
        <v>0</v>
      </c>
      <c r="AT1844">
        <v>0</v>
      </c>
      <c r="AU1844">
        <v>0</v>
      </c>
      <c r="AV1844">
        <v>0</v>
      </c>
      <c r="AW1844">
        <v>0</v>
      </c>
      <c r="AX1844">
        <v>-1556</v>
      </c>
      <c r="AY1844">
        <v>58</v>
      </c>
      <c r="AZ1844">
        <v>131</v>
      </c>
      <c r="BA1844">
        <v>8358</v>
      </c>
    </row>
    <row r="1845" spans="1:53" x14ac:dyDescent="0.4">
      <c r="A1845">
        <v>1889</v>
      </c>
      <c r="B1845" s="1">
        <v>43414</v>
      </c>
      <c r="C1845">
        <v>3</v>
      </c>
      <c r="D1845" s="1">
        <v>43414.742361111108</v>
      </c>
      <c r="E1845" s="1">
        <v>43415.085416666669</v>
      </c>
      <c r="F1845">
        <v>236000</v>
      </c>
      <c r="G1845">
        <v>16780</v>
      </c>
      <c r="H1845">
        <v>0</v>
      </c>
      <c r="I1845">
        <v>0</v>
      </c>
      <c r="J1845">
        <v>0</v>
      </c>
      <c r="K1845">
        <v>0</v>
      </c>
      <c r="L1845">
        <v>0</v>
      </c>
      <c r="M1845">
        <v>20221</v>
      </c>
      <c r="N1845">
        <v>0</v>
      </c>
      <c r="O1845">
        <v>0</v>
      </c>
      <c r="P1845">
        <v>49378</v>
      </c>
      <c r="Q1845">
        <v>0</v>
      </c>
      <c r="R1845">
        <v>322379</v>
      </c>
      <c r="S1845">
        <v>0</v>
      </c>
      <c r="T1845">
        <v>0</v>
      </c>
      <c r="U1845">
        <v>0</v>
      </c>
      <c r="V1845">
        <v>21</v>
      </c>
      <c r="W1845">
        <v>9</v>
      </c>
      <c r="X1845">
        <v>0</v>
      </c>
      <c r="Y1845">
        <v>135</v>
      </c>
      <c r="Z1845">
        <v>61</v>
      </c>
      <c r="AA1845">
        <v>78</v>
      </c>
      <c r="AB1845">
        <v>14</v>
      </c>
      <c r="AC1845">
        <v>197</v>
      </c>
      <c r="AD1845">
        <v>38</v>
      </c>
      <c r="AE1845">
        <v>101</v>
      </c>
      <c r="AF1845">
        <v>15098</v>
      </c>
      <c r="AG1845">
        <v>446359</v>
      </c>
      <c r="AH1845">
        <v>50000</v>
      </c>
      <c r="AI1845">
        <v>0</v>
      </c>
      <c r="AJ1845">
        <v>100</v>
      </c>
      <c r="AK1845" t="s">
        <v>0</v>
      </c>
      <c r="AL1845">
        <v>0</v>
      </c>
      <c r="AM1845">
        <v>0</v>
      </c>
      <c r="AN1845">
        <v>0</v>
      </c>
      <c r="AO1845">
        <v>0</v>
      </c>
      <c r="AP1845">
        <v>0</v>
      </c>
      <c r="AQ1845">
        <v>0</v>
      </c>
      <c r="AR1845">
        <v>0</v>
      </c>
      <c r="AS1845">
        <v>0</v>
      </c>
      <c r="AT1845">
        <v>0</v>
      </c>
      <c r="AU1845">
        <v>0</v>
      </c>
      <c r="AV1845">
        <v>0</v>
      </c>
      <c r="AW1845">
        <v>0</v>
      </c>
      <c r="AX1845">
        <v>20401</v>
      </c>
      <c r="AY1845">
        <v>42</v>
      </c>
      <c r="AZ1845">
        <v>164</v>
      </c>
      <c r="BA1845">
        <v>6842</v>
      </c>
    </row>
    <row r="1846" spans="1:53" x14ac:dyDescent="0.4">
      <c r="A1846">
        <v>1890</v>
      </c>
      <c r="B1846" s="1">
        <v>43415</v>
      </c>
      <c r="C1846">
        <v>1</v>
      </c>
      <c r="D1846" s="1">
        <v>43415.291666666664</v>
      </c>
      <c r="E1846" s="1">
        <v>43415.390277777777</v>
      </c>
      <c r="F1846">
        <v>0</v>
      </c>
      <c r="G1846">
        <v>0</v>
      </c>
      <c r="H1846">
        <v>0</v>
      </c>
      <c r="I1846">
        <v>0</v>
      </c>
      <c r="J1846">
        <v>0</v>
      </c>
      <c r="K1846">
        <v>0</v>
      </c>
      <c r="L1846">
        <v>0</v>
      </c>
      <c r="M1846">
        <v>0</v>
      </c>
      <c r="N1846">
        <v>0</v>
      </c>
      <c r="O1846">
        <v>0</v>
      </c>
      <c r="P1846">
        <v>0</v>
      </c>
      <c r="Q1846">
        <v>0</v>
      </c>
      <c r="R1846">
        <v>0</v>
      </c>
      <c r="S1846">
        <v>0</v>
      </c>
      <c r="T1846">
        <v>0</v>
      </c>
      <c r="U1846">
        <v>0</v>
      </c>
      <c r="V1846">
        <v>0</v>
      </c>
      <c r="W1846">
        <v>0</v>
      </c>
      <c r="X1846">
        <v>0</v>
      </c>
      <c r="Y1846">
        <v>31</v>
      </c>
      <c r="Z1846">
        <v>20</v>
      </c>
      <c r="AA1846">
        <v>68</v>
      </c>
      <c r="AB1846">
        <v>12</v>
      </c>
      <c r="AC1846">
        <v>132</v>
      </c>
      <c r="AD1846">
        <v>35</v>
      </c>
      <c r="AE1846">
        <v>105</v>
      </c>
      <c r="AF1846">
        <v>0</v>
      </c>
      <c r="AG1846">
        <v>50000</v>
      </c>
      <c r="AH1846">
        <v>50000</v>
      </c>
      <c r="AI1846">
        <v>0</v>
      </c>
      <c r="AJ1846">
        <v>0</v>
      </c>
      <c r="AK1846" t="s">
        <v>6</v>
      </c>
      <c r="AL1846">
        <v>0</v>
      </c>
      <c r="AM1846">
        <v>0</v>
      </c>
      <c r="AN1846">
        <v>0</v>
      </c>
      <c r="AO1846">
        <v>0</v>
      </c>
      <c r="AP1846">
        <v>0</v>
      </c>
      <c r="AQ1846">
        <v>0</v>
      </c>
      <c r="AR1846">
        <v>0</v>
      </c>
      <c r="AS1846">
        <v>0</v>
      </c>
      <c r="AT1846">
        <v>0</v>
      </c>
      <c r="AU1846">
        <v>0</v>
      </c>
      <c r="AV1846">
        <v>0</v>
      </c>
      <c r="AW1846">
        <v>0</v>
      </c>
      <c r="AX1846">
        <v>0</v>
      </c>
      <c r="AY1846">
        <v>0</v>
      </c>
      <c r="AZ1846">
        <v>0</v>
      </c>
      <c r="BA1846">
        <v>0</v>
      </c>
    </row>
    <row r="1847" spans="1:53" x14ac:dyDescent="0.4">
      <c r="A1847">
        <v>1891</v>
      </c>
      <c r="B1847" s="1">
        <v>43415</v>
      </c>
      <c r="C1847">
        <v>2</v>
      </c>
      <c r="D1847" s="1">
        <v>43415.390277777777</v>
      </c>
      <c r="E1847" s="1">
        <v>43415.729861111111</v>
      </c>
      <c r="F1847">
        <v>43500</v>
      </c>
      <c r="G1847">
        <v>1740</v>
      </c>
      <c r="H1847">
        <v>400</v>
      </c>
      <c r="I1847">
        <v>0</v>
      </c>
      <c r="J1847">
        <v>500</v>
      </c>
      <c r="K1847">
        <v>0</v>
      </c>
      <c r="L1847">
        <v>0</v>
      </c>
      <c r="M1847">
        <v>3611</v>
      </c>
      <c r="N1847">
        <v>0</v>
      </c>
      <c r="O1847">
        <v>0</v>
      </c>
      <c r="P1847">
        <v>23220</v>
      </c>
      <c r="Q1847">
        <v>0</v>
      </c>
      <c r="R1847">
        <v>71971</v>
      </c>
      <c r="S1847">
        <v>0</v>
      </c>
      <c r="T1847">
        <v>0</v>
      </c>
      <c r="U1847">
        <v>0</v>
      </c>
      <c r="V1847">
        <v>2</v>
      </c>
      <c r="W1847">
        <v>0</v>
      </c>
      <c r="X1847">
        <v>0</v>
      </c>
      <c r="Y1847">
        <v>71</v>
      </c>
      <c r="Z1847">
        <v>41</v>
      </c>
      <c r="AA1847">
        <v>72</v>
      </c>
      <c r="AB1847">
        <v>16</v>
      </c>
      <c r="AC1847">
        <v>216</v>
      </c>
      <c r="AD1847">
        <v>41</v>
      </c>
      <c r="AE1847">
        <v>106</v>
      </c>
      <c r="AF1847">
        <v>0</v>
      </c>
      <c r="AG1847">
        <v>121971</v>
      </c>
      <c r="AH1847">
        <v>50000</v>
      </c>
      <c r="AI1847">
        <v>0</v>
      </c>
      <c r="AJ1847">
        <v>90</v>
      </c>
      <c r="AK1847" t="s">
        <v>24</v>
      </c>
      <c r="AL1847">
        <v>0</v>
      </c>
      <c r="AM1847">
        <v>0</v>
      </c>
      <c r="AN1847">
        <v>0</v>
      </c>
      <c r="AO1847">
        <v>0</v>
      </c>
      <c r="AP1847">
        <v>0</v>
      </c>
      <c r="AQ1847">
        <v>0</v>
      </c>
      <c r="AR1847">
        <v>0</v>
      </c>
      <c r="AS1847">
        <v>0</v>
      </c>
      <c r="AT1847">
        <v>0</v>
      </c>
      <c r="AU1847">
        <v>0</v>
      </c>
      <c r="AV1847">
        <v>0</v>
      </c>
      <c r="AW1847">
        <v>0</v>
      </c>
      <c r="AX1847">
        <v>734</v>
      </c>
      <c r="AY1847">
        <v>55</v>
      </c>
      <c r="AZ1847">
        <v>123</v>
      </c>
      <c r="BA1847">
        <v>7839</v>
      </c>
    </row>
    <row r="1848" spans="1:53" x14ac:dyDescent="0.4">
      <c r="A1848">
        <v>1892</v>
      </c>
      <c r="B1848" s="1">
        <v>43415</v>
      </c>
      <c r="C1848">
        <v>3</v>
      </c>
      <c r="D1848" s="1">
        <v>43415.729861111111</v>
      </c>
      <c r="E1848" s="1">
        <v>43415.947222222225</v>
      </c>
      <c r="F1848">
        <v>36020</v>
      </c>
      <c r="G1848">
        <v>1060</v>
      </c>
      <c r="H1848">
        <v>0</v>
      </c>
      <c r="I1848">
        <v>0</v>
      </c>
      <c r="J1848">
        <v>0</v>
      </c>
      <c r="K1848">
        <v>0</v>
      </c>
      <c r="L1848">
        <v>0</v>
      </c>
      <c r="M1848">
        <v>2966</v>
      </c>
      <c r="N1848">
        <v>0</v>
      </c>
      <c r="O1848">
        <v>0</v>
      </c>
      <c r="P1848">
        <v>-23220</v>
      </c>
      <c r="Q1848">
        <v>0</v>
      </c>
      <c r="R1848">
        <v>16826</v>
      </c>
      <c r="S1848">
        <v>0</v>
      </c>
      <c r="T1848">
        <v>0</v>
      </c>
      <c r="U1848">
        <v>0</v>
      </c>
      <c r="V1848">
        <v>4</v>
      </c>
      <c r="W1848">
        <v>0</v>
      </c>
      <c r="X1848">
        <v>0</v>
      </c>
      <c r="Y1848">
        <v>67</v>
      </c>
      <c r="Z1848">
        <v>41</v>
      </c>
      <c r="AA1848">
        <v>81</v>
      </c>
      <c r="AB1848">
        <v>16</v>
      </c>
      <c r="AC1848">
        <v>210</v>
      </c>
      <c r="AD1848">
        <v>39</v>
      </c>
      <c r="AE1848">
        <v>102</v>
      </c>
      <c r="AF1848">
        <v>0</v>
      </c>
      <c r="AG1848">
        <v>138797</v>
      </c>
      <c r="AH1848">
        <v>50000</v>
      </c>
      <c r="AI1848">
        <v>0</v>
      </c>
      <c r="AJ1848">
        <v>102</v>
      </c>
      <c r="AK1848" t="s">
        <v>8</v>
      </c>
      <c r="AL1848">
        <v>0</v>
      </c>
      <c r="AM1848">
        <v>0</v>
      </c>
      <c r="AN1848">
        <v>0</v>
      </c>
      <c r="AO1848">
        <v>0</v>
      </c>
      <c r="AP1848">
        <v>0</v>
      </c>
      <c r="AQ1848">
        <v>0</v>
      </c>
      <c r="AR1848">
        <v>0</v>
      </c>
      <c r="AS1848">
        <v>0</v>
      </c>
      <c r="AT1848">
        <v>0</v>
      </c>
      <c r="AU1848">
        <v>0</v>
      </c>
      <c r="AV1848">
        <v>0</v>
      </c>
      <c r="AW1848">
        <v>0</v>
      </c>
      <c r="AX1848">
        <v>8338</v>
      </c>
      <c r="AY1848">
        <v>12</v>
      </c>
      <c r="AZ1848">
        <v>26</v>
      </c>
      <c r="BA1848">
        <v>3290</v>
      </c>
    </row>
    <row r="1849" spans="1:53" x14ac:dyDescent="0.4">
      <c r="A1849">
        <v>1893</v>
      </c>
      <c r="B1849" s="1">
        <v>43415</v>
      </c>
      <c r="C1849">
        <v>4</v>
      </c>
      <c r="D1849" s="1">
        <v>43415.947222222225</v>
      </c>
      <c r="E1849" s="1">
        <v>43416.074305555558</v>
      </c>
      <c r="F1849">
        <v>11360</v>
      </c>
      <c r="G1849">
        <v>0</v>
      </c>
      <c r="H1849">
        <v>0</v>
      </c>
      <c r="I1849">
        <v>0</v>
      </c>
      <c r="J1849">
        <v>0</v>
      </c>
      <c r="K1849">
        <v>0</v>
      </c>
      <c r="L1849">
        <v>0</v>
      </c>
      <c r="M1849">
        <v>909</v>
      </c>
      <c r="N1849">
        <v>0</v>
      </c>
      <c r="O1849">
        <v>0</v>
      </c>
      <c r="P1849">
        <v>13392</v>
      </c>
      <c r="Q1849">
        <v>0</v>
      </c>
      <c r="R1849">
        <v>25661</v>
      </c>
      <c r="S1849">
        <v>0</v>
      </c>
      <c r="T1849">
        <v>0</v>
      </c>
      <c r="U1849">
        <v>0</v>
      </c>
      <c r="V1849">
        <v>5</v>
      </c>
      <c r="W1849">
        <v>1</v>
      </c>
      <c r="X1849">
        <v>0</v>
      </c>
      <c r="Y1849">
        <v>74</v>
      </c>
      <c r="Z1849">
        <v>40</v>
      </c>
      <c r="AA1849">
        <v>82</v>
      </c>
      <c r="AB1849">
        <v>17</v>
      </c>
      <c r="AC1849">
        <v>205</v>
      </c>
      <c r="AD1849">
        <v>38</v>
      </c>
      <c r="AE1849">
        <v>107</v>
      </c>
      <c r="AF1849">
        <v>4061</v>
      </c>
      <c r="AG1849">
        <v>164458</v>
      </c>
      <c r="AH1849">
        <v>50000</v>
      </c>
      <c r="AI1849">
        <v>0</v>
      </c>
      <c r="AJ1849">
        <v>100</v>
      </c>
      <c r="AK1849" t="s">
        <v>0</v>
      </c>
      <c r="AL1849">
        <v>0</v>
      </c>
      <c r="AM1849">
        <v>0</v>
      </c>
      <c r="AN1849">
        <v>0</v>
      </c>
      <c r="AO1849">
        <v>0</v>
      </c>
      <c r="AP1849">
        <v>0</v>
      </c>
      <c r="AQ1849">
        <v>0</v>
      </c>
      <c r="AR1849">
        <v>0</v>
      </c>
      <c r="AS1849">
        <v>0</v>
      </c>
      <c r="AT1849">
        <v>0</v>
      </c>
      <c r="AU1849">
        <v>0</v>
      </c>
      <c r="AV1849">
        <v>0</v>
      </c>
      <c r="AW1849">
        <v>0</v>
      </c>
      <c r="AX1849">
        <v>5184</v>
      </c>
      <c r="AY1849">
        <v>6</v>
      </c>
      <c r="AZ1849">
        <v>14</v>
      </c>
      <c r="BA1849">
        <v>513</v>
      </c>
    </row>
    <row r="1850" spans="1:53" x14ac:dyDescent="0.4">
      <c r="A1850">
        <v>1894</v>
      </c>
      <c r="B1850" s="1">
        <v>43416</v>
      </c>
      <c r="C1850">
        <v>1</v>
      </c>
      <c r="D1850" s="1">
        <v>43416.291666666664</v>
      </c>
      <c r="E1850" s="1">
        <v>43416.45</v>
      </c>
      <c r="F1850">
        <v>0</v>
      </c>
      <c r="G1850">
        <v>0</v>
      </c>
      <c r="H1850">
        <v>0</v>
      </c>
      <c r="I1850">
        <v>0</v>
      </c>
      <c r="J1850">
        <v>0</v>
      </c>
      <c r="K1850">
        <v>0</v>
      </c>
      <c r="L1850">
        <v>0</v>
      </c>
      <c r="M1850">
        <v>0</v>
      </c>
      <c r="N1850">
        <v>0</v>
      </c>
      <c r="O1850">
        <v>0</v>
      </c>
      <c r="P1850">
        <v>0</v>
      </c>
      <c r="Q1850">
        <v>0</v>
      </c>
      <c r="R1850">
        <v>0</v>
      </c>
      <c r="S1850">
        <v>0</v>
      </c>
      <c r="T1850">
        <v>0</v>
      </c>
      <c r="U1850">
        <v>0</v>
      </c>
      <c r="V1850">
        <v>0</v>
      </c>
      <c r="W1850">
        <v>0</v>
      </c>
      <c r="X1850">
        <v>0</v>
      </c>
      <c r="Y1850">
        <v>31</v>
      </c>
      <c r="Z1850">
        <v>18</v>
      </c>
      <c r="AA1850">
        <v>79</v>
      </c>
      <c r="AB1850">
        <v>16</v>
      </c>
      <c r="AC1850">
        <v>102</v>
      </c>
      <c r="AD1850">
        <v>36</v>
      </c>
      <c r="AE1850">
        <v>100</v>
      </c>
      <c r="AF1850">
        <v>0</v>
      </c>
      <c r="AG1850">
        <v>50000</v>
      </c>
      <c r="AH1850">
        <v>0</v>
      </c>
      <c r="AI1850">
        <v>50000</v>
      </c>
      <c r="AJ1850">
        <v>0</v>
      </c>
      <c r="AK1850" t="s">
        <v>6</v>
      </c>
      <c r="AL1850">
        <v>0</v>
      </c>
      <c r="AM1850">
        <v>0</v>
      </c>
      <c r="AN1850">
        <v>0</v>
      </c>
      <c r="AO1850">
        <v>0</v>
      </c>
      <c r="AP1850">
        <v>0</v>
      </c>
      <c r="AQ1850">
        <v>0</v>
      </c>
      <c r="AR1850">
        <v>0</v>
      </c>
      <c r="AS1850">
        <v>0</v>
      </c>
      <c r="AT1850">
        <v>0</v>
      </c>
      <c r="AU1850">
        <v>0</v>
      </c>
      <c r="AV1850">
        <v>0</v>
      </c>
      <c r="AW1850">
        <v>0</v>
      </c>
      <c r="AX1850">
        <v>0</v>
      </c>
      <c r="AY1850">
        <v>0</v>
      </c>
      <c r="AZ1850">
        <v>0</v>
      </c>
      <c r="BA1850">
        <v>0</v>
      </c>
    </row>
    <row r="1851" spans="1:53" x14ac:dyDescent="0.4">
      <c r="A1851">
        <v>1895</v>
      </c>
      <c r="B1851" s="1">
        <v>43416</v>
      </c>
      <c r="C1851">
        <v>2</v>
      </c>
      <c r="D1851" s="1">
        <v>43416.45</v>
      </c>
      <c r="E1851" s="1">
        <v>43416.738888888889</v>
      </c>
      <c r="F1851">
        <v>13000</v>
      </c>
      <c r="G1851">
        <v>380</v>
      </c>
      <c r="H1851">
        <v>0</v>
      </c>
      <c r="I1851">
        <v>0</v>
      </c>
      <c r="J1851">
        <v>0</v>
      </c>
      <c r="K1851">
        <v>0</v>
      </c>
      <c r="L1851">
        <v>0</v>
      </c>
      <c r="M1851">
        <v>1070</v>
      </c>
      <c r="N1851">
        <v>0</v>
      </c>
      <c r="O1851">
        <v>0</v>
      </c>
      <c r="P1851">
        <v>14580</v>
      </c>
      <c r="Q1851">
        <v>0</v>
      </c>
      <c r="R1851">
        <v>29030</v>
      </c>
      <c r="S1851">
        <v>0</v>
      </c>
      <c r="T1851">
        <v>0</v>
      </c>
      <c r="U1851">
        <v>0</v>
      </c>
      <c r="V1851">
        <v>0</v>
      </c>
      <c r="W1851">
        <v>1</v>
      </c>
      <c r="X1851">
        <v>0</v>
      </c>
      <c r="Y1851">
        <v>51</v>
      </c>
      <c r="Z1851">
        <v>26</v>
      </c>
      <c r="AA1851">
        <v>74</v>
      </c>
      <c r="AB1851">
        <v>17</v>
      </c>
      <c r="AC1851">
        <v>149</v>
      </c>
      <c r="AD1851">
        <v>38</v>
      </c>
      <c r="AE1851">
        <v>100</v>
      </c>
      <c r="AF1851">
        <v>0</v>
      </c>
      <c r="AG1851">
        <v>79030</v>
      </c>
      <c r="AH1851">
        <v>50000</v>
      </c>
      <c r="AI1851">
        <v>0</v>
      </c>
      <c r="AJ1851">
        <v>96</v>
      </c>
      <c r="AK1851" t="s">
        <v>4</v>
      </c>
      <c r="AL1851">
        <v>0</v>
      </c>
      <c r="AM1851">
        <v>0</v>
      </c>
      <c r="AN1851">
        <v>0</v>
      </c>
      <c r="AO1851">
        <v>0</v>
      </c>
      <c r="AP1851">
        <v>0</v>
      </c>
      <c r="AQ1851">
        <v>0</v>
      </c>
      <c r="AR1851">
        <v>0</v>
      </c>
      <c r="AS1851">
        <v>0</v>
      </c>
      <c r="AT1851">
        <v>0</v>
      </c>
      <c r="AU1851">
        <v>0</v>
      </c>
      <c r="AV1851">
        <v>0</v>
      </c>
      <c r="AW1851">
        <v>0</v>
      </c>
      <c r="AX1851">
        <v>2548</v>
      </c>
      <c r="AY1851">
        <v>32</v>
      </c>
      <c r="AZ1851">
        <v>53</v>
      </c>
      <c r="BA1851">
        <v>4213</v>
      </c>
    </row>
    <row r="1852" spans="1:53" x14ac:dyDescent="0.4">
      <c r="A1852">
        <v>1896</v>
      </c>
      <c r="B1852" s="1">
        <v>43416</v>
      </c>
      <c r="C1852">
        <v>3</v>
      </c>
      <c r="D1852" s="1">
        <v>43416.738888888889</v>
      </c>
      <c r="E1852" s="1">
        <v>43416.95208333333</v>
      </c>
      <c r="F1852">
        <v>29120</v>
      </c>
      <c r="G1852">
        <v>2360</v>
      </c>
      <c r="H1852">
        <v>0</v>
      </c>
      <c r="I1852">
        <v>0</v>
      </c>
      <c r="J1852">
        <v>0</v>
      </c>
      <c r="K1852">
        <v>0</v>
      </c>
      <c r="L1852">
        <v>0</v>
      </c>
      <c r="M1852">
        <v>2518</v>
      </c>
      <c r="N1852">
        <v>0</v>
      </c>
      <c r="O1852">
        <v>0</v>
      </c>
      <c r="P1852">
        <v>-14580</v>
      </c>
      <c r="Q1852">
        <v>0</v>
      </c>
      <c r="R1852">
        <v>19418</v>
      </c>
      <c r="S1852">
        <v>0</v>
      </c>
      <c r="T1852">
        <v>0</v>
      </c>
      <c r="U1852">
        <v>0</v>
      </c>
      <c r="V1852">
        <v>1</v>
      </c>
      <c r="W1852">
        <v>0</v>
      </c>
      <c r="X1852">
        <v>0</v>
      </c>
      <c r="Y1852">
        <v>65</v>
      </c>
      <c r="Z1852">
        <v>29</v>
      </c>
      <c r="AA1852">
        <v>54</v>
      </c>
      <c r="AB1852">
        <v>14</v>
      </c>
      <c r="AC1852">
        <v>157</v>
      </c>
      <c r="AD1852">
        <v>36</v>
      </c>
      <c r="AE1852">
        <v>98</v>
      </c>
      <c r="AF1852">
        <v>1000</v>
      </c>
      <c r="AG1852">
        <v>98448</v>
      </c>
      <c r="AH1852">
        <v>50000</v>
      </c>
      <c r="AI1852">
        <v>0</v>
      </c>
      <c r="AJ1852">
        <v>84</v>
      </c>
      <c r="AK1852" t="s">
        <v>16</v>
      </c>
      <c r="AL1852">
        <v>0</v>
      </c>
      <c r="AM1852">
        <v>0</v>
      </c>
      <c r="AN1852">
        <v>0</v>
      </c>
      <c r="AO1852">
        <v>0</v>
      </c>
      <c r="AP1852">
        <v>0</v>
      </c>
      <c r="AQ1852">
        <v>0</v>
      </c>
      <c r="AR1852">
        <v>0</v>
      </c>
      <c r="AS1852">
        <v>0</v>
      </c>
      <c r="AT1852">
        <v>0</v>
      </c>
      <c r="AU1852">
        <v>0</v>
      </c>
      <c r="AV1852">
        <v>0</v>
      </c>
      <c r="AW1852">
        <v>0</v>
      </c>
      <c r="AX1852">
        <v>0</v>
      </c>
      <c r="AY1852">
        <v>9</v>
      </c>
      <c r="AZ1852">
        <v>18</v>
      </c>
      <c r="BA1852">
        <v>2202</v>
      </c>
    </row>
    <row r="1853" spans="1:53" x14ac:dyDescent="0.4">
      <c r="A1853">
        <v>1897</v>
      </c>
      <c r="B1853" s="1">
        <v>43417</v>
      </c>
      <c r="C1853">
        <v>1</v>
      </c>
      <c r="D1853" s="1">
        <v>43417.291666666664</v>
      </c>
      <c r="E1853" s="1">
        <v>43417.451388888891</v>
      </c>
      <c r="F1853">
        <v>0</v>
      </c>
      <c r="G1853">
        <v>0</v>
      </c>
      <c r="H1853">
        <v>0</v>
      </c>
      <c r="I1853">
        <v>0</v>
      </c>
      <c r="J1853">
        <v>0</v>
      </c>
      <c r="K1853">
        <v>0</v>
      </c>
      <c r="L1853">
        <v>0</v>
      </c>
      <c r="M1853">
        <v>0</v>
      </c>
      <c r="N1853">
        <v>0</v>
      </c>
      <c r="O1853">
        <v>0</v>
      </c>
      <c r="P1853">
        <v>0</v>
      </c>
      <c r="Q1853">
        <v>0</v>
      </c>
      <c r="R1853">
        <v>0</v>
      </c>
      <c r="S1853">
        <v>0</v>
      </c>
      <c r="T1853">
        <v>0</v>
      </c>
      <c r="U1853">
        <v>0</v>
      </c>
      <c r="V1853">
        <v>0</v>
      </c>
      <c r="W1853">
        <v>0</v>
      </c>
      <c r="X1853">
        <v>0</v>
      </c>
      <c r="Y1853">
        <v>30</v>
      </c>
      <c r="Z1853">
        <v>25</v>
      </c>
      <c r="AA1853">
        <v>54</v>
      </c>
      <c r="AB1853">
        <v>5</v>
      </c>
      <c r="AC1853">
        <v>108</v>
      </c>
      <c r="AD1853">
        <v>36</v>
      </c>
      <c r="AE1853">
        <v>95</v>
      </c>
      <c r="AF1853">
        <v>0</v>
      </c>
      <c r="AG1853">
        <v>49505</v>
      </c>
      <c r="AH1853">
        <v>0</v>
      </c>
      <c r="AI1853">
        <v>49505</v>
      </c>
      <c r="AJ1853">
        <v>0</v>
      </c>
      <c r="AK1853" t="s">
        <v>6</v>
      </c>
      <c r="AL1853">
        <v>0</v>
      </c>
      <c r="AM1853">
        <v>0</v>
      </c>
      <c r="AN1853">
        <v>0</v>
      </c>
      <c r="AO1853">
        <v>0</v>
      </c>
      <c r="AP1853">
        <v>0</v>
      </c>
      <c r="AQ1853">
        <v>0</v>
      </c>
      <c r="AR1853">
        <v>0</v>
      </c>
      <c r="AS1853">
        <v>0</v>
      </c>
      <c r="AT1853">
        <v>0</v>
      </c>
      <c r="AU1853">
        <v>0</v>
      </c>
      <c r="AV1853">
        <v>0</v>
      </c>
      <c r="AW1853">
        <v>0</v>
      </c>
      <c r="AX1853">
        <v>0</v>
      </c>
      <c r="AY1853">
        <v>0</v>
      </c>
      <c r="AZ1853">
        <v>0</v>
      </c>
      <c r="BA1853">
        <v>0</v>
      </c>
    </row>
    <row r="1854" spans="1:53" x14ac:dyDescent="0.4">
      <c r="A1854">
        <v>1898</v>
      </c>
      <c r="B1854" s="1">
        <v>43417</v>
      </c>
      <c r="C1854">
        <v>2</v>
      </c>
      <c r="D1854" s="1">
        <v>43417.451388888891</v>
      </c>
      <c r="E1854" s="1">
        <v>43417.736805555556</v>
      </c>
      <c r="F1854">
        <v>10000</v>
      </c>
      <c r="G1854">
        <v>0</v>
      </c>
      <c r="H1854">
        <v>0</v>
      </c>
      <c r="I1854">
        <v>0</v>
      </c>
      <c r="J1854">
        <v>0</v>
      </c>
      <c r="K1854">
        <v>0</v>
      </c>
      <c r="L1854">
        <v>0</v>
      </c>
      <c r="M1854">
        <v>800</v>
      </c>
      <c r="N1854">
        <v>0</v>
      </c>
      <c r="O1854">
        <v>0</v>
      </c>
      <c r="P1854">
        <v>17280</v>
      </c>
      <c r="Q1854">
        <v>0</v>
      </c>
      <c r="R1854">
        <v>28080</v>
      </c>
      <c r="S1854">
        <v>0</v>
      </c>
      <c r="T1854">
        <v>0</v>
      </c>
      <c r="U1854">
        <v>0</v>
      </c>
      <c r="V1854">
        <v>2</v>
      </c>
      <c r="W1854">
        <v>0</v>
      </c>
      <c r="X1854">
        <v>0</v>
      </c>
      <c r="Y1854">
        <v>30</v>
      </c>
      <c r="Z1854">
        <v>40</v>
      </c>
      <c r="AA1854">
        <v>60</v>
      </c>
      <c r="AB1854">
        <v>8</v>
      </c>
      <c r="AC1854">
        <v>140</v>
      </c>
      <c r="AD1854">
        <v>37</v>
      </c>
      <c r="AE1854">
        <v>95</v>
      </c>
      <c r="AF1854">
        <v>0</v>
      </c>
      <c r="AG1854">
        <v>78080</v>
      </c>
      <c r="AH1854">
        <v>50000</v>
      </c>
      <c r="AI1854">
        <v>0</v>
      </c>
      <c r="AJ1854">
        <v>96</v>
      </c>
      <c r="AK1854" t="s">
        <v>4</v>
      </c>
      <c r="AL1854">
        <v>0</v>
      </c>
      <c r="AM1854">
        <v>0</v>
      </c>
      <c r="AN1854">
        <v>0</v>
      </c>
      <c r="AO1854">
        <v>0</v>
      </c>
      <c r="AP1854">
        <v>0</v>
      </c>
      <c r="AQ1854">
        <v>0</v>
      </c>
      <c r="AR1854">
        <v>0</v>
      </c>
      <c r="AS1854">
        <v>0</v>
      </c>
      <c r="AT1854">
        <v>0</v>
      </c>
      <c r="AU1854">
        <v>0</v>
      </c>
      <c r="AV1854">
        <v>0</v>
      </c>
      <c r="AW1854">
        <v>0</v>
      </c>
      <c r="AX1854">
        <v>-1080</v>
      </c>
      <c r="AY1854">
        <v>29</v>
      </c>
      <c r="AZ1854">
        <v>52</v>
      </c>
      <c r="BA1854">
        <v>3467</v>
      </c>
    </row>
    <row r="1855" spans="1:53" x14ac:dyDescent="0.4">
      <c r="A1855">
        <v>1899</v>
      </c>
      <c r="B1855" s="1">
        <v>43417</v>
      </c>
      <c r="C1855">
        <v>3</v>
      </c>
      <c r="D1855" s="1">
        <v>43417.736805555556</v>
      </c>
      <c r="E1855" s="1">
        <v>43417.945138888892</v>
      </c>
      <c r="F1855">
        <v>29750</v>
      </c>
      <c r="G1855">
        <v>1360</v>
      </c>
      <c r="H1855">
        <v>0</v>
      </c>
      <c r="I1855">
        <v>0</v>
      </c>
      <c r="J1855">
        <v>0</v>
      </c>
      <c r="K1855">
        <v>0</v>
      </c>
      <c r="L1855">
        <v>0</v>
      </c>
      <c r="M1855">
        <v>2488</v>
      </c>
      <c r="N1855">
        <v>0</v>
      </c>
      <c r="O1855">
        <v>0</v>
      </c>
      <c r="P1855">
        <v>-17280</v>
      </c>
      <c r="Q1855">
        <v>0</v>
      </c>
      <c r="R1855">
        <v>16318</v>
      </c>
      <c r="S1855">
        <v>0</v>
      </c>
      <c r="T1855">
        <v>0</v>
      </c>
      <c r="U1855">
        <v>0</v>
      </c>
      <c r="V1855">
        <v>4</v>
      </c>
      <c r="W1855">
        <v>0</v>
      </c>
      <c r="X1855">
        <v>0</v>
      </c>
      <c r="Y1855">
        <v>23</v>
      </c>
      <c r="Z1855">
        <v>41</v>
      </c>
      <c r="AA1855">
        <v>54</v>
      </c>
      <c r="AB1855">
        <v>10</v>
      </c>
      <c r="AC1855">
        <v>146</v>
      </c>
      <c r="AD1855">
        <v>40</v>
      </c>
      <c r="AE1855">
        <v>98</v>
      </c>
      <c r="AF1855">
        <v>3240</v>
      </c>
      <c r="AG1855">
        <v>94398</v>
      </c>
      <c r="AH1855">
        <v>50000</v>
      </c>
      <c r="AI1855">
        <v>0</v>
      </c>
      <c r="AJ1855">
        <v>30</v>
      </c>
      <c r="AL1855">
        <v>0</v>
      </c>
      <c r="AM1855">
        <v>0</v>
      </c>
      <c r="AN1855">
        <v>0</v>
      </c>
      <c r="AO1855">
        <v>0</v>
      </c>
      <c r="AP1855">
        <v>0</v>
      </c>
      <c r="AQ1855">
        <v>0</v>
      </c>
      <c r="AR1855">
        <v>0</v>
      </c>
      <c r="AS1855">
        <v>0</v>
      </c>
      <c r="AT1855">
        <v>0</v>
      </c>
      <c r="AU1855">
        <v>0</v>
      </c>
      <c r="AV1855">
        <v>0</v>
      </c>
      <c r="AW1855">
        <v>0</v>
      </c>
      <c r="AX1855">
        <v>11351</v>
      </c>
      <c r="AY1855">
        <v>14</v>
      </c>
      <c r="AZ1855">
        <v>30</v>
      </c>
      <c r="BA1855">
        <v>2790</v>
      </c>
    </row>
    <row r="1856" spans="1:53" x14ac:dyDescent="0.4">
      <c r="A1856">
        <v>1900</v>
      </c>
      <c r="B1856" s="1">
        <v>43418</v>
      </c>
      <c r="C1856">
        <v>1</v>
      </c>
      <c r="D1856" s="1">
        <v>43418.291666666664</v>
      </c>
      <c r="E1856" s="1">
        <v>43418.451388888891</v>
      </c>
      <c r="F1856">
        <v>0</v>
      </c>
      <c r="G1856">
        <v>0</v>
      </c>
      <c r="H1856">
        <v>0</v>
      </c>
      <c r="I1856">
        <v>0</v>
      </c>
      <c r="J1856">
        <v>0</v>
      </c>
      <c r="K1856">
        <v>0</v>
      </c>
      <c r="L1856">
        <v>0</v>
      </c>
      <c r="M1856">
        <v>0</v>
      </c>
      <c r="N1856">
        <v>0</v>
      </c>
      <c r="O1856">
        <v>0</v>
      </c>
      <c r="P1856">
        <v>0</v>
      </c>
      <c r="Q1856">
        <v>0</v>
      </c>
      <c r="R1856">
        <v>0</v>
      </c>
      <c r="S1856">
        <v>0</v>
      </c>
      <c r="T1856">
        <v>0</v>
      </c>
      <c r="U1856">
        <v>0</v>
      </c>
      <c r="V1856">
        <v>1</v>
      </c>
      <c r="W1856">
        <v>0</v>
      </c>
      <c r="X1856">
        <v>0</v>
      </c>
      <c r="Y1856">
        <v>11</v>
      </c>
      <c r="Z1856">
        <v>42</v>
      </c>
      <c r="AA1856">
        <v>59</v>
      </c>
      <c r="AB1856">
        <v>7</v>
      </c>
      <c r="AC1856">
        <v>145</v>
      </c>
      <c r="AD1856">
        <v>40</v>
      </c>
      <c r="AE1856">
        <v>100</v>
      </c>
      <c r="AF1856">
        <v>0</v>
      </c>
      <c r="AG1856">
        <v>50000</v>
      </c>
      <c r="AH1856">
        <v>0</v>
      </c>
      <c r="AI1856">
        <v>50000</v>
      </c>
      <c r="AJ1856">
        <v>0</v>
      </c>
      <c r="AK1856" t="s">
        <v>6</v>
      </c>
      <c r="AL1856">
        <v>0</v>
      </c>
      <c r="AM1856">
        <v>0</v>
      </c>
      <c r="AN1856">
        <v>0</v>
      </c>
      <c r="AO1856">
        <v>0</v>
      </c>
      <c r="AP1856">
        <v>0</v>
      </c>
      <c r="AQ1856">
        <v>0</v>
      </c>
      <c r="AR1856">
        <v>0</v>
      </c>
      <c r="AS1856">
        <v>0</v>
      </c>
      <c r="AT1856">
        <v>0</v>
      </c>
      <c r="AU1856">
        <v>0</v>
      </c>
      <c r="AV1856">
        <v>0</v>
      </c>
      <c r="AW1856">
        <v>0</v>
      </c>
      <c r="AX1856">
        <v>0</v>
      </c>
      <c r="AY1856">
        <v>0</v>
      </c>
      <c r="AZ1856">
        <v>0</v>
      </c>
      <c r="BA1856">
        <v>0</v>
      </c>
    </row>
    <row r="1857" spans="1:53" x14ac:dyDescent="0.4">
      <c r="A1857">
        <v>1901</v>
      </c>
      <c r="B1857" s="1">
        <v>43418</v>
      </c>
      <c r="C1857">
        <v>2</v>
      </c>
      <c r="D1857" s="1">
        <v>43418.451388888891</v>
      </c>
      <c r="E1857" s="1">
        <v>43418.738194444442</v>
      </c>
      <c r="F1857">
        <v>10500</v>
      </c>
      <c r="G1857">
        <v>0</v>
      </c>
      <c r="H1857">
        <v>0</v>
      </c>
      <c r="I1857">
        <v>0</v>
      </c>
      <c r="J1857">
        <v>0</v>
      </c>
      <c r="K1857">
        <v>0</v>
      </c>
      <c r="L1857">
        <v>0</v>
      </c>
      <c r="M1857">
        <v>840</v>
      </c>
      <c r="N1857">
        <v>0</v>
      </c>
      <c r="O1857">
        <v>0</v>
      </c>
      <c r="P1857">
        <v>8640</v>
      </c>
      <c r="Q1857">
        <v>0</v>
      </c>
      <c r="R1857">
        <v>19980</v>
      </c>
      <c r="S1857">
        <v>0</v>
      </c>
      <c r="T1857">
        <v>0</v>
      </c>
      <c r="U1857">
        <v>0</v>
      </c>
      <c r="V1857">
        <v>2</v>
      </c>
      <c r="W1857">
        <v>1</v>
      </c>
      <c r="X1857">
        <v>0</v>
      </c>
      <c r="Y1857">
        <v>11</v>
      </c>
      <c r="Z1857">
        <v>51</v>
      </c>
      <c r="AA1857">
        <v>63</v>
      </c>
      <c r="AB1857">
        <v>5</v>
      </c>
      <c r="AC1857">
        <v>162</v>
      </c>
      <c r="AD1857">
        <v>42</v>
      </c>
      <c r="AE1857">
        <v>100</v>
      </c>
      <c r="AF1857">
        <v>0</v>
      </c>
      <c r="AG1857">
        <v>69980</v>
      </c>
      <c r="AH1857">
        <v>50000</v>
      </c>
      <c r="AI1857">
        <v>0</v>
      </c>
      <c r="AJ1857">
        <v>96</v>
      </c>
      <c r="AK1857" t="s">
        <v>4</v>
      </c>
      <c r="AL1857">
        <v>0</v>
      </c>
      <c r="AM1857">
        <v>0</v>
      </c>
      <c r="AN1857">
        <v>0</v>
      </c>
      <c r="AO1857">
        <v>0</v>
      </c>
      <c r="AP1857">
        <v>0</v>
      </c>
      <c r="AQ1857">
        <v>0</v>
      </c>
      <c r="AR1857">
        <v>0</v>
      </c>
      <c r="AS1857">
        <v>0</v>
      </c>
      <c r="AT1857">
        <v>0</v>
      </c>
      <c r="AU1857">
        <v>0</v>
      </c>
      <c r="AV1857">
        <v>0</v>
      </c>
      <c r="AW1857">
        <v>0</v>
      </c>
      <c r="AX1857">
        <v>0</v>
      </c>
      <c r="AY1857">
        <v>25</v>
      </c>
      <c r="AZ1857">
        <v>37</v>
      </c>
      <c r="BA1857">
        <v>3436</v>
      </c>
    </row>
    <row r="1858" spans="1:53" x14ac:dyDescent="0.4">
      <c r="A1858">
        <v>1902</v>
      </c>
      <c r="B1858" s="1">
        <v>43418</v>
      </c>
      <c r="C1858">
        <v>3</v>
      </c>
      <c r="D1858" s="1">
        <v>43418.738194444442</v>
      </c>
      <c r="E1858" s="1">
        <v>43418.944444444445</v>
      </c>
      <c r="F1858">
        <v>14400</v>
      </c>
      <c r="G1858">
        <v>0</v>
      </c>
      <c r="H1858">
        <v>0</v>
      </c>
      <c r="I1858">
        <v>0</v>
      </c>
      <c r="J1858">
        <v>0</v>
      </c>
      <c r="K1858">
        <v>0</v>
      </c>
      <c r="L1858">
        <v>0</v>
      </c>
      <c r="M1858">
        <v>1152</v>
      </c>
      <c r="N1858">
        <v>0</v>
      </c>
      <c r="O1858">
        <v>0</v>
      </c>
      <c r="P1858">
        <v>-4752</v>
      </c>
      <c r="Q1858">
        <v>0</v>
      </c>
      <c r="R1858">
        <v>10800</v>
      </c>
      <c r="S1858">
        <v>0</v>
      </c>
      <c r="T1858">
        <v>0</v>
      </c>
      <c r="U1858">
        <v>0</v>
      </c>
      <c r="V1858">
        <v>2</v>
      </c>
      <c r="W1858">
        <v>1</v>
      </c>
      <c r="X1858">
        <v>0</v>
      </c>
      <c r="Y1858">
        <v>20</v>
      </c>
      <c r="Z1858">
        <v>52</v>
      </c>
      <c r="AA1858">
        <v>75</v>
      </c>
      <c r="AB1858">
        <v>6</v>
      </c>
      <c r="AC1858">
        <v>168</v>
      </c>
      <c r="AD1858">
        <v>41</v>
      </c>
      <c r="AE1858">
        <v>95</v>
      </c>
      <c r="AF1858">
        <v>0</v>
      </c>
      <c r="AG1858">
        <v>80780</v>
      </c>
      <c r="AH1858">
        <v>50000</v>
      </c>
      <c r="AI1858">
        <v>0</v>
      </c>
      <c r="AJ1858">
        <v>108</v>
      </c>
      <c r="AK1858" t="s">
        <v>30</v>
      </c>
      <c r="AL1858">
        <v>0</v>
      </c>
      <c r="AM1858">
        <v>0</v>
      </c>
      <c r="AN1858">
        <v>0</v>
      </c>
      <c r="AO1858">
        <v>0</v>
      </c>
      <c r="AP1858">
        <v>0</v>
      </c>
      <c r="AQ1858">
        <v>0</v>
      </c>
      <c r="AR1858">
        <v>0</v>
      </c>
      <c r="AS1858">
        <v>0</v>
      </c>
      <c r="AT1858">
        <v>0</v>
      </c>
      <c r="AU1858">
        <v>0</v>
      </c>
      <c r="AV1858">
        <v>0</v>
      </c>
      <c r="AW1858">
        <v>0</v>
      </c>
      <c r="AX1858">
        <v>17701</v>
      </c>
      <c r="AY1858">
        <v>12</v>
      </c>
      <c r="AZ1858">
        <v>32</v>
      </c>
      <c r="BA1858">
        <v>1650</v>
      </c>
    </row>
    <row r="1859" spans="1:53" x14ac:dyDescent="0.4">
      <c r="A1859">
        <v>1903</v>
      </c>
      <c r="B1859" s="1">
        <v>43418</v>
      </c>
      <c r="C1859">
        <v>4</v>
      </c>
      <c r="D1859" s="1">
        <v>43418.944444444445</v>
      </c>
      <c r="E1859" s="1">
        <v>43419.081944444442</v>
      </c>
      <c r="F1859">
        <v>20640</v>
      </c>
      <c r="G1859">
        <v>2850</v>
      </c>
      <c r="H1859">
        <v>200</v>
      </c>
      <c r="I1859">
        <v>0</v>
      </c>
      <c r="J1859">
        <v>0</v>
      </c>
      <c r="K1859">
        <v>0</v>
      </c>
      <c r="L1859">
        <v>0</v>
      </c>
      <c r="M1859">
        <v>1895</v>
      </c>
      <c r="N1859">
        <v>0</v>
      </c>
      <c r="O1859">
        <v>0</v>
      </c>
      <c r="P1859">
        <v>-1512</v>
      </c>
      <c r="Q1859">
        <v>0</v>
      </c>
      <c r="R1859">
        <v>24073</v>
      </c>
      <c r="S1859">
        <v>0</v>
      </c>
      <c r="T1859">
        <v>0</v>
      </c>
      <c r="U1859">
        <v>0</v>
      </c>
      <c r="V1859">
        <v>5</v>
      </c>
      <c r="W1859">
        <v>0</v>
      </c>
      <c r="X1859">
        <v>0</v>
      </c>
      <c r="Y1859">
        <v>20</v>
      </c>
      <c r="Z1859">
        <v>51</v>
      </c>
      <c r="AA1859">
        <v>68</v>
      </c>
      <c r="AB1859">
        <v>6</v>
      </c>
      <c r="AC1859">
        <v>173</v>
      </c>
      <c r="AD1859">
        <v>41</v>
      </c>
      <c r="AE1859">
        <v>102</v>
      </c>
      <c r="AF1859">
        <v>216</v>
      </c>
      <c r="AG1859">
        <v>104853</v>
      </c>
      <c r="AH1859">
        <v>50000</v>
      </c>
      <c r="AI1859">
        <v>0</v>
      </c>
      <c r="AJ1859">
        <v>108</v>
      </c>
      <c r="AK1859" t="s">
        <v>30</v>
      </c>
      <c r="AL1859">
        <v>0</v>
      </c>
      <c r="AM1859">
        <v>0</v>
      </c>
      <c r="AN1859">
        <v>0</v>
      </c>
      <c r="AO1859">
        <v>0</v>
      </c>
      <c r="AP1859">
        <v>0</v>
      </c>
      <c r="AQ1859">
        <v>0</v>
      </c>
      <c r="AR1859">
        <v>0</v>
      </c>
      <c r="AS1859">
        <v>0</v>
      </c>
      <c r="AT1859">
        <v>0</v>
      </c>
      <c r="AU1859">
        <v>0</v>
      </c>
      <c r="AV1859">
        <v>0</v>
      </c>
      <c r="AW1859">
        <v>0</v>
      </c>
      <c r="AX1859">
        <v>0</v>
      </c>
      <c r="AY1859">
        <v>3</v>
      </c>
      <c r="AZ1859">
        <v>9</v>
      </c>
      <c r="BA1859">
        <v>306</v>
      </c>
    </row>
    <row r="1860" spans="1:53" x14ac:dyDescent="0.4">
      <c r="A1860">
        <v>1904</v>
      </c>
      <c r="B1860" s="1">
        <v>43419</v>
      </c>
      <c r="C1860">
        <v>1</v>
      </c>
      <c r="D1860" s="1">
        <v>43419.291666666664</v>
      </c>
      <c r="E1860" s="1">
        <v>43419.452777777777</v>
      </c>
      <c r="F1860">
        <v>0</v>
      </c>
      <c r="G1860">
        <v>0</v>
      </c>
      <c r="H1860">
        <v>0</v>
      </c>
      <c r="I1860">
        <v>0</v>
      </c>
      <c r="J1860">
        <v>0</v>
      </c>
      <c r="K1860">
        <v>0</v>
      </c>
      <c r="L1860">
        <v>0</v>
      </c>
      <c r="M1860">
        <v>0</v>
      </c>
      <c r="N1860">
        <v>0</v>
      </c>
      <c r="O1860">
        <v>0</v>
      </c>
      <c r="P1860">
        <v>0</v>
      </c>
      <c r="Q1860">
        <v>0</v>
      </c>
      <c r="R1860">
        <v>0</v>
      </c>
      <c r="S1860">
        <v>0</v>
      </c>
      <c r="T1860">
        <v>0</v>
      </c>
      <c r="U1860">
        <v>0</v>
      </c>
      <c r="V1860">
        <v>0</v>
      </c>
      <c r="W1860">
        <v>0</v>
      </c>
      <c r="X1860">
        <v>0</v>
      </c>
      <c r="Y1860">
        <v>22</v>
      </c>
      <c r="Z1860">
        <v>39</v>
      </c>
      <c r="AA1860">
        <v>68</v>
      </c>
      <c r="AB1860">
        <v>7</v>
      </c>
      <c r="AC1860">
        <v>105</v>
      </c>
      <c r="AD1860">
        <v>40</v>
      </c>
      <c r="AE1860">
        <v>100</v>
      </c>
      <c r="AF1860">
        <v>0</v>
      </c>
      <c r="AG1860">
        <v>50000</v>
      </c>
      <c r="AH1860">
        <v>0</v>
      </c>
      <c r="AI1860">
        <v>50000</v>
      </c>
      <c r="AJ1860">
        <v>0</v>
      </c>
      <c r="AK1860" t="s">
        <v>6</v>
      </c>
      <c r="AL1860">
        <v>0</v>
      </c>
      <c r="AM1860">
        <v>0</v>
      </c>
      <c r="AN1860">
        <v>0</v>
      </c>
      <c r="AO1860">
        <v>0</v>
      </c>
      <c r="AP1860">
        <v>0</v>
      </c>
      <c r="AQ1860">
        <v>0</v>
      </c>
      <c r="AR1860">
        <v>0</v>
      </c>
      <c r="AS1860">
        <v>0</v>
      </c>
      <c r="AT1860">
        <v>0</v>
      </c>
      <c r="AU1860">
        <v>0</v>
      </c>
      <c r="AV1860">
        <v>0</v>
      </c>
      <c r="AW1860">
        <v>0</v>
      </c>
      <c r="AX1860">
        <v>0</v>
      </c>
      <c r="AY1860">
        <v>0</v>
      </c>
      <c r="AZ1860">
        <v>0</v>
      </c>
      <c r="BA1860">
        <v>0</v>
      </c>
    </row>
    <row r="1861" spans="1:53" x14ac:dyDescent="0.4">
      <c r="A1861">
        <v>1905</v>
      </c>
      <c r="B1861" s="1">
        <v>43419</v>
      </c>
      <c r="C1861">
        <v>2</v>
      </c>
      <c r="D1861" s="1">
        <v>43419.452777777777</v>
      </c>
      <c r="E1861" s="1">
        <v>43419.746527777781</v>
      </c>
      <c r="F1861">
        <v>10500</v>
      </c>
      <c r="G1861">
        <v>380</v>
      </c>
      <c r="H1861">
        <v>0</v>
      </c>
      <c r="I1861">
        <v>0</v>
      </c>
      <c r="J1861">
        <v>0</v>
      </c>
      <c r="K1861">
        <v>0</v>
      </c>
      <c r="L1861">
        <v>0</v>
      </c>
      <c r="M1861">
        <v>870</v>
      </c>
      <c r="N1861">
        <v>0</v>
      </c>
      <c r="O1861">
        <v>0</v>
      </c>
      <c r="P1861">
        <v>14580</v>
      </c>
      <c r="Q1861">
        <v>0</v>
      </c>
      <c r="R1861">
        <v>26330</v>
      </c>
      <c r="S1861">
        <v>0</v>
      </c>
      <c r="T1861">
        <v>0</v>
      </c>
      <c r="U1861">
        <v>0</v>
      </c>
      <c r="V1861">
        <v>0</v>
      </c>
      <c r="W1861">
        <v>0</v>
      </c>
      <c r="X1861">
        <v>0</v>
      </c>
      <c r="Y1861">
        <v>43</v>
      </c>
      <c r="Z1861">
        <v>45</v>
      </c>
      <c r="AA1861">
        <v>60</v>
      </c>
      <c r="AB1861">
        <v>2</v>
      </c>
      <c r="AC1861">
        <v>131</v>
      </c>
      <c r="AD1861">
        <v>39</v>
      </c>
      <c r="AE1861">
        <v>98</v>
      </c>
      <c r="AF1861">
        <v>3127</v>
      </c>
      <c r="AG1861">
        <v>76330</v>
      </c>
      <c r="AH1861">
        <v>50000</v>
      </c>
      <c r="AI1861">
        <v>0</v>
      </c>
      <c r="AJ1861">
        <v>96</v>
      </c>
      <c r="AK1861" t="s">
        <v>4</v>
      </c>
      <c r="AL1861">
        <v>0</v>
      </c>
      <c r="AM1861">
        <v>0</v>
      </c>
      <c r="AN1861">
        <v>0</v>
      </c>
      <c r="AO1861">
        <v>0</v>
      </c>
      <c r="AP1861">
        <v>0</v>
      </c>
      <c r="AQ1861">
        <v>0</v>
      </c>
      <c r="AR1861">
        <v>0</v>
      </c>
      <c r="AS1861">
        <v>0</v>
      </c>
      <c r="AT1861">
        <v>0</v>
      </c>
      <c r="AU1861">
        <v>0</v>
      </c>
      <c r="AV1861">
        <v>0</v>
      </c>
      <c r="AW1861">
        <v>0</v>
      </c>
      <c r="AX1861">
        <v>-130</v>
      </c>
      <c r="AY1861">
        <v>31</v>
      </c>
      <c r="AZ1861">
        <v>48</v>
      </c>
      <c r="BA1861">
        <v>3602</v>
      </c>
    </row>
    <row r="1862" spans="1:53" x14ac:dyDescent="0.4">
      <c r="A1862">
        <v>1906</v>
      </c>
      <c r="B1862" s="1">
        <v>43419</v>
      </c>
      <c r="C1862">
        <v>3</v>
      </c>
      <c r="D1862" s="1">
        <v>43419.746527777781</v>
      </c>
      <c r="E1862" s="1">
        <v>43420.002083333333</v>
      </c>
      <c r="F1862">
        <v>26520</v>
      </c>
      <c r="G1862">
        <v>1380</v>
      </c>
      <c r="H1862">
        <v>0</v>
      </c>
      <c r="I1862">
        <v>0</v>
      </c>
      <c r="J1862">
        <v>0</v>
      </c>
      <c r="K1862">
        <v>0</v>
      </c>
      <c r="L1862">
        <v>0</v>
      </c>
      <c r="M1862">
        <v>2232</v>
      </c>
      <c r="N1862">
        <v>0</v>
      </c>
      <c r="O1862">
        <v>0</v>
      </c>
      <c r="P1862">
        <v>-14580</v>
      </c>
      <c r="Q1862">
        <v>0</v>
      </c>
      <c r="R1862">
        <v>15552</v>
      </c>
      <c r="S1862">
        <v>0</v>
      </c>
      <c r="T1862">
        <v>0</v>
      </c>
      <c r="U1862">
        <v>0</v>
      </c>
      <c r="V1862">
        <v>0</v>
      </c>
      <c r="W1862">
        <v>0</v>
      </c>
      <c r="X1862">
        <v>0</v>
      </c>
      <c r="Y1862">
        <v>56</v>
      </c>
      <c r="Z1862">
        <v>45</v>
      </c>
      <c r="AA1862">
        <v>61</v>
      </c>
      <c r="AB1862">
        <v>1</v>
      </c>
      <c r="AC1862">
        <v>137</v>
      </c>
      <c r="AD1862">
        <v>39</v>
      </c>
      <c r="AE1862">
        <v>99</v>
      </c>
      <c r="AF1862">
        <v>5568</v>
      </c>
      <c r="AG1862">
        <v>91882</v>
      </c>
      <c r="AH1862">
        <v>50000</v>
      </c>
      <c r="AI1862">
        <v>0</v>
      </c>
      <c r="AJ1862">
        <v>108</v>
      </c>
      <c r="AK1862" t="s">
        <v>30</v>
      </c>
      <c r="AL1862">
        <v>0</v>
      </c>
      <c r="AM1862">
        <v>0</v>
      </c>
      <c r="AN1862">
        <v>0</v>
      </c>
      <c r="AO1862">
        <v>0</v>
      </c>
      <c r="AP1862">
        <v>0</v>
      </c>
      <c r="AQ1862">
        <v>0</v>
      </c>
      <c r="AR1862">
        <v>0</v>
      </c>
      <c r="AS1862">
        <v>0</v>
      </c>
      <c r="AT1862">
        <v>0</v>
      </c>
      <c r="AU1862">
        <v>0</v>
      </c>
      <c r="AV1862">
        <v>0</v>
      </c>
      <c r="AW1862">
        <v>0</v>
      </c>
      <c r="AX1862">
        <v>4104</v>
      </c>
      <c r="AY1862">
        <v>10</v>
      </c>
      <c r="AZ1862">
        <v>18</v>
      </c>
      <c r="BA1862">
        <v>2229</v>
      </c>
    </row>
    <row r="1863" spans="1:53" x14ac:dyDescent="0.4">
      <c r="A1863">
        <v>1907</v>
      </c>
      <c r="B1863" s="1">
        <v>43420</v>
      </c>
      <c r="C1863">
        <v>1</v>
      </c>
      <c r="D1863" s="1">
        <v>43420.291666666664</v>
      </c>
      <c r="E1863" s="1">
        <v>43420.45208333333</v>
      </c>
      <c r="F1863">
        <v>0</v>
      </c>
      <c r="G1863">
        <v>0</v>
      </c>
      <c r="H1863">
        <v>0</v>
      </c>
      <c r="I1863">
        <v>0</v>
      </c>
      <c r="J1863">
        <v>0</v>
      </c>
      <c r="K1863">
        <v>0</v>
      </c>
      <c r="L1863">
        <v>0</v>
      </c>
      <c r="M1863">
        <v>0</v>
      </c>
      <c r="N1863">
        <v>0</v>
      </c>
      <c r="O1863">
        <v>0</v>
      </c>
      <c r="P1863">
        <v>0</v>
      </c>
      <c r="Q1863">
        <v>0</v>
      </c>
      <c r="R1863">
        <v>0</v>
      </c>
      <c r="S1863">
        <v>0</v>
      </c>
      <c r="T1863">
        <v>0</v>
      </c>
      <c r="U1863">
        <v>0</v>
      </c>
      <c r="V1863">
        <v>0</v>
      </c>
      <c r="W1863">
        <v>0</v>
      </c>
      <c r="X1863">
        <v>0</v>
      </c>
      <c r="Y1863">
        <v>33</v>
      </c>
      <c r="Z1863">
        <v>18</v>
      </c>
      <c r="AA1863">
        <v>65</v>
      </c>
      <c r="AB1863">
        <v>2</v>
      </c>
      <c r="AC1863">
        <v>111</v>
      </c>
      <c r="AD1863">
        <v>39</v>
      </c>
      <c r="AE1863">
        <v>95</v>
      </c>
      <c r="AF1863">
        <v>0</v>
      </c>
      <c r="AG1863">
        <v>50000</v>
      </c>
      <c r="AH1863">
        <v>0</v>
      </c>
      <c r="AI1863">
        <v>50000</v>
      </c>
      <c r="AJ1863">
        <v>0</v>
      </c>
      <c r="AK1863" t="s">
        <v>6</v>
      </c>
      <c r="AL1863">
        <v>0</v>
      </c>
      <c r="AM1863">
        <v>0</v>
      </c>
      <c r="AN1863">
        <v>0</v>
      </c>
      <c r="AO1863">
        <v>0</v>
      </c>
      <c r="AP1863">
        <v>0</v>
      </c>
      <c r="AQ1863">
        <v>0</v>
      </c>
      <c r="AR1863">
        <v>0</v>
      </c>
      <c r="AS1863">
        <v>0</v>
      </c>
      <c r="AT1863">
        <v>0</v>
      </c>
      <c r="AU1863">
        <v>0</v>
      </c>
      <c r="AV1863">
        <v>0</v>
      </c>
      <c r="AW1863">
        <v>0</v>
      </c>
      <c r="AX1863">
        <v>0</v>
      </c>
      <c r="AY1863">
        <v>0</v>
      </c>
      <c r="AZ1863">
        <v>0</v>
      </c>
      <c r="BA1863">
        <v>0</v>
      </c>
    </row>
    <row r="1864" spans="1:53" x14ac:dyDescent="0.4">
      <c r="A1864">
        <v>1908</v>
      </c>
      <c r="B1864" s="1">
        <v>43420</v>
      </c>
      <c r="C1864">
        <v>2</v>
      </c>
      <c r="D1864" s="1">
        <v>43420.45208333333</v>
      </c>
      <c r="E1864" s="1">
        <v>43420.729861111111</v>
      </c>
      <c r="F1864">
        <v>14500</v>
      </c>
      <c r="G1864">
        <v>920</v>
      </c>
      <c r="H1864">
        <v>0</v>
      </c>
      <c r="I1864">
        <v>0</v>
      </c>
      <c r="J1864">
        <v>0</v>
      </c>
      <c r="K1864">
        <v>0</v>
      </c>
      <c r="L1864">
        <v>0</v>
      </c>
      <c r="M1864">
        <v>1234</v>
      </c>
      <c r="N1864">
        <v>0</v>
      </c>
      <c r="O1864">
        <v>0</v>
      </c>
      <c r="P1864">
        <v>12960</v>
      </c>
      <c r="Q1864">
        <v>0</v>
      </c>
      <c r="R1864">
        <v>29614</v>
      </c>
      <c r="S1864">
        <v>0</v>
      </c>
      <c r="T1864">
        <v>0</v>
      </c>
      <c r="U1864">
        <v>0</v>
      </c>
      <c r="V1864">
        <v>1</v>
      </c>
      <c r="W1864">
        <v>0</v>
      </c>
      <c r="X1864">
        <v>0</v>
      </c>
      <c r="Y1864">
        <v>48</v>
      </c>
      <c r="Z1864">
        <v>25</v>
      </c>
      <c r="AA1864">
        <v>71</v>
      </c>
      <c r="AB1864">
        <v>6</v>
      </c>
      <c r="AC1864">
        <v>139</v>
      </c>
      <c r="AD1864">
        <v>44</v>
      </c>
      <c r="AE1864">
        <v>104</v>
      </c>
      <c r="AF1864">
        <v>0</v>
      </c>
      <c r="AG1864">
        <v>79614</v>
      </c>
      <c r="AH1864">
        <v>50000</v>
      </c>
      <c r="AI1864">
        <v>0</v>
      </c>
      <c r="AJ1864">
        <v>96</v>
      </c>
      <c r="AK1864" t="s">
        <v>4</v>
      </c>
      <c r="AL1864">
        <v>0</v>
      </c>
      <c r="AM1864">
        <v>0</v>
      </c>
      <c r="AN1864">
        <v>0</v>
      </c>
      <c r="AO1864">
        <v>0</v>
      </c>
      <c r="AP1864">
        <v>0</v>
      </c>
      <c r="AQ1864">
        <v>0</v>
      </c>
      <c r="AR1864">
        <v>0</v>
      </c>
      <c r="AS1864">
        <v>0</v>
      </c>
      <c r="AT1864">
        <v>0</v>
      </c>
      <c r="AU1864">
        <v>0</v>
      </c>
      <c r="AV1864">
        <v>0</v>
      </c>
      <c r="AW1864">
        <v>0</v>
      </c>
      <c r="AX1864">
        <v>0</v>
      </c>
      <c r="AY1864">
        <v>30</v>
      </c>
      <c r="AZ1864">
        <v>50</v>
      </c>
      <c r="BA1864">
        <v>3815</v>
      </c>
    </row>
    <row r="1865" spans="1:53" x14ac:dyDescent="0.4">
      <c r="A1865">
        <v>1909</v>
      </c>
      <c r="B1865" s="1">
        <v>43421</v>
      </c>
      <c r="C1865">
        <v>1</v>
      </c>
      <c r="D1865" s="1">
        <v>43421.291666666664</v>
      </c>
      <c r="E1865" s="1">
        <v>43421.412499999999</v>
      </c>
      <c r="F1865">
        <v>0</v>
      </c>
      <c r="G1865">
        <v>0</v>
      </c>
      <c r="H1865">
        <v>0</v>
      </c>
      <c r="I1865">
        <v>0</v>
      </c>
      <c r="J1865">
        <v>0</v>
      </c>
      <c r="K1865">
        <v>0</v>
      </c>
      <c r="L1865">
        <v>0</v>
      </c>
      <c r="M1865">
        <v>0</v>
      </c>
      <c r="N1865">
        <v>0</v>
      </c>
      <c r="O1865">
        <v>0</v>
      </c>
      <c r="P1865">
        <v>0</v>
      </c>
      <c r="Q1865">
        <v>0</v>
      </c>
      <c r="R1865">
        <v>0</v>
      </c>
      <c r="S1865">
        <v>0</v>
      </c>
      <c r="T1865">
        <v>0</v>
      </c>
      <c r="U1865">
        <v>0</v>
      </c>
      <c r="V1865">
        <v>0</v>
      </c>
      <c r="W1865">
        <v>0</v>
      </c>
      <c r="X1865">
        <v>0</v>
      </c>
      <c r="Y1865">
        <v>32</v>
      </c>
      <c r="Z1865">
        <v>21</v>
      </c>
      <c r="AA1865">
        <v>59</v>
      </c>
      <c r="AB1865">
        <v>2</v>
      </c>
      <c r="AC1865">
        <v>120</v>
      </c>
      <c r="AD1865">
        <v>40</v>
      </c>
      <c r="AE1865">
        <v>100</v>
      </c>
      <c r="AF1865">
        <v>0</v>
      </c>
      <c r="AG1865">
        <v>50000</v>
      </c>
      <c r="AH1865">
        <v>50000</v>
      </c>
      <c r="AI1865">
        <v>0</v>
      </c>
      <c r="AJ1865">
        <v>0</v>
      </c>
      <c r="AK1865" t="s">
        <v>6</v>
      </c>
      <c r="AL1865">
        <v>0</v>
      </c>
      <c r="AM1865">
        <v>0</v>
      </c>
      <c r="AN1865">
        <v>0</v>
      </c>
      <c r="AO1865">
        <v>0</v>
      </c>
      <c r="AP1865">
        <v>0</v>
      </c>
      <c r="AQ1865">
        <v>0</v>
      </c>
      <c r="AR1865">
        <v>0</v>
      </c>
      <c r="AS1865">
        <v>0</v>
      </c>
      <c r="AT1865">
        <v>0</v>
      </c>
      <c r="AU1865">
        <v>0</v>
      </c>
      <c r="AV1865">
        <v>0</v>
      </c>
      <c r="AW1865">
        <v>0</v>
      </c>
      <c r="AX1865">
        <v>0</v>
      </c>
      <c r="AY1865">
        <v>0</v>
      </c>
      <c r="AZ1865">
        <v>0</v>
      </c>
      <c r="BA1865">
        <v>0</v>
      </c>
    </row>
    <row r="1866" spans="1:53" x14ac:dyDescent="0.4">
      <c r="A1866">
        <v>1910</v>
      </c>
      <c r="B1866" s="1">
        <v>43421</v>
      </c>
      <c r="C1866">
        <v>2</v>
      </c>
      <c r="D1866" s="1">
        <v>43421.412499999999</v>
      </c>
      <c r="E1866" s="1">
        <v>43421.717361111114</v>
      </c>
      <c r="F1866">
        <v>35000</v>
      </c>
      <c r="G1866">
        <v>6070</v>
      </c>
      <c r="H1866">
        <v>200</v>
      </c>
      <c r="I1866">
        <v>0</v>
      </c>
      <c r="J1866">
        <v>0</v>
      </c>
      <c r="K1866">
        <v>0</v>
      </c>
      <c r="L1866">
        <v>0</v>
      </c>
      <c r="M1866">
        <v>3300</v>
      </c>
      <c r="N1866">
        <v>0</v>
      </c>
      <c r="O1866">
        <v>0</v>
      </c>
      <c r="P1866">
        <v>24300</v>
      </c>
      <c r="Q1866">
        <v>0</v>
      </c>
      <c r="R1866">
        <v>68870</v>
      </c>
      <c r="S1866">
        <v>0</v>
      </c>
      <c r="T1866">
        <v>0</v>
      </c>
      <c r="U1866">
        <v>0</v>
      </c>
      <c r="V1866">
        <v>1</v>
      </c>
      <c r="W1866">
        <v>2</v>
      </c>
      <c r="X1866">
        <v>0</v>
      </c>
      <c r="Y1866">
        <v>73</v>
      </c>
      <c r="Z1866">
        <v>31</v>
      </c>
      <c r="AA1866">
        <v>82</v>
      </c>
      <c r="AB1866">
        <v>6</v>
      </c>
      <c r="AC1866">
        <v>169</v>
      </c>
      <c r="AD1866">
        <v>38</v>
      </c>
      <c r="AE1866">
        <v>90</v>
      </c>
      <c r="AF1866">
        <v>0</v>
      </c>
      <c r="AG1866">
        <v>118970</v>
      </c>
      <c r="AH1866">
        <v>50000</v>
      </c>
      <c r="AI1866">
        <v>100</v>
      </c>
      <c r="AJ1866">
        <v>90</v>
      </c>
      <c r="AK1866" t="s">
        <v>24</v>
      </c>
      <c r="AL1866">
        <v>0</v>
      </c>
      <c r="AM1866">
        <v>0</v>
      </c>
      <c r="AN1866">
        <v>0</v>
      </c>
      <c r="AO1866">
        <v>0</v>
      </c>
      <c r="AP1866">
        <v>0</v>
      </c>
      <c r="AQ1866">
        <v>0</v>
      </c>
      <c r="AR1866">
        <v>0</v>
      </c>
      <c r="AS1866">
        <v>0</v>
      </c>
      <c r="AT1866">
        <v>0</v>
      </c>
      <c r="AU1866">
        <v>0</v>
      </c>
      <c r="AV1866">
        <v>0</v>
      </c>
      <c r="AW1866">
        <v>0</v>
      </c>
      <c r="AX1866">
        <v>-130</v>
      </c>
      <c r="AY1866">
        <v>50</v>
      </c>
      <c r="AZ1866">
        <v>112</v>
      </c>
      <c r="BA1866">
        <v>6918</v>
      </c>
    </row>
    <row r="1867" spans="1:53" x14ac:dyDescent="0.4">
      <c r="A1867">
        <v>1911</v>
      </c>
      <c r="B1867" s="1">
        <v>43422</v>
      </c>
      <c r="C1867">
        <v>1</v>
      </c>
      <c r="D1867" s="1">
        <v>43422.291666666664</v>
      </c>
      <c r="E1867" s="1">
        <v>43422.414583333331</v>
      </c>
      <c r="F1867">
        <v>0</v>
      </c>
      <c r="G1867">
        <v>0</v>
      </c>
      <c r="H1867">
        <v>0</v>
      </c>
      <c r="I1867">
        <v>0</v>
      </c>
      <c r="J1867">
        <v>0</v>
      </c>
      <c r="K1867">
        <v>0</v>
      </c>
      <c r="L1867">
        <v>0</v>
      </c>
      <c r="M1867">
        <v>0</v>
      </c>
      <c r="N1867">
        <v>0</v>
      </c>
      <c r="O1867">
        <v>0</v>
      </c>
      <c r="P1867">
        <v>0</v>
      </c>
      <c r="Q1867">
        <v>0</v>
      </c>
      <c r="R1867">
        <v>0</v>
      </c>
      <c r="S1867">
        <v>0</v>
      </c>
      <c r="T1867">
        <v>0</v>
      </c>
      <c r="U1867">
        <v>0</v>
      </c>
      <c r="V1867">
        <v>0</v>
      </c>
      <c r="W1867">
        <v>1</v>
      </c>
      <c r="X1867">
        <v>0</v>
      </c>
      <c r="Y1867">
        <v>25</v>
      </c>
      <c r="Z1867">
        <v>20</v>
      </c>
      <c r="AA1867">
        <v>84</v>
      </c>
      <c r="AB1867">
        <v>7</v>
      </c>
      <c r="AC1867">
        <v>100</v>
      </c>
      <c r="AD1867">
        <v>31</v>
      </c>
      <c r="AE1867">
        <v>95</v>
      </c>
      <c r="AF1867">
        <v>0</v>
      </c>
      <c r="AG1867">
        <v>50000</v>
      </c>
      <c r="AH1867">
        <v>50000</v>
      </c>
      <c r="AI1867">
        <v>0</v>
      </c>
      <c r="AJ1867">
        <v>0</v>
      </c>
      <c r="AK1867" t="s">
        <v>6</v>
      </c>
      <c r="AL1867">
        <v>0</v>
      </c>
      <c r="AM1867">
        <v>0</v>
      </c>
      <c r="AN1867">
        <v>0</v>
      </c>
      <c r="AO1867">
        <v>0</v>
      </c>
      <c r="AP1867">
        <v>0</v>
      </c>
      <c r="AQ1867">
        <v>0</v>
      </c>
      <c r="AR1867">
        <v>0</v>
      </c>
      <c r="AS1867">
        <v>0</v>
      </c>
      <c r="AT1867">
        <v>0</v>
      </c>
      <c r="AU1867">
        <v>0</v>
      </c>
      <c r="AV1867">
        <v>0</v>
      </c>
      <c r="AW1867">
        <v>0</v>
      </c>
      <c r="AX1867">
        <v>0</v>
      </c>
      <c r="AY1867">
        <v>0</v>
      </c>
      <c r="AZ1867">
        <v>0</v>
      </c>
      <c r="BA1867">
        <v>0</v>
      </c>
    </row>
    <row r="1868" spans="1:53" x14ac:dyDescent="0.4">
      <c r="A1868">
        <v>1912</v>
      </c>
      <c r="B1868" s="1">
        <v>43422</v>
      </c>
      <c r="C1868">
        <v>2</v>
      </c>
      <c r="D1868" s="1">
        <v>43422.414583333331</v>
      </c>
      <c r="E1868" s="1">
        <v>43422.72152777778</v>
      </c>
      <c r="F1868">
        <v>40750</v>
      </c>
      <c r="G1868">
        <v>6100</v>
      </c>
      <c r="H1868">
        <v>0</v>
      </c>
      <c r="I1868">
        <v>0</v>
      </c>
      <c r="J1868">
        <v>0</v>
      </c>
      <c r="K1868">
        <v>0</v>
      </c>
      <c r="L1868">
        <v>0</v>
      </c>
      <c r="M1868">
        <v>3746</v>
      </c>
      <c r="N1868">
        <v>0</v>
      </c>
      <c r="O1868">
        <v>0</v>
      </c>
      <c r="P1868">
        <v>19980</v>
      </c>
      <c r="Q1868">
        <v>0</v>
      </c>
      <c r="R1868">
        <v>70576</v>
      </c>
      <c r="S1868">
        <v>0</v>
      </c>
      <c r="T1868">
        <v>0</v>
      </c>
      <c r="U1868">
        <v>0</v>
      </c>
      <c r="V1868">
        <v>2</v>
      </c>
      <c r="W1868">
        <v>1</v>
      </c>
      <c r="X1868">
        <v>0</v>
      </c>
      <c r="Y1868">
        <v>57</v>
      </c>
      <c r="Z1868">
        <v>38</v>
      </c>
      <c r="AA1868">
        <v>96</v>
      </c>
      <c r="AB1868">
        <v>10</v>
      </c>
      <c r="AC1868">
        <v>199</v>
      </c>
      <c r="AD1868">
        <v>33</v>
      </c>
      <c r="AE1868">
        <v>100</v>
      </c>
      <c r="AF1868">
        <v>7221</v>
      </c>
      <c r="AG1868">
        <v>120576</v>
      </c>
      <c r="AH1868">
        <v>50000</v>
      </c>
      <c r="AI1868">
        <v>0</v>
      </c>
      <c r="AJ1868">
        <v>90</v>
      </c>
      <c r="AK1868" t="s">
        <v>24</v>
      </c>
      <c r="AL1868">
        <v>0</v>
      </c>
      <c r="AM1868">
        <v>0</v>
      </c>
      <c r="AN1868">
        <v>0</v>
      </c>
      <c r="AO1868">
        <v>0</v>
      </c>
      <c r="AP1868">
        <v>0</v>
      </c>
      <c r="AQ1868">
        <v>0</v>
      </c>
      <c r="AR1868">
        <v>0</v>
      </c>
      <c r="AS1868">
        <v>0</v>
      </c>
      <c r="AT1868">
        <v>0</v>
      </c>
      <c r="AU1868">
        <v>0</v>
      </c>
      <c r="AV1868">
        <v>0</v>
      </c>
      <c r="AW1868">
        <v>0</v>
      </c>
      <c r="AX1868">
        <v>0</v>
      </c>
      <c r="AY1868">
        <v>51</v>
      </c>
      <c r="AZ1868">
        <v>119</v>
      </c>
      <c r="BA1868">
        <v>7184</v>
      </c>
    </row>
    <row r="1869" spans="1:53" x14ac:dyDescent="0.4">
      <c r="A1869">
        <v>1913</v>
      </c>
      <c r="B1869" s="1">
        <v>43422</v>
      </c>
      <c r="C1869">
        <v>3</v>
      </c>
      <c r="D1869" s="1">
        <v>43422.72152777778</v>
      </c>
      <c r="E1869" s="1">
        <v>43422.964583333334</v>
      </c>
      <c r="F1869">
        <v>77180</v>
      </c>
      <c r="G1869">
        <v>3690</v>
      </c>
      <c r="H1869">
        <v>200</v>
      </c>
      <c r="I1869">
        <v>0</v>
      </c>
      <c r="J1869">
        <v>0</v>
      </c>
      <c r="K1869">
        <v>0</v>
      </c>
      <c r="L1869">
        <v>0</v>
      </c>
      <c r="M1869">
        <v>6485</v>
      </c>
      <c r="N1869">
        <v>0</v>
      </c>
      <c r="O1869">
        <v>0</v>
      </c>
      <c r="P1869">
        <v>-12204</v>
      </c>
      <c r="Q1869">
        <v>0</v>
      </c>
      <c r="R1869">
        <v>75351</v>
      </c>
      <c r="S1869">
        <v>0</v>
      </c>
      <c r="T1869">
        <v>0</v>
      </c>
      <c r="U1869">
        <v>0</v>
      </c>
      <c r="V1869">
        <v>7</v>
      </c>
      <c r="W1869">
        <v>2</v>
      </c>
      <c r="X1869">
        <v>0</v>
      </c>
      <c r="Y1869">
        <v>76</v>
      </c>
      <c r="Z1869">
        <v>41</v>
      </c>
      <c r="AA1869">
        <v>95</v>
      </c>
      <c r="AB1869">
        <v>7</v>
      </c>
      <c r="AC1869">
        <v>210</v>
      </c>
      <c r="AD1869">
        <v>32</v>
      </c>
      <c r="AE1869">
        <v>106</v>
      </c>
      <c r="AF1869">
        <v>7221</v>
      </c>
      <c r="AG1869">
        <v>195937</v>
      </c>
      <c r="AH1869">
        <v>50000</v>
      </c>
      <c r="AI1869">
        <v>10</v>
      </c>
      <c r="AJ1869">
        <v>100</v>
      </c>
      <c r="AK1869" t="s">
        <v>0</v>
      </c>
      <c r="AL1869">
        <v>0</v>
      </c>
      <c r="AM1869">
        <v>0</v>
      </c>
      <c r="AN1869">
        <v>0</v>
      </c>
      <c r="AO1869">
        <v>0</v>
      </c>
      <c r="AP1869">
        <v>0</v>
      </c>
      <c r="AQ1869">
        <v>0</v>
      </c>
      <c r="AR1869">
        <v>0</v>
      </c>
      <c r="AS1869">
        <v>0</v>
      </c>
      <c r="AT1869">
        <v>0</v>
      </c>
      <c r="AU1869">
        <v>0</v>
      </c>
      <c r="AV1869">
        <v>0</v>
      </c>
      <c r="AW1869">
        <v>0</v>
      </c>
      <c r="AX1869">
        <v>12766</v>
      </c>
      <c r="AY1869">
        <v>25</v>
      </c>
      <c r="AZ1869">
        <v>69</v>
      </c>
      <c r="BA1869">
        <v>4276</v>
      </c>
    </row>
    <row r="1870" spans="1:53" x14ac:dyDescent="0.4">
      <c r="A1870">
        <v>1914</v>
      </c>
      <c r="B1870" s="1">
        <v>43422</v>
      </c>
      <c r="C1870">
        <v>4</v>
      </c>
      <c r="D1870" s="1">
        <v>43422.964583333334</v>
      </c>
      <c r="E1870" s="1">
        <v>43423.072916666664</v>
      </c>
      <c r="F1870">
        <v>26200</v>
      </c>
      <c r="G1870">
        <v>820</v>
      </c>
      <c r="H1870">
        <v>0</v>
      </c>
      <c r="I1870">
        <v>0</v>
      </c>
      <c r="J1870">
        <v>0</v>
      </c>
      <c r="K1870">
        <v>0</v>
      </c>
      <c r="L1870">
        <v>0</v>
      </c>
      <c r="M1870">
        <v>2162</v>
      </c>
      <c r="N1870">
        <v>0</v>
      </c>
      <c r="O1870">
        <v>0</v>
      </c>
      <c r="P1870">
        <v>-5400</v>
      </c>
      <c r="Q1870">
        <v>0</v>
      </c>
      <c r="R1870">
        <v>23782</v>
      </c>
      <c r="S1870">
        <v>0</v>
      </c>
      <c r="T1870">
        <v>0</v>
      </c>
      <c r="U1870">
        <v>0</v>
      </c>
      <c r="V1870">
        <v>8</v>
      </c>
      <c r="W1870">
        <v>4</v>
      </c>
      <c r="X1870">
        <v>0</v>
      </c>
      <c r="Y1870">
        <v>78</v>
      </c>
      <c r="Z1870">
        <v>42</v>
      </c>
      <c r="AA1870">
        <v>107</v>
      </c>
      <c r="AB1870">
        <v>7</v>
      </c>
      <c r="AC1870">
        <v>218</v>
      </c>
      <c r="AD1870">
        <v>30</v>
      </c>
      <c r="AE1870">
        <v>108</v>
      </c>
      <c r="AF1870">
        <v>7221</v>
      </c>
      <c r="AG1870">
        <v>219709</v>
      </c>
      <c r="AH1870">
        <v>50000</v>
      </c>
      <c r="AI1870">
        <v>0</v>
      </c>
      <c r="AJ1870">
        <v>100</v>
      </c>
      <c r="AK1870" t="s">
        <v>0</v>
      </c>
      <c r="AL1870">
        <v>0</v>
      </c>
      <c r="AM1870">
        <v>0</v>
      </c>
      <c r="AN1870">
        <v>0</v>
      </c>
      <c r="AO1870">
        <v>0</v>
      </c>
      <c r="AP1870">
        <v>0</v>
      </c>
      <c r="AQ1870">
        <v>0</v>
      </c>
      <c r="AR1870">
        <v>0</v>
      </c>
      <c r="AS1870">
        <v>0</v>
      </c>
      <c r="AT1870">
        <v>0</v>
      </c>
      <c r="AU1870">
        <v>0</v>
      </c>
      <c r="AV1870">
        <v>0</v>
      </c>
      <c r="AW1870">
        <v>0</v>
      </c>
      <c r="AX1870">
        <v>0</v>
      </c>
      <c r="AY1870">
        <v>2</v>
      </c>
      <c r="AZ1870">
        <v>5</v>
      </c>
      <c r="BA1870">
        <v>395</v>
      </c>
    </row>
    <row r="1871" spans="1:53" x14ac:dyDescent="0.4">
      <c r="A1871">
        <v>1915</v>
      </c>
      <c r="B1871" s="1">
        <v>43423</v>
      </c>
      <c r="C1871">
        <v>1</v>
      </c>
      <c r="D1871" s="1">
        <v>43423.291666666664</v>
      </c>
      <c r="E1871" s="1">
        <v>43423.456250000003</v>
      </c>
      <c r="F1871">
        <v>0</v>
      </c>
      <c r="G1871">
        <v>0</v>
      </c>
      <c r="H1871">
        <v>0</v>
      </c>
      <c r="I1871">
        <v>0</v>
      </c>
      <c r="J1871">
        <v>0</v>
      </c>
      <c r="K1871">
        <v>0</v>
      </c>
      <c r="L1871">
        <v>0</v>
      </c>
      <c r="M1871">
        <v>0</v>
      </c>
      <c r="N1871">
        <v>0</v>
      </c>
      <c r="O1871">
        <v>0</v>
      </c>
      <c r="P1871">
        <v>0</v>
      </c>
      <c r="Q1871">
        <v>0</v>
      </c>
      <c r="R1871">
        <v>0</v>
      </c>
      <c r="S1871">
        <v>0</v>
      </c>
      <c r="T1871">
        <v>0</v>
      </c>
      <c r="U1871">
        <v>0</v>
      </c>
      <c r="V1871">
        <v>0</v>
      </c>
      <c r="W1871">
        <v>0</v>
      </c>
      <c r="X1871">
        <v>0</v>
      </c>
      <c r="Y1871">
        <v>28</v>
      </c>
      <c r="Z1871">
        <v>19</v>
      </c>
      <c r="AA1871">
        <v>105</v>
      </c>
      <c r="AB1871">
        <v>7</v>
      </c>
      <c r="AC1871">
        <v>136</v>
      </c>
      <c r="AD1871">
        <v>36</v>
      </c>
      <c r="AE1871">
        <v>110</v>
      </c>
      <c r="AF1871">
        <v>0</v>
      </c>
      <c r="AG1871">
        <v>50000</v>
      </c>
      <c r="AH1871">
        <v>0</v>
      </c>
      <c r="AI1871">
        <v>50000</v>
      </c>
      <c r="AJ1871">
        <v>0</v>
      </c>
      <c r="AK1871" t="s">
        <v>6</v>
      </c>
      <c r="AL1871">
        <v>0</v>
      </c>
      <c r="AM1871">
        <v>0</v>
      </c>
      <c r="AN1871">
        <v>0</v>
      </c>
      <c r="AO1871">
        <v>0</v>
      </c>
      <c r="AP1871">
        <v>0</v>
      </c>
      <c r="AQ1871">
        <v>0</v>
      </c>
      <c r="AR1871">
        <v>0</v>
      </c>
      <c r="AS1871">
        <v>0</v>
      </c>
      <c r="AT1871">
        <v>0</v>
      </c>
      <c r="AU1871">
        <v>0</v>
      </c>
      <c r="AV1871">
        <v>0</v>
      </c>
      <c r="AW1871">
        <v>0</v>
      </c>
      <c r="AX1871">
        <v>0</v>
      </c>
      <c r="AY1871">
        <v>0</v>
      </c>
      <c r="AZ1871">
        <v>0</v>
      </c>
      <c r="BA1871">
        <v>0</v>
      </c>
    </row>
    <row r="1872" spans="1:53" x14ac:dyDescent="0.4">
      <c r="A1872">
        <v>1916</v>
      </c>
      <c r="B1872" s="1">
        <v>43423</v>
      </c>
      <c r="C1872">
        <v>2</v>
      </c>
      <c r="D1872" s="1">
        <v>43423.456250000003</v>
      </c>
      <c r="E1872" s="1">
        <v>43423.746527777781</v>
      </c>
      <c r="F1872">
        <v>15000</v>
      </c>
      <c r="G1872">
        <v>2340</v>
      </c>
      <c r="H1872">
        <v>0</v>
      </c>
      <c r="I1872">
        <v>0</v>
      </c>
      <c r="J1872">
        <v>0</v>
      </c>
      <c r="K1872">
        <v>0</v>
      </c>
      <c r="L1872">
        <v>0</v>
      </c>
      <c r="M1872">
        <v>1387</v>
      </c>
      <c r="N1872">
        <v>0</v>
      </c>
      <c r="O1872">
        <v>0</v>
      </c>
      <c r="P1872">
        <v>15660</v>
      </c>
      <c r="Q1872">
        <v>0</v>
      </c>
      <c r="R1872">
        <v>34387</v>
      </c>
      <c r="S1872">
        <v>0</v>
      </c>
      <c r="T1872">
        <v>0</v>
      </c>
      <c r="U1872">
        <v>0</v>
      </c>
      <c r="V1872">
        <v>2</v>
      </c>
      <c r="W1872">
        <v>2</v>
      </c>
      <c r="X1872">
        <v>0</v>
      </c>
      <c r="Y1872">
        <v>29</v>
      </c>
      <c r="Z1872">
        <v>31</v>
      </c>
      <c r="AA1872">
        <v>76</v>
      </c>
      <c r="AB1872">
        <v>6</v>
      </c>
      <c r="AC1872">
        <v>169</v>
      </c>
      <c r="AD1872">
        <v>37</v>
      </c>
      <c r="AE1872">
        <v>112</v>
      </c>
      <c r="AF1872">
        <v>0</v>
      </c>
      <c r="AG1872">
        <v>84387</v>
      </c>
      <c r="AH1872">
        <v>50000</v>
      </c>
      <c r="AI1872">
        <v>0</v>
      </c>
      <c r="AJ1872">
        <v>96</v>
      </c>
      <c r="AK1872" t="s">
        <v>4</v>
      </c>
      <c r="AL1872">
        <v>0</v>
      </c>
      <c r="AM1872">
        <v>0</v>
      </c>
      <c r="AN1872">
        <v>0</v>
      </c>
      <c r="AO1872">
        <v>0</v>
      </c>
      <c r="AP1872">
        <v>0</v>
      </c>
      <c r="AQ1872">
        <v>0</v>
      </c>
      <c r="AR1872">
        <v>0</v>
      </c>
      <c r="AS1872">
        <v>0</v>
      </c>
      <c r="AT1872">
        <v>0</v>
      </c>
      <c r="AU1872">
        <v>0</v>
      </c>
      <c r="AV1872">
        <v>0</v>
      </c>
      <c r="AW1872">
        <v>0</v>
      </c>
      <c r="AX1872">
        <v>3585</v>
      </c>
      <c r="AY1872">
        <v>33</v>
      </c>
      <c r="AZ1872">
        <v>61</v>
      </c>
      <c r="BA1872">
        <v>4301</v>
      </c>
    </row>
    <row r="1873" spans="1:53" x14ac:dyDescent="0.4">
      <c r="A1873">
        <v>1917</v>
      </c>
      <c r="B1873" s="1">
        <v>43423</v>
      </c>
      <c r="C1873">
        <v>3</v>
      </c>
      <c r="D1873" s="1">
        <v>43423.746527777781</v>
      </c>
      <c r="E1873" s="1">
        <v>43423.961805555555</v>
      </c>
      <c r="F1873">
        <v>38200</v>
      </c>
      <c r="G1873">
        <v>4780</v>
      </c>
      <c r="H1873">
        <v>0</v>
      </c>
      <c r="I1873">
        <v>0</v>
      </c>
      <c r="J1873">
        <v>0</v>
      </c>
      <c r="K1873">
        <v>0</v>
      </c>
      <c r="L1873">
        <v>0</v>
      </c>
      <c r="M1873">
        <v>3438</v>
      </c>
      <c r="N1873">
        <v>0</v>
      </c>
      <c r="O1873">
        <v>0</v>
      </c>
      <c r="P1873">
        <v>1404</v>
      </c>
      <c r="Q1873">
        <v>0</v>
      </c>
      <c r="R1873">
        <v>47822</v>
      </c>
      <c r="S1873">
        <v>0</v>
      </c>
      <c r="T1873">
        <v>0</v>
      </c>
      <c r="U1873">
        <v>0</v>
      </c>
      <c r="V1873">
        <v>3</v>
      </c>
      <c r="W1873">
        <v>4</v>
      </c>
      <c r="X1873">
        <v>0</v>
      </c>
      <c r="Y1873">
        <v>56</v>
      </c>
      <c r="Z1873">
        <v>32</v>
      </c>
      <c r="AA1873">
        <v>81</v>
      </c>
      <c r="AB1873">
        <v>4</v>
      </c>
      <c r="AC1873">
        <v>163</v>
      </c>
      <c r="AD1873">
        <v>36</v>
      </c>
      <c r="AE1873">
        <v>99</v>
      </c>
      <c r="AF1873">
        <v>0</v>
      </c>
      <c r="AG1873">
        <v>132209</v>
      </c>
      <c r="AH1873">
        <v>50000</v>
      </c>
      <c r="AI1873">
        <v>0</v>
      </c>
      <c r="AJ1873">
        <v>108</v>
      </c>
      <c r="AK1873" t="s">
        <v>30</v>
      </c>
      <c r="AL1873">
        <v>0</v>
      </c>
      <c r="AM1873">
        <v>0</v>
      </c>
      <c r="AN1873">
        <v>0</v>
      </c>
      <c r="AO1873">
        <v>0</v>
      </c>
      <c r="AP1873">
        <v>0</v>
      </c>
      <c r="AQ1873">
        <v>0</v>
      </c>
      <c r="AR1873">
        <v>0</v>
      </c>
      <c r="AS1873">
        <v>0</v>
      </c>
      <c r="AT1873">
        <v>0</v>
      </c>
      <c r="AU1873">
        <v>0</v>
      </c>
      <c r="AV1873">
        <v>0</v>
      </c>
      <c r="AW1873">
        <v>0</v>
      </c>
      <c r="AX1873">
        <v>-11472</v>
      </c>
      <c r="AY1873">
        <v>9</v>
      </c>
      <c r="AZ1873">
        <v>27</v>
      </c>
      <c r="BA1873">
        <v>1839</v>
      </c>
    </row>
    <row r="1874" spans="1:53" x14ac:dyDescent="0.4">
      <c r="A1874">
        <v>1918</v>
      </c>
      <c r="B1874" s="1">
        <v>43424</v>
      </c>
      <c r="C1874">
        <v>1</v>
      </c>
      <c r="D1874" s="1">
        <v>43424.291666666664</v>
      </c>
      <c r="E1874" s="1">
        <v>43424.451388888891</v>
      </c>
      <c r="F1874">
        <v>0</v>
      </c>
      <c r="G1874">
        <v>0</v>
      </c>
      <c r="H1874">
        <v>0</v>
      </c>
      <c r="I1874">
        <v>0</v>
      </c>
      <c r="J1874">
        <v>0</v>
      </c>
      <c r="K1874">
        <v>0</v>
      </c>
      <c r="L1874">
        <v>0</v>
      </c>
      <c r="M1874">
        <v>0</v>
      </c>
      <c r="N1874">
        <v>0</v>
      </c>
      <c r="O1874">
        <v>0</v>
      </c>
      <c r="P1874">
        <v>0</v>
      </c>
      <c r="Q1874">
        <v>0</v>
      </c>
      <c r="R1874">
        <v>0</v>
      </c>
      <c r="S1874">
        <v>0</v>
      </c>
      <c r="T1874">
        <v>0</v>
      </c>
      <c r="U1874">
        <v>0</v>
      </c>
      <c r="V1874">
        <v>0</v>
      </c>
      <c r="W1874">
        <v>0</v>
      </c>
      <c r="X1874">
        <v>0</v>
      </c>
      <c r="Y1874">
        <v>30</v>
      </c>
      <c r="Z1874">
        <v>18</v>
      </c>
      <c r="AA1874">
        <v>93</v>
      </c>
      <c r="AB1874">
        <v>5</v>
      </c>
      <c r="AC1874">
        <v>117</v>
      </c>
      <c r="AD1874">
        <v>36</v>
      </c>
      <c r="AE1874">
        <v>100</v>
      </c>
      <c r="AF1874">
        <v>0</v>
      </c>
      <c r="AG1874">
        <v>50000</v>
      </c>
      <c r="AH1874">
        <v>0</v>
      </c>
      <c r="AI1874">
        <v>50000</v>
      </c>
      <c r="AJ1874">
        <v>0</v>
      </c>
      <c r="AK1874" t="s">
        <v>6</v>
      </c>
      <c r="AL1874">
        <v>0</v>
      </c>
      <c r="AM1874">
        <v>0</v>
      </c>
      <c r="AN1874">
        <v>0</v>
      </c>
      <c r="AO1874">
        <v>0</v>
      </c>
      <c r="AP1874">
        <v>0</v>
      </c>
      <c r="AQ1874">
        <v>0</v>
      </c>
      <c r="AR1874">
        <v>0</v>
      </c>
      <c r="AS1874">
        <v>0</v>
      </c>
      <c r="AT1874">
        <v>0</v>
      </c>
      <c r="AU1874">
        <v>0</v>
      </c>
      <c r="AV1874">
        <v>0</v>
      </c>
      <c r="AW1874">
        <v>0</v>
      </c>
      <c r="AX1874">
        <v>0</v>
      </c>
      <c r="AY1874">
        <v>0</v>
      </c>
      <c r="AZ1874">
        <v>0</v>
      </c>
      <c r="BA1874">
        <v>0</v>
      </c>
    </row>
    <row r="1875" spans="1:53" x14ac:dyDescent="0.4">
      <c r="A1875">
        <v>1919</v>
      </c>
      <c r="B1875" s="1">
        <v>43424</v>
      </c>
      <c r="C1875">
        <v>2</v>
      </c>
      <c r="D1875" s="1">
        <v>43424.451388888891</v>
      </c>
      <c r="E1875" s="1">
        <v>43424.756944444445</v>
      </c>
      <c r="F1875">
        <v>17500</v>
      </c>
      <c r="G1875">
        <v>760</v>
      </c>
      <c r="H1875">
        <v>0</v>
      </c>
      <c r="I1875">
        <v>0</v>
      </c>
      <c r="J1875">
        <v>0</v>
      </c>
      <c r="K1875">
        <v>0</v>
      </c>
      <c r="L1875">
        <v>0</v>
      </c>
      <c r="M1875">
        <v>1460</v>
      </c>
      <c r="N1875">
        <v>0</v>
      </c>
      <c r="O1875">
        <v>0</v>
      </c>
      <c r="P1875">
        <v>16740</v>
      </c>
      <c r="Q1875">
        <v>0</v>
      </c>
      <c r="R1875">
        <v>36460</v>
      </c>
      <c r="S1875">
        <v>0</v>
      </c>
      <c r="T1875">
        <v>0</v>
      </c>
      <c r="U1875">
        <v>0</v>
      </c>
      <c r="V1875">
        <v>1</v>
      </c>
      <c r="W1875">
        <v>0</v>
      </c>
      <c r="X1875">
        <v>0</v>
      </c>
      <c r="Y1875">
        <v>46</v>
      </c>
      <c r="Z1875">
        <v>37</v>
      </c>
      <c r="AA1875">
        <v>107</v>
      </c>
      <c r="AB1875">
        <v>9</v>
      </c>
      <c r="AC1875">
        <v>107</v>
      </c>
      <c r="AD1875">
        <v>36</v>
      </c>
      <c r="AE1875">
        <v>100</v>
      </c>
      <c r="AF1875">
        <v>0</v>
      </c>
      <c r="AG1875">
        <v>87000</v>
      </c>
      <c r="AH1875">
        <v>50000</v>
      </c>
      <c r="AI1875">
        <v>540</v>
      </c>
      <c r="AJ1875">
        <v>100</v>
      </c>
      <c r="AK1875" t="s">
        <v>0</v>
      </c>
      <c r="AL1875">
        <v>0</v>
      </c>
      <c r="AM1875">
        <v>0</v>
      </c>
      <c r="AN1875">
        <v>0</v>
      </c>
      <c r="AO1875">
        <v>0</v>
      </c>
      <c r="AP1875">
        <v>0</v>
      </c>
      <c r="AQ1875">
        <v>0</v>
      </c>
      <c r="AR1875">
        <v>0</v>
      </c>
      <c r="AS1875">
        <v>0</v>
      </c>
      <c r="AT1875">
        <v>0</v>
      </c>
      <c r="AU1875">
        <v>0</v>
      </c>
      <c r="AV1875">
        <v>0</v>
      </c>
      <c r="AW1875">
        <v>0</v>
      </c>
      <c r="AX1875">
        <v>1576</v>
      </c>
      <c r="AY1875">
        <v>40</v>
      </c>
      <c r="AZ1875">
        <v>65</v>
      </c>
      <c r="BA1875">
        <v>5103</v>
      </c>
    </row>
    <row r="1876" spans="1:53" x14ac:dyDescent="0.4">
      <c r="A1876">
        <v>1920</v>
      </c>
      <c r="B1876" s="1">
        <v>43425</v>
      </c>
      <c r="C1876">
        <v>1</v>
      </c>
      <c r="D1876" s="1">
        <v>43425.291666666664</v>
      </c>
      <c r="E1876" s="1">
        <v>43425.456250000003</v>
      </c>
      <c r="F1876">
        <v>0</v>
      </c>
      <c r="G1876">
        <v>0</v>
      </c>
      <c r="H1876">
        <v>0</v>
      </c>
      <c r="I1876">
        <v>0</v>
      </c>
      <c r="J1876">
        <v>0</v>
      </c>
      <c r="K1876">
        <v>0</v>
      </c>
      <c r="L1876">
        <v>0</v>
      </c>
      <c r="M1876">
        <v>0</v>
      </c>
      <c r="N1876">
        <v>0</v>
      </c>
      <c r="O1876">
        <v>0</v>
      </c>
      <c r="P1876">
        <v>0</v>
      </c>
      <c r="Q1876">
        <v>0</v>
      </c>
      <c r="R1876">
        <v>0</v>
      </c>
      <c r="S1876">
        <v>0</v>
      </c>
      <c r="T1876">
        <v>0</v>
      </c>
      <c r="U1876">
        <v>0</v>
      </c>
      <c r="V1876">
        <v>0</v>
      </c>
      <c r="W1876">
        <v>0</v>
      </c>
      <c r="X1876">
        <v>0</v>
      </c>
      <c r="Y1876">
        <v>39</v>
      </c>
      <c r="Z1876">
        <v>9</v>
      </c>
      <c r="AA1876">
        <v>58</v>
      </c>
      <c r="AB1876">
        <v>2</v>
      </c>
      <c r="AC1876">
        <v>37</v>
      </c>
      <c r="AD1876">
        <v>29</v>
      </c>
      <c r="AE1876">
        <v>85</v>
      </c>
      <c r="AF1876">
        <v>0</v>
      </c>
      <c r="AG1876">
        <v>50000</v>
      </c>
      <c r="AH1876">
        <v>0</v>
      </c>
      <c r="AI1876">
        <v>50000</v>
      </c>
      <c r="AJ1876">
        <v>0</v>
      </c>
      <c r="AK1876" t="s">
        <v>6</v>
      </c>
      <c r="AL1876">
        <v>0</v>
      </c>
      <c r="AM1876">
        <v>0</v>
      </c>
      <c r="AN1876">
        <v>0</v>
      </c>
      <c r="AO1876">
        <v>0</v>
      </c>
      <c r="AP1876">
        <v>0</v>
      </c>
      <c r="AQ1876">
        <v>0</v>
      </c>
      <c r="AR1876">
        <v>0</v>
      </c>
      <c r="AS1876">
        <v>0</v>
      </c>
      <c r="AT1876">
        <v>0</v>
      </c>
      <c r="AU1876">
        <v>0</v>
      </c>
      <c r="AV1876">
        <v>0</v>
      </c>
      <c r="AW1876">
        <v>0</v>
      </c>
      <c r="AX1876">
        <v>0</v>
      </c>
      <c r="AY1876">
        <v>0</v>
      </c>
      <c r="AZ1876">
        <v>0</v>
      </c>
      <c r="BA1876">
        <v>0</v>
      </c>
    </row>
    <row r="1877" spans="1:53" x14ac:dyDescent="0.4">
      <c r="A1877">
        <v>1921</v>
      </c>
      <c r="B1877" s="1">
        <v>43425</v>
      </c>
      <c r="C1877">
        <v>2</v>
      </c>
      <c r="D1877" s="1">
        <v>43425.456250000003</v>
      </c>
      <c r="E1877" s="1">
        <v>43425.739583333336</v>
      </c>
      <c r="F1877">
        <v>13000</v>
      </c>
      <c r="G1877">
        <v>420</v>
      </c>
      <c r="H1877">
        <v>0</v>
      </c>
      <c r="I1877">
        <v>0</v>
      </c>
      <c r="J1877">
        <v>0</v>
      </c>
      <c r="K1877">
        <v>0</v>
      </c>
      <c r="L1877">
        <v>0</v>
      </c>
      <c r="M1877">
        <v>1074</v>
      </c>
      <c r="N1877">
        <v>0</v>
      </c>
      <c r="O1877">
        <v>0</v>
      </c>
      <c r="P1877">
        <v>12960</v>
      </c>
      <c r="Q1877">
        <v>0</v>
      </c>
      <c r="R1877">
        <v>27454</v>
      </c>
      <c r="S1877">
        <v>0</v>
      </c>
      <c r="T1877">
        <v>0</v>
      </c>
      <c r="U1877">
        <v>0</v>
      </c>
      <c r="V1877">
        <v>1</v>
      </c>
      <c r="W1877">
        <v>2</v>
      </c>
      <c r="X1877">
        <v>0</v>
      </c>
      <c r="Y1877">
        <v>47</v>
      </c>
      <c r="Z1877">
        <v>7</v>
      </c>
      <c r="AA1877">
        <v>59</v>
      </c>
      <c r="AB1877">
        <v>9</v>
      </c>
      <c r="AC1877">
        <v>35</v>
      </c>
      <c r="AD1877">
        <v>32</v>
      </c>
      <c r="AE1877">
        <v>94</v>
      </c>
      <c r="AF1877">
        <v>0</v>
      </c>
      <c r="AG1877">
        <v>77454</v>
      </c>
      <c r="AH1877">
        <v>50000</v>
      </c>
      <c r="AI1877">
        <v>0</v>
      </c>
      <c r="AJ1877">
        <v>96</v>
      </c>
      <c r="AK1877" t="s">
        <v>4</v>
      </c>
      <c r="AL1877">
        <v>0</v>
      </c>
      <c r="AM1877">
        <v>0</v>
      </c>
      <c r="AN1877">
        <v>0</v>
      </c>
      <c r="AO1877">
        <v>0</v>
      </c>
      <c r="AP1877">
        <v>0</v>
      </c>
      <c r="AQ1877">
        <v>0</v>
      </c>
      <c r="AR1877">
        <v>0</v>
      </c>
      <c r="AS1877">
        <v>0</v>
      </c>
      <c r="AT1877">
        <v>0</v>
      </c>
      <c r="AU1877">
        <v>0</v>
      </c>
      <c r="AV1877">
        <v>0</v>
      </c>
      <c r="AW1877">
        <v>0</v>
      </c>
      <c r="AX1877">
        <v>-1620</v>
      </c>
      <c r="AY1877">
        <v>30</v>
      </c>
      <c r="AZ1877">
        <v>48</v>
      </c>
      <c r="BA1877">
        <v>4225</v>
      </c>
    </row>
    <row r="1878" spans="1:53" x14ac:dyDescent="0.4">
      <c r="A1878">
        <v>1922</v>
      </c>
      <c r="B1878" s="1">
        <v>43425</v>
      </c>
      <c r="C1878">
        <v>3</v>
      </c>
      <c r="D1878" s="1">
        <v>43425.739583333336</v>
      </c>
      <c r="E1878" s="1">
        <v>43425.965277777781</v>
      </c>
      <c r="F1878">
        <v>36600</v>
      </c>
      <c r="G1878">
        <v>960</v>
      </c>
      <c r="H1878">
        <v>0</v>
      </c>
      <c r="I1878">
        <v>0</v>
      </c>
      <c r="J1878">
        <v>0</v>
      </c>
      <c r="K1878">
        <v>0</v>
      </c>
      <c r="L1878">
        <v>0</v>
      </c>
      <c r="M1878">
        <v>3005</v>
      </c>
      <c r="N1878">
        <v>0</v>
      </c>
      <c r="O1878">
        <v>0</v>
      </c>
      <c r="P1878">
        <v>-2506</v>
      </c>
      <c r="Q1878">
        <v>0</v>
      </c>
      <c r="R1878">
        <v>38059</v>
      </c>
      <c r="S1878">
        <v>0</v>
      </c>
      <c r="T1878">
        <v>0</v>
      </c>
      <c r="U1878">
        <v>0</v>
      </c>
      <c r="V1878">
        <v>2</v>
      </c>
      <c r="W1878">
        <v>3</v>
      </c>
      <c r="X1878">
        <v>0</v>
      </c>
      <c r="Y1878">
        <v>59</v>
      </c>
      <c r="Z1878">
        <v>9</v>
      </c>
      <c r="AA1878">
        <v>57</v>
      </c>
      <c r="AB1878">
        <v>7</v>
      </c>
      <c r="AC1878">
        <v>26</v>
      </c>
      <c r="AD1878">
        <v>32</v>
      </c>
      <c r="AE1878">
        <v>89</v>
      </c>
      <c r="AF1878">
        <v>10454</v>
      </c>
      <c r="AG1878">
        <v>115513</v>
      </c>
      <c r="AH1878">
        <v>50000</v>
      </c>
      <c r="AI1878">
        <v>0</v>
      </c>
      <c r="AJ1878">
        <v>100</v>
      </c>
      <c r="AK1878" t="s">
        <v>0</v>
      </c>
      <c r="AL1878">
        <v>0</v>
      </c>
      <c r="AM1878">
        <v>0</v>
      </c>
      <c r="AN1878">
        <v>0</v>
      </c>
      <c r="AO1878">
        <v>0</v>
      </c>
      <c r="AP1878">
        <v>0</v>
      </c>
      <c r="AQ1878">
        <v>0</v>
      </c>
      <c r="AR1878">
        <v>0</v>
      </c>
      <c r="AS1878">
        <v>0</v>
      </c>
      <c r="AT1878">
        <v>0</v>
      </c>
      <c r="AU1878">
        <v>0</v>
      </c>
      <c r="AV1878">
        <v>0</v>
      </c>
      <c r="AW1878">
        <v>0</v>
      </c>
      <c r="AX1878">
        <v>6502</v>
      </c>
      <c r="AY1878">
        <v>13</v>
      </c>
      <c r="AZ1878">
        <v>35</v>
      </c>
      <c r="BA1878">
        <v>1973</v>
      </c>
    </row>
    <row r="1879" spans="1:53" x14ac:dyDescent="0.4">
      <c r="A1879">
        <v>1923</v>
      </c>
      <c r="B1879" s="1">
        <v>43426</v>
      </c>
      <c r="C1879">
        <v>1</v>
      </c>
      <c r="D1879" s="1">
        <v>43426.291666666664</v>
      </c>
      <c r="E1879" s="1">
        <v>43426.45</v>
      </c>
      <c r="F1879">
        <v>0</v>
      </c>
      <c r="G1879">
        <v>0</v>
      </c>
      <c r="H1879">
        <v>0</v>
      </c>
      <c r="I1879">
        <v>0</v>
      </c>
      <c r="J1879">
        <v>0</v>
      </c>
      <c r="K1879">
        <v>0</v>
      </c>
      <c r="L1879">
        <v>0</v>
      </c>
      <c r="M1879">
        <v>0</v>
      </c>
      <c r="N1879">
        <v>0</v>
      </c>
      <c r="O1879">
        <v>0</v>
      </c>
      <c r="P1879">
        <v>0</v>
      </c>
      <c r="Q1879">
        <v>0</v>
      </c>
      <c r="R1879">
        <v>0</v>
      </c>
      <c r="S1879">
        <v>0</v>
      </c>
      <c r="T1879">
        <v>0</v>
      </c>
      <c r="U1879">
        <v>0</v>
      </c>
      <c r="V1879">
        <v>0</v>
      </c>
      <c r="W1879">
        <v>0</v>
      </c>
      <c r="X1879">
        <v>0</v>
      </c>
      <c r="Y1879">
        <v>44</v>
      </c>
      <c r="Z1879">
        <v>5</v>
      </c>
      <c r="AA1879">
        <v>33</v>
      </c>
      <c r="AB1879">
        <v>1</v>
      </c>
      <c r="AC1879">
        <v>7</v>
      </c>
      <c r="AD1879">
        <v>3</v>
      </c>
      <c r="AE1879">
        <v>65</v>
      </c>
      <c r="AF1879">
        <v>0</v>
      </c>
      <c r="AG1879">
        <v>50000</v>
      </c>
      <c r="AH1879">
        <v>0</v>
      </c>
      <c r="AI1879">
        <v>50000</v>
      </c>
      <c r="AJ1879">
        <v>0</v>
      </c>
      <c r="AK1879" t="s">
        <v>6</v>
      </c>
      <c r="AL1879">
        <v>0</v>
      </c>
      <c r="AM1879">
        <v>0</v>
      </c>
      <c r="AN1879">
        <v>0</v>
      </c>
      <c r="AO1879">
        <v>0</v>
      </c>
      <c r="AP1879">
        <v>0</v>
      </c>
      <c r="AQ1879">
        <v>0</v>
      </c>
      <c r="AR1879">
        <v>0</v>
      </c>
      <c r="AS1879">
        <v>0</v>
      </c>
      <c r="AT1879">
        <v>0</v>
      </c>
      <c r="AU1879">
        <v>0</v>
      </c>
      <c r="AV1879">
        <v>0</v>
      </c>
      <c r="AW1879">
        <v>0</v>
      </c>
      <c r="AX1879">
        <v>0</v>
      </c>
      <c r="AY1879">
        <v>0</v>
      </c>
      <c r="AZ1879">
        <v>0</v>
      </c>
      <c r="BA1879">
        <v>0</v>
      </c>
    </row>
    <row r="1880" spans="1:53" x14ac:dyDescent="0.4">
      <c r="A1880">
        <v>1924</v>
      </c>
      <c r="B1880" s="1">
        <v>43426</v>
      </c>
      <c r="C1880">
        <v>2</v>
      </c>
      <c r="D1880" s="1">
        <v>43426.45</v>
      </c>
      <c r="E1880" s="1">
        <v>43426.729861111111</v>
      </c>
      <c r="F1880">
        <v>15500</v>
      </c>
      <c r="G1880">
        <v>500</v>
      </c>
      <c r="H1880">
        <v>200</v>
      </c>
      <c r="I1880">
        <v>0</v>
      </c>
      <c r="J1880">
        <v>0</v>
      </c>
      <c r="K1880">
        <v>0</v>
      </c>
      <c r="L1880">
        <v>0</v>
      </c>
      <c r="M1880">
        <v>1296</v>
      </c>
      <c r="N1880">
        <v>0</v>
      </c>
      <c r="O1880">
        <v>0</v>
      </c>
      <c r="P1880">
        <v>18900</v>
      </c>
      <c r="Q1880">
        <v>0</v>
      </c>
      <c r="R1880">
        <v>36396</v>
      </c>
      <c r="S1880">
        <v>0</v>
      </c>
      <c r="T1880">
        <v>0</v>
      </c>
      <c r="U1880">
        <v>0</v>
      </c>
      <c r="V1880">
        <v>1</v>
      </c>
      <c r="W1880">
        <v>1</v>
      </c>
      <c r="X1880">
        <v>0</v>
      </c>
      <c r="Y1880">
        <v>55</v>
      </c>
      <c r="Z1880">
        <v>24</v>
      </c>
      <c r="AA1880">
        <v>33</v>
      </c>
      <c r="AB1880">
        <v>13</v>
      </c>
      <c r="AC1880">
        <v>35</v>
      </c>
      <c r="AD1880">
        <v>6</v>
      </c>
      <c r="AE1880">
        <v>66</v>
      </c>
      <c r="AF1880">
        <v>0</v>
      </c>
      <c r="AG1880">
        <v>86396</v>
      </c>
      <c r="AH1880">
        <v>50000</v>
      </c>
      <c r="AI1880">
        <v>0</v>
      </c>
      <c r="AJ1880">
        <v>96</v>
      </c>
      <c r="AK1880" t="s">
        <v>4</v>
      </c>
      <c r="AL1880">
        <v>0</v>
      </c>
      <c r="AM1880">
        <v>0</v>
      </c>
      <c r="AN1880">
        <v>0</v>
      </c>
      <c r="AO1880">
        <v>0</v>
      </c>
      <c r="AP1880">
        <v>0</v>
      </c>
      <c r="AQ1880">
        <v>0</v>
      </c>
      <c r="AR1880">
        <v>0</v>
      </c>
      <c r="AS1880">
        <v>0</v>
      </c>
      <c r="AT1880">
        <v>0</v>
      </c>
      <c r="AU1880">
        <v>0</v>
      </c>
      <c r="AV1880">
        <v>0</v>
      </c>
      <c r="AW1880">
        <v>0</v>
      </c>
      <c r="AX1880">
        <v>-540</v>
      </c>
      <c r="AY1880">
        <v>37</v>
      </c>
      <c r="AZ1880">
        <v>62</v>
      </c>
      <c r="BA1880">
        <v>4771</v>
      </c>
    </row>
    <row r="1881" spans="1:53" x14ac:dyDescent="0.4">
      <c r="A1881">
        <v>1925</v>
      </c>
      <c r="B1881" s="1">
        <v>43426</v>
      </c>
      <c r="C1881">
        <v>3</v>
      </c>
      <c r="D1881" s="1">
        <v>43426.729861111111</v>
      </c>
      <c r="E1881" s="1">
        <v>43426.964583333334</v>
      </c>
      <c r="F1881">
        <v>44660</v>
      </c>
      <c r="G1881">
        <v>3940</v>
      </c>
      <c r="H1881">
        <v>0</v>
      </c>
      <c r="I1881">
        <v>0</v>
      </c>
      <c r="J1881">
        <v>0</v>
      </c>
      <c r="K1881">
        <v>0</v>
      </c>
      <c r="L1881">
        <v>0</v>
      </c>
      <c r="M1881">
        <v>3889</v>
      </c>
      <c r="N1881">
        <v>0</v>
      </c>
      <c r="O1881">
        <v>0</v>
      </c>
      <c r="P1881">
        <v>-18900</v>
      </c>
      <c r="Q1881">
        <v>0</v>
      </c>
      <c r="R1881">
        <v>33589</v>
      </c>
      <c r="S1881">
        <v>0</v>
      </c>
      <c r="T1881">
        <v>0</v>
      </c>
      <c r="U1881">
        <v>0</v>
      </c>
      <c r="V1881">
        <v>5</v>
      </c>
      <c r="W1881">
        <v>1</v>
      </c>
      <c r="X1881">
        <v>0</v>
      </c>
      <c r="Y1881">
        <v>45</v>
      </c>
      <c r="Z1881">
        <v>22</v>
      </c>
      <c r="AA1881">
        <v>18</v>
      </c>
      <c r="AB1881">
        <v>12</v>
      </c>
      <c r="AC1881">
        <v>36</v>
      </c>
      <c r="AD1881">
        <v>9</v>
      </c>
      <c r="AE1881">
        <v>69</v>
      </c>
      <c r="AF1881">
        <v>6111</v>
      </c>
      <c r="AG1881">
        <v>119985</v>
      </c>
      <c r="AH1881">
        <v>50000</v>
      </c>
      <c r="AI1881">
        <v>0</v>
      </c>
      <c r="AJ1881">
        <v>99</v>
      </c>
      <c r="AK1881" t="s">
        <v>9</v>
      </c>
      <c r="AL1881">
        <v>0</v>
      </c>
      <c r="AM1881">
        <v>0</v>
      </c>
      <c r="AN1881">
        <v>0</v>
      </c>
      <c r="AO1881">
        <v>0</v>
      </c>
      <c r="AP1881">
        <v>0</v>
      </c>
      <c r="AQ1881">
        <v>0</v>
      </c>
      <c r="AR1881">
        <v>0</v>
      </c>
      <c r="AS1881">
        <v>0</v>
      </c>
      <c r="AT1881">
        <v>0</v>
      </c>
      <c r="AU1881">
        <v>0</v>
      </c>
      <c r="AV1881">
        <v>0</v>
      </c>
      <c r="AW1881">
        <v>0</v>
      </c>
      <c r="AX1881">
        <v>24408</v>
      </c>
      <c r="AY1881">
        <v>15</v>
      </c>
      <c r="AZ1881">
        <v>43</v>
      </c>
      <c r="BA1881">
        <v>2781</v>
      </c>
    </row>
    <row r="1882" spans="1:53" x14ac:dyDescent="0.4">
      <c r="A1882">
        <v>1926</v>
      </c>
      <c r="B1882" s="1">
        <v>43427</v>
      </c>
      <c r="C1882">
        <v>1</v>
      </c>
      <c r="D1882" s="1">
        <v>43427.291666666664</v>
      </c>
      <c r="E1882" s="1">
        <v>43427.408333333333</v>
      </c>
      <c r="F1882">
        <v>0</v>
      </c>
      <c r="G1882">
        <v>0</v>
      </c>
      <c r="H1882">
        <v>0</v>
      </c>
      <c r="I1882">
        <v>0</v>
      </c>
      <c r="J1882">
        <v>0</v>
      </c>
      <c r="K1882">
        <v>0</v>
      </c>
      <c r="L1882">
        <v>0</v>
      </c>
      <c r="M1882">
        <v>0</v>
      </c>
      <c r="N1882">
        <v>0</v>
      </c>
      <c r="O1882">
        <v>0</v>
      </c>
      <c r="P1882">
        <v>0</v>
      </c>
      <c r="Q1882">
        <v>0</v>
      </c>
      <c r="R1882">
        <v>0</v>
      </c>
      <c r="S1882">
        <v>0</v>
      </c>
      <c r="T1882">
        <v>0</v>
      </c>
      <c r="U1882">
        <v>0</v>
      </c>
      <c r="V1882">
        <v>0</v>
      </c>
      <c r="W1882">
        <v>0</v>
      </c>
      <c r="X1882">
        <v>0</v>
      </c>
      <c r="Y1882">
        <v>23</v>
      </c>
      <c r="Z1882">
        <v>22</v>
      </c>
      <c r="AA1882">
        <v>121</v>
      </c>
      <c r="AB1882">
        <v>55</v>
      </c>
      <c r="AC1882">
        <v>84</v>
      </c>
      <c r="AD1882">
        <v>27</v>
      </c>
      <c r="AE1882">
        <v>175</v>
      </c>
      <c r="AF1882">
        <v>0</v>
      </c>
      <c r="AG1882">
        <v>50000</v>
      </c>
      <c r="AH1882">
        <v>0</v>
      </c>
      <c r="AI1882">
        <v>50000</v>
      </c>
      <c r="AJ1882">
        <v>0</v>
      </c>
      <c r="AK1882" t="s">
        <v>6</v>
      </c>
      <c r="AL1882">
        <v>0</v>
      </c>
      <c r="AM1882">
        <v>0</v>
      </c>
      <c r="AN1882">
        <v>0</v>
      </c>
      <c r="AO1882">
        <v>0</v>
      </c>
      <c r="AP1882">
        <v>0</v>
      </c>
      <c r="AQ1882">
        <v>0</v>
      </c>
      <c r="AR1882">
        <v>0</v>
      </c>
      <c r="AS1882">
        <v>0</v>
      </c>
      <c r="AT1882">
        <v>0</v>
      </c>
      <c r="AU1882">
        <v>0</v>
      </c>
      <c r="AV1882">
        <v>0</v>
      </c>
      <c r="AW1882">
        <v>0</v>
      </c>
      <c r="AX1882">
        <v>0</v>
      </c>
      <c r="AY1882">
        <v>0</v>
      </c>
      <c r="AZ1882">
        <v>0</v>
      </c>
      <c r="BA1882">
        <v>0</v>
      </c>
    </row>
    <row r="1883" spans="1:53" x14ac:dyDescent="0.4">
      <c r="A1883">
        <v>1927</v>
      </c>
      <c r="B1883" s="1">
        <v>43427</v>
      </c>
      <c r="C1883">
        <v>2</v>
      </c>
      <c r="D1883" s="1">
        <v>43427.408333333333</v>
      </c>
      <c r="E1883" s="1">
        <v>43427.752083333333</v>
      </c>
      <c r="F1883">
        <v>46500</v>
      </c>
      <c r="G1883">
        <v>7600</v>
      </c>
      <c r="H1883">
        <v>400</v>
      </c>
      <c r="I1883">
        <v>0</v>
      </c>
      <c r="J1883">
        <v>0</v>
      </c>
      <c r="K1883">
        <v>0</v>
      </c>
      <c r="L1883">
        <v>0</v>
      </c>
      <c r="M1883">
        <v>4360</v>
      </c>
      <c r="N1883">
        <v>0</v>
      </c>
      <c r="O1883">
        <v>0</v>
      </c>
      <c r="P1883">
        <v>18090</v>
      </c>
      <c r="Q1883">
        <v>0</v>
      </c>
      <c r="R1883">
        <v>76950</v>
      </c>
      <c r="S1883">
        <v>0</v>
      </c>
      <c r="T1883">
        <v>0</v>
      </c>
      <c r="U1883">
        <v>0</v>
      </c>
      <c r="V1883">
        <v>1</v>
      </c>
      <c r="W1883">
        <v>1</v>
      </c>
      <c r="X1883">
        <v>0</v>
      </c>
      <c r="Y1883">
        <v>50</v>
      </c>
      <c r="Z1883">
        <v>51</v>
      </c>
      <c r="AA1883">
        <v>166</v>
      </c>
      <c r="AB1883">
        <v>63</v>
      </c>
      <c r="AC1883">
        <v>183</v>
      </c>
      <c r="AD1883">
        <v>30</v>
      </c>
      <c r="AE1883">
        <v>187</v>
      </c>
      <c r="AF1883">
        <v>14533</v>
      </c>
      <c r="AG1883">
        <v>126950</v>
      </c>
      <c r="AH1883">
        <v>50000</v>
      </c>
      <c r="AI1883">
        <v>0</v>
      </c>
      <c r="AJ1883">
        <v>74</v>
      </c>
      <c r="AL1883">
        <v>0</v>
      </c>
      <c r="AM1883">
        <v>0</v>
      </c>
      <c r="AN1883">
        <v>0</v>
      </c>
      <c r="AO1883">
        <v>0</v>
      </c>
      <c r="AP1883">
        <v>0</v>
      </c>
      <c r="AQ1883">
        <v>0</v>
      </c>
      <c r="AR1883">
        <v>0</v>
      </c>
      <c r="AS1883">
        <v>0</v>
      </c>
      <c r="AT1883">
        <v>0</v>
      </c>
      <c r="AU1883">
        <v>0</v>
      </c>
      <c r="AV1883">
        <v>0</v>
      </c>
      <c r="AW1883">
        <v>0</v>
      </c>
      <c r="AX1883">
        <v>1144</v>
      </c>
      <c r="AY1883">
        <v>45</v>
      </c>
      <c r="AZ1883">
        <v>109</v>
      </c>
      <c r="BA1883">
        <v>7877</v>
      </c>
    </row>
    <row r="1884" spans="1:53" x14ac:dyDescent="0.4">
      <c r="A1884">
        <v>1928</v>
      </c>
      <c r="B1884" s="1">
        <v>43428</v>
      </c>
      <c r="C1884">
        <v>1</v>
      </c>
      <c r="D1884" s="1">
        <v>43428.291666666664</v>
      </c>
      <c r="E1884" s="1">
        <v>43428.406944444447</v>
      </c>
      <c r="F1884">
        <v>0</v>
      </c>
      <c r="G1884">
        <v>0</v>
      </c>
      <c r="H1884">
        <v>0</v>
      </c>
      <c r="I1884">
        <v>0</v>
      </c>
      <c r="J1884">
        <v>0</v>
      </c>
      <c r="K1884">
        <v>0</v>
      </c>
      <c r="L1884">
        <v>0</v>
      </c>
      <c r="M1884">
        <v>0</v>
      </c>
      <c r="N1884">
        <v>0</v>
      </c>
      <c r="O1884">
        <v>0</v>
      </c>
      <c r="P1884">
        <v>0</v>
      </c>
      <c r="Q1884">
        <v>0</v>
      </c>
      <c r="R1884">
        <v>0</v>
      </c>
      <c r="S1884">
        <v>0</v>
      </c>
      <c r="T1884">
        <v>0</v>
      </c>
      <c r="U1884">
        <v>0</v>
      </c>
      <c r="V1884">
        <v>0</v>
      </c>
      <c r="W1884">
        <v>0</v>
      </c>
      <c r="X1884">
        <v>0</v>
      </c>
      <c r="Y1884">
        <v>21</v>
      </c>
      <c r="Z1884">
        <v>17</v>
      </c>
      <c r="AA1884">
        <v>155</v>
      </c>
      <c r="AB1884">
        <v>58</v>
      </c>
      <c r="AC1884">
        <v>178</v>
      </c>
      <c r="AD1884">
        <v>33</v>
      </c>
      <c r="AE1884">
        <v>155</v>
      </c>
      <c r="AF1884">
        <v>0</v>
      </c>
      <c r="AG1884">
        <v>50000</v>
      </c>
      <c r="AH1884">
        <v>50000</v>
      </c>
      <c r="AI1884">
        <v>0</v>
      </c>
      <c r="AJ1884">
        <v>0</v>
      </c>
      <c r="AK1884" t="s">
        <v>6</v>
      </c>
      <c r="AL1884">
        <v>0</v>
      </c>
      <c r="AM1884">
        <v>0</v>
      </c>
      <c r="AN1884">
        <v>0</v>
      </c>
      <c r="AO1884">
        <v>0</v>
      </c>
      <c r="AP1884">
        <v>0</v>
      </c>
      <c r="AQ1884">
        <v>0</v>
      </c>
      <c r="AR1884">
        <v>0</v>
      </c>
      <c r="AS1884">
        <v>0</v>
      </c>
      <c r="AT1884">
        <v>0</v>
      </c>
      <c r="AU1884">
        <v>0</v>
      </c>
      <c r="AV1884">
        <v>0</v>
      </c>
      <c r="AW1884">
        <v>0</v>
      </c>
      <c r="AX1884">
        <v>0</v>
      </c>
      <c r="AY1884">
        <v>0</v>
      </c>
      <c r="AZ1884">
        <v>0</v>
      </c>
      <c r="BA1884">
        <v>0</v>
      </c>
    </row>
    <row r="1885" spans="1:53" x14ac:dyDescent="0.4">
      <c r="A1885">
        <v>1929</v>
      </c>
      <c r="B1885" s="1">
        <v>43428</v>
      </c>
      <c r="C1885">
        <v>2</v>
      </c>
      <c r="D1885" s="1">
        <v>43428.406944444447</v>
      </c>
      <c r="E1885" s="1">
        <v>43428.727777777778</v>
      </c>
      <c r="F1885">
        <v>32000</v>
      </c>
      <c r="G1885">
        <v>2460</v>
      </c>
      <c r="H1885">
        <v>400</v>
      </c>
      <c r="I1885">
        <v>0</v>
      </c>
      <c r="J1885">
        <v>0</v>
      </c>
      <c r="K1885">
        <v>0</v>
      </c>
      <c r="L1885">
        <v>0</v>
      </c>
      <c r="M1885">
        <v>2788</v>
      </c>
      <c r="N1885">
        <v>0</v>
      </c>
      <c r="O1885">
        <v>0</v>
      </c>
      <c r="P1885">
        <v>18360</v>
      </c>
      <c r="Q1885">
        <v>0</v>
      </c>
      <c r="R1885">
        <v>56008</v>
      </c>
      <c r="S1885">
        <v>0</v>
      </c>
      <c r="T1885">
        <v>0</v>
      </c>
      <c r="U1885">
        <v>0</v>
      </c>
      <c r="V1885">
        <v>5</v>
      </c>
      <c r="W1885">
        <v>0</v>
      </c>
      <c r="X1885">
        <v>0</v>
      </c>
      <c r="Y1885">
        <v>19</v>
      </c>
      <c r="Z1885">
        <v>31</v>
      </c>
      <c r="AA1885">
        <v>147</v>
      </c>
      <c r="AB1885">
        <v>64</v>
      </c>
      <c r="AC1885">
        <v>217</v>
      </c>
      <c r="AD1885">
        <v>40</v>
      </c>
      <c r="AE1885">
        <v>158</v>
      </c>
      <c r="AF1885">
        <v>1080</v>
      </c>
      <c r="AG1885">
        <v>106008</v>
      </c>
      <c r="AH1885">
        <v>50000</v>
      </c>
      <c r="AI1885">
        <v>0</v>
      </c>
      <c r="AJ1885">
        <v>92</v>
      </c>
      <c r="AK1885" t="s">
        <v>22</v>
      </c>
      <c r="AL1885">
        <v>0</v>
      </c>
      <c r="AM1885">
        <v>0</v>
      </c>
      <c r="AN1885">
        <v>0</v>
      </c>
      <c r="AO1885">
        <v>0</v>
      </c>
      <c r="AP1885">
        <v>0</v>
      </c>
      <c r="AQ1885">
        <v>0</v>
      </c>
      <c r="AR1885">
        <v>0</v>
      </c>
      <c r="AS1885">
        <v>0</v>
      </c>
      <c r="AT1885">
        <v>0</v>
      </c>
      <c r="AU1885">
        <v>0</v>
      </c>
      <c r="AV1885">
        <v>0</v>
      </c>
      <c r="AW1885">
        <v>0</v>
      </c>
      <c r="AX1885">
        <v>-670</v>
      </c>
      <c r="AY1885">
        <v>48</v>
      </c>
      <c r="AZ1885">
        <v>102</v>
      </c>
      <c r="BA1885">
        <v>6736</v>
      </c>
    </row>
    <row r="1886" spans="1:53" x14ac:dyDescent="0.4">
      <c r="A1886">
        <v>1930</v>
      </c>
      <c r="B1886" s="1">
        <v>43429</v>
      </c>
      <c r="C1886">
        <v>1</v>
      </c>
      <c r="D1886" s="1">
        <v>43429.291666666664</v>
      </c>
      <c r="E1886" s="1">
        <v>43429.40347222222</v>
      </c>
      <c r="F1886">
        <v>0</v>
      </c>
      <c r="G1886">
        <v>0</v>
      </c>
      <c r="H1886">
        <v>0</v>
      </c>
      <c r="I1886">
        <v>0</v>
      </c>
      <c r="J1886">
        <v>0</v>
      </c>
      <c r="K1886">
        <v>0</v>
      </c>
      <c r="L1886">
        <v>0</v>
      </c>
      <c r="M1886">
        <v>0</v>
      </c>
      <c r="N1886">
        <v>0</v>
      </c>
      <c r="O1886">
        <v>0</v>
      </c>
      <c r="P1886">
        <v>0</v>
      </c>
      <c r="Q1886">
        <v>0</v>
      </c>
      <c r="R1886">
        <v>0</v>
      </c>
      <c r="S1886">
        <v>0</v>
      </c>
      <c r="T1886">
        <v>0</v>
      </c>
      <c r="U1886">
        <v>0</v>
      </c>
      <c r="V1886">
        <v>0</v>
      </c>
      <c r="W1886">
        <v>0</v>
      </c>
      <c r="X1886">
        <v>0</v>
      </c>
      <c r="Y1886">
        <v>23</v>
      </c>
      <c r="Z1886">
        <v>16</v>
      </c>
      <c r="AA1886">
        <v>142</v>
      </c>
      <c r="AB1886">
        <v>62</v>
      </c>
      <c r="AC1886">
        <v>140</v>
      </c>
      <c r="AD1886">
        <v>33</v>
      </c>
      <c r="AE1886">
        <v>135</v>
      </c>
      <c r="AF1886">
        <v>0</v>
      </c>
      <c r="AG1886">
        <v>50000</v>
      </c>
      <c r="AH1886">
        <v>50000</v>
      </c>
      <c r="AI1886">
        <v>0</v>
      </c>
      <c r="AJ1886">
        <v>0</v>
      </c>
      <c r="AK1886" t="s">
        <v>6</v>
      </c>
      <c r="AL1886">
        <v>0</v>
      </c>
      <c r="AM1886">
        <v>0</v>
      </c>
      <c r="AN1886">
        <v>0</v>
      </c>
      <c r="AO1886">
        <v>0</v>
      </c>
      <c r="AP1886">
        <v>0</v>
      </c>
      <c r="AQ1886">
        <v>0</v>
      </c>
      <c r="AR1886">
        <v>0</v>
      </c>
      <c r="AS1886">
        <v>0</v>
      </c>
      <c r="AT1886">
        <v>0</v>
      </c>
      <c r="AU1886">
        <v>0</v>
      </c>
      <c r="AV1886">
        <v>0</v>
      </c>
      <c r="AW1886">
        <v>0</v>
      </c>
      <c r="AX1886">
        <v>0</v>
      </c>
      <c r="AY1886">
        <v>0</v>
      </c>
      <c r="AZ1886">
        <v>0</v>
      </c>
      <c r="BA1886">
        <v>0</v>
      </c>
    </row>
    <row r="1887" spans="1:53" x14ac:dyDescent="0.4">
      <c r="A1887">
        <v>1931</v>
      </c>
      <c r="B1887" s="1">
        <v>43429</v>
      </c>
      <c r="C1887">
        <v>2</v>
      </c>
      <c r="D1887" s="1">
        <v>43429.40347222222</v>
      </c>
      <c r="E1887" s="1">
        <v>43429.73333333333</v>
      </c>
      <c r="F1887">
        <v>41500</v>
      </c>
      <c r="G1887">
        <v>3900</v>
      </c>
      <c r="H1887">
        <v>0</v>
      </c>
      <c r="I1887">
        <v>0</v>
      </c>
      <c r="J1887">
        <v>0</v>
      </c>
      <c r="K1887">
        <v>0</v>
      </c>
      <c r="L1887">
        <v>0</v>
      </c>
      <c r="M1887">
        <v>3631</v>
      </c>
      <c r="N1887">
        <v>0</v>
      </c>
      <c r="O1887">
        <v>0</v>
      </c>
      <c r="P1887">
        <v>16740</v>
      </c>
      <c r="Q1887">
        <v>0</v>
      </c>
      <c r="R1887">
        <v>65771</v>
      </c>
      <c r="S1887">
        <v>0</v>
      </c>
      <c r="T1887">
        <v>0</v>
      </c>
      <c r="U1887">
        <v>0</v>
      </c>
      <c r="V1887">
        <v>2</v>
      </c>
      <c r="W1887">
        <v>1</v>
      </c>
      <c r="X1887">
        <v>0</v>
      </c>
      <c r="Y1887">
        <v>54</v>
      </c>
      <c r="Z1887">
        <v>30</v>
      </c>
      <c r="AA1887">
        <v>156</v>
      </c>
      <c r="AB1887">
        <v>81</v>
      </c>
      <c r="AC1887">
        <v>182</v>
      </c>
      <c r="AD1887">
        <v>32</v>
      </c>
      <c r="AE1887">
        <v>141</v>
      </c>
      <c r="AF1887">
        <v>0</v>
      </c>
      <c r="AG1887">
        <v>115771</v>
      </c>
      <c r="AH1887">
        <v>50000</v>
      </c>
      <c r="AI1887">
        <v>0</v>
      </c>
      <c r="AJ1887">
        <v>30</v>
      </c>
      <c r="AL1887">
        <v>0</v>
      </c>
      <c r="AM1887">
        <v>0</v>
      </c>
      <c r="AN1887">
        <v>0</v>
      </c>
      <c r="AO1887">
        <v>0</v>
      </c>
      <c r="AP1887">
        <v>0</v>
      </c>
      <c r="AQ1887">
        <v>0</v>
      </c>
      <c r="AR1887">
        <v>0</v>
      </c>
      <c r="AS1887">
        <v>0</v>
      </c>
      <c r="AT1887">
        <v>0</v>
      </c>
      <c r="AU1887">
        <v>0</v>
      </c>
      <c r="AV1887">
        <v>0</v>
      </c>
      <c r="AW1887">
        <v>0</v>
      </c>
      <c r="AX1887">
        <v>0</v>
      </c>
      <c r="AY1887">
        <v>47</v>
      </c>
      <c r="AZ1887">
        <v>109</v>
      </c>
      <c r="BA1887">
        <v>7445</v>
      </c>
    </row>
    <row r="1888" spans="1:53" x14ac:dyDescent="0.4">
      <c r="A1888">
        <v>1932</v>
      </c>
      <c r="B1888" s="1">
        <v>43430</v>
      </c>
      <c r="C1888">
        <v>1</v>
      </c>
      <c r="D1888" s="1">
        <v>43430.291666666664</v>
      </c>
      <c r="E1888" s="1">
        <v>43430.457638888889</v>
      </c>
      <c r="F1888">
        <v>0</v>
      </c>
      <c r="G1888">
        <v>0</v>
      </c>
      <c r="H1888">
        <v>0</v>
      </c>
      <c r="I1888">
        <v>0</v>
      </c>
      <c r="J1888">
        <v>0</v>
      </c>
      <c r="K1888">
        <v>0</v>
      </c>
      <c r="L1888">
        <v>0</v>
      </c>
      <c r="M1888">
        <v>0</v>
      </c>
      <c r="N1888">
        <v>0</v>
      </c>
      <c r="O1888">
        <v>0</v>
      </c>
      <c r="P1888">
        <v>0</v>
      </c>
      <c r="Q1888">
        <v>0</v>
      </c>
      <c r="R1888">
        <v>0</v>
      </c>
      <c r="S1888">
        <v>0</v>
      </c>
      <c r="T1888">
        <v>0</v>
      </c>
      <c r="U1888">
        <v>0</v>
      </c>
      <c r="V1888">
        <v>0</v>
      </c>
      <c r="W1888">
        <v>0</v>
      </c>
      <c r="X1888">
        <v>0</v>
      </c>
      <c r="Y1888">
        <v>25</v>
      </c>
      <c r="Z1888">
        <v>11</v>
      </c>
      <c r="AA1888">
        <v>137</v>
      </c>
      <c r="AB1888">
        <v>86</v>
      </c>
      <c r="AC1888">
        <v>123</v>
      </c>
      <c r="AD1888">
        <v>28</v>
      </c>
      <c r="AE1888">
        <v>130</v>
      </c>
      <c r="AF1888">
        <v>0</v>
      </c>
      <c r="AG1888">
        <v>50000</v>
      </c>
      <c r="AH1888">
        <v>0</v>
      </c>
      <c r="AI1888">
        <v>50000</v>
      </c>
      <c r="AJ1888">
        <v>0</v>
      </c>
      <c r="AK1888" t="s">
        <v>6</v>
      </c>
      <c r="AL1888">
        <v>0</v>
      </c>
      <c r="AM1888">
        <v>0</v>
      </c>
      <c r="AN1888">
        <v>0</v>
      </c>
      <c r="AO1888">
        <v>0</v>
      </c>
      <c r="AP1888">
        <v>0</v>
      </c>
      <c r="AQ1888">
        <v>0</v>
      </c>
      <c r="AR1888">
        <v>0</v>
      </c>
      <c r="AS1888">
        <v>0</v>
      </c>
      <c r="AT1888">
        <v>0</v>
      </c>
      <c r="AU1888">
        <v>0</v>
      </c>
      <c r="AV1888">
        <v>0</v>
      </c>
      <c r="AW1888">
        <v>0</v>
      </c>
      <c r="AX1888">
        <v>0</v>
      </c>
      <c r="AY1888">
        <v>0</v>
      </c>
      <c r="AZ1888">
        <v>0</v>
      </c>
      <c r="BA1888">
        <v>0</v>
      </c>
    </row>
    <row r="1889" spans="1:53" x14ac:dyDescent="0.4">
      <c r="A1889">
        <v>1933</v>
      </c>
      <c r="B1889" s="1">
        <v>43430</v>
      </c>
      <c r="C1889">
        <v>2</v>
      </c>
      <c r="D1889" s="1">
        <v>43430.457638888889</v>
      </c>
      <c r="E1889" s="1">
        <v>43430.742361111108</v>
      </c>
      <c r="F1889">
        <v>12500</v>
      </c>
      <c r="G1889">
        <v>0</v>
      </c>
      <c r="H1889">
        <v>200</v>
      </c>
      <c r="I1889">
        <v>0</v>
      </c>
      <c r="J1889">
        <v>0</v>
      </c>
      <c r="K1889">
        <v>0</v>
      </c>
      <c r="L1889">
        <v>0</v>
      </c>
      <c r="M1889">
        <v>1016</v>
      </c>
      <c r="N1889">
        <v>0</v>
      </c>
      <c r="O1889">
        <v>0</v>
      </c>
      <c r="P1889">
        <v>14040</v>
      </c>
      <c r="Q1889">
        <v>0</v>
      </c>
      <c r="R1889">
        <v>27756</v>
      </c>
      <c r="S1889">
        <v>0</v>
      </c>
      <c r="T1889">
        <v>0</v>
      </c>
      <c r="U1889">
        <v>0</v>
      </c>
      <c r="V1889">
        <v>1</v>
      </c>
      <c r="W1889">
        <v>1</v>
      </c>
      <c r="X1889">
        <v>0</v>
      </c>
      <c r="Y1889">
        <v>35</v>
      </c>
      <c r="Z1889">
        <v>11</v>
      </c>
      <c r="AA1889">
        <v>132</v>
      </c>
      <c r="AB1889">
        <v>94</v>
      </c>
      <c r="AC1889">
        <v>143</v>
      </c>
      <c r="AD1889">
        <v>27</v>
      </c>
      <c r="AE1889">
        <v>130</v>
      </c>
      <c r="AF1889">
        <v>2661</v>
      </c>
      <c r="AG1889">
        <v>77756</v>
      </c>
      <c r="AH1889">
        <v>50000</v>
      </c>
      <c r="AI1889">
        <v>0</v>
      </c>
      <c r="AJ1889">
        <v>96</v>
      </c>
      <c r="AK1889" t="s">
        <v>4</v>
      </c>
      <c r="AL1889">
        <v>0</v>
      </c>
      <c r="AM1889">
        <v>0</v>
      </c>
      <c r="AN1889">
        <v>0</v>
      </c>
      <c r="AO1889">
        <v>0</v>
      </c>
      <c r="AP1889">
        <v>0</v>
      </c>
      <c r="AQ1889">
        <v>0</v>
      </c>
      <c r="AR1889">
        <v>0</v>
      </c>
      <c r="AS1889">
        <v>0</v>
      </c>
      <c r="AT1889">
        <v>0</v>
      </c>
      <c r="AU1889">
        <v>0</v>
      </c>
      <c r="AV1889">
        <v>0</v>
      </c>
      <c r="AW1889">
        <v>0</v>
      </c>
      <c r="AX1889">
        <v>-2506</v>
      </c>
      <c r="AY1889">
        <v>28</v>
      </c>
      <c r="AZ1889">
        <v>49</v>
      </c>
      <c r="BA1889">
        <v>3592</v>
      </c>
    </row>
    <row r="1890" spans="1:53" x14ac:dyDescent="0.4">
      <c r="A1890">
        <v>1934</v>
      </c>
      <c r="B1890" s="1">
        <v>43430</v>
      </c>
      <c r="C1890">
        <v>3</v>
      </c>
      <c r="D1890" s="1">
        <v>43430.742361111108</v>
      </c>
      <c r="E1890" s="1">
        <v>43430.962500000001</v>
      </c>
      <c r="F1890">
        <v>38770</v>
      </c>
      <c r="G1890">
        <v>3120</v>
      </c>
      <c r="H1890">
        <v>200</v>
      </c>
      <c r="I1890">
        <v>0</v>
      </c>
      <c r="J1890">
        <v>0</v>
      </c>
      <c r="K1890">
        <v>0</v>
      </c>
      <c r="L1890">
        <v>0</v>
      </c>
      <c r="M1890">
        <v>3366</v>
      </c>
      <c r="N1890">
        <v>0</v>
      </c>
      <c r="O1890">
        <v>0</v>
      </c>
      <c r="P1890">
        <v>10627</v>
      </c>
      <c r="Q1890">
        <v>0</v>
      </c>
      <c r="R1890">
        <v>56083</v>
      </c>
      <c r="S1890">
        <v>0</v>
      </c>
      <c r="T1890">
        <v>0</v>
      </c>
      <c r="U1890">
        <v>0</v>
      </c>
      <c r="V1890">
        <v>4</v>
      </c>
      <c r="W1890">
        <v>4</v>
      </c>
      <c r="X1890">
        <v>0</v>
      </c>
      <c r="Y1890">
        <v>41</v>
      </c>
      <c r="Z1890">
        <v>10</v>
      </c>
      <c r="AA1890">
        <v>147</v>
      </c>
      <c r="AB1890">
        <v>97</v>
      </c>
      <c r="AC1890">
        <v>152</v>
      </c>
      <c r="AD1890">
        <v>32</v>
      </c>
      <c r="AE1890">
        <v>146</v>
      </c>
      <c r="AF1890">
        <v>6463</v>
      </c>
      <c r="AG1890">
        <v>133839</v>
      </c>
      <c r="AH1890">
        <v>50000</v>
      </c>
      <c r="AI1890">
        <v>0</v>
      </c>
      <c r="AJ1890">
        <v>102</v>
      </c>
      <c r="AK1890" t="s">
        <v>8</v>
      </c>
      <c r="AL1890">
        <v>0</v>
      </c>
      <c r="AM1890">
        <v>0</v>
      </c>
      <c r="AN1890">
        <v>0</v>
      </c>
      <c r="AO1890">
        <v>0</v>
      </c>
      <c r="AP1890">
        <v>0</v>
      </c>
      <c r="AQ1890">
        <v>0</v>
      </c>
      <c r="AR1890">
        <v>0</v>
      </c>
      <c r="AS1890">
        <v>0</v>
      </c>
      <c r="AT1890">
        <v>0</v>
      </c>
      <c r="AU1890">
        <v>0</v>
      </c>
      <c r="AV1890">
        <v>0</v>
      </c>
      <c r="AW1890">
        <v>0</v>
      </c>
      <c r="AX1890">
        <v>7597</v>
      </c>
      <c r="AY1890">
        <v>15</v>
      </c>
      <c r="AZ1890">
        <v>37</v>
      </c>
      <c r="BA1890">
        <v>2540</v>
      </c>
    </row>
    <row r="1891" spans="1:53" x14ac:dyDescent="0.4">
      <c r="A1891">
        <v>1935</v>
      </c>
      <c r="B1891" s="1">
        <v>43431</v>
      </c>
      <c r="C1891">
        <v>1</v>
      </c>
      <c r="D1891" s="1">
        <v>43431.291666666664</v>
      </c>
      <c r="E1891" s="1">
        <v>43431.45416666667</v>
      </c>
      <c r="F1891">
        <v>0</v>
      </c>
      <c r="G1891">
        <v>0</v>
      </c>
      <c r="H1891">
        <v>0</v>
      </c>
      <c r="I1891">
        <v>0</v>
      </c>
      <c r="J1891">
        <v>0</v>
      </c>
      <c r="K1891">
        <v>0</v>
      </c>
      <c r="L1891">
        <v>0</v>
      </c>
      <c r="M1891">
        <v>0</v>
      </c>
      <c r="N1891">
        <v>0</v>
      </c>
      <c r="O1891">
        <v>0</v>
      </c>
      <c r="P1891">
        <v>0</v>
      </c>
      <c r="Q1891">
        <v>0</v>
      </c>
      <c r="R1891">
        <v>0</v>
      </c>
      <c r="S1891">
        <v>0</v>
      </c>
      <c r="T1891">
        <v>0</v>
      </c>
      <c r="U1891">
        <v>0</v>
      </c>
      <c r="V1891">
        <v>0</v>
      </c>
      <c r="W1891">
        <v>0</v>
      </c>
      <c r="X1891">
        <v>0</v>
      </c>
      <c r="Y1891">
        <v>25</v>
      </c>
      <c r="Z1891">
        <v>8</v>
      </c>
      <c r="AA1891">
        <v>146</v>
      </c>
      <c r="AB1891">
        <v>95</v>
      </c>
      <c r="AC1891">
        <v>137</v>
      </c>
      <c r="AD1891">
        <v>30</v>
      </c>
      <c r="AE1891">
        <v>130</v>
      </c>
      <c r="AF1891">
        <v>0</v>
      </c>
      <c r="AG1891">
        <v>50000</v>
      </c>
      <c r="AH1891">
        <v>0</v>
      </c>
      <c r="AI1891">
        <v>50000</v>
      </c>
      <c r="AJ1891">
        <v>0</v>
      </c>
      <c r="AK1891" t="s">
        <v>6</v>
      </c>
      <c r="AL1891">
        <v>0</v>
      </c>
      <c r="AM1891">
        <v>0</v>
      </c>
      <c r="AN1891">
        <v>0</v>
      </c>
      <c r="AO1891">
        <v>0</v>
      </c>
      <c r="AP1891">
        <v>0</v>
      </c>
      <c r="AQ1891">
        <v>0</v>
      </c>
      <c r="AR1891">
        <v>0</v>
      </c>
      <c r="AS1891">
        <v>0</v>
      </c>
      <c r="AT1891">
        <v>0</v>
      </c>
      <c r="AU1891">
        <v>0</v>
      </c>
      <c r="AV1891">
        <v>0</v>
      </c>
      <c r="AW1891">
        <v>0</v>
      </c>
      <c r="AX1891">
        <v>0</v>
      </c>
      <c r="AY1891">
        <v>0</v>
      </c>
      <c r="AZ1891">
        <v>0</v>
      </c>
      <c r="BA1891">
        <v>0</v>
      </c>
    </row>
    <row r="1892" spans="1:53" x14ac:dyDescent="0.4">
      <c r="A1892">
        <v>1936</v>
      </c>
      <c r="B1892" s="1">
        <v>43431</v>
      </c>
      <c r="C1892">
        <v>2</v>
      </c>
      <c r="D1892" s="1">
        <v>43431.45416666667</v>
      </c>
      <c r="E1892" s="1">
        <v>43431.758333333331</v>
      </c>
      <c r="F1892">
        <v>19500</v>
      </c>
      <c r="G1892">
        <v>840</v>
      </c>
      <c r="H1892">
        <v>0</v>
      </c>
      <c r="I1892">
        <v>0</v>
      </c>
      <c r="J1892">
        <v>0</v>
      </c>
      <c r="K1892">
        <v>0</v>
      </c>
      <c r="L1892">
        <v>0</v>
      </c>
      <c r="M1892">
        <v>1627</v>
      </c>
      <c r="N1892">
        <v>0</v>
      </c>
      <c r="O1892">
        <v>0</v>
      </c>
      <c r="P1892">
        <v>12960</v>
      </c>
      <c r="Q1892">
        <v>0</v>
      </c>
      <c r="R1892">
        <v>34927</v>
      </c>
      <c r="S1892">
        <v>0</v>
      </c>
      <c r="T1892">
        <v>0</v>
      </c>
      <c r="U1892">
        <v>0</v>
      </c>
      <c r="V1892">
        <v>2</v>
      </c>
      <c r="W1892">
        <v>1</v>
      </c>
      <c r="X1892">
        <v>0</v>
      </c>
      <c r="Y1892">
        <v>31</v>
      </c>
      <c r="Z1892">
        <v>13</v>
      </c>
      <c r="AA1892">
        <v>155</v>
      </c>
      <c r="AB1892">
        <v>92</v>
      </c>
      <c r="AC1892">
        <v>203</v>
      </c>
      <c r="AD1892">
        <v>33</v>
      </c>
      <c r="AE1892">
        <v>132</v>
      </c>
      <c r="AF1892">
        <v>0</v>
      </c>
      <c r="AG1892">
        <v>84927</v>
      </c>
      <c r="AH1892">
        <v>50000</v>
      </c>
      <c r="AI1892">
        <v>0</v>
      </c>
      <c r="AJ1892">
        <v>70</v>
      </c>
      <c r="AK1892" t="s">
        <v>25</v>
      </c>
      <c r="AL1892">
        <v>0</v>
      </c>
      <c r="AM1892">
        <v>0</v>
      </c>
      <c r="AN1892">
        <v>0</v>
      </c>
      <c r="AO1892">
        <v>0</v>
      </c>
      <c r="AP1892">
        <v>0</v>
      </c>
      <c r="AQ1892">
        <v>0</v>
      </c>
      <c r="AR1892">
        <v>0</v>
      </c>
      <c r="AS1892">
        <v>0</v>
      </c>
      <c r="AT1892">
        <v>0</v>
      </c>
      <c r="AU1892">
        <v>0</v>
      </c>
      <c r="AV1892">
        <v>0</v>
      </c>
      <c r="AW1892">
        <v>0</v>
      </c>
      <c r="AX1892">
        <v>1253</v>
      </c>
      <c r="AY1892">
        <v>35</v>
      </c>
      <c r="AZ1892">
        <v>63</v>
      </c>
      <c r="BA1892">
        <v>4483</v>
      </c>
    </row>
    <row r="1893" spans="1:53" x14ac:dyDescent="0.4">
      <c r="A1893">
        <v>1937</v>
      </c>
      <c r="B1893" s="1">
        <v>43431</v>
      </c>
      <c r="C1893">
        <v>3</v>
      </c>
      <c r="D1893" s="1">
        <v>43431.758333333331</v>
      </c>
      <c r="E1893" s="1">
        <v>43431.952777777777</v>
      </c>
      <c r="F1893">
        <v>51160</v>
      </c>
      <c r="G1893">
        <v>5070</v>
      </c>
      <c r="H1893">
        <v>0</v>
      </c>
      <c r="I1893">
        <v>0</v>
      </c>
      <c r="J1893">
        <v>0</v>
      </c>
      <c r="K1893">
        <v>0</v>
      </c>
      <c r="L1893">
        <v>0</v>
      </c>
      <c r="M1893">
        <v>4499</v>
      </c>
      <c r="N1893">
        <v>0</v>
      </c>
      <c r="O1893">
        <v>0</v>
      </c>
      <c r="P1893">
        <v>-7344</v>
      </c>
      <c r="Q1893">
        <v>0</v>
      </c>
      <c r="R1893">
        <v>53385</v>
      </c>
      <c r="S1893">
        <v>0</v>
      </c>
      <c r="T1893">
        <v>0</v>
      </c>
      <c r="U1893">
        <v>0</v>
      </c>
      <c r="V1893">
        <v>4</v>
      </c>
      <c r="W1893">
        <v>4</v>
      </c>
      <c r="X1893">
        <v>0</v>
      </c>
      <c r="Y1893">
        <v>42</v>
      </c>
      <c r="Z1893">
        <v>13</v>
      </c>
      <c r="AA1893">
        <v>158</v>
      </c>
      <c r="AB1893">
        <v>93</v>
      </c>
      <c r="AC1893">
        <v>194</v>
      </c>
      <c r="AD1893">
        <v>33</v>
      </c>
      <c r="AE1893">
        <v>129</v>
      </c>
      <c r="AF1893">
        <v>7128</v>
      </c>
      <c r="AG1893">
        <v>138312</v>
      </c>
      <c r="AH1893">
        <v>50000</v>
      </c>
      <c r="AI1893">
        <v>0</v>
      </c>
      <c r="AJ1893">
        <v>29</v>
      </c>
      <c r="AK1893" t="s">
        <v>28</v>
      </c>
      <c r="AL1893">
        <v>0</v>
      </c>
      <c r="AM1893">
        <v>0</v>
      </c>
      <c r="AN1893">
        <v>0</v>
      </c>
      <c r="AO1893">
        <v>0</v>
      </c>
      <c r="AP1893">
        <v>0</v>
      </c>
      <c r="AQ1893">
        <v>0</v>
      </c>
      <c r="AR1893">
        <v>0</v>
      </c>
      <c r="AS1893">
        <v>0</v>
      </c>
      <c r="AT1893">
        <v>0</v>
      </c>
      <c r="AU1893">
        <v>0</v>
      </c>
      <c r="AV1893">
        <v>0</v>
      </c>
      <c r="AW1893">
        <v>0</v>
      </c>
      <c r="AX1893">
        <v>24449</v>
      </c>
      <c r="AY1893">
        <v>14</v>
      </c>
      <c r="AZ1893">
        <v>53</v>
      </c>
      <c r="BA1893">
        <v>2475</v>
      </c>
    </row>
    <row r="1894" spans="1:53" x14ac:dyDescent="0.4">
      <c r="A1894">
        <v>1938</v>
      </c>
      <c r="B1894" s="1">
        <v>43432</v>
      </c>
      <c r="C1894">
        <v>1</v>
      </c>
      <c r="D1894" s="1">
        <v>43432.291666666664</v>
      </c>
      <c r="E1894" s="1">
        <v>43432.45416666667</v>
      </c>
      <c r="F1894">
        <v>0</v>
      </c>
      <c r="G1894">
        <v>0</v>
      </c>
      <c r="H1894">
        <v>0</v>
      </c>
      <c r="I1894">
        <v>0</v>
      </c>
      <c r="J1894">
        <v>0</v>
      </c>
      <c r="K1894">
        <v>0</v>
      </c>
      <c r="L1894">
        <v>0</v>
      </c>
      <c r="M1894">
        <v>0</v>
      </c>
      <c r="N1894">
        <v>0</v>
      </c>
      <c r="O1894">
        <v>0</v>
      </c>
      <c r="P1894">
        <v>0</v>
      </c>
      <c r="Q1894">
        <v>0</v>
      </c>
      <c r="R1894">
        <v>0</v>
      </c>
      <c r="S1894">
        <v>0</v>
      </c>
      <c r="T1894">
        <v>0</v>
      </c>
      <c r="U1894">
        <v>0</v>
      </c>
      <c r="V1894">
        <v>0</v>
      </c>
      <c r="W1894">
        <v>0</v>
      </c>
      <c r="X1894">
        <v>0</v>
      </c>
      <c r="Y1894">
        <v>25</v>
      </c>
      <c r="Z1894">
        <v>7</v>
      </c>
      <c r="AA1894">
        <v>151</v>
      </c>
      <c r="AB1894">
        <v>93</v>
      </c>
      <c r="AC1894">
        <v>147</v>
      </c>
      <c r="AD1894">
        <v>31</v>
      </c>
      <c r="AE1894">
        <v>125</v>
      </c>
      <c r="AF1894">
        <v>0</v>
      </c>
      <c r="AG1894">
        <v>50000</v>
      </c>
      <c r="AH1894">
        <v>0</v>
      </c>
      <c r="AI1894">
        <v>50000</v>
      </c>
      <c r="AJ1894">
        <v>0</v>
      </c>
      <c r="AK1894" t="s">
        <v>6</v>
      </c>
      <c r="AL1894">
        <v>0</v>
      </c>
      <c r="AM1894">
        <v>0</v>
      </c>
      <c r="AN1894">
        <v>0</v>
      </c>
      <c r="AO1894">
        <v>0</v>
      </c>
      <c r="AP1894">
        <v>0</v>
      </c>
      <c r="AQ1894">
        <v>0</v>
      </c>
      <c r="AR1894">
        <v>0</v>
      </c>
      <c r="AS1894">
        <v>0</v>
      </c>
      <c r="AT1894">
        <v>0</v>
      </c>
      <c r="AU1894">
        <v>0</v>
      </c>
      <c r="AV1894">
        <v>0</v>
      </c>
      <c r="AW1894">
        <v>0</v>
      </c>
      <c r="AX1894">
        <v>0</v>
      </c>
      <c r="AY1894">
        <v>0</v>
      </c>
      <c r="AZ1894">
        <v>0</v>
      </c>
      <c r="BA1894">
        <v>0</v>
      </c>
    </row>
    <row r="1895" spans="1:53" x14ac:dyDescent="0.4">
      <c r="A1895">
        <v>1939</v>
      </c>
      <c r="B1895" s="1">
        <v>43432</v>
      </c>
      <c r="C1895">
        <v>2</v>
      </c>
      <c r="D1895" s="1">
        <v>43432.45416666667</v>
      </c>
      <c r="E1895" s="1">
        <v>43432.744444444441</v>
      </c>
      <c r="F1895">
        <v>26250</v>
      </c>
      <c r="G1895">
        <v>2690</v>
      </c>
      <c r="H1895">
        <v>0</v>
      </c>
      <c r="I1895">
        <v>0</v>
      </c>
      <c r="J1895">
        <v>0</v>
      </c>
      <c r="K1895">
        <v>0</v>
      </c>
      <c r="L1895">
        <v>0</v>
      </c>
      <c r="M1895">
        <v>2314</v>
      </c>
      <c r="N1895">
        <v>0</v>
      </c>
      <c r="O1895">
        <v>0</v>
      </c>
      <c r="P1895">
        <v>22140</v>
      </c>
      <c r="Q1895">
        <v>0</v>
      </c>
      <c r="R1895">
        <v>53394</v>
      </c>
      <c r="S1895">
        <v>0</v>
      </c>
      <c r="T1895">
        <v>0</v>
      </c>
      <c r="U1895">
        <v>0</v>
      </c>
      <c r="V1895">
        <v>0</v>
      </c>
      <c r="W1895">
        <v>1</v>
      </c>
      <c r="X1895">
        <v>0</v>
      </c>
      <c r="Y1895">
        <v>64</v>
      </c>
      <c r="Z1895">
        <v>15</v>
      </c>
      <c r="AA1895">
        <v>193</v>
      </c>
      <c r="AB1895">
        <v>102</v>
      </c>
      <c r="AC1895">
        <v>216</v>
      </c>
      <c r="AD1895">
        <v>40</v>
      </c>
      <c r="AE1895">
        <v>134</v>
      </c>
      <c r="AF1895">
        <v>0</v>
      </c>
      <c r="AG1895">
        <v>103394</v>
      </c>
      <c r="AH1895">
        <v>50000</v>
      </c>
      <c r="AI1895">
        <v>0</v>
      </c>
      <c r="AJ1895">
        <v>96</v>
      </c>
      <c r="AK1895" t="s">
        <v>4</v>
      </c>
      <c r="AL1895">
        <v>0</v>
      </c>
      <c r="AM1895">
        <v>0</v>
      </c>
      <c r="AN1895">
        <v>0</v>
      </c>
      <c r="AO1895">
        <v>0</v>
      </c>
      <c r="AP1895">
        <v>0</v>
      </c>
      <c r="AQ1895">
        <v>0</v>
      </c>
      <c r="AR1895">
        <v>0</v>
      </c>
      <c r="AS1895">
        <v>0</v>
      </c>
      <c r="AT1895">
        <v>0</v>
      </c>
      <c r="AU1895">
        <v>0</v>
      </c>
      <c r="AV1895">
        <v>0</v>
      </c>
      <c r="AW1895">
        <v>0</v>
      </c>
      <c r="AX1895">
        <v>-1426</v>
      </c>
      <c r="AY1895">
        <v>43</v>
      </c>
      <c r="AZ1895">
        <v>89</v>
      </c>
      <c r="BA1895">
        <v>5760</v>
      </c>
    </row>
    <row r="1896" spans="1:53" x14ac:dyDescent="0.4">
      <c r="A1896">
        <v>1940</v>
      </c>
      <c r="B1896" s="1">
        <v>43432</v>
      </c>
      <c r="C1896">
        <v>3</v>
      </c>
      <c r="D1896" s="1">
        <v>43432.744444444441</v>
      </c>
      <c r="E1896" s="1">
        <v>43432.956944444442</v>
      </c>
      <c r="F1896">
        <v>39200</v>
      </c>
      <c r="G1896">
        <v>2230</v>
      </c>
      <c r="H1896">
        <v>0</v>
      </c>
      <c r="I1896">
        <v>0</v>
      </c>
      <c r="J1896">
        <v>0</v>
      </c>
      <c r="K1896">
        <v>0</v>
      </c>
      <c r="L1896">
        <v>0</v>
      </c>
      <c r="M1896">
        <v>3314</v>
      </c>
      <c r="N1896">
        <v>0</v>
      </c>
      <c r="O1896">
        <v>0</v>
      </c>
      <c r="P1896">
        <v>-18252</v>
      </c>
      <c r="Q1896">
        <v>0</v>
      </c>
      <c r="R1896">
        <v>26492</v>
      </c>
      <c r="S1896">
        <v>0</v>
      </c>
      <c r="T1896">
        <v>0</v>
      </c>
      <c r="U1896">
        <v>0</v>
      </c>
      <c r="V1896">
        <v>2</v>
      </c>
      <c r="W1896">
        <v>0</v>
      </c>
      <c r="X1896">
        <v>0</v>
      </c>
      <c r="Y1896">
        <v>76</v>
      </c>
      <c r="Z1896">
        <v>14</v>
      </c>
      <c r="AA1896">
        <v>192</v>
      </c>
      <c r="AB1896">
        <v>102</v>
      </c>
      <c r="AC1896">
        <v>222</v>
      </c>
      <c r="AD1896">
        <v>38</v>
      </c>
      <c r="AE1896">
        <v>126</v>
      </c>
      <c r="AF1896">
        <v>0</v>
      </c>
      <c r="AG1896">
        <v>129836</v>
      </c>
      <c r="AH1896">
        <v>50000</v>
      </c>
      <c r="AI1896">
        <v>-50</v>
      </c>
      <c r="AJ1896">
        <v>108</v>
      </c>
      <c r="AK1896" t="s">
        <v>30</v>
      </c>
      <c r="AL1896">
        <v>0</v>
      </c>
      <c r="AM1896">
        <v>0</v>
      </c>
      <c r="AN1896">
        <v>0</v>
      </c>
      <c r="AO1896">
        <v>0</v>
      </c>
      <c r="AP1896">
        <v>0</v>
      </c>
      <c r="AQ1896">
        <v>0</v>
      </c>
      <c r="AR1896">
        <v>0</v>
      </c>
      <c r="AS1896">
        <v>0</v>
      </c>
      <c r="AT1896">
        <v>0</v>
      </c>
      <c r="AU1896">
        <v>0</v>
      </c>
      <c r="AV1896">
        <v>0</v>
      </c>
      <c r="AW1896">
        <v>0</v>
      </c>
      <c r="AX1896">
        <v>8429</v>
      </c>
      <c r="AY1896">
        <v>13</v>
      </c>
      <c r="AZ1896">
        <v>34</v>
      </c>
      <c r="BA1896">
        <v>2986</v>
      </c>
    </row>
    <row r="1897" spans="1:53" x14ac:dyDescent="0.4">
      <c r="A1897">
        <v>1941</v>
      </c>
      <c r="B1897" s="1">
        <v>43433</v>
      </c>
      <c r="C1897">
        <v>1</v>
      </c>
      <c r="D1897" s="1">
        <v>43433.291666666664</v>
      </c>
      <c r="E1897" s="1">
        <v>43433.452777777777</v>
      </c>
      <c r="F1897">
        <v>0</v>
      </c>
      <c r="G1897">
        <v>0</v>
      </c>
      <c r="H1897">
        <v>0</v>
      </c>
      <c r="I1897">
        <v>0</v>
      </c>
      <c r="J1897">
        <v>0</v>
      </c>
      <c r="K1897">
        <v>0</v>
      </c>
      <c r="L1897">
        <v>0</v>
      </c>
      <c r="M1897">
        <v>0</v>
      </c>
      <c r="N1897">
        <v>0</v>
      </c>
      <c r="O1897">
        <v>0</v>
      </c>
      <c r="P1897">
        <v>0</v>
      </c>
      <c r="Q1897">
        <v>0</v>
      </c>
      <c r="R1897">
        <v>0</v>
      </c>
      <c r="S1897">
        <v>0</v>
      </c>
      <c r="T1897">
        <v>0</v>
      </c>
      <c r="U1897">
        <v>0</v>
      </c>
      <c r="V1897">
        <v>0</v>
      </c>
      <c r="W1897">
        <v>0</v>
      </c>
      <c r="X1897">
        <v>0</v>
      </c>
      <c r="Y1897">
        <v>30</v>
      </c>
      <c r="Z1897">
        <v>12</v>
      </c>
      <c r="AA1897">
        <v>100</v>
      </c>
      <c r="AB1897">
        <v>51</v>
      </c>
      <c r="AC1897">
        <v>119</v>
      </c>
      <c r="AD1897">
        <v>37</v>
      </c>
      <c r="AE1897">
        <v>75</v>
      </c>
      <c r="AF1897">
        <v>0</v>
      </c>
      <c r="AG1897">
        <v>50000</v>
      </c>
      <c r="AH1897">
        <v>0</v>
      </c>
      <c r="AI1897">
        <v>50000</v>
      </c>
      <c r="AJ1897">
        <v>0</v>
      </c>
      <c r="AK1897" t="s">
        <v>6</v>
      </c>
      <c r="AL1897">
        <v>0</v>
      </c>
      <c r="AM1897">
        <v>0</v>
      </c>
      <c r="AN1897">
        <v>0</v>
      </c>
      <c r="AO1897">
        <v>0</v>
      </c>
      <c r="AP1897">
        <v>0</v>
      </c>
      <c r="AQ1897">
        <v>0</v>
      </c>
      <c r="AR1897">
        <v>0</v>
      </c>
      <c r="AS1897">
        <v>0</v>
      </c>
      <c r="AT1897">
        <v>0</v>
      </c>
      <c r="AU1897">
        <v>0</v>
      </c>
      <c r="AV1897">
        <v>0</v>
      </c>
      <c r="AW1897">
        <v>0</v>
      </c>
      <c r="AX1897">
        <v>0</v>
      </c>
      <c r="AY1897">
        <v>0</v>
      </c>
      <c r="AZ1897">
        <v>0</v>
      </c>
      <c r="BA1897">
        <v>0</v>
      </c>
    </row>
    <row r="1898" spans="1:53" x14ac:dyDescent="0.4">
      <c r="A1898">
        <v>1942</v>
      </c>
      <c r="B1898" s="1">
        <v>43433</v>
      </c>
      <c r="C1898">
        <v>2</v>
      </c>
      <c r="D1898" s="1">
        <v>43433.452777777777</v>
      </c>
      <c r="E1898" s="1">
        <v>43433.736111111109</v>
      </c>
      <c r="F1898">
        <v>22500</v>
      </c>
      <c r="G1898">
        <v>3040</v>
      </c>
      <c r="H1898">
        <v>0</v>
      </c>
      <c r="I1898">
        <v>0</v>
      </c>
      <c r="J1898">
        <v>0</v>
      </c>
      <c r="K1898">
        <v>0</v>
      </c>
      <c r="L1898">
        <v>0</v>
      </c>
      <c r="M1898">
        <v>2042</v>
      </c>
      <c r="N1898">
        <v>0</v>
      </c>
      <c r="O1898">
        <v>0</v>
      </c>
      <c r="P1898">
        <v>7560</v>
      </c>
      <c r="Q1898">
        <v>0</v>
      </c>
      <c r="R1898">
        <v>35142</v>
      </c>
      <c r="S1898">
        <v>0</v>
      </c>
      <c r="T1898">
        <v>0</v>
      </c>
      <c r="U1898">
        <v>0</v>
      </c>
      <c r="V1898">
        <v>2</v>
      </c>
      <c r="W1898">
        <v>1</v>
      </c>
      <c r="X1898">
        <v>0</v>
      </c>
      <c r="Y1898">
        <v>33</v>
      </c>
      <c r="Z1898">
        <v>18</v>
      </c>
      <c r="AA1898">
        <v>90</v>
      </c>
      <c r="AB1898">
        <v>53</v>
      </c>
      <c r="AC1898">
        <v>166</v>
      </c>
      <c r="AD1898">
        <v>38</v>
      </c>
      <c r="AE1898">
        <v>87</v>
      </c>
      <c r="AF1898">
        <v>4555</v>
      </c>
      <c r="AG1898">
        <v>85142</v>
      </c>
      <c r="AH1898">
        <v>50000</v>
      </c>
      <c r="AI1898">
        <v>0</v>
      </c>
      <c r="AJ1898">
        <v>96</v>
      </c>
      <c r="AK1898" t="s">
        <v>4</v>
      </c>
      <c r="AL1898">
        <v>0</v>
      </c>
      <c r="AM1898">
        <v>0</v>
      </c>
      <c r="AN1898">
        <v>0</v>
      </c>
      <c r="AO1898">
        <v>0</v>
      </c>
      <c r="AP1898">
        <v>0</v>
      </c>
      <c r="AQ1898">
        <v>0</v>
      </c>
      <c r="AR1898">
        <v>0</v>
      </c>
      <c r="AS1898">
        <v>0</v>
      </c>
      <c r="AT1898">
        <v>0</v>
      </c>
      <c r="AU1898">
        <v>0</v>
      </c>
      <c r="AV1898">
        <v>0</v>
      </c>
      <c r="AW1898">
        <v>0</v>
      </c>
      <c r="AX1898">
        <v>540</v>
      </c>
      <c r="AY1898">
        <v>29</v>
      </c>
      <c r="AZ1898">
        <v>59</v>
      </c>
      <c r="BA1898">
        <v>4377</v>
      </c>
    </row>
    <row r="1899" spans="1:53" x14ac:dyDescent="0.4">
      <c r="A1899">
        <v>1943</v>
      </c>
      <c r="B1899" s="1">
        <v>43433</v>
      </c>
      <c r="C1899">
        <v>3</v>
      </c>
      <c r="D1899" s="1">
        <v>43433.736111111109</v>
      </c>
      <c r="E1899" s="1">
        <v>43433.957638888889</v>
      </c>
      <c r="F1899">
        <v>21750</v>
      </c>
      <c r="G1899">
        <v>0</v>
      </c>
      <c r="H1899">
        <v>0</v>
      </c>
      <c r="I1899">
        <v>0</v>
      </c>
      <c r="J1899">
        <v>0</v>
      </c>
      <c r="K1899">
        <v>0</v>
      </c>
      <c r="L1899">
        <v>0</v>
      </c>
      <c r="M1899">
        <v>1740</v>
      </c>
      <c r="N1899">
        <v>0</v>
      </c>
      <c r="O1899">
        <v>0</v>
      </c>
      <c r="P1899">
        <v>-3672</v>
      </c>
      <c r="Q1899">
        <v>0</v>
      </c>
      <c r="R1899">
        <v>19818</v>
      </c>
      <c r="S1899">
        <v>0</v>
      </c>
      <c r="T1899">
        <v>0</v>
      </c>
      <c r="U1899">
        <v>0</v>
      </c>
      <c r="V1899">
        <v>4</v>
      </c>
      <c r="W1899">
        <v>0</v>
      </c>
      <c r="X1899">
        <v>0</v>
      </c>
      <c r="Y1899">
        <v>35</v>
      </c>
      <c r="Z1899">
        <v>17</v>
      </c>
      <c r="AA1899">
        <v>103</v>
      </c>
      <c r="AB1899">
        <v>51</v>
      </c>
      <c r="AC1899">
        <v>162</v>
      </c>
      <c r="AD1899">
        <v>38</v>
      </c>
      <c r="AE1899">
        <v>85</v>
      </c>
      <c r="AF1899">
        <v>6715</v>
      </c>
      <c r="AG1899">
        <v>104960</v>
      </c>
      <c r="AH1899">
        <v>50000</v>
      </c>
      <c r="AI1899">
        <v>0</v>
      </c>
      <c r="AJ1899">
        <v>100</v>
      </c>
      <c r="AK1899" t="s">
        <v>0</v>
      </c>
      <c r="AL1899">
        <v>0</v>
      </c>
      <c r="AM1899">
        <v>0</v>
      </c>
      <c r="AN1899">
        <v>0</v>
      </c>
      <c r="AO1899">
        <v>0</v>
      </c>
      <c r="AP1899">
        <v>0</v>
      </c>
      <c r="AQ1899">
        <v>0</v>
      </c>
      <c r="AR1899">
        <v>0</v>
      </c>
      <c r="AS1899">
        <v>0</v>
      </c>
      <c r="AT1899">
        <v>0</v>
      </c>
      <c r="AU1899">
        <v>0</v>
      </c>
      <c r="AV1899">
        <v>0</v>
      </c>
      <c r="AW1899">
        <v>0</v>
      </c>
      <c r="AX1899">
        <v>30866</v>
      </c>
      <c r="AY1899">
        <v>11</v>
      </c>
      <c r="AZ1899">
        <v>41</v>
      </c>
      <c r="BA1899">
        <v>1732</v>
      </c>
    </row>
    <row r="1900" spans="1:53" x14ac:dyDescent="0.4">
      <c r="A1900">
        <v>1944</v>
      </c>
      <c r="B1900" s="1">
        <v>43434</v>
      </c>
      <c r="C1900">
        <v>1</v>
      </c>
      <c r="D1900" s="1">
        <v>43434.291666666664</v>
      </c>
      <c r="E1900" s="1">
        <v>43434.450694444444</v>
      </c>
      <c r="F1900">
        <v>0</v>
      </c>
      <c r="G1900">
        <v>0</v>
      </c>
      <c r="H1900">
        <v>0</v>
      </c>
      <c r="I1900">
        <v>0</v>
      </c>
      <c r="J1900">
        <v>0</v>
      </c>
      <c r="K1900">
        <v>0</v>
      </c>
      <c r="L1900">
        <v>0</v>
      </c>
      <c r="M1900">
        <v>0</v>
      </c>
      <c r="N1900">
        <v>0</v>
      </c>
      <c r="O1900">
        <v>0</v>
      </c>
      <c r="P1900">
        <v>0</v>
      </c>
      <c r="Q1900">
        <v>0</v>
      </c>
      <c r="R1900">
        <v>0</v>
      </c>
      <c r="S1900">
        <v>0</v>
      </c>
      <c r="T1900">
        <v>0</v>
      </c>
      <c r="U1900">
        <v>0</v>
      </c>
      <c r="V1900">
        <v>0</v>
      </c>
      <c r="W1900">
        <v>0</v>
      </c>
      <c r="X1900">
        <v>0</v>
      </c>
      <c r="Y1900">
        <v>24</v>
      </c>
      <c r="Z1900">
        <v>14</v>
      </c>
      <c r="AA1900">
        <v>146</v>
      </c>
      <c r="AB1900">
        <v>58</v>
      </c>
      <c r="AC1900">
        <v>122</v>
      </c>
      <c r="AD1900">
        <v>40</v>
      </c>
      <c r="AE1900">
        <v>80</v>
      </c>
      <c r="AF1900">
        <v>0</v>
      </c>
      <c r="AG1900">
        <v>50000</v>
      </c>
      <c r="AH1900">
        <v>0</v>
      </c>
      <c r="AI1900">
        <v>50000</v>
      </c>
      <c r="AJ1900">
        <v>0</v>
      </c>
      <c r="AK1900" t="s">
        <v>6</v>
      </c>
      <c r="AL1900">
        <v>0</v>
      </c>
      <c r="AM1900">
        <v>0</v>
      </c>
      <c r="AN1900">
        <v>0</v>
      </c>
      <c r="AO1900">
        <v>0</v>
      </c>
      <c r="AP1900">
        <v>0</v>
      </c>
      <c r="AQ1900">
        <v>0</v>
      </c>
      <c r="AR1900">
        <v>0</v>
      </c>
      <c r="AS1900">
        <v>0</v>
      </c>
      <c r="AT1900">
        <v>0</v>
      </c>
      <c r="AU1900">
        <v>0</v>
      </c>
      <c r="AV1900">
        <v>0</v>
      </c>
      <c r="AW1900">
        <v>0</v>
      </c>
      <c r="AX1900">
        <v>0</v>
      </c>
      <c r="AY1900">
        <v>0</v>
      </c>
      <c r="AZ1900">
        <v>0</v>
      </c>
      <c r="BA1900">
        <v>0</v>
      </c>
    </row>
    <row r="1901" spans="1:53" x14ac:dyDescent="0.4">
      <c r="A1901">
        <v>1945</v>
      </c>
      <c r="B1901" s="1">
        <v>43434</v>
      </c>
      <c r="C1901">
        <v>2</v>
      </c>
      <c r="D1901" s="1">
        <v>43434.450694444444</v>
      </c>
      <c r="E1901" s="1">
        <v>43434.75</v>
      </c>
      <c r="F1901">
        <v>20500</v>
      </c>
      <c r="G1901">
        <v>1060</v>
      </c>
      <c r="H1901">
        <v>0</v>
      </c>
      <c r="I1901">
        <v>0</v>
      </c>
      <c r="J1901">
        <v>0</v>
      </c>
      <c r="K1901">
        <v>0</v>
      </c>
      <c r="L1901">
        <v>0</v>
      </c>
      <c r="M1901">
        <v>1724</v>
      </c>
      <c r="N1901">
        <v>0</v>
      </c>
      <c r="O1901">
        <v>0</v>
      </c>
      <c r="P1901">
        <v>23220</v>
      </c>
      <c r="Q1901">
        <v>0</v>
      </c>
      <c r="R1901">
        <v>46504</v>
      </c>
      <c r="S1901">
        <v>0</v>
      </c>
      <c r="T1901">
        <v>0</v>
      </c>
      <c r="U1901">
        <v>0</v>
      </c>
      <c r="V1901">
        <v>0</v>
      </c>
      <c r="W1901">
        <v>0</v>
      </c>
      <c r="X1901">
        <v>0</v>
      </c>
      <c r="Y1901">
        <v>61</v>
      </c>
      <c r="Z1901">
        <v>37</v>
      </c>
      <c r="AA1901">
        <v>128</v>
      </c>
      <c r="AB1901">
        <v>41</v>
      </c>
      <c r="AC1901">
        <v>188</v>
      </c>
      <c r="AD1901">
        <v>39</v>
      </c>
      <c r="AE1901">
        <v>79</v>
      </c>
      <c r="AF1901">
        <v>0</v>
      </c>
      <c r="AG1901">
        <v>96504</v>
      </c>
      <c r="AH1901">
        <v>50000</v>
      </c>
      <c r="AI1901">
        <v>0</v>
      </c>
      <c r="AJ1901">
        <v>100</v>
      </c>
      <c r="AK1901" t="s">
        <v>0</v>
      </c>
      <c r="AL1901">
        <v>0</v>
      </c>
      <c r="AM1901">
        <v>0</v>
      </c>
      <c r="AN1901">
        <v>0</v>
      </c>
      <c r="AO1901">
        <v>0</v>
      </c>
      <c r="AP1901">
        <v>0</v>
      </c>
      <c r="AQ1901">
        <v>0</v>
      </c>
      <c r="AR1901">
        <v>0</v>
      </c>
      <c r="AS1901">
        <v>0</v>
      </c>
      <c r="AT1901">
        <v>0</v>
      </c>
      <c r="AU1901">
        <v>0</v>
      </c>
      <c r="AV1901">
        <v>0</v>
      </c>
      <c r="AW1901">
        <v>0</v>
      </c>
      <c r="AX1901">
        <v>0</v>
      </c>
      <c r="AY1901">
        <v>40</v>
      </c>
      <c r="AZ1901">
        <v>84</v>
      </c>
      <c r="BA1901">
        <v>5779</v>
      </c>
    </row>
    <row r="1902" spans="1:53" x14ac:dyDescent="0.4">
      <c r="A1902">
        <v>1946</v>
      </c>
      <c r="B1902" s="1">
        <v>43434</v>
      </c>
      <c r="C1902">
        <v>3</v>
      </c>
      <c r="D1902" s="1">
        <v>43434.75</v>
      </c>
      <c r="E1902" s="1">
        <v>43435.097916666666</v>
      </c>
      <c r="F1902">
        <v>216900</v>
      </c>
      <c r="G1902">
        <v>5100</v>
      </c>
      <c r="H1902">
        <v>0</v>
      </c>
      <c r="I1902">
        <v>0</v>
      </c>
      <c r="J1902">
        <v>0</v>
      </c>
      <c r="K1902">
        <v>0</v>
      </c>
      <c r="L1902">
        <v>0</v>
      </c>
      <c r="M1902">
        <v>17760</v>
      </c>
      <c r="N1902">
        <v>0</v>
      </c>
      <c r="O1902">
        <v>0</v>
      </c>
      <c r="P1902">
        <v>36288</v>
      </c>
      <c r="Q1902">
        <v>0</v>
      </c>
      <c r="R1902">
        <v>276048</v>
      </c>
      <c r="S1902">
        <v>0</v>
      </c>
      <c r="T1902">
        <v>0</v>
      </c>
      <c r="U1902">
        <v>0</v>
      </c>
      <c r="V1902">
        <v>14</v>
      </c>
      <c r="W1902">
        <v>4</v>
      </c>
      <c r="X1902">
        <v>0</v>
      </c>
      <c r="Y1902">
        <v>99</v>
      </c>
      <c r="Z1902">
        <v>36</v>
      </c>
      <c r="AA1902">
        <v>164</v>
      </c>
      <c r="AB1902">
        <v>38</v>
      </c>
      <c r="AC1902">
        <v>173</v>
      </c>
      <c r="AD1902">
        <v>33</v>
      </c>
      <c r="AE1902">
        <v>128</v>
      </c>
      <c r="AF1902">
        <v>75129</v>
      </c>
      <c r="AG1902">
        <v>372452</v>
      </c>
      <c r="AH1902">
        <v>50000</v>
      </c>
      <c r="AI1902">
        <v>-100</v>
      </c>
      <c r="AJ1902">
        <v>29</v>
      </c>
      <c r="AK1902" t="s">
        <v>28</v>
      </c>
      <c r="AL1902">
        <v>0</v>
      </c>
      <c r="AM1902">
        <v>0</v>
      </c>
      <c r="AN1902">
        <v>0</v>
      </c>
      <c r="AO1902">
        <v>0</v>
      </c>
      <c r="AP1902">
        <v>0</v>
      </c>
      <c r="AQ1902">
        <v>0</v>
      </c>
      <c r="AR1902">
        <v>0</v>
      </c>
      <c r="AS1902">
        <v>0</v>
      </c>
      <c r="AT1902">
        <v>0</v>
      </c>
      <c r="AU1902">
        <v>0</v>
      </c>
      <c r="AV1902">
        <v>0</v>
      </c>
      <c r="AW1902">
        <v>0</v>
      </c>
      <c r="AX1902">
        <v>12916</v>
      </c>
      <c r="AY1902">
        <v>40</v>
      </c>
      <c r="AZ1902">
        <v>165</v>
      </c>
      <c r="BA1902">
        <v>5759</v>
      </c>
    </row>
    <row r="1903" spans="1:53" x14ac:dyDescent="0.4">
      <c r="A1903">
        <v>1947</v>
      </c>
      <c r="B1903" s="1">
        <v>43435</v>
      </c>
      <c r="C1903">
        <v>1</v>
      </c>
      <c r="D1903" s="1">
        <v>43435.291666666664</v>
      </c>
      <c r="E1903" s="1">
        <v>43435.408333333333</v>
      </c>
      <c r="F1903">
        <v>0</v>
      </c>
      <c r="G1903">
        <v>0</v>
      </c>
      <c r="H1903">
        <v>0</v>
      </c>
      <c r="I1903">
        <v>0</v>
      </c>
      <c r="J1903">
        <v>0</v>
      </c>
      <c r="K1903">
        <v>0</v>
      </c>
      <c r="L1903">
        <v>0</v>
      </c>
      <c r="M1903">
        <v>0</v>
      </c>
      <c r="N1903">
        <v>0</v>
      </c>
      <c r="O1903">
        <v>0</v>
      </c>
      <c r="P1903">
        <v>0</v>
      </c>
      <c r="Q1903">
        <v>0</v>
      </c>
      <c r="R1903">
        <v>0</v>
      </c>
      <c r="S1903">
        <v>0</v>
      </c>
      <c r="T1903">
        <v>0</v>
      </c>
      <c r="U1903">
        <v>0</v>
      </c>
      <c r="V1903">
        <v>0</v>
      </c>
      <c r="W1903">
        <v>0</v>
      </c>
      <c r="X1903">
        <v>0</v>
      </c>
      <c r="Y1903">
        <v>23</v>
      </c>
      <c r="Z1903">
        <v>14</v>
      </c>
      <c r="AA1903">
        <v>164</v>
      </c>
      <c r="AB1903">
        <v>39</v>
      </c>
      <c r="AC1903">
        <v>135</v>
      </c>
      <c r="AD1903">
        <v>32</v>
      </c>
      <c r="AE1903">
        <v>140</v>
      </c>
      <c r="AF1903">
        <v>0</v>
      </c>
      <c r="AG1903">
        <v>50000</v>
      </c>
      <c r="AH1903">
        <v>50000</v>
      </c>
      <c r="AI1903">
        <v>0</v>
      </c>
      <c r="AJ1903">
        <v>0</v>
      </c>
      <c r="AK1903" t="s">
        <v>6</v>
      </c>
      <c r="AL1903">
        <v>0</v>
      </c>
      <c r="AM1903">
        <v>0</v>
      </c>
      <c r="AN1903">
        <v>0</v>
      </c>
      <c r="AO1903">
        <v>0</v>
      </c>
      <c r="AP1903">
        <v>0</v>
      </c>
      <c r="AQ1903">
        <v>0</v>
      </c>
      <c r="AR1903">
        <v>0</v>
      </c>
      <c r="AS1903">
        <v>0</v>
      </c>
      <c r="AT1903">
        <v>0</v>
      </c>
      <c r="AU1903">
        <v>0</v>
      </c>
      <c r="AV1903">
        <v>0</v>
      </c>
      <c r="AW1903">
        <v>0</v>
      </c>
      <c r="AX1903">
        <v>0</v>
      </c>
      <c r="AY1903">
        <v>0</v>
      </c>
      <c r="AZ1903">
        <v>0</v>
      </c>
      <c r="BA1903">
        <v>0</v>
      </c>
    </row>
    <row r="1904" spans="1:53" x14ac:dyDescent="0.4">
      <c r="A1904">
        <v>1948</v>
      </c>
      <c r="B1904" s="1">
        <v>43435</v>
      </c>
      <c r="C1904">
        <v>2</v>
      </c>
      <c r="D1904" s="1">
        <v>43435.408333333333</v>
      </c>
      <c r="E1904" s="1">
        <v>43435.730555555558</v>
      </c>
      <c r="F1904">
        <v>38250</v>
      </c>
      <c r="G1904">
        <v>2860</v>
      </c>
      <c r="H1904">
        <v>400</v>
      </c>
      <c r="I1904">
        <v>0</v>
      </c>
      <c r="J1904">
        <v>0</v>
      </c>
      <c r="K1904">
        <v>0</v>
      </c>
      <c r="L1904">
        <v>0</v>
      </c>
      <c r="M1904">
        <v>3320</v>
      </c>
      <c r="N1904">
        <v>0</v>
      </c>
      <c r="O1904">
        <v>0</v>
      </c>
      <c r="P1904">
        <v>20520</v>
      </c>
      <c r="Q1904">
        <v>0</v>
      </c>
      <c r="R1904">
        <v>65350</v>
      </c>
      <c r="S1904">
        <v>0</v>
      </c>
      <c r="T1904">
        <v>0</v>
      </c>
      <c r="U1904">
        <v>0</v>
      </c>
      <c r="V1904">
        <v>2</v>
      </c>
      <c r="W1904">
        <v>1</v>
      </c>
      <c r="X1904">
        <v>0</v>
      </c>
      <c r="Y1904">
        <v>46</v>
      </c>
      <c r="Z1904">
        <v>39</v>
      </c>
      <c r="AA1904">
        <v>193</v>
      </c>
      <c r="AB1904">
        <v>57</v>
      </c>
      <c r="AC1904">
        <v>235</v>
      </c>
      <c r="AD1904">
        <v>42</v>
      </c>
      <c r="AE1904">
        <v>140</v>
      </c>
      <c r="AF1904">
        <v>0</v>
      </c>
      <c r="AG1904">
        <v>115350</v>
      </c>
      <c r="AH1904">
        <v>50000</v>
      </c>
      <c r="AI1904">
        <v>0</v>
      </c>
      <c r="AJ1904">
        <v>90</v>
      </c>
      <c r="AK1904" t="s">
        <v>24</v>
      </c>
      <c r="AL1904">
        <v>0</v>
      </c>
      <c r="AM1904">
        <v>0</v>
      </c>
      <c r="AN1904">
        <v>0</v>
      </c>
      <c r="AO1904">
        <v>0</v>
      </c>
      <c r="AP1904">
        <v>0</v>
      </c>
      <c r="AQ1904">
        <v>0</v>
      </c>
      <c r="AR1904">
        <v>0</v>
      </c>
      <c r="AS1904">
        <v>0</v>
      </c>
      <c r="AT1904">
        <v>0</v>
      </c>
      <c r="AU1904">
        <v>0</v>
      </c>
      <c r="AV1904">
        <v>0</v>
      </c>
      <c r="AW1904">
        <v>0</v>
      </c>
      <c r="AX1904">
        <v>821</v>
      </c>
      <c r="AY1904">
        <v>55</v>
      </c>
      <c r="AZ1904">
        <v>111</v>
      </c>
      <c r="BA1904">
        <v>7749</v>
      </c>
    </row>
    <row r="1905" spans="1:53" x14ac:dyDescent="0.4">
      <c r="A1905">
        <v>1949</v>
      </c>
      <c r="B1905" s="1">
        <v>43435</v>
      </c>
      <c r="C1905">
        <v>3</v>
      </c>
      <c r="D1905" s="1">
        <v>43435.730555555558</v>
      </c>
      <c r="E1905" s="1">
        <v>43436.087500000001</v>
      </c>
      <c r="F1905">
        <v>333450</v>
      </c>
      <c r="G1905">
        <v>28730</v>
      </c>
      <c r="H1905">
        <v>0</v>
      </c>
      <c r="I1905">
        <v>0</v>
      </c>
      <c r="J1905">
        <v>2400</v>
      </c>
      <c r="K1905">
        <v>0</v>
      </c>
      <c r="L1905">
        <v>0</v>
      </c>
      <c r="M1905">
        <v>28781</v>
      </c>
      <c r="N1905">
        <v>0</v>
      </c>
      <c r="O1905">
        <v>0</v>
      </c>
      <c r="P1905">
        <v>91368</v>
      </c>
      <c r="Q1905">
        <v>0</v>
      </c>
      <c r="R1905">
        <v>479929</v>
      </c>
      <c r="S1905">
        <v>0</v>
      </c>
      <c r="T1905">
        <v>0</v>
      </c>
      <c r="U1905">
        <v>0</v>
      </c>
      <c r="V1905">
        <v>25</v>
      </c>
      <c r="W1905">
        <v>21</v>
      </c>
      <c r="X1905">
        <v>0</v>
      </c>
      <c r="Y1905">
        <v>135</v>
      </c>
      <c r="Z1905">
        <v>40</v>
      </c>
      <c r="AA1905">
        <v>182</v>
      </c>
      <c r="AB1905">
        <v>53</v>
      </c>
      <c r="AC1905">
        <v>218</v>
      </c>
      <c r="AD1905">
        <v>37</v>
      </c>
      <c r="AE1905">
        <v>131</v>
      </c>
      <c r="AF1905">
        <v>62133</v>
      </c>
      <c r="AG1905">
        <v>595479</v>
      </c>
      <c r="AH1905">
        <v>50000</v>
      </c>
      <c r="AI1905">
        <v>200</v>
      </c>
      <c r="AJ1905">
        <v>108</v>
      </c>
      <c r="AK1905" t="s">
        <v>30</v>
      </c>
      <c r="AL1905">
        <v>0</v>
      </c>
      <c r="AM1905">
        <v>0</v>
      </c>
      <c r="AN1905">
        <v>0</v>
      </c>
      <c r="AO1905">
        <v>0</v>
      </c>
      <c r="AP1905">
        <v>0</v>
      </c>
      <c r="AQ1905">
        <v>0</v>
      </c>
      <c r="AR1905">
        <v>0</v>
      </c>
      <c r="AS1905">
        <v>0</v>
      </c>
      <c r="AT1905">
        <v>0</v>
      </c>
      <c r="AU1905">
        <v>0</v>
      </c>
      <c r="AV1905">
        <v>0</v>
      </c>
      <c r="AW1905">
        <v>0</v>
      </c>
      <c r="AX1905">
        <v>14385</v>
      </c>
      <c r="AY1905">
        <v>36</v>
      </c>
      <c r="AZ1905">
        <v>205</v>
      </c>
      <c r="BA1905">
        <v>6998</v>
      </c>
    </row>
    <row r="1906" spans="1:53" x14ac:dyDescent="0.4">
      <c r="A1906">
        <v>1950</v>
      </c>
      <c r="B1906" s="1">
        <v>43436</v>
      </c>
      <c r="C1906">
        <v>1</v>
      </c>
      <c r="D1906" s="1">
        <v>43436.291666666664</v>
      </c>
      <c r="E1906" s="1">
        <v>43436.37777777778</v>
      </c>
      <c r="F1906">
        <v>0</v>
      </c>
      <c r="G1906">
        <v>0</v>
      </c>
      <c r="H1906">
        <v>0</v>
      </c>
      <c r="I1906">
        <v>0</v>
      </c>
      <c r="J1906">
        <v>0</v>
      </c>
      <c r="K1906">
        <v>0</v>
      </c>
      <c r="L1906">
        <v>0</v>
      </c>
      <c r="M1906">
        <v>0</v>
      </c>
      <c r="N1906">
        <v>0</v>
      </c>
      <c r="O1906">
        <v>0</v>
      </c>
      <c r="P1906">
        <v>0</v>
      </c>
      <c r="Q1906">
        <v>0</v>
      </c>
      <c r="R1906">
        <v>0</v>
      </c>
      <c r="S1906">
        <v>0</v>
      </c>
      <c r="T1906">
        <v>0</v>
      </c>
      <c r="U1906">
        <v>0</v>
      </c>
      <c r="V1906">
        <v>0</v>
      </c>
      <c r="W1906">
        <v>0</v>
      </c>
      <c r="X1906">
        <v>0</v>
      </c>
      <c r="Y1906">
        <v>26</v>
      </c>
      <c r="Z1906">
        <v>10</v>
      </c>
      <c r="AA1906">
        <v>148</v>
      </c>
      <c r="AB1906">
        <v>53</v>
      </c>
      <c r="AC1906">
        <v>124</v>
      </c>
      <c r="AD1906">
        <v>37</v>
      </c>
      <c r="AE1906">
        <v>125</v>
      </c>
      <c r="AF1906">
        <v>0</v>
      </c>
      <c r="AG1906">
        <v>50000</v>
      </c>
      <c r="AH1906">
        <v>0</v>
      </c>
      <c r="AI1906">
        <v>50000</v>
      </c>
      <c r="AJ1906">
        <v>0</v>
      </c>
      <c r="AK1906" t="s">
        <v>6</v>
      </c>
      <c r="AL1906">
        <v>0</v>
      </c>
      <c r="AM1906">
        <v>0</v>
      </c>
      <c r="AN1906">
        <v>0</v>
      </c>
      <c r="AO1906">
        <v>0</v>
      </c>
      <c r="AP1906">
        <v>0</v>
      </c>
      <c r="AQ1906">
        <v>0</v>
      </c>
      <c r="AR1906">
        <v>0</v>
      </c>
      <c r="AS1906">
        <v>0</v>
      </c>
      <c r="AT1906">
        <v>0</v>
      </c>
      <c r="AU1906">
        <v>0</v>
      </c>
      <c r="AV1906">
        <v>0</v>
      </c>
      <c r="AW1906">
        <v>0</v>
      </c>
      <c r="AX1906">
        <v>0</v>
      </c>
      <c r="AY1906">
        <v>0</v>
      </c>
      <c r="AZ1906">
        <v>0</v>
      </c>
      <c r="BA1906">
        <v>0</v>
      </c>
    </row>
    <row r="1907" spans="1:53" x14ac:dyDescent="0.4">
      <c r="A1907">
        <v>1951</v>
      </c>
      <c r="B1907" s="1">
        <v>43436</v>
      </c>
      <c r="C1907">
        <v>2</v>
      </c>
      <c r="D1907" s="1">
        <v>43436.37777777778</v>
      </c>
      <c r="E1907" s="1">
        <v>43436.723611111112</v>
      </c>
      <c r="F1907">
        <v>40000</v>
      </c>
      <c r="G1907">
        <v>3880</v>
      </c>
      <c r="H1907">
        <v>200</v>
      </c>
      <c r="I1907">
        <v>0</v>
      </c>
      <c r="J1907">
        <v>0</v>
      </c>
      <c r="K1907">
        <v>0</v>
      </c>
      <c r="L1907">
        <v>0</v>
      </c>
      <c r="M1907">
        <v>3526</v>
      </c>
      <c r="N1907">
        <v>0</v>
      </c>
      <c r="O1907">
        <v>0</v>
      </c>
      <c r="P1907">
        <v>6480</v>
      </c>
      <c r="Q1907">
        <v>0</v>
      </c>
      <c r="R1907">
        <v>54086</v>
      </c>
      <c r="S1907">
        <v>0</v>
      </c>
      <c r="T1907">
        <v>0</v>
      </c>
      <c r="U1907">
        <v>0</v>
      </c>
      <c r="V1907">
        <v>1</v>
      </c>
      <c r="W1907">
        <v>0</v>
      </c>
      <c r="X1907">
        <v>0</v>
      </c>
      <c r="Y1907">
        <v>62</v>
      </c>
      <c r="Z1907">
        <v>26</v>
      </c>
      <c r="AA1907">
        <v>126</v>
      </c>
      <c r="AB1907">
        <v>54</v>
      </c>
      <c r="AC1907">
        <v>151</v>
      </c>
      <c r="AD1907">
        <v>38</v>
      </c>
      <c r="AE1907">
        <v>136</v>
      </c>
      <c r="AF1907">
        <v>1990</v>
      </c>
      <c r="AG1907">
        <v>104126</v>
      </c>
      <c r="AH1907">
        <v>50000</v>
      </c>
      <c r="AI1907">
        <v>40</v>
      </c>
      <c r="AJ1907">
        <v>29</v>
      </c>
      <c r="AK1907" t="s">
        <v>28</v>
      </c>
      <c r="AL1907">
        <v>0</v>
      </c>
      <c r="AM1907">
        <v>0</v>
      </c>
      <c r="AN1907">
        <v>0</v>
      </c>
      <c r="AO1907">
        <v>0</v>
      </c>
      <c r="AP1907">
        <v>0</v>
      </c>
      <c r="AQ1907">
        <v>0</v>
      </c>
      <c r="AR1907">
        <v>0</v>
      </c>
      <c r="AS1907">
        <v>0</v>
      </c>
      <c r="AT1907">
        <v>0</v>
      </c>
      <c r="AU1907">
        <v>0</v>
      </c>
      <c r="AV1907">
        <v>0</v>
      </c>
      <c r="AW1907">
        <v>0</v>
      </c>
      <c r="AX1907">
        <v>0</v>
      </c>
      <c r="AY1907">
        <v>38</v>
      </c>
      <c r="AZ1907">
        <v>86</v>
      </c>
      <c r="BA1907">
        <v>6784</v>
      </c>
    </row>
    <row r="1908" spans="1:53" x14ac:dyDescent="0.4">
      <c r="A1908">
        <v>1952</v>
      </c>
      <c r="B1908" s="1">
        <v>43437</v>
      </c>
      <c r="C1908">
        <v>1</v>
      </c>
      <c r="D1908" s="1">
        <v>43437.291666666664</v>
      </c>
      <c r="E1908" s="1">
        <v>43437.454861111109</v>
      </c>
      <c r="F1908">
        <v>0</v>
      </c>
      <c r="G1908">
        <v>0</v>
      </c>
      <c r="H1908">
        <v>0</v>
      </c>
      <c r="I1908">
        <v>0</v>
      </c>
      <c r="J1908">
        <v>0</v>
      </c>
      <c r="K1908">
        <v>0</v>
      </c>
      <c r="L1908">
        <v>0</v>
      </c>
      <c r="M1908">
        <v>0</v>
      </c>
      <c r="N1908">
        <v>0</v>
      </c>
      <c r="O1908">
        <v>0</v>
      </c>
      <c r="P1908">
        <v>0</v>
      </c>
      <c r="Q1908">
        <v>0</v>
      </c>
      <c r="R1908">
        <v>0</v>
      </c>
      <c r="S1908">
        <v>0</v>
      </c>
      <c r="T1908">
        <v>0</v>
      </c>
      <c r="U1908">
        <v>0</v>
      </c>
      <c r="V1908">
        <v>0</v>
      </c>
      <c r="W1908">
        <v>0</v>
      </c>
      <c r="X1908">
        <v>0</v>
      </c>
      <c r="Y1908">
        <v>21</v>
      </c>
      <c r="Z1908">
        <v>13</v>
      </c>
      <c r="AA1908">
        <v>184</v>
      </c>
      <c r="AB1908">
        <v>54</v>
      </c>
      <c r="AC1908">
        <v>111</v>
      </c>
      <c r="AD1908">
        <v>35</v>
      </c>
      <c r="AE1908">
        <v>115</v>
      </c>
      <c r="AF1908">
        <v>0</v>
      </c>
      <c r="AG1908">
        <v>50000</v>
      </c>
      <c r="AH1908">
        <v>0</v>
      </c>
      <c r="AI1908">
        <v>50000</v>
      </c>
      <c r="AJ1908">
        <v>0</v>
      </c>
      <c r="AK1908" t="s">
        <v>6</v>
      </c>
      <c r="AL1908">
        <v>0</v>
      </c>
      <c r="AM1908">
        <v>0</v>
      </c>
      <c r="AN1908">
        <v>0</v>
      </c>
      <c r="AO1908">
        <v>0</v>
      </c>
      <c r="AP1908">
        <v>0</v>
      </c>
      <c r="AQ1908">
        <v>0</v>
      </c>
      <c r="AR1908">
        <v>0</v>
      </c>
      <c r="AS1908">
        <v>0</v>
      </c>
      <c r="AT1908">
        <v>0</v>
      </c>
      <c r="AU1908">
        <v>0</v>
      </c>
      <c r="AV1908">
        <v>0</v>
      </c>
      <c r="AW1908">
        <v>0</v>
      </c>
      <c r="AX1908">
        <v>0</v>
      </c>
      <c r="AY1908">
        <v>0</v>
      </c>
      <c r="AZ1908">
        <v>0</v>
      </c>
      <c r="BA1908">
        <v>0</v>
      </c>
    </row>
    <row r="1909" spans="1:53" x14ac:dyDescent="0.4">
      <c r="A1909">
        <v>1953</v>
      </c>
      <c r="B1909" s="1">
        <v>43437</v>
      </c>
      <c r="C1909">
        <v>2</v>
      </c>
      <c r="D1909" s="1">
        <v>43437.454861111109</v>
      </c>
      <c r="E1909" s="1">
        <v>43437.770138888889</v>
      </c>
      <c r="F1909">
        <v>35500</v>
      </c>
      <c r="G1909">
        <v>3440</v>
      </c>
      <c r="H1909">
        <v>0</v>
      </c>
      <c r="I1909">
        <v>0</v>
      </c>
      <c r="J1909">
        <v>0</v>
      </c>
      <c r="K1909">
        <v>0</v>
      </c>
      <c r="L1909">
        <v>0</v>
      </c>
      <c r="M1909">
        <v>3113</v>
      </c>
      <c r="N1909">
        <v>0</v>
      </c>
      <c r="O1909">
        <v>0</v>
      </c>
      <c r="P1909">
        <v>10800</v>
      </c>
      <c r="Q1909">
        <v>0</v>
      </c>
      <c r="R1909">
        <v>52853</v>
      </c>
      <c r="S1909">
        <v>0</v>
      </c>
      <c r="T1909">
        <v>0</v>
      </c>
      <c r="U1909">
        <v>0</v>
      </c>
      <c r="V1909">
        <v>0</v>
      </c>
      <c r="W1909">
        <v>2</v>
      </c>
      <c r="X1909">
        <v>0</v>
      </c>
      <c r="Y1909">
        <v>50</v>
      </c>
      <c r="Z1909">
        <v>23</v>
      </c>
      <c r="AA1909">
        <v>219</v>
      </c>
      <c r="AB1909">
        <v>61</v>
      </c>
      <c r="AC1909">
        <v>244</v>
      </c>
      <c r="AD1909">
        <v>38</v>
      </c>
      <c r="AE1909">
        <v>128</v>
      </c>
      <c r="AF1909">
        <v>3645</v>
      </c>
      <c r="AG1909">
        <v>102853</v>
      </c>
      <c r="AH1909">
        <v>50000</v>
      </c>
      <c r="AI1909">
        <v>0</v>
      </c>
      <c r="AJ1909">
        <v>102</v>
      </c>
      <c r="AK1909" t="s">
        <v>8</v>
      </c>
      <c r="AL1909">
        <v>0</v>
      </c>
      <c r="AM1909">
        <v>0</v>
      </c>
      <c r="AN1909">
        <v>0</v>
      </c>
      <c r="AO1909">
        <v>0</v>
      </c>
      <c r="AP1909">
        <v>0</v>
      </c>
      <c r="AQ1909">
        <v>0</v>
      </c>
      <c r="AR1909">
        <v>0</v>
      </c>
      <c r="AS1909">
        <v>0</v>
      </c>
      <c r="AT1909">
        <v>0</v>
      </c>
      <c r="AU1909">
        <v>0</v>
      </c>
      <c r="AV1909">
        <v>0</v>
      </c>
      <c r="AW1909">
        <v>0</v>
      </c>
      <c r="AX1909">
        <v>0</v>
      </c>
      <c r="AY1909">
        <v>37</v>
      </c>
      <c r="AZ1909">
        <v>80</v>
      </c>
      <c r="BA1909">
        <v>6412</v>
      </c>
    </row>
    <row r="1910" spans="1:53" x14ac:dyDescent="0.4">
      <c r="A1910">
        <v>1954</v>
      </c>
      <c r="B1910" s="1">
        <v>43437</v>
      </c>
      <c r="C1910">
        <v>3</v>
      </c>
      <c r="D1910" s="1">
        <v>43437.770138888889</v>
      </c>
      <c r="E1910" s="1">
        <v>43437.953472222223</v>
      </c>
      <c r="F1910">
        <v>10500</v>
      </c>
      <c r="G1910">
        <v>0</v>
      </c>
      <c r="H1910">
        <v>200</v>
      </c>
      <c r="I1910">
        <v>0</v>
      </c>
      <c r="J1910">
        <v>0</v>
      </c>
      <c r="K1910">
        <v>0</v>
      </c>
      <c r="L1910">
        <v>0</v>
      </c>
      <c r="M1910">
        <v>856</v>
      </c>
      <c r="N1910">
        <v>0</v>
      </c>
      <c r="O1910">
        <v>0</v>
      </c>
      <c r="P1910">
        <v>-10800</v>
      </c>
      <c r="Q1910">
        <v>0</v>
      </c>
      <c r="R1910">
        <v>756</v>
      </c>
      <c r="S1910">
        <v>0</v>
      </c>
      <c r="T1910">
        <v>0</v>
      </c>
      <c r="U1910">
        <v>0</v>
      </c>
      <c r="V1910">
        <v>0</v>
      </c>
      <c r="W1910">
        <v>2</v>
      </c>
      <c r="X1910">
        <v>0</v>
      </c>
      <c r="Y1910">
        <v>51</v>
      </c>
      <c r="Z1910">
        <v>23</v>
      </c>
      <c r="AA1910">
        <v>216</v>
      </c>
      <c r="AB1910">
        <v>61</v>
      </c>
      <c r="AC1910">
        <v>249</v>
      </c>
      <c r="AD1910">
        <v>39</v>
      </c>
      <c r="AE1910">
        <v>129</v>
      </c>
      <c r="AF1910">
        <v>3645</v>
      </c>
      <c r="AG1910">
        <v>103609</v>
      </c>
      <c r="AH1910">
        <v>50000</v>
      </c>
      <c r="AI1910">
        <v>0</v>
      </c>
      <c r="AJ1910">
        <v>92</v>
      </c>
      <c r="AK1910" t="s">
        <v>22</v>
      </c>
      <c r="AL1910">
        <v>0</v>
      </c>
      <c r="AM1910">
        <v>0</v>
      </c>
      <c r="AN1910">
        <v>0</v>
      </c>
      <c r="AO1910">
        <v>0</v>
      </c>
      <c r="AP1910">
        <v>0</v>
      </c>
      <c r="AQ1910">
        <v>0</v>
      </c>
      <c r="AR1910">
        <v>0</v>
      </c>
      <c r="AS1910">
        <v>0</v>
      </c>
      <c r="AT1910">
        <v>0</v>
      </c>
      <c r="AU1910">
        <v>0</v>
      </c>
      <c r="AV1910">
        <v>0</v>
      </c>
      <c r="AW1910">
        <v>0</v>
      </c>
      <c r="AX1910">
        <v>7290</v>
      </c>
      <c r="AY1910">
        <v>3</v>
      </c>
      <c r="AZ1910">
        <v>8</v>
      </c>
      <c r="BA1910">
        <v>625</v>
      </c>
    </row>
    <row r="1911" spans="1:53" x14ac:dyDescent="0.4">
      <c r="A1911">
        <v>1955</v>
      </c>
      <c r="B1911" s="1">
        <v>43438</v>
      </c>
      <c r="C1911">
        <v>1</v>
      </c>
      <c r="D1911" s="1">
        <v>43438.291666666664</v>
      </c>
      <c r="E1911" s="1">
        <v>43438.456250000003</v>
      </c>
      <c r="F1911">
        <v>0</v>
      </c>
      <c r="G1911">
        <v>0</v>
      </c>
      <c r="H1911">
        <v>0</v>
      </c>
      <c r="I1911">
        <v>0</v>
      </c>
      <c r="J1911">
        <v>0</v>
      </c>
      <c r="K1911">
        <v>0</v>
      </c>
      <c r="L1911">
        <v>0</v>
      </c>
      <c r="M1911">
        <v>0</v>
      </c>
      <c r="N1911">
        <v>0</v>
      </c>
      <c r="O1911">
        <v>0</v>
      </c>
      <c r="P1911">
        <v>0</v>
      </c>
      <c r="Q1911">
        <v>0</v>
      </c>
      <c r="R1911">
        <v>0</v>
      </c>
      <c r="S1911">
        <v>0</v>
      </c>
      <c r="T1911">
        <v>0</v>
      </c>
      <c r="U1911">
        <v>0</v>
      </c>
      <c r="V1911">
        <v>0</v>
      </c>
      <c r="W1911">
        <v>0</v>
      </c>
      <c r="X1911">
        <v>0</v>
      </c>
      <c r="Y1911">
        <v>24</v>
      </c>
      <c r="Z1911">
        <v>10</v>
      </c>
      <c r="AA1911">
        <v>163</v>
      </c>
      <c r="AB1911">
        <v>60</v>
      </c>
      <c r="AC1911">
        <v>140</v>
      </c>
      <c r="AD1911">
        <v>36</v>
      </c>
      <c r="AE1911">
        <v>120</v>
      </c>
      <c r="AF1911">
        <v>0</v>
      </c>
      <c r="AG1911">
        <v>50000</v>
      </c>
      <c r="AH1911">
        <v>0</v>
      </c>
      <c r="AI1911">
        <v>50000</v>
      </c>
      <c r="AJ1911">
        <v>0</v>
      </c>
      <c r="AK1911" t="s">
        <v>6</v>
      </c>
      <c r="AL1911">
        <v>0</v>
      </c>
      <c r="AM1911">
        <v>0</v>
      </c>
      <c r="AN1911">
        <v>0</v>
      </c>
      <c r="AO1911">
        <v>0</v>
      </c>
      <c r="AP1911">
        <v>0</v>
      </c>
      <c r="AQ1911">
        <v>0</v>
      </c>
      <c r="AR1911">
        <v>0</v>
      </c>
      <c r="AS1911">
        <v>0</v>
      </c>
      <c r="AT1911">
        <v>0</v>
      </c>
      <c r="AU1911">
        <v>0</v>
      </c>
      <c r="AV1911">
        <v>0</v>
      </c>
      <c r="AW1911">
        <v>0</v>
      </c>
      <c r="AX1911">
        <v>0</v>
      </c>
      <c r="AY1911">
        <v>0</v>
      </c>
      <c r="AZ1911">
        <v>0</v>
      </c>
      <c r="BA1911">
        <v>0</v>
      </c>
    </row>
    <row r="1912" spans="1:53" x14ac:dyDescent="0.4">
      <c r="A1912">
        <v>1956</v>
      </c>
      <c r="B1912" s="1">
        <v>43438</v>
      </c>
      <c r="C1912">
        <v>2</v>
      </c>
      <c r="D1912" s="1">
        <v>43438.456250000003</v>
      </c>
      <c r="E1912" s="1">
        <v>43438.737500000003</v>
      </c>
      <c r="F1912">
        <v>14000</v>
      </c>
      <c r="G1912">
        <v>0</v>
      </c>
      <c r="H1912">
        <v>0</v>
      </c>
      <c r="I1912">
        <v>0</v>
      </c>
      <c r="J1912">
        <v>0</v>
      </c>
      <c r="K1912">
        <v>0</v>
      </c>
      <c r="L1912">
        <v>0</v>
      </c>
      <c r="M1912">
        <v>1120</v>
      </c>
      <c r="N1912">
        <v>0</v>
      </c>
      <c r="O1912">
        <v>0</v>
      </c>
      <c r="P1912">
        <v>23760</v>
      </c>
      <c r="Q1912">
        <v>0</v>
      </c>
      <c r="R1912">
        <v>38880</v>
      </c>
      <c r="S1912">
        <v>0</v>
      </c>
      <c r="T1912">
        <v>0</v>
      </c>
      <c r="U1912">
        <v>0</v>
      </c>
      <c r="V1912">
        <v>0</v>
      </c>
      <c r="W1912">
        <v>1</v>
      </c>
      <c r="X1912">
        <v>0</v>
      </c>
      <c r="Y1912">
        <v>44</v>
      </c>
      <c r="Z1912">
        <v>30</v>
      </c>
      <c r="AA1912">
        <v>191</v>
      </c>
      <c r="AB1912">
        <v>66</v>
      </c>
      <c r="AC1912">
        <v>216</v>
      </c>
      <c r="AD1912">
        <v>40</v>
      </c>
      <c r="AE1912">
        <v>120</v>
      </c>
      <c r="AF1912">
        <v>0</v>
      </c>
      <c r="AG1912">
        <v>88880</v>
      </c>
      <c r="AH1912">
        <v>50000</v>
      </c>
      <c r="AI1912">
        <v>0</v>
      </c>
      <c r="AJ1912">
        <v>96</v>
      </c>
      <c r="AK1912" t="s">
        <v>4</v>
      </c>
      <c r="AL1912">
        <v>0</v>
      </c>
      <c r="AM1912">
        <v>0</v>
      </c>
      <c r="AN1912">
        <v>0</v>
      </c>
      <c r="AO1912">
        <v>0</v>
      </c>
      <c r="AP1912">
        <v>0</v>
      </c>
      <c r="AQ1912">
        <v>0</v>
      </c>
      <c r="AR1912">
        <v>0</v>
      </c>
      <c r="AS1912">
        <v>0</v>
      </c>
      <c r="AT1912">
        <v>0</v>
      </c>
      <c r="AU1912">
        <v>0</v>
      </c>
      <c r="AV1912">
        <v>0</v>
      </c>
      <c r="AW1912">
        <v>0</v>
      </c>
      <c r="AX1912">
        <v>3413</v>
      </c>
      <c r="AY1912">
        <v>32</v>
      </c>
      <c r="AZ1912">
        <v>71</v>
      </c>
      <c r="BA1912">
        <v>4626</v>
      </c>
    </row>
    <row r="1913" spans="1:53" x14ac:dyDescent="0.4">
      <c r="A1913">
        <v>1957</v>
      </c>
      <c r="B1913" s="1">
        <v>43439</v>
      </c>
      <c r="C1913">
        <v>1</v>
      </c>
      <c r="D1913" s="1">
        <v>43439.291666666664</v>
      </c>
      <c r="E1913" s="1">
        <v>43439.45416666667</v>
      </c>
      <c r="F1913">
        <v>0</v>
      </c>
      <c r="G1913">
        <v>0</v>
      </c>
      <c r="H1913">
        <v>0</v>
      </c>
      <c r="I1913">
        <v>0</v>
      </c>
      <c r="J1913">
        <v>0</v>
      </c>
      <c r="K1913">
        <v>0</v>
      </c>
      <c r="L1913">
        <v>0</v>
      </c>
      <c r="M1913">
        <v>0</v>
      </c>
      <c r="N1913">
        <v>0</v>
      </c>
      <c r="O1913">
        <v>0</v>
      </c>
      <c r="P1913">
        <v>0</v>
      </c>
      <c r="Q1913">
        <v>0</v>
      </c>
      <c r="R1913">
        <v>0</v>
      </c>
      <c r="S1913">
        <v>0</v>
      </c>
      <c r="T1913">
        <v>0</v>
      </c>
      <c r="U1913">
        <v>0</v>
      </c>
      <c r="V1913">
        <v>0</v>
      </c>
      <c r="W1913">
        <v>0</v>
      </c>
      <c r="X1913">
        <v>0</v>
      </c>
      <c r="Y1913">
        <v>34</v>
      </c>
      <c r="Z1913">
        <v>6</v>
      </c>
      <c r="AA1913">
        <v>82</v>
      </c>
      <c r="AB1913">
        <v>71</v>
      </c>
      <c r="AC1913">
        <v>93</v>
      </c>
      <c r="AD1913">
        <v>41</v>
      </c>
      <c r="AE1913">
        <v>115</v>
      </c>
      <c r="AF1913">
        <v>0</v>
      </c>
      <c r="AG1913">
        <v>50000</v>
      </c>
      <c r="AH1913">
        <v>0</v>
      </c>
      <c r="AI1913">
        <v>50000</v>
      </c>
      <c r="AJ1913">
        <v>0</v>
      </c>
      <c r="AK1913" t="s">
        <v>6</v>
      </c>
      <c r="AL1913">
        <v>0</v>
      </c>
      <c r="AM1913">
        <v>0</v>
      </c>
      <c r="AN1913">
        <v>0</v>
      </c>
      <c r="AO1913">
        <v>0</v>
      </c>
      <c r="AP1913">
        <v>0</v>
      </c>
      <c r="AQ1913">
        <v>0</v>
      </c>
      <c r="AR1913">
        <v>0</v>
      </c>
      <c r="AS1913">
        <v>0</v>
      </c>
      <c r="AT1913">
        <v>0</v>
      </c>
      <c r="AU1913">
        <v>0</v>
      </c>
      <c r="AV1913">
        <v>0</v>
      </c>
      <c r="AW1913">
        <v>0</v>
      </c>
      <c r="AX1913">
        <v>0</v>
      </c>
      <c r="AY1913">
        <v>0</v>
      </c>
      <c r="AZ1913">
        <v>0</v>
      </c>
      <c r="BA1913">
        <v>0</v>
      </c>
    </row>
    <row r="1914" spans="1:53" x14ac:dyDescent="0.4">
      <c r="A1914">
        <v>1958</v>
      </c>
      <c r="B1914" s="1">
        <v>43439</v>
      </c>
      <c r="C1914">
        <v>2</v>
      </c>
      <c r="D1914" s="1">
        <v>43439.45416666667</v>
      </c>
      <c r="E1914" s="1">
        <v>43439.75277777778</v>
      </c>
      <c r="F1914">
        <v>16000</v>
      </c>
      <c r="G1914">
        <v>0</v>
      </c>
      <c r="H1914">
        <v>0</v>
      </c>
      <c r="I1914">
        <v>0</v>
      </c>
      <c r="J1914">
        <v>0</v>
      </c>
      <c r="K1914">
        <v>0</v>
      </c>
      <c r="L1914">
        <v>0</v>
      </c>
      <c r="M1914">
        <v>1280</v>
      </c>
      <c r="N1914">
        <v>0</v>
      </c>
      <c r="O1914">
        <v>0</v>
      </c>
      <c r="P1914">
        <v>10260</v>
      </c>
      <c r="Q1914">
        <v>0</v>
      </c>
      <c r="R1914">
        <v>27540</v>
      </c>
      <c r="S1914">
        <v>0</v>
      </c>
      <c r="T1914">
        <v>0</v>
      </c>
      <c r="U1914">
        <v>0</v>
      </c>
      <c r="V1914">
        <v>0</v>
      </c>
      <c r="W1914">
        <v>1</v>
      </c>
      <c r="X1914">
        <v>0</v>
      </c>
      <c r="Y1914">
        <v>49</v>
      </c>
      <c r="Z1914">
        <v>19</v>
      </c>
      <c r="AA1914">
        <v>85</v>
      </c>
      <c r="AB1914">
        <v>76</v>
      </c>
      <c r="AC1914">
        <v>141</v>
      </c>
      <c r="AD1914">
        <v>42</v>
      </c>
      <c r="AE1914">
        <v>120</v>
      </c>
      <c r="AF1914">
        <v>0</v>
      </c>
      <c r="AG1914">
        <v>77540</v>
      </c>
      <c r="AH1914">
        <v>50000</v>
      </c>
      <c r="AI1914">
        <v>0</v>
      </c>
      <c r="AJ1914">
        <v>106</v>
      </c>
      <c r="AK1914" t="s">
        <v>29</v>
      </c>
      <c r="AL1914">
        <v>0</v>
      </c>
      <c r="AM1914">
        <v>0</v>
      </c>
      <c r="AN1914">
        <v>0</v>
      </c>
      <c r="AO1914">
        <v>0</v>
      </c>
      <c r="AP1914">
        <v>0</v>
      </c>
      <c r="AQ1914">
        <v>0</v>
      </c>
      <c r="AR1914">
        <v>0</v>
      </c>
      <c r="AS1914">
        <v>0</v>
      </c>
      <c r="AT1914">
        <v>0</v>
      </c>
      <c r="AU1914">
        <v>0</v>
      </c>
      <c r="AV1914">
        <v>0</v>
      </c>
      <c r="AW1914">
        <v>0</v>
      </c>
      <c r="AX1914">
        <v>-1426</v>
      </c>
      <c r="AY1914">
        <v>30</v>
      </c>
      <c r="AZ1914">
        <v>51</v>
      </c>
      <c r="BA1914">
        <v>4071</v>
      </c>
    </row>
    <row r="1915" spans="1:53" x14ac:dyDescent="0.4">
      <c r="A1915">
        <v>1959</v>
      </c>
      <c r="B1915" s="1">
        <v>43439</v>
      </c>
      <c r="C1915">
        <v>3</v>
      </c>
      <c r="D1915" s="1">
        <v>43439.75277777778</v>
      </c>
      <c r="E1915" s="1">
        <v>43439.95416666667</v>
      </c>
      <c r="F1915">
        <v>21250</v>
      </c>
      <c r="G1915">
        <v>680</v>
      </c>
      <c r="H1915">
        <v>0</v>
      </c>
      <c r="I1915">
        <v>0</v>
      </c>
      <c r="J1915">
        <v>0</v>
      </c>
      <c r="K1915">
        <v>0</v>
      </c>
      <c r="L1915">
        <v>0</v>
      </c>
      <c r="M1915">
        <v>1754</v>
      </c>
      <c r="N1915">
        <v>0</v>
      </c>
      <c r="O1915">
        <v>0</v>
      </c>
      <c r="P1915">
        <v>-10260</v>
      </c>
      <c r="Q1915">
        <v>0</v>
      </c>
      <c r="R1915">
        <v>13424</v>
      </c>
      <c r="S1915">
        <v>0</v>
      </c>
      <c r="T1915">
        <v>0</v>
      </c>
      <c r="U1915">
        <v>0</v>
      </c>
      <c r="V1915">
        <v>2</v>
      </c>
      <c r="W1915">
        <v>0</v>
      </c>
      <c r="X1915">
        <v>0</v>
      </c>
      <c r="Y1915">
        <v>47</v>
      </c>
      <c r="Z1915">
        <v>19</v>
      </c>
      <c r="AA1915">
        <v>87</v>
      </c>
      <c r="AB1915">
        <v>79</v>
      </c>
      <c r="AC1915">
        <v>149</v>
      </c>
      <c r="AD1915">
        <v>41</v>
      </c>
      <c r="AE1915">
        <v>119</v>
      </c>
      <c r="AF1915">
        <v>0</v>
      </c>
      <c r="AG1915">
        <v>90964</v>
      </c>
      <c r="AH1915">
        <v>50000</v>
      </c>
      <c r="AI1915">
        <v>0</v>
      </c>
      <c r="AJ1915">
        <v>108</v>
      </c>
      <c r="AK1915" t="s">
        <v>30</v>
      </c>
      <c r="AL1915">
        <v>0</v>
      </c>
      <c r="AM1915">
        <v>0</v>
      </c>
      <c r="AN1915">
        <v>0</v>
      </c>
      <c r="AO1915">
        <v>0</v>
      </c>
      <c r="AP1915">
        <v>0</v>
      </c>
      <c r="AQ1915">
        <v>0</v>
      </c>
      <c r="AR1915">
        <v>0</v>
      </c>
      <c r="AS1915">
        <v>0</v>
      </c>
      <c r="AT1915">
        <v>0</v>
      </c>
      <c r="AU1915">
        <v>0</v>
      </c>
      <c r="AV1915">
        <v>0</v>
      </c>
      <c r="AW1915">
        <v>0</v>
      </c>
      <c r="AX1915">
        <v>38512</v>
      </c>
      <c r="AY1915">
        <v>11</v>
      </c>
      <c r="AZ1915">
        <v>47</v>
      </c>
      <c r="BA1915">
        <v>1759</v>
      </c>
    </row>
    <row r="1916" spans="1:53" x14ac:dyDescent="0.4">
      <c r="A1916">
        <v>1960</v>
      </c>
      <c r="B1916" s="1">
        <v>43440</v>
      </c>
      <c r="C1916">
        <v>1</v>
      </c>
      <c r="D1916" s="1">
        <v>43440.291666666664</v>
      </c>
      <c r="E1916" s="1">
        <v>43440.456250000003</v>
      </c>
      <c r="F1916">
        <v>0</v>
      </c>
      <c r="G1916">
        <v>0</v>
      </c>
      <c r="H1916">
        <v>0</v>
      </c>
      <c r="I1916">
        <v>0</v>
      </c>
      <c r="J1916">
        <v>0</v>
      </c>
      <c r="K1916">
        <v>0</v>
      </c>
      <c r="L1916">
        <v>0</v>
      </c>
      <c r="M1916">
        <v>0</v>
      </c>
      <c r="N1916">
        <v>0</v>
      </c>
      <c r="O1916">
        <v>0</v>
      </c>
      <c r="P1916">
        <v>0</v>
      </c>
      <c r="Q1916">
        <v>0</v>
      </c>
      <c r="R1916">
        <v>0</v>
      </c>
      <c r="S1916">
        <v>0</v>
      </c>
      <c r="T1916">
        <v>0</v>
      </c>
      <c r="U1916">
        <v>0</v>
      </c>
      <c r="V1916">
        <v>0</v>
      </c>
      <c r="W1916">
        <v>0</v>
      </c>
      <c r="X1916">
        <v>0</v>
      </c>
      <c r="Y1916">
        <v>25</v>
      </c>
      <c r="Z1916">
        <v>11</v>
      </c>
      <c r="AA1916">
        <v>139</v>
      </c>
      <c r="AB1916">
        <v>78</v>
      </c>
      <c r="AC1916">
        <v>137</v>
      </c>
      <c r="AD1916">
        <v>43</v>
      </c>
      <c r="AE1916">
        <v>115</v>
      </c>
      <c r="AF1916">
        <v>0</v>
      </c>
      <c r="AG1916">
        <v>50000</v>
      </c>
      <c r="AH1916">
        <v>0</v>
      </c>
      <c r="AI1916">
        <v>50000</v>
      </c>
      <c r="AJ1916">
        <v>0</v>
      </c>
      <c r="AK1916" t="s">
        <v>6</v>
      </c>
      <c r="AL1916">
        <v>0</v>
      </c>
      <c r="AM1916">
        <v>0</v>
      </c>
      <c r="AN1916">
        <v>0</v>
      </c>
      <c r="AO1916">
        <v>0</v>
      </c>
      <c r="AP1916">
        <v>0</v>
      </c>
      <c r="AQ1916">
        <v>0</v>
      </c>
      <c r="AR1916">
        <v>0</v>
      </c>
      <c r="AS1916">
        <v>0</v>
      </c>
      <c r="AT1916">
        <v>0</v>
      </c>
      <c r="AU1916">
        <v>0</v>
      </c>
      <c r="AV1916">
        <v>0</v>
      </c>
      <c r="AW1916">
        <v>0</v>
      </c>
      <c r="AX1916">
        <v>0</v>
      </c>
      <c r="AY1916">
        <v>0</v>
      </c>
      <c r="AZ1916">
        <v>0</v>
      </c>
      <c r="BA1916">
        <v>0</v>
      </c>
    </row>
    <row r="1917" spans="1:53" x14ac:dyDescent="0.4">
      <c r="A1917">
        <v>1961</v>
      </c>
      <c r="B1917" s="1">
        <v>43440</v>
      </c>
      <c r="C1917">
        <v>2</v>
      </c>
      <c r="D1917" s="1">
        <v>43440.456250000003</v>
      </c>
      <c r="E1917" s="1">
        <v>43440.739583333336</v>
      </c>
      <c r="F1917">
        <v>16500</v>
      </c>
      <c r="G1917">
        <v>0</v>
      </c>
      <c r="H1917">
        <v>0</v>
      </c>
      <c r="I1917">
        <v>0</v>
      </c>
      <c r="J1917">
        <v>0</v>
      </c>
      <c r="K1917">
        <v>0</v>
      </c>
      <c r="L1917">
        <v>0</v>
      </c>
      <c r="M1917">
        <v>1320</v>
      </c>
      <c r="N1917">
        <v>0</v>
      </c>
      <c r="O1917">
        <v>0</v>
      </c>
      <c r="P1917">
        <v>14580</v>
      </c>
      <c r="Q1917">
        <v>0</v>
      </c>
      <c r="R1917">
        <v>32400</v>
      </c>
      <c r="S1917">
        <v>0</v>
      </c>
      <c r="T1917">
        <v>0</v>
      </c>
      <c r="U1917">
        <v>0</v>
      </c>
      <c r="V1917">
        <v>0</v>
      </c>
      <c r="W1917">
        <v>3</v>
      </c>
      <c r="X1917">
        <v>0</v>
      </c>
      <c r="Y1917">
        <v>37</v>
      </c>
      <c r="Z1917">
        <v>17</v>
      </c>
      <c r="AA1917">
        <v>157</v>
      </c>
      <c r="AB1917">
        <v>80</v>
      </c>
      <c r="AC1917">
        <v>186</v>
      </c>
      <c r="AD1917">
        <v>44</v>
      </c>
      <c r="AE1917">
        <v>120</v>
      </c>
      <c r="AF1917">
        <v>0</v>
      </c>
      <c r="AG1917">
        <v>82400</v>
      </c>
      <c r="AH1917">
        <v>50000</v>
      </c>
      <c r="AI1917">
        <v>0</v>
      </c>
      <c r="AJ1917">
        <v>96</v>
      </c>
      <c r="AK1917" t="s">
        <v>4</v>
      </c>
      <c r="AL1917">
        <v>0</v>
      </c>
      <c r="AM1917">
        <v>0</v>
      </c>
      <c r="AN1917">
        <v>0</v>
      </c>
      <c r="AO1917">
        <v>0</v>
      </c>
      <c r="AP1917">
        <v>0</v>
      </c>
      <c r="AQ1917">
        <v>0</v>
      </c>
      <c r="AR1917">
        <v>0</v>
      </c>
      <c r="AS1917">
        <v>0</v>
      </c>
      <c r="AT1917">
        <v>0</v>
      </c>
      <c r="AU1917">
        <v>0</v>
      </c>
      <c r="AV1917">
        <v>0</v>
      </c>
      <c r="AW1917">
        <v>0</v>
      </c>
      <c r="AX1917">
        <v>-886</v>
      </c>
      <c r="AY1917">
        <v>33</v>
      </c>
      <c r="AZ1917">
        <v>58</v>
      </c>
      <c r="BA1917">
        <v>4605</v>
      </c>
    </row>
    <row r="1918" spans="1:53" x14ac:dyDescent="0.4">
      <c r="A1918">
        <v>1962</v>
      </c>
      <c r="B1918" s="1">
        <v>43440</v>
      </c>
      <c r="C1918">
        <v>3</v>
      </c>
      <c r="D1918" s="1">
        <v>43440.739583333336</v>
      </c>
      <c r="E1918" s="1">
        <v>43440.956944444442</v>
      </c>
      <c r="F1918">
        <v>35000</v>
      </c>
      <c r="G1918">
        <v>1180</v>
      </c>
      <c r="H1918">
        <v>0</v>
      </c>
      <c r="I1918">
        <v>0</v>
      </c>
      <c r="J1918">
        <v>0</v>
      </c>
      <c r="K1918">
        <v>0</v>
      </c>
      <c r="L1918">
        <v>0</v>
      </c>
      <c r="M1918">
        <v>2894</v>
      </c>
      <c r="N1918">
        <v>0</v>
      </c>
      <c r="O1918">
        <v>0</v>
      </c>
      <c r="P1918">
        <v>-14580</v>
      </c>
      <c r="Q1918">
        <v>0</v>
      </c>
      <c r="R1918">
        <v>24494</v>
      </c>
      <c r="S1918">
        <v>0</v>
      </c>
      <c r="T1918">
        <v>0</v>
      </c>
      <c r="U1918">
        <v>0</v>
      </c>
      <c r="V1918">
        <v>0</v>
      </c>
      <c r="W1918">
        <v>5</v>
      </c>
      <c r="X1918">
        <v>0</v>
      </c>
      <c r="Y1918">
        <v>47</v>
      </c>
      <c r="Z1918">
        <v>19</v>
      </c>
      <c r="AA1918">
        <v>170</v>
      </c>
      <c r="AB1918">
        <v>83</v>
      </c>
      <c r="AC1918">
        <v>175</v>
      </c>
      <c r="AD1918">
        <v>43</v>
      </c>
      <c r="AE1918">
        <v>119</v>
      </c>
      <c r="AF1918">
        <v>2160</v>
      </c>
      <c r="AG1918">
        <v>106894</v>
      </c>
      <c r="AH1918">
        <v>50000</v>
      </c>
      <c r="AI1918">
        <v>0</v>
      </c>
      <c r="AJ1918">
        <v>102</v>
      </c>
      <c r="AK1918" t="s">
        <v>8</v>
      </c>
      <c r="AL1918">
        <v>0</v>
      </c>
      <c r="AM1918">
        <v>0</v>
      </c>
      <c r="AN1918">
        <v>0</v>
      </c>
      <c r="AO1918">
        <v>0</v>
      </c>
      <c r="AP1918">
        <v>0</v>
      </c>
      <c r="AQ1918">
        <v>0</v>
      </c>
      <c r="AR1918">
        <v>0</v>
      </c>
      <c r="AS1918">
        <v>0</v>
      </c>
      <c r="AT1918">
        <v>0</v>
      </c>
      <c r="AU1918">
        <v>0</v>
      </c>
      <c r="AV1918">
        <v>0</v>
      </c>
      <c r="AW1918">
        <v>0</v>
      </c>
      <c r="AX1918">
        <v>13770</v>
      </c>
      <c r="AY1918">
        <v>14</v>
      </c>
      <c r="AZ1918">
        <v>31</v>
      </c>
      <c r="BA1918">
        <v>2255</v>
      </c>
    </row>
    <row r="1919" spans="1:53" x14ac:dyDescent="0.4">
      <c r="A1919">
        <v>1963</v>
      </c>
      <c r="B1919" s="1">
        <v>43440</v>
      </c>
      <c r="C1919">
        <v>4</v>
      </c>
      <c r="D1919" s="1">
        <v>43440.956944444442</v>
      </c>
      <c r="E1919" s="1">
        <v>43441.084722222222</v>
      </c>
      <c r="F1919">
        <v>30375</v>
      </c>
      <c r="G1919">
        <v>0</v>
      </c>
      <c r="H1919">
        <v>200</v>
      </c>
      <c r="I1919">
        <v>0</v>
      </c>
      <c r="J1919">
        <v>0</v>
      </c>
      <c r="K1919">
        <v>0</v>
      </c>
      <c r="L1919">
        <v>0</v>
      </c>
      <c r="M1919">
        <v>2446</v>
      </c>
      <c r="N1919">
        <v>0</v>
      </c>
      <c r="O1919">
        <v>0</v>
      </c>
      <c r="P1919">
        <v>2376</v>
      </c>
      <c r="Q1919">
        <v>0</v>
      </c>
      <c r="R1919">
        <v>35397</v>
      </c>
      <c r="S1919">
        <v>0</v>
      </c>
      <c r="T1919">
        <v>0</v>
      </c>
      <c r="U1919">
        <v>0</v>
      </c>
      <c r="V1919">
        <v>1</v>
      </c>
      <c r="W1919">
        <v>4</v>
      </c>
      <c r="X1919">
        <v>0</v>
      </c>
      <c r="Y1919">
        <v>65</v>
      </c>
      <c r="Z1919">
        <v>19</v>
      </c>
      <c r="AA1919">
        <v>163</v>
      </c>
      <c r="AB1919">
        <v>82</v>
      </c>
      <c r="AC1919">
        <v>172</v>
      </c>
      <c r="AD1919">
        <v>43</v>
      </c>
      <c r="AE1919">
        <v>120</v>
      </c>
      <c r="AF1919">
        <v>15336</v>
      </c>
      <c r="AG1919">
        <v>142291</v>
      </c>
      <c r="AH1919">
        <v>50000</v>
      </c>
      <c r="AI1919">
        <v>0</v>
      </c>
      <c r="AJ1919">
        <v>108</v>
      </c>
      <c r="AK1919" t="s">
        <v>30</v>
      </c>
      <c r="AL1919">
        <v>0</v>
      </c>
      <c r="AM1919">
        <v>0</v>
      </c>
      <c r="AN1919">
        <v>0</v>
      </c>
      <c r="AO1919">
        <v>0</v>
      </c>
      <c r="AP1919">
        <v>0</v>
      </c>
      <c r="AQ1919">
        <v>0</v>
      </c>
      <c r="AR1919">
        <v>0</v>
      </c>
      <c r="AS1919">
        <v>0</v>
      </c>
      <c r="AT1919">
        <v>0</v>
      </c>
      <c r="AU1919">
        <v>0</v>
      </c>
      <c r="AV1919">
        <v>0</v>
      </c>
      <c r="AW1919">
        <v>0</v>
      </c>
      <c r="AX1919">
        <v>1620</v>
      </c>
      <c r="AY1919">
        <v>3</v>
      </c>
      <c r="AZ1919">
        <v>10</v>
      </c>
      <c r="BA1919">
        <v>433</v>
      </c>
    </row>
    <row r="1920" spans="1:53" x14ac:dyDescent="0.4">
      <c r="A1920">
        <v>1964</v>
      </c>
      <c r="B1920" s="1">
        <v>43441</v>
      </c>
      <c r="C1920">
        <v>1</v>
      </c>
      <c r="D1920" s="1">
        <v>43441.291666666664</v>
      </c>
      <c r="E1920" s="1">
        <v>43441.452777777777</v>
      </c>
      <c r="F1920">
        <v>0</v>
      </c>
      <c r="G1920">
        <v>0</v>
      </c>
      <c r="H1920">
        <v>0</v>
      </c>
      <c r="I1920">
        <v>0</v>
      </c>
      <c r="J1920">
        <v>0</v>
      </c>
      <c r="K1920">
        <v>0</v>
      </c>
      <c r="L1920">
        <v>0</v>
      </c>
      <c r="M1920">
        <v>0</v>
      </c>
      <c r="N1920">
        <v>0</v>
      </c>
      <c r="O1920">
        <v>0</v>
      </c>
      <c r="P1920">
        <v>0</v>
      </c>
      <c r="Q1920">
        <v>0</v>
      </c>
      <c r="R1920">
        <v>0</v>
      </c>
      <c r="S1920">
        <v>0</v>
      </c>
      <c r="T1920">
        <v>0</v>
      </c>
      <c r="U1920">
        <v>0</v>
      </c>
      <c r="V1920">
        <v>0</v>
      </c>
      <c r="W1920">
        <v>0</v>
      </c>
      <c r="X1920">
        <v>0</v>
      </c>
      <c r="Y1920">
        <v>23</v>
      </c>
      <c r="Z1920">
        <v>11</v>
      </c>
      <c r="AA1920">
        <v>158</v>
      </c>
      <c r="AB1920">
        <v>83</v>
      </c>
      <c r="AC1920">
        <v>119</v>
      </c>
      <c r="AD1920">
        <v>47</v>
      </c>
      <c r="AE1920">
        <v>125</v>
      </c>
      <c r="AF1920">
        <v>0</v>
      </c>
      <c r="AG1920">
        <v>50000</v>
      </c>
      <c r="AH1920">
        <v>0</v>
      </c>
      <c r="AI1920">
        <v>50000</v>
      </c>
      <c r="AJ1920">
        <v>0</v>
      </c>
      <c r="AK1920" t="s">
        <v>6</v>
      </c>
      <c r="AL1920">
        <v>0</v>
      </c>
      <c r="AM1920">
        <v>0</v>
      </c>
      <c r="AN1920">
        <v>0</v>
      </c>
      <c r="AO1920">
        <v>0</v>
      </c>
      <c r="AP1920">
        <v>0</v>
      </c>
      <c r="AQ1920">
        <v>0</v>
      </c>
      <c r="AR1920">
        <v>0</v>
      </c>
      <c r="AS1920">
        <v>0</v>
      </c>
      <c r="AT1920">
        <v>0</v>
      </c>
      <c r="AU1920">
        <v>0</v>
      </c>
      <c r="AV1920">
        <v>0</v>
      </c>
      <c r="AW1920">
        <v>0</v>
      </c>
      <c r="AX1920">
        <v>0</v>
      </c>
      <c r="AY1920">
        <v>0</v>
      </c>
      <c r="AZ1920">
        <v>0</v>
      </c>
      <c r="BA1920">
        <v>0</v>
      </c>
    </row>
    <row r="1921" spans="1:53" x14ac:dyDescent="0.4">
      <c r="A1921">
        <v>1965</v>
      </c>
      <c r="B1921" s="1">
        <v>43441</v>
      </c>
      <c r="C1921">
        <v>2</v>
      </c>
      <c r="D1921" s="1">
        <v>43441.452777777777</v>
      </c>
      <c r="E1921" s="1">
        <v>43441.740972222222</v>
      </c>
      <c r="F1921">
        <v>20750</v>
      </c>
      <c r="G1921">
        <v>1180</v>
      </c>
      <c r="H1921">
        <v>0</v>
      </c>
      <c r="I1921">
        <v>0</v>
      </c>
      <c r="J1921">
        <v>0</v>
      </c>
      <c r="K1921">
        <v>0</v>
      </c>
      <c r="L1921">
        <v>0</v>
      </c>
      <c r="M1921">
        <v>1754</v>
      </c>
      <c r="N1921">
        <v>0</v>
      </c>
      <c r="O1921">
        <v>0</v>
      </c>
      <c r="P1921">
        <v>12420</v>
      </c>
      <c r="Q1921">
        <v>0</v>
      </c>
      <c r="R1921">
        <v>36104</v>
      </c>
      <c r="S1921">
        <v>0</v>
      </c>
      <c r="T1921">
        <v>0</v>
      </c>
      <c r="U1921">
        <v>0</v>
      </c>
      <c r="V1921">
        <v>3</v>
      </c>
      <c r="W1921">
        <v>2</v>
      </c>
      <c r="X1921">
        <v>0</v>
      </c>
      <c r="Y1921">
        <v>10</v>
      </c>
      <c r="Z1921">
        <v>17</v>
      </c>
      <c r="AA1921">
        <v>188</v>
      </c>
      <c r="AB1921">
        <v>85</v>
      </c>
      <c r="AC1921">
        <v>175</v>
      </c>
      <c r="AD1921">
        <v>47</v>
      </c>
      <c r="AE1921">
        <v>120</v>
      </c>
      <c r="AF1921">
        <v>2449</v>
      </c>
      <c r="AG1921">
        <v>86104</v>
      </c>
      <c r="AH1921">
        <v>50000</v>
      </c>
      <c r="AI1921">
        <v>0</v>
      </c>
      <c r="AJ1921">
        <v>96</v>
      </c>
      <c r="AK1921" t="s">
        <v>4</v>
      </c>
      <c r="AL1921">
        <v>0</v>
      </c>
      <c r="AM1921">
        <v>0</v>
      </c>
      <c r="AN1921">
        <v>0</v>
      </c>
      <c r="AO1921">
        <v>0</v>
      </c>
      <c r="AP1921">
        <v>0</v>
      </c>
      <c r="AQ1921">
        <v>0</v>
      </c>
      <c r="AR1921">
        <v>0</v>
      </c>
      <c r="AS1921">
        <v>0</v>
      </c>
      <c r="AT1921">
        <v>0</v>
      </c>
      <c r="AU1921">
        <v>0</v>
      </c>
      <c r="AV1921">
        <v>0</v>
      </c>
      <c r="AW1921">
        <v>0</v>
      </c>
      <c r="AX1921">
        <v>-1080</v>
      </c>
      <c r="AY1921">
        <v>35</v>
      </c>
      <c r="AZ1921">
        <v>62</v>
      </c>
      <c r="BA1921">
        <v>5126</v>
      </c>
    </row>
    <row r="1922" spans="1:53" x14ac:dyDescent="0.4">
      <c r="A1922">
        <v>1966</v>
      </c>
      <c r="B1922" s="1">
        <v>43442</v>
      </c>
      <c r="C1922">
        <v>1</v>
      </c>
      <c r="D1922" s="1">
        <v>43442.291666666664</v>
      </c>
      <c r="E1922" s="1">
        <v>43442.413194444445</v>
      </c>
      <c r="F1922">
        <v>0</v>
      </c>
      <c r="G1922">
        <v>0</v>
      </c>
      <c r="H1922">
        <v>0</v>
      </c>
      <c r="I1922">
        <v>0</v>
      </c>
      <c r="J1922">
        <v>0</v>
      </c>
      <c r="K1922">
        <v>0</v>
      </c>
      <c r="L1922">
        <v>0</v>
      </c>
      <c r="M1922">
        <v>0</v>
      </c>
      <c r="N1922">
        <v>0</v>
      </c>
      <c r="O1922">
        <v>0</v>
      </c>
      <c r="P1922">
        <v>0</v>
      </c>
      <c r="Q1922">
        <v>0</v>
      </c>
      <c r="R1922">
        <v>0</v>
      </c>
      <c r="S1922">
        <v>0</v>
      </c>
      <c r="T1922">
        <v>0</v>
      </c>
      <c r="U1922">
        <v>0</v>
      </c>
      <c r="V1922">
        <v>0</v>
      </c>
      <c r="W1922">
        <v>0</v>
      </c>
      <c r="X1922">
        <v>0</v>
      </c>
      <c r="Y1922">
        <v>24</v>
      </c>
      <c r="Z1922">
        <v>6</v>
      </c>
      <c r="AA1922">
        <v>178</v>
      </c>
      <c r="AB1922">
        <v>73</v>
      </c>
      <c r="AC1922">
        <v>124</v>
      </c>
      <c r="AD1922">
        <v>42</v>
      </c>
      <c r="AE1922">
        <v>101</v>
      </c>
      <c r="AF1922">
        <v>0</v>
      </c>
      <c r="AG1922">
        <v>50001</v>
      </c>
      <c r="AH1922">
        <v>50000</v>
      </c>
      <c r="AI1922">
        <v>1</v>
      </c>
      <c r="AJ1922">
        <v>0</v>
      </c>
      <c r="AK1922" t="s">
        <v>6</v>
      </c>
      <c r="AL1922">
        <v>0</v>
      </c>
      <c r="AM1922">
        <v>0</v>
      </c>
      <c r="AN1922">
        <v>0</v>
      </c>
      <c r="AO1922">
        <v>0</v>
      </c>
      <c r="AP1922">
        <v>0</v>
      </c>
      <c r="AQ1922">
        <v>0</v>
      </c>
      <c r="AR1922">
        <v>0</v>
      </c>
      <c r="AS1922">
        <v>0</v>
      </c>
      <c r="AT1922">
        <v>0</v>
      </c>
      <c r="AU1922">
        <v>0</v>
      </c>
      <c r="AV1922">
        <v>0</v>
      </c>
      <c r="AW1922">
        <v>0</v>
      </c>
      <c r="AX1922">
        <v>0</v>
      </c>
      <c r="AY1922">
        <v>0</v>
      </c>
      <c r="AZ1922">
        <v>0</v>
      </c>
      <c r="BA1922">
        <v>0</v>
      </c>
    </row>
    <row r="1923" spans="1:53" x14ac:dyDescent="0.4">
      <c r="A1923">
        <v>1967</v>
      </c>
      <c r="B1923" s="1">
        <v>43443</v>
      </c>
      <c r="C1923">
        <v>1</v>
      </c>
      <c r="D1923" s="1">
        <v>43443.291666666664</v>
      </c>
      <c r="E1923" s="1">
        <v>43443.40625</v>
      </c>
      <c r="F1923">
        <v>0</v>
      </c>
      <c r="G1923">
        <v>0</v>
      </c>
      <c r="H1923">
        <v>0</v>
      </c>
      <c r="I1923">
        <v>0</v>
      </c>
      <c r="J1923">
        <v>0</v>
      </c>
      <c r="K1923">
        <v>0</v>
      </c>
      <c r="L1923">
        <v>0</v>
      </c>
      <c r="M1923">
        <v>0</v>
      </c>
      <c r="N1923">
        <v>0</v>
      </c>
      <c r="O1923">
        <v>0</v>
      </c>
      <c r="P1923">
        <v>0</v>
      </c>
      <c r="Q1923">
        <v>0</v>
      </c>
      <c r="R1923">
        <v>0</v>
      </c>
      <c r="S1923">
        <v>0</v>
      </c>
      <c r="T1923">
        <v>0</v>
      </c>
      <c r="U1923">
        <v>0</v>
      </c>
      <c r="V1923">
        <v>0</v>
      </c>
      <c r="W1923">
        <v>0</v>
      </c>
      <c r="X1923">
        <v>0</v>
      </c>
      <c r="Y1923">
        <v>24</v>
      </c>
      <c r="Z1923">
        <v>10</v>
      </c>
      <c r="AA1923">
        <v>170</v>
      </c>
      <c r="AB1923">
        <v>44</v>
      </c>
      <c r="AC1923">
        <v>152</v>
      </c>
      <c r="AD1923">
        <v>41</v>
      </c>
      <c r="AE1923">
        <v>75</v>
      </c>
      <c r="AF1923">
        <v>0</v>
      </c>
      <c r="AG1923">
        <v>50000</v>
      </c>
      <c r="AH1923">
        <v>50000</v>
      </c>
      <c r="AI1923">
        <v>0</v>
      </c>
      <c r="AJ1923">
        <v>0</v>
      </c>
      <c r="AK1923" t="s">
        <v>6</v>
      </c>
      <c r="AL1923">
        <v>0</v>
      </c>
      <c r="AM1923">
        <v>0</v>
      </c>
      <c r="AN1923">
        <v>0</v>
      </c>
      <c r="AO1923">
        <v>0</v>
      </c>
      <c r="AP1923">
        <v>0</v>
      </c>
      <c r="AQ1923">
        <v>0</v>
      </c>
      <c r="AR1923">
        <v>0</v>
      </c>
      <c r="AS1923">
        <v>0</v>
      </c>
      <c r="AT1923">
        <v>0</v>
      </c>
      <c r="AU1923">
        <v>0</v>
      </c>
      <c r="AV1923">
        <v>0</v>
      </c>
      <c r="AW1923">
        <v>0</v>
      </c>
      <c r="AX1923">
        <v>0</v>
      </c>
      <c r="AY1923">
        <v>0</v>
      </c>
      <c r="AZ1923">
        <v>0</v>
      </c>
      <c r="BA1923">
        <v>0</v>
      </c>
    </row>
    <row r="1924" spans="1:53" x14ac:dyDescent="0.4">
      <c r="A1924">
        <v>1968</v>
      </c>
      <c r="B1924" s="1">
        <v>43443</v>
      </c>
      <c r="C1924">
        <v>2</v>
      </c>
      <c r="D1924" s="1">
        <v>43443.40625</v>
      </c>
      <c r="E1924" s="1">
        <v>43443.783333333333</v>
      </c>
      <c r="F1924">
        <v>49500</v>
      </c>
      <c r="G1924">
        <v>6420</v>
      </c>
      <c r="H1924">
        <v>200</v>
      </c>
      <c r="I1924">
        <v>0</v>
      </c>
      <c r="J1924">
        <v>500</v>
      </c>
      <c r="K1924">
        <v>0</v>
      </c>
      <c r="L1924">
        <v>0</v>
      </c>
      <c r="M1924">
        <v>4448</v>
      </c>
      <c r="N1924">
        <v>0</v>
      </c>
      <c r="O1924">
        <v>0</v>
      </c>
      <c r="P1924">
        <v>15120</v>
      </c>
      <c r="Q1924">
        <v>0</v>
      </c>
      <c r="R1924">
        <v>75188</v>
      </c>
      <c r="S1924">
        <v>0</v>
      </c>
      <c r="T1924">
        <v>0</v>
      </c>
      <c r="U1924">
        <v>0</v>
      </c>
      <c r="V1924">
        <v>0</v>
      </c>
      <c r="W1924">
        <v>2</v>
      </c>
      <c r="X1924">
        <v>0</v>
      </c>
      <c r="Y1924">
        <v>66</v>
      </c>
      <c r="Z1924">
        <v>35</v>
      </c>
      <c r="AA1924">
        <v>207</v>
      </c>
      <c r="AB1924">
        <v>48</v>
      </c>
      <c r="AC1924">
        <v>217</v>
      </c>
      <c r="AD1924">
        <v>40</v>
      </c>
      <c r="AE1924">
        <v>79</v>
      </c>
      <c r="AF1924">
        <v>8283</v>
      </c>
      <c r="AG1924">
        <v>127332</v>
      </c>
      <c r="AH1924">
        <v>50000</v>
      </c>
      <c r="AI1924">
        <v>2144</v>
      </c>
      <c r="AJ1924">
        <v>30</v>
      </c>
      <c r="AL1924">
        <v>0</v>
      </c>
      <c r="AM1924">
        <v>0</v>
      </c>
      <c r="AN1924">
        <v>0</v>
      </c>
      <c r="AO1924">
        <v>0</v>
      </c>
      <c r="AP1924">
        <v>0</v>
      </c>
      <c r="AQ1924">
        <v>0</v>
      </c>
      <c r="AR1924">
        <v>0</v>
      </c>
      <c r="AS1924">
        <v>0</v>
      </c>
      <c r="AT1924">
        <v>0</v>
      </c>
      <c r="AU1924">
        <v>0</v>
      </c>
      <c r="AV1924">
        <v>0</v>
      </c>
      <c r="AW1924">
        <v>0</v>
      </c>
      <c r="AX1924">
        <v>22550</v>
      </c>
      <c r="AY1924">
        <v>54</v>
      </c>
      <c r="AZ1924">
        <v>132</v>
      </c>
      <c r="BA1924">
        <v>9057</v>
      </c>
    </row>
    <row r="1925" spans="1:53" x14ac:dyDescent="0.4">
      <c r="A1925">
        <v>1969</v>
      </c>
      <c r="B1925" s="1">
        <v>43443</v>
      </c>
      <c r="C1925">
        <v>3</v>
      </c>
      <c r="D1925" s="1">
        <v>43443.783333333333</v>
      </c>
      <c r="E1925" s="1">
        <v>43443.97152777778</v>
      </c>
      <c r="F1925">
        <v>75000</v>
      </c>
      <c r="G1925">
        <v>2460</v>
      </c>
      <c r="H1925">
        <v>0</v>
      </c>
      <c r="I1925">
        <v>0</v>
      </c>
      <c r="J1925">
        <v>0</v>
      </c>
      <c r="K1925">
        <v>0</v>
      </c>
      <c r="L1925">
        <v>0</v>
      </c>
      <c r="M1925">
        <v>6196</v>
      </c>
      <c r="N1925">
        <v>0</v>
      </c>
      <c r="O1925">
        <v>0</v>
      </c>
      <c r="P1925">
        <v>-8208</v>
      </c>
      <c r="Q1925">
        <v>0</v>
      </c>
      <c r="R1925">
        <v>75448</v>
      </c>
      <c r="S1925">
        <v>0</v>
      </c>
      <c r="T1925">
        <v>0</v>
      </c>
      <c r="U1925">
        <v>0</v>
      </c>
      <c r="V1925">
        <v>7</v>
      </c>
      <c r="W1925">
        <v>3</v>
      </c>
      <c r="X1925">
        <v>0</v>
      </c>
      <c r="Y1925">
        <v>60</v>
      </c>
      <c r="Z1925">
        <v>35</v>
      </c>
      <c r="AA1925">
        <v>205</v>
      </c>
      <c r="AB1925">
        <v>47</v>
      </c>
      <c r="AC1925">
        <v>216</v>
      </c>
      <c r="AD1925">
        <v>39</v>
      </c>
      <c r="AE1925">
        <v>76</v>
      </c>
      <c r="AF1925">
        <v>15389</v>
      </c>
      <c r="AG1925">
        <v>203170</v>
      </c>
      <c r="AH1925">
        <v>50000</v>
      </c>
      <c r="AI1925">
        <v>2534</v>
      </c>
      <c r="AJ1925">
        <v>100</v>
      </c>
      <c r="AK1925" t="s">
        <v>0</v>
      </c>
      <c r="AL1925">
        <v>0</v>
      </c>
      <c r="AM1925">
        <v>0</v>
      </c>
      <c r="AN1925">
        <v>0</v>
      </c>
      <c r="AO1925">
        <v>0</v>
      </c>
      <c r="AP1925">
        <v>0</v>
      </c>
      <c r="AQ1925">
        <v>0</v>
      </c>
      <c r="AR1925">
        <v>0</v>
      </c>
      <c r="AS1925">
        <v>0</v>
      </c>
      <c r="AT1925">
        <v>0</v>
      </c>
      <c r="AU1925">
        <v>0</v>
      </c>
      <c r="AV1925">
        <v>0</v>
      </c>
      <c r="AW1925">
        <v>0</v>
      </c>
      <c r="AX1925">
        <v>25220</v>
      </c>
      <c r="AY1925">
        <v>12</v>
      </c>
      <c r="AZ1925">
        <v>39</v>
      </c>
      <c r="BA1925">
        <v>2227</v>
      </c>
    </row>
    <row r="1926" spans="1:53" x14ac:dyDescent="0.4">
      <c r="A1926">
        <v>1970</v>
      </c>
      <c r="B1926" s="1">
        <v>43444</v>
      </c>
      <c r="C1926">
        <v>1</v>
      </c>
      <c r="D1926" s="1">
        <v>43444.291666666664</v>
      </c>
      <c r="E1926" s="1">
        <v>43444.456250000003</v>
      </c>
      <c r="F1926">
        <v>0</v>
      </c>
      <c r="G1926">
        <v>0</v>
      </c>
      <c r="H1926">
        <v>0</v>
      </c>
      <c r="I1926">
        <v>0</v>
      </c>
      <c r="J1926">
        <v>0</v>
      </c>
      <c r="K1926">
        <v>0</v>
      </c>
      <c r="L1926">
        <v>0</v>
      </c>
      <c r="M1926">
        <v>0</v>
      </c>
      <c r="N1926">
        <v>0</v>
      </c>
      <c r="O1926">
        <v>0</v>
      </c>
      <c r="P1926">
        <v>0</v>
      </c>
      <c r="Q1926">
        <v>0</v>
      </c>
      <c r="R1926">
        <v>0</v>
      </c>
      <c r="S1926">
        <v>0</v>
      </c>
      <c r="T1926">
        <v>0</v>
      </c>
      <c r="U1926">
        <v>0</v>
      </c>
      <c r="V1926">
        <v>0</v>
      </c>
      <c r="W1926">
        <v>0</v>
      </c>
      <c r="X1926">
        <v>0</v>
      </c>
      <c r="Y1926">
        <v>28</v>
      </c>
      <c r="Z1926">
        <v>8</v>
      </c>
      <c r="AA1926">
        <v>150</v>
      </c>
      <c r="AB1926">
        <v>35</v>
      </c>
      <c r="AC1926">
        <v>101</v>
      </c>
      <c r="AD1926">
        <v>36</v>
      </c>
      <c r="AE1926">
        <v>60</v>
      </c>
      <c r="AF1926">
        <v>0</v>
      </c>
      <c r="AG1926">
        <v>50000</v>
      </c>
      <c r="AH1926">
        <v>0</v>
      </c>
      <c r="AI1926">
        <v>50000</v>
      </c>
      <c r="AJ1926">
        <v>0</v>
      </c>
      <c r="AK1926" t="s">
        <v>6</v>
      </c>
      <c r="AL1926">
        <v>0</v>
      </c>
      <c r="AM1926">
        <v>0</v>
      </c>
      <c r="AN1926">
        <v>0</v>
      </c>
      <c r="AO1926">
        <v>0</v>
      </c>
      <c r="AP1926">
        <v>0</v>
      </c>
      <c r="AQ1926">
        <v>0</v>
      </c>
      <c r="AR1926">
        <v>0</v>
      </c>
      <c r="AS1926">
        <v>0</v>
      </c>
      <c r="AT1926">
        <v>0</v>
      </c>
      <c r="AU1926">
        <v>0</v>
      </c>
      <c r="AV1926">
        <v>0</v>
      </c>
      <c r="AW1926">
        <v>0</v>
      </c>
      <c r="AX1926">
        <v>0</v>
      </c>
      <c r="AY1926">
        <v>0</v>
      </c>
      <c r="AZ1926">
        <v>0</v>
      </c>
      <c r="BA1926">
        <v>0</v>
      </c>
    </row>
    <row r="1927" spans="1:53" x14ac:dyDescent="0.4">
      <c r="A1927">
        <v>1971</v>
      </c>
      <c r="B1927" s="1">
        <v>43444</v>
      </c>
      <c r="C1927">
        <v>2</v>
      </c>
      <c r="D1927" s="1">
        <v>43444.456250000003</v>
      </c>
      <c r="E1927" s="1">
        <v>43444.756944444445</v>
      </c>
      <c r="F1927">
        <v>26000</v>
      </c>
      <c r="G1927">
        <v>4100</v>
      </c>
      <c r="H1927">
        <v>0</v>
      </c>
      <c r="I1927">
        <v>0</v>
      </c>
      <c r="J1927">
        <v>0</v>
      </c>
      <c r="K1927">
        <v>0</v>
      </c>
      <c r="L1927">
        <v>0</v>
      </c>
      <c r="M1927">
        <v>2408</v>
      </c>
      <c r="N1927">
        <v>0</v>
      </c>
      <c r="O1927">
        <v>0</v>
      </c>
      <c r="P1927">
        <v>15120</v>
      </c>
      <c r="Q1927">
        <v>0</v>
      </c>
      <c r="R1927">
        <v>47628</v>
      </c>
      <c r="S1927">
        <v>0</v>
      </c>
      <c r="T1927">
        <v>0</v>
      </c>
      <c r="U1927">
        <v>0</v>
      </c>
      <c r="V1927">
        <v>3</v>
      </c>
      <c r="W1927">
        <v>3</v>
      </c>
      <c r="X1927">
        <v>0</v>
      </c>
      <c r="Y1927">
        <v>15</v>
      </c>
      <c r="Z1927">
        <v>35</v>
      </c>
      <c r="AA1927">
        <v>153</v>
      </c>
      <c r="AB1927">
        <v>36</v>
      </c>
      <c r="AC1927">
        <v>170</v>
      </c>
      <c r="AD1927">
        <v>38</v>
      </c>
      <c r="AE1927">
        <v>67</v>
      </c>
      <c r="AF1927">
        <v>1080</v>
      </c>
      <c r="AG1927">
        <v>97637</v>
      </c>
      <c r="AH1927">
        <v>50000</v>
      </c>
      <c r="AI1927">
        <v>9</v>
      </c>
      <c r="AJ1927">
        <v>99</v>
      </c>
      <c r="AK1927" t="s">
        <v>9</v>
      </c>
      <c r="AL1927">
        <v>0</v>
      </c>
      <c r="AM1927">
        <v>0</v>
      </c>
      <c r="AN1927">
        <v>0</v>
      </c>
      <c r="AO1927">
        <v>0</v>
      </c>
      <c r="AP1927">
        <v>0</v>
      </c>
      <c r="AQ1927">
        <v>0</v>
      </c>
      <c r="AR1927">
        <v>0</v>
      </c>
      <c r="AS1927">
        <v>0</v>
      </c>
      <c r="AT1927">
        <v>0</v>
      </c>
      <c r="AU1927">
        <v>0</v>
      </c>
      <c r="AV1927">
        <v>0</v>
      </c>
      <c r="AW1927">
        <v>0</v>
      </c>
      <c r="AX1927">
        <v>734</v>
      </c>
      <c r="AY1927">
        <v>39</v>
      </c>
      <c r="AZ1927">
        <v>78</v>
      </c>
      <c r="BA1927">
        <v>5123</v>
      </c>
    </row>
    <row r="1928" spans="1:53" x14ac:dyDescent="0.4">
      <c r="A1928">
        <v>1972</v>
      </c>
      <c r="B1928" s="1">
        <v>43444</v>
      </c>
      <c r="C1928">
        <v>3</v>
      </c>
      <c r="D1928" s="1">
        <v>43444.756944444445</v>
      </c>
      <c r="E1928" s="1">
        <v>43444.955555555556</v>
      </c>
      <c r="F1928">
        <v>47500</v>
      </c>
      <c r="G1928">
        <v>2780</v>
      </c>
      <c r="H1928">
        <v>0</v>
      </c>
      <c r="I1928">
        <v>0</v>
      </c>
      <c r="J1928">
        <v>600</v>
      </c>
      <c r="K1928">
        <v>0</v>
      </c>
      <c r="L1928">
        <v>0</v>
      </c>
      <c r="M1928">
        <v>3974</v>
      </c>
      <c r="N1928">
        <v>0</v>
      </c>
      <c r="O1928">
        <v>0</v>
      </c>
      <c r="P1928">
        <v>-7128</v>
      </c>
      <c r="Q1928">
        <v>0</v>
      </c>
      <c r="R1928">
        <v>46526</v>
      </c>
      <c r="S1928">
        <v>0</v>
      </c>
      <c r="T1928">
        <v>0</v>
      </c>
      <c r="U1928">
        <v>0</v>
      </c>
      <c r="V1928">
        <v>4</v>
      </c>
      <c r="W1928">
        <v>4</v>
      </c>
      <c r="X1928">
        <v>0</v>
      </c>
      <c r="Y1928">
        <v>23</v>
      </c>
      <c r="Z1928">
        <v>43</v>
      </c>
      <c r="AA1928">
        <v>153</v>
      </c>
      <c r="AB1928">
        <v>35</v>
      </c>
      <c r="AC1928">
        <v>178</v>
      </c>
      <c r="AD1928">
        <v>38</v>
      </c>
      <c r="AE1928">
        <v>71</v>
      </c>
      <c r="AF1928">
        <v>20563</v>
      </c>
      <c r="AG1928">
        <v>144154</v>
      </c>
      <c r="AH1928">
        <v>50000</v>
      </c>
      <c r="AI1928">
        <v>0</v>
      </c>
      <c r="AJ1928">
        <v>29</v>
      </c>
      <c r="AK1928" t="s">
        <v>28</v>
      </c>
      <c r="AL1928">
        <v>0</v>
      </c>
      <c r="AM1928">
        <v>0</v>
      </c>
      <c r="AN1928">
        <v>0</v>
      </c>
      <c r="AO1928">
        <v>0</v>
      </c>
      <c r="AP1928">
        <v>0</v>
      </c>
      <c r="AQ1928">
        <v>0</v>
      </c>
      <c r="AR1928">
        <v>0</v>
      </c>
      <c r="AS1928">
        <v>0</v>
      </c>
      <c r="AT1928">
        <v>0</v>
      </c>
      <c r="AU1928">
        <v>0</v>
      </c>
      <c r="AV1928">
        <v>0</v>
      </c>
      <c r="AW1928">
        <v>0</v>
      </c>
      <c r="AX1928">
        <v>754</v>
      </c>
      <c r="AY1928">
        <v>10</v>
      </c>
      <c r="AZ1928">
        <v>32</v>
      </c>
      <c r="BA1928">
        <v>2472</v>
      </c>
    </row>
    <row r="1929" spans="1:53" x14ac:dyDescent="0.4">
      <c r="A1929">
        <v>1973</v>
      </c>
      <c r="B1929" s="1">
        <v>43445</v>
      </c>
      <c r="C1929">
        <v>1</v>
      </c>
      <c r="D1929" s="1">
        <v>43445.291666666664</v>
      </c>
      <c r="E1929" s="1">
        <v>43445.45208333333</v>
      </c>
      <c r="F1929">
        <v>0</v>
      </c>
      <c r="G1929">
        <v>0</v>
      </c>
      <c r="H1929">
        <v>0</v>
      </c>
      <c r="I1929">
        <v>0</v>
      </c>
      <c r="J1929">
        <v>0</v>
      </c>
      <c r="K1929">
        <v>0</v>
      </c>
      <c r="L1929">
        <v>0</v>
      </c>
      <c r="M1929">
        <v>0</v>
      </c>
      <c r="N1929">
        <v>0</v>
      </c>
      <c r="O1929">
        <v>0</v>
      </c>
      <c r="P1929">
        <v>0</v>
      </c>
      <c r="Q1929">
        <v>0</v>
      </c>
      <c r="R1929">
        <v>0</v>
      </c>
      <c r="S1929">
        <v>0</v>
      </c>
      <c r="T1929">
        <v>0</v>
      </c>
      <c r="U1929">
        <v>0</v>
      </c>
      <c r="V1929">
        <v>0</v>
      </c>
      <c r="W1929">
        <v>0</v>
      </c>
      <c r="X1929">
        <v>0</v>
      </c>
      <c r="Y1929">
        <v>25</v>
      </c>
      <c r="Z1929">
        <v>12</v>
      </c>
      <c r="AA1929">
        <v>148</v>
      </c>
      <c r="AB1929">
        <v>35</v>
      </c>
      <c r="AC1929">
        <v>120</v>
      </c>
      <c r="AD1929">
        <v>37</v>
      </c>
      <c r="AE1929">
        <v>65</v>
      </c>
      <c r="AF1929">
        <v>0</v>
      </c>
      <c r="AG1929">
        <v>49000</v>
      </c>
      <c r="AH1929">
        <v>50000</v>
      </c>
      <c r="AI1929">
        <v>-1000</v>
      </c>
      <c r="AJ1929">
        <v>0</v>
      </c>
      <c r="AK1929" t="s">
        <v>6</v>
      </c>
      <c r="AL1929">
        <v>0</v>
      </c>
      <c r="AM1929">
        <v>0</v>
      </c>
      <c r="AN1929">
        <v>0</v>
      </c>
      <c r="AO1929">
        <v>0</v>
      </c>
      <c r="AP1929">
        <v>0</v>
      </c>
      <c r="AQ1929">
        <v>0</v>
      </c>
      <c r="AR1929">
        <v>0</v>
      </c>
      <c r="AS1929">
        <v>0</v>
      </c>
      <c r="AT1929">
        <v>0</v>
      </c>
      <c r="AU1929">
        <v>0</v>
      </c>
      <c r="AV1929">
        <v>0</v>
      </c>
      <c r="AW1929">
        <v>0</v>
      </c>
      <c r="AX1929">
        <v>0</v>
      </c>
      <c r="AY1929">
        <v>0</v>
      </c>
      <c r="AZ1929">
        <v>0</v>
      </c>
      <c r="BA1929">
        <v>0</v>
      </c>
    </row>
    <row r="1930" spans="1:53" x14ac:dyDescent="0.4">
      <c r="A1930">
        <v>1974</v>
      </c>
      <c r="B1930" s="1">
        <v>43445</v>
      </c>
      <c r="C1930">
        <v>2</v>
      </c>
      <c r="D1930" s="1">
        <v>43445.45208333333</v>
      </c>
      <c r="E1930" s="1">
        <v>43445.960416666669</v>
      </c>
      <c r="F1930">
        <v>38500</v>
      </c>
      <c r="G1930">
        <v>2020</v>
      </c>
      <c r="H1930">
        <v>0</v>
      </c>
      <c r="I1930">
        <v>0</v>
      </c>
      <c r="J1930">
        <v>0</v>
      </c>
      <c r="K1930">
        <v>0</v>
      </c>
      <c r="L1930">
        <v>0</v>
      </c>
      <c r="M1930">
        <v>3241</v>
      </c>
      <c r="N1930">
        <v>0</v>
      </c>
      <c r="O1930">
        <v>0</v>
      </c>
      <c r="P1930">
        <v>0</v>
      </c>
      <c r="Q1930">
        <v>0</v>
      </c>
      <c r="R1930">
        <v>43761</v>
      </c>
      <c r="S1930">
        <v>0</v>
      </c>
      <c r="T1930">
        <v>0</v>
      </c>
      <c r="U1930">
        <v>0</v>
      </c>
      <c r="V1930">
        <v>2</v>
      </c>
      <c r="W1930">
        <v>1</v>
      </c>
      <c r="X1930">
        <v>0</v>
      </c>
      <c r="Y1930">
        <v>42</v>
      </c>
      <c r="Z1930">
        <v>15</v>
      </c>
      <c r="AA1930">
        <v>153</v>
      </c>
      <c r="AB1930">
        <v>37</v>
      </c>
      <c r="AC1930">
        <v>131</v>
      </c>
      <c r="AD1930">
        <v>38</v>
      </c>
      <c r="AE1930">
        <v>71</v>
      </c>
      <c r="AF1930">
        <v>0</v>
      </c>
      <c r="AG1930">
        <v>93221</v>
      </c>
      <c r="AH1930">
        <v>50000</v>
      </c>
      <c r="AI1930">
        <v>-540</v>
      </c>
      <c r="AJ1930">
        <v>29</v>
      </c>
      <c r="AK1930" t="s">
        <v>28</v>
      </c>
      <c r="AL1930">
        <v>0</v>
      </c>
      <c r="AM1930">
        <v>0</v>
      </c>
      <c r="AN1930">
        <v>0</v>
      </c>
      <c r="AO1930">
        <v>0</v>
      </c>
      <c r="AP1930">
        <v>0</v>
      </c>
      <c r="AQ1930">
        <v>0</v>
      </c>
      <c r="AR1930">
        <v>0</v>
      </c>
      <c r="AS1930">
        <v>0</v>
      </c>
      <c r="AT1930">
        <v>0</v>
      </c>
      <c r="AU1930">
        <v>0</v>
      </c>
      <c r="AV1930">
        <v>0</v>
      </c>
      <c r="AW1930">
        <v>0</v>
      </c>
      <c r="AX1930">
        <v>26200</v>
      </c>
      <c r="AY1930">
        <v>39</v>
      </c>
      <c r="AZ1930">
        <v>85</v>
      </c>
      <c r="BA1930">
        <v>5427</v>
      </c>
    </row>
    <row r="1931" spans="1:53" x14ac:dyDescent="0.4">
      <c r="A1931">
        <v>1975</v>
      </c>
      <c r="B1931" s="1">
        <v>43446</v>
      </c>
      <c r="C1931">
        <v>1</v>
      </c>
      <c r="D1931" s="1">
        <v>43446.291666666664</v>
      </c>
      <c r="E1931" s="1">
        <v>43446.415972222225</v>
      </c>
      <c r="F1931">
        <v>0</v>
      </c>
      <c r="G1931">
        <v>0</v>
      </c>
      <c r="H1931">
        <v>0</v>
      </c>
      <c r="I1931">
        <v>0</v>
      </c>
      <c r="J1931">
        <v>0</v>
      </c>
      <c r="K1931">
        <v>0</v>
      </c>
      <c r="L1931">
        <v>0</v>
      </c>
      <c r="M1931">
        <v>0</v>
      </c>
      <c r="N1931">
        <v>0</v>
      </c>
      <c r="O1931">
        <v>0</v>
      </c>
      <c r="P1931">
        <v>0</v>
      </c>
      <c r="Q1931">
        <v>0</v>
      </c>
      <c r="R1931">
        <v>0</v>
      </c>
      <c r="S1931">
        <v>0</v>
      </c>
      <c r="T1931">
        <v>0</v>
      </c>
      <c r="U1931">
        <v>0</v>
      </c>
      <c r="V1931">
        <v>0</v>
      </c>
      <c r="W1931">
        <v>0</v>
      </c>
      <c r="X1931">
        <v>0</v>
      </c>
      <c r="Y1931">
        <v>29</v>
      </c>
      <c r="Z1931">
        <v>16</v>
      </c>
      <c r="AA1931">
        <v>97</v>
      </c>
      <c r="AB1931">
        <v>34</v>
      </c>
      <c r="AC1931">
        <v>135</v>
      </c>
      <c r="AD1931">
        <v>36</v>
      </c>
      <c r="AE1931">
        <v>70</v>
      </c>
      <c r="AF1931">
        <v>0</v>
      </c>
      <c r="AG1931">
        <v>50000</v>
      </c>
      <c r="AH1931">
        <v>0</v>
      </c>
      <c r="AI1931">
        <v>50000</v>
      </c>
      <c r="AJ1931">
        <v>0</v>
      </c>
      <c r="AK1931" t="s">
        <v>6</v>
      </c>
      <c r="AL1931">
        <v>0</v>
      </c>
      <c r="AM1931">
        <v>0</v>
      </c>
      <c r="AN1931">
        <v>0</v>
      </c>
      <c r="AO1931">
        <v>0</v>
      </c>
      <c r="AP1931">
        <v>0</v>
      </c>
      <c r="AQ1931">
        <v>0</v>
      </c>
      <c r="AR1931">
        <v>0</v>
      </c>
      <c r="AS1931">
        <v>0</v>
      </c>
      <c r="AT1931">
        <v>0</v>
      </c>
      <c r="AU1931">
        <v>0</v>
      </c>
      <c r="AV1931">
        <v>0</v>
      </c>
      <c r="AW1931">
        <v>0</v>
      </c>
      <c r="AX1931">
        <v>0</v>
      </c>
      <c r="AY1931">
        <v>0</v>
      </c>
      <c r="AZ1931">
        <v>0</v>
      </c>
      <c r="BA1931">
        <v>0</v>
      </c>
    </row>
    <row r="1932" spans="1:53" x14ac:dyDescent="0.4">
      <c r="A1932">
        <v>1976</v>
      </c>
      <c r="B1932" s="1">
        <v>43446</v>
      </c>
      <c r="C1932">
        <v>2</v>
      </c>
      <c r="D1932" s="1">
        <v>43446.415972222225</v>
      </c>
      <c r="E1932" s="1">
        <v>43446.756944444445</v>
      </c>
      <c r="F1932">
        <v>21000</v>
      </c>
      <c r="G1932">
        <v>1440</v>
      </c>
      <c r="H1932">
        <v>0</v>
      </c>
      <c r="I1932">
        <v>0</v>
      </c>
      <c r="J1932">
        <v>0</v>
      </c>
      <c r="K1932">
        <v>0</v>
      </c>
      <c r="L1932">
        <v>0</v>
      </c>
      <c r="M1932">
        <v>1794</v>
      </c>
      <c r="N1932">
        <v>0</v>
      </c>
      <c r="O1932">
        <v>0</v>
      </c>
      <c r="P1932">
        <v>14040</v>
      </c>
      <c r="Q1932">
        <v>0</v>
      </c>
      <c r="R1932">
        <v>38274</v>
      </c>
      <c r="S1932">
        <v>0</v>
      </c>
      <c r="T1932">
        <v>0</v>
      </c>
      <c r="U1932">
        <v>0</v>
      </c>
      <c r="V1932">
        <v>3</v>
      </c>
      <c r="W1932">
        <v>0</v>
      </c>
      <c r="X1932">
        <v>0</v>
      </c>
      <c r="Y1932">
        <v>35</v>
      </c>
      <c r="Z1932">
        <v>17</v>
      </c>
      <c r="AA1932">
        <v>107</v>
      </c>
      <c r="AB1932">
        <v>30</v>
      </c>
      <c r="AC1932">
        <v>179</v>
      </c>
      <c r="AD1932">
        <v>35</v>
      </c>
      <c r="AE1932">
        <v>69</v>
      </c>
      <c r="AF1932">
        <v>540</v>
      </c>
      <c r="AG1932">
        <v>88274</v>
      </c>
      <c r="AH1932">
        <v>50000</v>
      </c>
      <c r="AI1932">
        <v>0</v>
      </c>
      <c r="AJ1932">
        <v>99</v>
      </c>
      <c r="AK1932" t="s">
        <v>9</v>
      </c>
      <c r="AL1932">
        <v>0</v>
      </c>
      <c r="AM1932">
        <v>0</v>
      </c>
      <c r="AN1932">
        <v>0</v>
      </c>
      <c r="AO1932">
        <v>0</v>
      </c>
      <c r="AP1932">
        <v>0</v>
      </c>
      <c r="AQ1932">
        <v>0</v>
      </c>
      <c r="AR1932">
        <v>0</v>
      </c>
      <c r="AS1932">
        <v>0</v>
      </c>
      <c r="AT1932">
        <v>0</v>
      </c>
      <c r="AU1932">
        <v>0</v>
      </c>
      <c r="AV1932">
        <v>0</v>
      </c>
      <c r="AW1932">
        <v>0</v>
      </c>
      <c r="AX1932">
        <v>410</v>
      </c>
      <c r="AY1932">
        <v>36</v>
      </c>
      <c r="AZ1932">
        <v>66</v>
      </c>
      <c r="BA1932">
        <v>4861</v>
      </c>
    </row>
    <row r="1933" spans="1:53" x14ac:dyDescent="0.4">
      <c r="A1933">
        <v>1977</v>
      </c>
      <c r="B1933" s="1">
        <v>43446</v>
      </c>
      <c r="C1933">
        <v>3</v>
      </c>
      <c r="D1933" s="1">
        <v>43446.756944444445</v>
      </c>
      <c r="E1933" s="1">
        <v>43446.963888888888</v>
      </c>
      <c r="F1933">
        <v>79750</v>
      </c>
      <c r="G1933">
        <v>2420</v>
      </c>
      <c r="H1933">
        <v>0</v>
      </c>
      <c r="I1933">
        <v>0</v>
      </c>
      <c r="J1933">
        <v>0</v>
      </c>
      <c r="K1933">
        <v>0</v>
      </c>
      <c r="L1933">
        <v>0</v>
      </c>
      <c r="M1933">
        <v>6573</v>
      </c>
      <c r="N1933">
        <v>0</v>
      </c>
      <c r="O1933">
        <v>0</v>
      </c>
      <c r="P1933">
        <v>-14040</v>
      </c>
      <c r="Q1933">
        <v>0</v>
      </c>
      <c r="R1933">
        <v>74703</v>
      </c>
      <c r="S1933">
        <v>0</v>
      </c>
      <c r="T1933">
        <v>0</v>
      </c>
      <c r="U1933">
        <v>0</v>
      </c>
      <c r="V1933">
        <v>6</v>
      </c>
      <c r="W1933">
        <v>2</v>
      </c>
      <c r="X1933">
        <v>0</v>
      </c>
      <c r="Y1933">
        <v>39</v>
      </c>
      <c r="Z1933">
        <v>14</v>
      </c>
      <c r="AA1933">
        <v>101</v>
      </c>
      <c r="AB1933">
        <v>28</v>
      </c>
      <c r="AC1933">
        <v>175</v>
      </c>
      <c r="AD1933">
        <v>35</v>
      </c>
      <c r="AE1933">
        <v>72</v>
      </c>
      <c r="AF1933">
        <v>33480</v>
      </c>
      <c r="AG1933">
        <v>162977</v>
      </c>
      <c r="AH1933">
        <v>50000</v>
      </c>
      <c r="AI1933">
        <v>0</v>
      </c>
      <c r="AJ1933">
        <v>108</v>
      </c>
      <c r="AK1933" t="s">
        <v>30</v>
      </c>
      <c r="AL1933">
        <v>0</v>
      </c>
      <c r="AM1933">
        <v>0</v>
      </c>
      <c r="AN1933">
        <v>0</v>
      </c>
      <c r="AO1933">
        <v>0</v>
      </c>
      <c r="AP1933">
        <v>0</v>
      </c>
      <c r="AQ1933">
        <v>0</v>
      </c>
      <c r="AR1933">
        <v>0</v>
      </c>
      <c r="AS1933">
        <v>0</v>
      </c>
      <c r="AT1933">
        <v>0</v>
      </c>
      <c r="AU1933">
        <v>0</v>
      </c>
      <c r="AV1933">
        <v>0</v>
      </c>
      <c r="AW1933">
        <v>0</v>
      </c>
      <c r="AX1933">
        <v>24045</v>
      </c>
      <c r="AY1933">
        <v>10</v>
      </c>
      <c r="AZ1933">
        <v>50</v>
      </c>
      <c r="BA1933">
        <v>1881</v>
      </c>
    </row>
    <row r="1934" spans="1:53" x14ac:dyDescent="0.4">
      <c r="A1934">
        <v>1978</v>
      </c>
      <c r="B1934" s="1">
        <v>43447</v>
      </c>
      <c r="C1934">
        <v>1</v>
      </c>
      <c r="D1934" s="1">
        <v>43447.291666666664</v>
      </c>
      <c r="E1934" s="1">
        <v>43447.454861111109</v>
      </c>
      <c r="F1934">
        <v>0</v>
      </c>
      <c r="G1934">
        <v>0</v>
      </c>
      <c r="H1934">
        <v>0</v>
      </c>
      <c r="I1934">
        <v>0</v>
      </c>
      <c r="J1934">
        <v>0</v>
      </c>
      <c r="K1934">
        <v>0</v>
      </c>
      <c r="L1934">
        <v>0</v>
      </c>
      <c r="M1934">
        <v>0</v>
      </c>
      <c r="N1934">
        <v>0</v>
      </c>
      <c r="O1934">
        <v>0</v>
      </c>
      <c r="P1934">
        <v>0</v>
      </c>
      <c r="Q1934">
        <v>0</v>
      </c>
      <c r="R1934">
        <v>0</v>
      </c>
      <c r="S1934">
        <v>0</v>
      </c>
      <c r="T1934">
        <v>0</v>
      </c>
      <c r="U1934">
        <v>0</v>
      </c>
      <c r="V1934">
        <v>0</v>
      </c>
      <c r="W1934">
        <v>0</v>
      </c>
      <c r="X1934">
        <v>0</v>
      </c>
      <c r="Y1934">
        <v>31</v>
      </c>
      <c r="Z1934">
        <v>11</v>
      </c>
      <c r="AA1934">
        <v>106</v>
      </c>
      <c r="AB1934">
        <v>27</v>
      </c>
      <c r="AC1934">
        <v>131</v>
      </c>
      <c r="AD1934">
        <v>32</v>
      </c>
      <c r="AE1934">
        <v>80</v>
      </c>
      <c r="AF1934">
        <v>0</v>
      </c>
      <c r="AG1934">
        <v>50000</v>
      </c>
      <c r="AH1934">
        <v>0</v>
      </c>
      <c r="AI1934">
        <v>50000</v>
      </c>
      <c r="AJ1934">
        <v>0</v>
      </c>
      <c r="AK1934" t="s">
        <v>6</v>
      </c>
      <c r="AL1934">
        <v>0</v>
      </c>
      <c r="AM1934">
        <v>0</v>
      </c>
      <c r="AN1934">
        <v>0</v>
      </c>
      <c r="AO1934">
        <v>0</v>
      </c>
      <c r="AP1934">
        <v>0</v>
      </c>
      <c r="AQ1934">
        <v>0</v>
      </c>
      <c r="AR1934">
        <v>0</v>
      </c>
      <c r="AS1934">
        <v>0</v>
      </c>
      <c r="AT1934">
        <v>0</v>
      </c>
      <c r="AU1934">
        <v>0</v>
      </c>
      <c r="AV1934">
        <v>0</v>
      </c>
      <c r="AW1934">
        <v>0</v>
      </c>
      <c r="AX1934">
        <v>0</v>
      </c>
      <c r="AY1934">
        <v>0</v>
      </c>
      <c r="AZ1934">
        <v>0</v>
      </c>
      <c r="BA1934">
        <v>0</v>
      </c>
    </row>
    <row r="1935" spans="1:53" x14ac:dyDescent="0.4">
      <c r="A1935">
        <v>1979</v>
      </c>
      <c r="B1935" s="1">
        <v>43447</v>
      </c>
      <c r="C1935">
        <v>2</v>
      </c>
      <c r="D1935" s="1">
        <v>43447.454861111109</v>
      </c>
      <c r="E1935" s="1">
        <v>43447.728472222225</v>
      </c>
      <c r="F1935">
        <v>14000</v>
      </c>
      <c r="G1935">
        <v>0</v>
      </c>
      <c r="H1935">
        <v>0</v>
      </c>
      <c r="I1935">
        <v>0</v>
      </c>
      <c r="J1935">
        <v>0</v>
      </c>
      <c r="K1935">
        <v>0</v>
      </c>
      <c r="L1935">
        <v>0</v>
      </c>
      <c r="M1935">
        <v>1120</v>
      </c>
      <c r="N1935">
        <v>0</v>
      </c>
      <c r="O1935">
        <v>0</v>
      </c>
      <c r="P1935">
        <v>18900</v>
      </c>
      <c r="Q1935">
        <v>0</v>
      </c>
      <c r="R1935">
        <v>34020</v>
      </c>
      <c r="S1935">
        <v>0</v>
      </c>
      <c r="T1935">
        <v>0</v>
      </c>
      <c r="U1935">
        <v>0</v>
      </c>
      <c r="V1935">
        <v>1</v>
      </c>
      <c r="W1935">
        <v>2</v>
      </c>
      <c r="X1935">
        <v>0</v>
      </c>
      <c r="Y1935">
        <v>39</v>
      </c>
      <c r="Z1935">
        <v>19</v>
      </c>
      <c r="AA1935">
        <v>89</v>
      </c>
      <c r="AB1935">
        <v>24</v>
      </c>
      <c r="AC1935">
        <v>168</v>
      </c>
      <c r="AD1935">
        <v>36</v>
      </c>
      <c r="AE1935">
        <v>92</v>
      </c>
      <c r="AF1935">
        <v>3468</v>
      </c>
      <c r="AG1935">
        <v>84020</v>
      </c>
      <c r="AH1935">
        <v>50000</v>
      </c>
      <c r="AI1935">
        <v>0</v>
      </c>
      <c r="AJ1935">
        <v>96</v>
      </c>
      <c r="AK1935" t="s">
        <v>4</v>
      </c>
      <c r="AL1935">
        <v>0</v>
      </c>
      <c r="AM1935">
        <v>0</v>
      </c>
      <c r="AN1935">
        <v>0</v>
      </c>
      <c r="AO1935">
        <v>0</v>
      </c>
      <c r="AP1935">
        <v>0</v>
      </c>
      <c r="AQ1935">
        <v>0</v>
      </c>
      <c r="AR1935">
        <v>0</v>
      </c>
      <c r="AS1935">
        <v>0</v>
      </c>
      <c r="AT1935">
        <v>0</v>
      </c>
      <c r="AU1935">
        <v>0</v>
      </c>
      <c r="AV1935">
        <v>0</v>
      </c>
      <c r="AW1935">
        <v>0</v>
      </c>
      <c r="AX1935">
        <v>0</v>
      </c>
      <c r="AY1935">
        <v>37</v>
      </c>
      <c r="AZ1935">
        <v>61</v>
      </c>
      <c r="BA1935">
        <v>5137</v>
      </c>
    </row>
    <row r="1936" spans="1:53" x14ac:dyDescent="0.4">
      <c r="A1936">
        <v>1980</v>
      </c>
      <c r="B1936" s="1">
        <v>43447</v>
      </c>
      <c r="C1936">
        <v>3</v>
      </c>
      <c r="D1936" s="1">
        <v>43447.728472222225</v>
      </c>
      <c r="E1936" s="1">
        <v>43447.958333333336</v>
      </c>
      <c r="F1936">
        <v>40500</v>
      </c>
      <c r="G1936">
        <v>0</v>
      </c>
      <c r="H1936">
        <v>0</v>
      </c>
      <c r="I1936">
        <v>0</v>
      </c>
      <c r="J1936">
        <v>0</v>
      </c>
      <c r="K1936">
        <v>0</v>
      </c>
      <c r="L1936">
        <v>0</v>
      </c>
      <c r="M1936">
        <v>3240</v>
      </c>
      <c r="N1936">
        <v>0</v>
      </c>
      <c r="O1936">
        <v>0</v>
      </c>
      <c r="P1936">
        <v>-8068</v>
      </c>
      <c r="Q1936">
        <v>0</v>
      </c>
      <c r="R1936">
        <v>35672</v>
      </c>
      <c r="S1936">
        <v>0</v>
      </c>
      <c r="T1936">
        <v>0</v>
      </c>
      <c r="U1936">
        <v>0</v>
      </c>
      <c r="V1936">
        <v>5</v>
      </c>
      <c r="W1936">
        <v>0</v>
      </c>
      <c r="X1936">
        <v>0</v>
      </c>
      <c r="Y1936">
        <v>41</v>
      </c>
      <c r="Z1936">
        <v>21</v>
      </c>
      <c r="AA1936">
        <v>95</v>
      </c>
      <c r="AB1936">
        <v>22</v>
      </c>
      <c r="AC1936">
        <v>169</v>
      </c>
      <c r="AD1936">
        <v>36</v>
      </c>
      <c r="AE1936">
        <v>94</v>
      </c>
      <c r="AF1936">
        <v>5628</v>
      </c>
      <c r="AG1936">
        <v>119692</v>
      </c>
      <c r="AH1936">
        <v>50000</v>
      </c>
      <c r="AI1936">
        <v>0</v>
      </c>
      <c r="AJ1936">
        <v>84</v>
      </c>
      <c r="AK1936" t="s">
        <v>16</v>
      </c>
      <c r="AL1936">
        <v>0</v>
      </c>
      <c r="AM1936">
        <v>0</v>
      </c>
      <c r="AN1936">
        <v>0</v>
      </c>
      <c r="AO1936">
        <v>0</v>
      </c>
      <c r="AP1936">
        <v>0</v>
      </c>
      <c r="AQ1936">
        <v>0</v>
      </c>
      <c r="AR1936">
        <v>0</v>
      </c>
      <c r="AS1936">
        <v>0</v>
      </c>
      <c r="AT1936">
        <v>0</v>
      </c>
      <c r="AU1936">
        <v>0</v>
      </c>
      <c r="AV1936">
        <v>0</v>
      </c>
      <c r="AW1936">
        <v>0</v>
      </c>
      <c r="AX1936">
        <v>54032</v>
      </c>
      <c r="AY1936">
        <v>12</v>
      </c>
      <c r="AZ1936">
        <v>48</v>
      </c>
      <c r="BA1936">
        <v>2313</v>
      </c>
    </row>
    <row r="1937" spans="1:53" x14ac:dyDescent="0.4">
      <c r="A1937">
        <v>1981</v>
      </c>
      <c r="B1937" s="1">
        <v>43448</v>
      </c>
      <c r="C1937">
        <v>1</v>
      </c>
      <c r="D1937" s="1">
        <v>43448.291666666664</v>
      </c>
      <c r="E1937" s="1">
        <v>43448.45208333333</v>
      </c>
      <c r="F1937">
        <v>0</v>
      </c>
      <c r="G1937">
        <v>0</v>
      </c>
      <c r="H1937">
        <v>0</v>
      </c>
      <c r="I1937">
        <v>0</v>
      </c>
      <c r="J1937">
        <v>0</v>
      </c>
      <c r="K1937">
        <v>0</v>
      </c>
      <c r="L1937">
        <v>0</v>
      </c>
      <c r="M1937">
        <v>0</v>
      </c>
      <c r="N1937">
        <v>0</v>
      </c>
      <c r="O1937">
        <v>0</v>
      </c>
      <c r="P1937">
        <v>0</v>
      </c>
      <c r="Q1937">
        <v>0</v>
      </c>
      <c r="R1937">
        <v>0</v>
      </c>
      <c r="S1937">
        <v>0</v>
      </c>
      <c r="T1937">
        <v>0</v>
      </c>
      <c r="U1937">
        <v>0</v>
      </c>
      <c r="V1937">
        <v>0</v>
      </c>
      <c r="W1937">
        <v>0</v>
      </c>
      <c r="X1937">
        <v>0</v>
      </c>
      <c r="Y1937">
        <v>34</v>
      </c>
      <c r="Z1937">
        <v>7</v>
      </c>
      <c r="AA1937">
        <v>100</v>
      </c>
      <c r="AB1937">
        <v>21</v>
      </c>
      <c r="AC1937">
        <v>118</v>
      </c>
      <c r="AD1937">
        <v>37</v>
      </c>
      <c r="AE1937">
        <v>85</v>
      </c>
      <c r="AF1937">
        <v>0</v>
      </c>
      <c r="AG1937">
        <v>50000</v>
      </c>
      <c r="AH1937">
        <v>0</v>
      </c>
      <c r="AI1937">
        <v>50000</v>
      </c>
      <c r="AJ1937">
        <v>0</v>
      </c>
      <c r="AK1937" t="s">
        <v>6</v>
      </c>
      <c r="AL1937">
        <v>0</v>
      </c>
      <c r="AM1937">
        <v>0</v>
      </c>
      <c r="AN1937">
        <v>0</v>
      </c>
      <c r="AO1937">
        <v>0</v>
      </c>
      <c r="AP1937">
        <v>0</v>
      </c>
      <c r="AQ1937">
        <v>0</v>
      </c>
      <c r="AR1937">
        <v>0</v>
      </c>
      <c r="AS1937">
        <v>0</v>
      </c>
      <c r="AT1937">
        <v>0</v>
      </c>
      <c r="AU1937">
        <v>0</v>
      </c>
      <c r="AV1937">
        <v>0</v>
      </c>
      <c r="AW1937">
        <v>0</v>
      </c>
      <c r="AX1937">
        <v>0</v>
      </c>
      <c r="AY1937">
        <v>0</v>
      </c>
      <c r="AZ1937">
        <v>0</v>
      </c>
      <c r="BA1937">
        <v>0</v>
      </c>
    </row>
    <row r="1938" spans="1:53" x14ac:dyDescent="0.4">
      <c r="A1938">
        <v>1982</v>
      </c>
      <c r="B1938" s="1">
        <v>43448</v>
      </c>
      <c r="C1938">
        <v>2</v>
      </c>
      <c r="D1938" s="1">
        <v>43448.45208333333</v>
      </c>
      <c r="E1938" s="1">
        <v>43448.744444444441</v>
      </c>
      <c r="F1938">
        <v>12500</v>
      </c>
      <c r="G1938">
        <v>0</v>
      </c>
      <c r="H1938">
        <v>0</v>
      </c>
      <c r="I1938">
        <v>0</v>
      </c>
      <c r="J1938">
        <v>0</v>
      </c>
      <c r="K1938">
        <v>0</v>
      </c>
      <c r="L1938">
        <v>0</v>
      </c>
      <c r="M1938">
        <v>1000</v>
      </c>
      <c r="N1938">
        <v>0</v>
      </c>
      <c r="O1938">
        <v>0</v>
      </c>
      <c r="P1938">
        <v>20520</v>
      </c>
      <c r="Q1938">
        <v>0</v>
      </c>
      <c r="R1938">
        <v>34020</v>
      </c>
      <c r="S1938">
        <v>0</v>
      </c>
      <c r="T1938">
        <v>0</v>
      </c>
      <c r="U1938">
        <v>0</v>
      </c>
      <c r="V1938">
        <v>0</v>
      </c>
      <c r="W1938">
        <v>0</v>
      </c>
      <c r="X1938">
        <v>0</v>
      </c>
      <c r="Y1938">
        <v>65</v>
      </c>
      <c r="Z1938">
        <v>10</v>
      </c>
      <c r="AA1938">
        <v>94</v>
      </c>
      <c r="AB1938">
        <v>28</v>
      </c>
      <c r="AC1938">
        <v>185</v>
      </c>
      <c r="AD1938">
        <v>41</v>
      </c>
      <c r="AE1938">
        <v>85</v>
      </c>
      <c r="AF1938">
        <v>1080</v>
      </c>
      <c r="AG1938">
        <v>84020</v>
      </c>
      <c r="AH1938">
        <v>50000</v>
      </c>
      <c r="AI1938">
        <v>0</v>
      </c>
      <c r="AJ1938">
        <v>96</v>
      </c>
      <c r="AK1938" t="s">
        <v>4</v>
      </c>
      <c r="AL1938">
        <v>0</v>
      </c>
      <c r="AM1938">
        <v>0</v>
      </c>
      <c r="AN1938">
        <v>0</v>
      </c>
      <c r="AO1938">
        <v>0</v>
      </c>
      <c r="AP1938">
        <v>0</v>
      </c>
      <c r="AQ1938">
        <v>0</v>
      </c>
      <c r="AR1938">
        <v>0</v>
      </c>
      <c r="AS1938">
        <v>0</v>
      </c>
      <c r="AT1938">
        <v>0</v>
      </c>
      <c r="AU1938">
        <v>0</v>
      </c>
      <c r="AV1938">
        <v>0</v>
      </c>
      <c r="AW1938">
        <v>0</v>
      </c>
      <c r="AX1938">
        <v>0</v>
      </c>
      <c r="AY1938">
        <v>34</v>
      </c>
      <c r="AZ1938">
        <v>61</v>
      </c>
      <c r="BA1938">
        <v>4846</v>
      </c>
    </row>
    <row r="1939" spans="1:53" x14ac:dyDescent="0.4">
      <c r="A1939">
        <v>1983</v>
      </c>
      <c r="B1939" s="1">
        <v>43449</v>
      </c>
      <c r="C1939">
        <v>1</v>
      </c>
      <c r="D1939" s="1">
        <v>43449.291666666664</v>
      </c>
      <c r="E1939" s="1">
        <v>43449.411805555559</v>
      </c>
      <c r="F1939">
        <v>0</v>
      </c>
      <c r="G1939">
        <v>0</v>
      </c>
      <c r="H1939">
        <v>0</v>
      </c>
      <c r="I1939">
        <v>0</v>
      </c>
      <c r="J1939">
        <v>0</v>
      </c>
      <c r="K1939">
        <v>0</v>
      </c>
      <c r="L1939">
        <v>0</v>
      </c>
      <c r="M1939">
        <v>0</v>
      </c>
      <c r="N1939">
        <v>0</v>
      </c>
      <c r="O1939">
        <v>0</v>
      </c>
      <c r="P1939">
        <v>0</v>
      </c>
      <c r="Q1939">
        <v>0</v>
      </c>
      <c r="R1939">
        <v>0</v>
      </c>
      <c r="S1939">
        <v>0</v>
      </c>
      <c r="T1939">
        <v>0</v>
      </c>
      <c r="U1939">
        <v>0</v>
      </c>
      <c r="V1939">
        <v>0</v>
      </c>
      <c r="W1939">
        <v>0</v>
      </c>
      <c r="X1939">
        <v>0</v>
      </c>
      <c r="Y1939">
        <v>29</v>
      </c>
      <c r="Z1939">
        <v>10</v>
      </c>
      <c r="AA1939">
        <v>126</v>
      </c>
      <c r="AB1939">
        <v>36</v>
      </c>
      <c r="AC1939">
        <v>130</v>
      </c>
      <c r="AD1939">
        <v>39</v>
      </c>
      <c r="AE1939">
        <v>105</v>
      </c>
      <c r="AF1939">
        <v>0</v>
      </c>
      <c r="AG1939">
        <v>50000</v>
      </c>
      <c r="AH1939">
        <v>50000</v>
      </c>
      <c r="AI1939">
        <v>0</v>
      </c>
      <c r="AJ1939">
        <v>0</v>
      </c>
      <c r="AK1939" t="s">
        <v>6</v>
      </c>
      <c r="AL1939">
        <v>0</v>
      </c>
      <c r="AM1939">
        <v>0</v>
      </c>
      <c r="AN1939">
        <v>0</v>
      </c>
      <c r="AO1939">
        <v>0</v>
      </c>
      <c r="AP1939">
        <v>0</v>
      </c>
      <c r="AQ1939">
        <v>0</v>
      </c>
      <c r="AR1939">
        <v>0</v>
      </c>
      <c r="AS1939">
        <v>0</v>
      </c>
      <c r="AT1939">
        <v>0</v>
      </c>
      <c r="AU1939">
        <v>0</v>
      </c>
      <c r="AV1939">
        <v>0</v>
      </c>
      <c r="AW1939">
        <v>0</v>
      </c>
      <c r="AX1939">
        <v>0</v>
      </c>
      <c r="AY1939">
        <v>0</v>
      </c>
      <c r="AZ1939">
        <v>0</v>
      </c>
      <c r="BA1939">
        <v>0</v>
      </c>
    </row>
    <row r="1940" spans="1:53" x14ac:dyDescent="0.4">
      <c r="A1940">
        <v>1984</v>
      </c>
      <c r="B1940" s="1">
        <v>43449</v>
      </c>
      <c r="C1940">
        <v>2</v>
      </c>
      <c r="D1940" s="1">
        <v>43449.411805555559</v>
      </c>
      <c r="E1940" s="1">
        <v>43449.74722222222</v>
      </c>
      <c r="F1940">
        <v>43750</v>
      </c>
      <c r="G1940">
        <v>2340</v>
      </c>
      <c r="H1940">
        <v>0</v>
      </c>
      <c r="I1940">
        <v>0</v>
      </c>
      <c r="J1940">
        <v>0</v>
      </c>
      <c r="K1940">
        <v>0</v>
      </c>
      <c r="L1940">
        <v>0</v>
      </c>
      <c r="M1940">
        <v>3687</v>
      </c>
      <c r="N1940">
        <v>0</v>
      </c>
      <c r="O1940">
        <v>0</v>
      </c>
      <c r="P1940">
        <v>12420</v>
      </c>
      <c r="Q1940">
        <v>0</v>
      </c>
      <c r="R1940">
        <v>62197</v>
      </c>
      <c r="S1940">
        <v>0</v>
      </c>
      <c r="T1940">
        <v>0</v>
      </c>
      <c r="U1940">
        <v>0</v>
      </c>
      <c r="V1940">
        <v>0</v>
      </c>
      <c r="W1940">
        <v>1</v>
      </c>
      <c r="X1940">
        <v>0</v>
      </c>
      <c r="Y1940">
        <v>67</v>
      </c>
      <c r="Z1940">
        <v>40</v>
      </c>
      <c r="AA1940">
        <v>155</v>
      </c>
      <c r="AB1940">
        <v>42</v>
      </c>
      <c r="AC1940">
        <v>229</v>
      </c>
      <c r="AD1940">
        <v>41</v>
      </c>
      <c r="AE1940">
        <v>102</v>
      </c>
      <c r="AF1940">
        <v>0</v>
      </c>
      <c r="AG1940">
        <v>112197</v>
      </c>
      <c r="AH1940">
        <v>50000</v>
      </c>
      <c r="AI1940">
        <v>0</v>
      </c>
      <c r="AJ1940">
        <v>93</v>
      </c>
      <c r="AK1940" t="s">
        <v>20</v>
      </c>
      <c r="AL1940">
        <v>0</v>
      </c>
      <c r="AM1940">
        <v>0</v>
      </c>
      <c r="AN1940">
        <v>0</v>
      </c>
      <c r="AO1940">
        <v>0</v>
      </c>
      <c r="AP1940">
        <v>0</v>
      </c>
      <c r="AQ1940">
        <v>0</v>
      </c>
      <c r="AR1940">
        <v>0</v>
      </c>
      <c r="AS1940">
        <v>0</v>
      </c>
      <c r="AT1940">
        <v>0</v>
      </c>
      <c r="AU1940">
        <v>0</v>
      </c>
      <c r="AV1940">
        <v>0</v>
      </c>
      <c r="AW1940">
        <v>0</v>
      </c>
      <c r="AX1940">
        <v>302</v>
      </c>
      <c r="AY1940">
        <v>51</v>
      </c>
      <c r="AZ1940">
        <v>111</v>
      </c>
      <c r="BA1940">
        <v>7485</v>
      </c>
    </row>
    <row r="1941" spans="1:53" x14ac:dyDescent="0.4">
      <c r="A1941">
        <v>1985</v>
      </c>
      <c r="B1941" s="1">
        <v>43450</v>
      </c>
      <c r="C1941">
        <v>1</v>
      </c>
      <c r="D1941" s="1">
        <v>43450.291666666664</v>
      </c>
      <c r="E1941" s="1">
        <v>43450.411805555559</v>
      </c>
      <c r="F1941">
        <v>0</v>
      </c>
      <c r="G1941">
        <v>0</v>
      </c>
      <c r="H1941">
        <v>0</v>
      </c>
      <c r="I1941">
        <v>0</v>
      </c>
      <c r="J1941">
        <v>0</v>
      </c>
      <c r="K1941">
        <v>0</v>
      </c>
      <c r="L1941">
        <v>0</v>
      </c>
      <c r="M1941">
        <v>0</v>
      </c>
      <c r="N1941">
        <v>0</v>
      </c>
      <c r="O1941">
        <v>0</v>
      </c>
      <c r="P1941">
        <v>0</v>
      </c>
      <c r="Q1941">
        <v>0</v>
      </c>
      <c r="R1941">
        <v>0</v>
      </c>
      <c r="S1941">
        <v>0</v>
      </c>
      <c r="T1941">
        <v>0</v>
      </c>
      <c r="U1941">
        <v>0</v>
      </c>
      <c r="V1941">
        <v>0</v>
      </c>
      <c r="W1941">
        <v>0</v>
      </c>
      <c r="X1941">
        <v>0</v>
      </c>
      <c r="Y1941">
        <v>28</v>
      </c>
      <c r="Z1941">
        <v>6</v>
      </c>
      <c r="AA1941">
        <v>162</v>
      </c>
      <c r="AB1941">
        <v>29</v>
      </c>
      <c r="AC1941">
        <v>106</v>
      </c>
      <c r="AD1941">
        <v>32</v>
      </c>
      <c r="AE1941">
        <v>130</v>
      </c>
      <c r="AF1941">
        <v>0</v>
      </c>
      <c r="AG1941">
        <v>50000</v>
      </c>
      <c r="AH1941">
        <v>50000</v>
      </c>
      <c r="AI1941">
        <v>0</v>
      </c>
      <c r="AJ1941">
        <v>0</v>
      </c>
      <c r="AK1941" t="s">
        <v>6</v>
      </c>
      <c r="AL1941">
        <v>0</v>
      </c>
      <c r="AM1941">
        <v>0</v>
      </c>
      <c r="AN1941">
        <v>0</v>
      </c>
      <c r="AO1941">
        <v>0</v>
      </c>
      <c r="AP1941">
        <v>0</v>
      </c>
      <c r="AQ1941">
        <v>0</v>
      </c>
      <c r="AR1941">
        <v>0</v>
      </c>
      <c r="AS1941">
        <v>0</v>
      </c>
      <c r="AT1941">
        <v>0</v>
      </c>
      <c r="AU1941">
        <v>0</v>
      </c>
      <c r="AV1941">
        <v>0</v>
      </c>
      <c r="AW1941">
        <v>0</v>
      </c>
      <c r="AX1941">
        <v>0</v>
      </c>
      <c r="AY1941">
        <v>0</v>
      </c>
      <c r="AZ1941">
        <v>0</v>
      </c>
      <c r="BA1941">
        <v>0</v>
      </c>
    </row>
    <row r="1942" spans="1:53" x14ac:dyDescent="0.4">
      <c r="A1942">
        <v>1986</v>
      </c>
      <c r="B1942" s="1">
        <v>43450</v>
      </c>
      <c r="C1942">
        <v>2</v>
      </c>
      <c r="D1942" s="1">
        <v>43450.411805555559</v>
      </c>
      <c r="E1942" s="1">
        <v>43450.750694444447</v>
      </c>
      <c r="F1942">
        <v>40000</v>
      </c>
      <c r="G1942">
        <v>4160</v>
      </c>
      <c r="H1942">
        <v>200</v>
      </c>
      <c r="I1942">
        <v>0</v>
      </c>
      <c r="J1942">
        <v>0</v>
      </c>
      <c r="K1942">
        <v>0</v>
      </c>
      <c r="L1942">
        <v>0</v>
      </c>
      <c r="M1942">
        <v>3548</v>
      </c>
      <c r="N1942">
        <v>0</v>
      </c>
      <c r="O1942">
        <v>0</v>
      </c>
      <c r="P1942">
        <v>25380</v>
      </c>
      <c r="Q1942">
        <v>0</v>
      </c>
      <c r="R1942">
        <v>73288</v>
      </c>
      <c r="S1942">
        <v>0</v>
      </c>
      <c r="T1942">
        <v>0</v>
      </c>
      <c r="U1942">
        <v>0</v>
      </c>
      <c r="V1942">
        <v>1</v>
      </c>
      <c r="W1942">
        <v>3</v>
      </c>
      <c r="X1942">
        <v>0</v>
      </c>
      <c r="Y1942">
        <v>56</v>
      </c>
      <c r="Z1942">
        <v>26</v>
      </c>
      <c r="AA1942">
        <v>159</v>
      </c>
      <c r="AB1942">
        <v>36</v>
      </c>
      <c r="AC1942">
        <v>191</v>
      </c>
      <c r="AD1942">
        <v>30</v>
      </c>
      <c r="AE1942">
        <v>126</v>
      </c>
      <c r="AF1942">
        <v>9402</v>
      </c>
      <c r="AG1942">
        <v>123288</v>
      </c>
      <c r="AH1942">
        <v>50000</v>
      </c>
      <c r="AI1942">
        <v>0</v>
      </c>
      <c r="AJ1942">
        <v>29</v>
      </c>
      <c r="AK1942" t="s">
        <v>28</v>
      </c>
      <c r="AL1942">
        <v>0</v>
      </c>
      <c r="AM1942">
        <v>0</v>
      </c>
      <c r="AN1942">
        <v>0</v>
      </c>
      <c r="AO1942">
        <v>0</v>
      </c>
      <c r="AP1942">
        <v>0</v>
      </c>
      <c r="AQ1942">
        <v>0</v>
      </c>
      <c r="AR1942">
        <v>0</v>
      </c>
      <c r="AS1942">
        <v>0</v>
      </c>
      <c r="AT1942">
        <v>0</v>
      </c>
      <c r="AU1942">
        <v>0</v>
      </c>
      <c r="AV1942">
        <v>0</v>
      </c>
      <c r="AW1942">
        <v>0</v>
      </c>
      <c r="AX1942">
        <v>-1080</v>
      </c>
      <c r="AY1942">
        <v>51</v>
      </c>
      <c r="AZ1942">
        <v>118</v>
      </c>
      <c r="BA1942">
        <v>7797</v>
      </c>
    </row>
    <row r="1943" spans="1:53" x14ac:dyDescent="0.4">
      <c r="A1943">
        <v>1987</v>
      </c>
      <c r="B1943" s="1">
        <v>43450</v>
      </c>
      <c r="C1943">
        <v>3</v>
      </c>
      <c r="D1943" s="1">
        <v>43450.750694444447</v>
      </c>
      <c r="E1943" s="1">
        <v>43450.957638888889</v>
      </c>
      <c r="F1943">
        <v>38250</v>
      </c>
      <c r="G1943">
        <v>3440</v>
      </c>
      <c r="H1943">
        <v>0</v>
      </c>
      <c r="I1943">
        <v>0</v>
      </c>
      <c r="J1943">
        <v>0</v>
      </c>
      <c r="K1943">
        <v>0</v>
      </c>
      <c r="L1943">
        <v>0</v>
      </c>
      <c r="M1943">
        <v>3334</v>
      </c>
      <c r="N1943">
        <v>0</v>
      </c>
      <c r="O1943">
        <v>0</v>
      </c>
      <c r="P1943">
        <v>-25380</v>
      </c>
      <c r="Q1943">
        <v>0</v>
      </c>
      <c r="R1943">
        <v>19644</v>
      </c>
      <c r="S1943">
        <v>0</v>
      </c>
      <c r="T1943">
        <v>0</v>
      </c>
      <c r="U1943">
        <v>0</v>
      </c>
      <c r="V1943">
        <v>2</v>
      </c>
      <c r="W1943">
        <v>2</v>
      </c>
      <c r="X1943">
        <v>0</v>
      </c>
      <c r="Y1943">
        <v>63</v>
      </c>
      <c r="Z1943">
        <v>26</v>
      </c>
      <c r="AA1943">
        <v>163</v>
      </c>
      <c r="AB1943">
        <v>37</v>
      </c>
      <c r="AC1943">
        <v>190</v>
      </c>
      <c r="AD1943">
        <v>29</v>
      </c>
      <c r="AE1943">
        <v>121</v>
      </c>
      <c r="AF1943">
        <v>16616</v>
      </c>
      <c r="AG1943">
        <v>142932</v>
      </c>
      <c r="AH1943">
        <v>50000</v>
      </c>
      <c r="AI1943">
        <v>0</v>
      </c>
      <c r="AJ1943">
        <v>100</v>
      </c>
      <c r="AK1943" t="s">
        <v>0</v>
      </c>
      <c r="AL1943">
        <v>0</v>
      </c>
      <c r="AM1943">
        <v>0</v>
      </c>
      <c r="AN1943">
        <v>0</v>
      </c>
      <c r="AO1943">
        <v>0</v>
      </c>
      <c r="AP1943">
        <v>0</v>
      </c>
      <c r="AQ1943">
        <v>0</v>
      </c>
      <c r="AR1943">
        <v>0</v>
      </c>
      <c r="AS1943">
        <v>0</v>
      </c>
      <c r="AT1943">
        <v>0</v>
      </c>
      <c r="AU1943">
        <v>0</v>
      </c>
      <c r="AV1943">
        <v>0</v>
      </c>
      <c r="AW1943">
        <v>0</v>
      </c>
      <c r="AX1943">
        <v>21082</v>
      </c>
      <c r="AY1943">
        <v>11</v>
      </c>
      <c r="AZ1943">
        <v>31</v>
      </c>
      <c r="BA1943">
        <v>2730</v>
      </c>
    </row>
    <row r="1944" spans="1:53" x14ac:dyDescent="0.4">
      <c r="A1944">
        <v>1988</v>
      </c>
      <c r="B1944" s="1">
        <v>43451</v>
      </c>
      <c r="C1944">
        <v>1</v>
      </c>
      <c r="D1944" s="1">
        <v>43451.291666666664</v>
      </c>
      <c r="E1944" s="1">
        <v>43451.455555555556</v>
      </c>
      <c r="F1944">
        <v>0</v>
      </c>
      <c r="G1944">
        <v>0</v>
      </c>
      <c r="H1944">
        <v>0</v>
      </c>
      <c r="I1944">
        <v>0</v>
      </c>
      <c r="J1944">
        <v>0</v>
      </c>
      <c r="K1944">
        <v>0</v>
      </c>
      <c r="L1944">
        <v>0</v>
      </c>
      <c r="M1944">
        <v>0</v>
      </c>
      <c r="N1944">
        <v>0</v>
      </c>
      <c r="O1944">
        <v>0</v>
      </c>
      <c r="P1944">
        <v>0</v>
      </c>
      <c r="Q1944">
        <v>0</v>
      </c>
      <c r="R1944">
        <v>0</v>
      </c>
      <c r="S1944">
        <v>0</v>
      </c>
      <c r="T1944">
        <v>0</v>
      </c>
      <c r="U1944">
        <v>0</v>
      </c>
      <c r="V1944">
        <v>0</v>
      </c>
      <c r="W1944">
        <v>0</v>
      </c>
      <c r="X1944">
        <v>0</v>
      </c>
      <c r="Y1944">
        <v>28</v>
      </c>
      <c r="Z1944">
        <v>9</v>
      </c>
      <c r="AA1944">
        <v>143</v>
      </c>
      <c r="AB1944">
        <v>39</v>
      </c>
      <c r="AC1944">
        <v>100</v>
      </c>
      <c r="AD1944">
        <v>27</v>
      </c>
      <c r="AE1944">
        <v>115</v>
      </c>
      <c r="AF1944">
        <v>0</v>
      </c>
      <c r="AG1944">
        <v>50000</v>
      </c>
      <c r="AH1944">
        <v>0</v>
      </c>
      <c r="AI1944">
        <v>50000</v>
      </c>
      <c r="AJ1944">
        <v>0</v>
      </c>
      <c r="AK1944" t="s">
        <v>6</v>
      </c>
      <c r="AL1944">
        <v>0</v>
      </c>
      <c r="AM1944">
        <v>0</v>
      </c>
      <c r="AN1944">
        <v>0</v>
      </c>
      <c r="AO1944">
        <v>0</v>
      </c>
      <c r="AP1944">
        <v>0</v>
      </c>
      <c r="AQ1944">
        <v>0</v>
      </c>
      <c r="AR1944">
        <v>0</v>
      </c>
      <c r="AS1944">
        <v>0</v>
      </c>
      <c r="AT1944">
        <v>0</v>
      </c>
      <c r="AU1944">
        <v>0</v>
      </c>
      <c r="AV1944">
        <v>0</v>
      </c>
      <c r="AW1944">
        <v>0</v>
      </c>
      <c r="AX1944">
        <v>0</v>
      </c>
      <c r="AY1944">
        <v>0</v>
      </c>
      <c r="AZ1944">
        <v>0</v>
      </c>
      <c r="BA1944">
        <v>0</v>
      </c>
    </row>
    <row r="1945" spans="1:53" x14ac:dyDescent="0.4">
      <c r="A1945">
        <v>1989</v>
      </c>
      <c r="B1945" s="1">
        <v>43451</v>
      </c>
      <c r="C1945">
        <v>2</v>
      </c>
      <c r="D1945" s="1">
        <v>43451.455555555556</v>
      </c>
      <c r="E1945" s="1">
        <v>43451.740277777775</v>
      </c>
      <c r="F1945">
        <v>21500</v>
      </c>
      <c r="G1945">
        <v>4180</v>
      </c>
      <c r="H1945">
        <v>0</v>
      </c>
      <c r="I1945">
        <v>0</v>
      </c>
      <c r="J1945">
        <v>0</v>
      </c>
      <c r="K1945">
        <v>0</v>
      </c>
      <c r="L1945">
        <v>0</v>
      </c>
      <c r="M1945">
        <v>2053</v>
      </c>
      <c r="N1945">
        <v>0</v>
      </c>
      <c r="O1945">
        <v>0</v>
      </c>
      <c r="P1945">
        <v>18900</v>
      </c>
      <c r="Q1945">
        <v>0</v>
      </c>
      <c r="R1945">
        <v>46633</v>
      </c>
      <c r="S1945">
        <v>0</v>
      </c>
      <c r="T1945">
        <v>0</v>
      </c>
      <c r="U1945">
        <v>0</v>
      </c>
      <c r="V1945">
        <v>2</v>
      </c>
      <c r="W1945">
        <v>2</v>
      </c>
      <c r="X1945">
        <v>0</v>
      </c>
      <c r="Y1945">
        <v>47</v>
      </c>
      <c r="Z1945">
        <v>11</v>
      </c>
      <c r="AA1945">
        <v>109</v>
      </c>
      <c r="AB1945">
        <v>30</v>
      </c>
      <c r="AC1945">
        <v>148</v>
      </c>
      <c r="AD1945">
        <v>27</v>
      </c>
      <c r="AE1945">
        <v>118</v>
      </c>
      <c r="AF1945">
        <v>0</v>
      </c>
      <c r="AG1945">
        <v>96633</v>
      </c>
      <c r="AH1945">
        <v>50000</v>
      </c>
      <c r="AI1945">
        <v>0</v>
      </c>
      <c r="AJ1945">
        <v>96</v>
      </c>
      <c r="AK1945" t="s">
        <v>4</v>
      </c>
      <c r="AL1945">
        <v>0</v>
      </c>
      <c r="AM1945">
        <v>0</v>
      </c>
      <c r="AN1945">
        <v>0</v>
      </c>
      <c r="AO1945">
        <v>0</v>
      </c>
      <c r="AP1945">
        <v>0</v>
      </c>
      <c r="AQ1945">
        <v>0</v>
      </c>
      <c r="AR1945">
        <v>0</v>
      </c>
      <c r="AS1945">
        <v>0</v>
      </c>
      <c r="AT1945">
        <v>0</v>
      </c>
      <c r="AU1945">
        <v>0</v>
      </c>
      <c r="AV1945">
        <v>0</v>
      </c>
      <c r="AW1945">
        <v>0</v>
      </c>
      <c r="AX1945">
        <v>-3240</v>
      </c>
      <c r="AY1945">
        <v>39</v>
      </c>
      <c r="AZ1945">
        <v>78</v>
      </c>
      <c r="BA1945">
        <v>4937</v>
      </c>
    </row>
    <row r="1946" spans="1:53" x14ac:dyDescent="0.4">
      <c r="A1946">
        <v>1990</v>
      </c>
      <c r="B1946" s="1">
        <v>43451</v>
      </c>
      <c r="C1946">
        <v>3</v>
      </c>
      <c r="D1946" s="1">
        <v>43451.740277777775</v>
      </c>
      <c r="E1946" s="1">
        <v>43451.938888888886</v>
      </c>
      <c r="F1946">
        <v>24500</v>
      </c>
      <c r="G1946">
        <v>2020</v>
      </c>
      <c r="H1946">
        <v>0</v>
      </c>
      <c r="I1946">
        <v>0</v>
      </c>
      <c r="J1946">
        <v>0</v>
      </c>
      <c r="K1946">
        <v>0</v>
      </c>
      <c r="L1946">
        <v>0</v>
      </c>
      <c r="M1946">
        <v>2121</v>
      </c>
      <c r="N1946">
        <v>0</v>
      </c>
      <c r="O1946">
        <v>0</v>
      </c>
      <c r="P1946">
        <v>-18900</v>
      </c>
      <c r="Q1946">
        <v>0</v>
      </c>
      <c r="R1946">
        <v>9741</v>
      </c>
      <c r="S1946">
        <v>0</v>
      </c>
      <c r="T1946">
        <v>0</v>
      </c>
      <c r="U1946">
        <v>0</v>
      </c>
      <c r="V1946">
        <v>3</v>
      </c>
      <c r="W1946">
        <v>2</v>
      </c>
      <c r="X1946">
        <v>0</v>
      </c>
      <c r="Y1946">
        <v>46</v>
      </c>
      <c r="Z1946">
        <v>12</v>
      </c>
      <c r="AA1946">
        <v>110</v>
      </c>
      <c r="AB1946">
        <v>32</v>
      </c>
      <c r="AC1946">
        <v>153</v>
      </c>
      <c r="AD1946">
        <v>26</v>
      </c>
      <c r="AE1946">
        <v>114</v>
      </c>
      <c r="AF1946">
        <v>0</v>
      </c>
      <c r="AG1946">
        <v>106374</v>
      </c>
      <c r="AH1946">
        <v>50000</v>
      </c>
      <c r="AI1946">
        <v>0</v>
      </c>
      <c r="AJ1946">
        <v>99</v>
      </c>
      <c r="AK1946" t="s">
        <v>9</v>
      </c>
      <c r="AL1946">
        <v>0</v>
      </c>
      <c r="AM1946">
        <v>0</v>
      </c>
      <c r="AN1946">
        <v>0</v>
      </c>
      <c r="AO1946">
        <v>0</v>
      </c>
      <c r="AP1946">
        <v>0</v>
      </c>
      <c r="AQ1946">
        <v>0</v>
      </c>
      <c r="AR1946">
        <v>0</v>
      </c>
      <c r="AS1946">
        <v>0</v>
      </c>
      <c r="AT1946">
        <v>0</v>
      </c>
      <c r="AU1946">
        <v>0</v>
      </c>
      <c r="AV1946">
        <v>0</v>
      </c>
      <c r="AW1946">
        <v>0</v>
      </c>
      <c r="AX1946">
        <v>30218</v>
      </c>
      <c r="AY1946">
        <v>11</v>
      </c>
      <c r="AZ1946">
        <v>39</v>
      </c>
      <c r="BA1946">
        <v>2349</v>
      </c>
    </row>
    <row r="1947" spans="1:53" x14ac:dyDescent="0.4">
      <c r="A1947">
        <v>1991</v>
      </c>
      <c r="B1947" s="1">
        <v>43452</v>
      </c>
      <c r="C1947">
        <v>1</v>
      </c>
      <c r="D1947" s="1">
        <v>43452.291666666664</v>
      </c>
      <c r="E1947" s="1">
        <v>43452.45</v>
      </c>
      <c r="F1947">
        <v>0</v>
      </c>
      <c r="G1947">
        <v>0</v>
      </c>
      <c r="H1947">
        <v>0</v>
      </c>
      <c r="I1947">
        <v>0</v>
      </c>
      <c r="J1947">
        <v>0</v>
      </c>
      <c r="K1947">
        <v>0</v>
      </c>
      <c r="L1947">
        <v>0</v>
      </c>
      <c r="M1947">
        <v>0</v>
      </c>
      <c r="N1947">
        <v>0</v>
      </c>
      <c r="O1947">
        <v>0</v>
      </c>
      <c r="P1947">
        <v>0</v>
      </c>
      <c r="Q1947">
        <v>0</v>
      </c>
      <c r="R1947">
        <v>0</v>
      </c>
      <c r="S1947">
        <v>0</v>
      </c>
      <c r="T1947">
        <v>0</v>
      </c>
      <c r="U1947">
        <v>0</v>
      </c>
      <c r="V1947">
        <v>0</v>
      </c>
      <c r="W1947">
        <v>0</v>
      </c>
      <c r="X1947">
        <v>0</v>
      </c>
      <c r="Y1947">
        <v>31</v>
      </c>
      <c r="Z1947">
        <v>10</v>
      </c>
      <c r="AA1947">
        <v>113</v>
      </c>
      <c r="AB1947">
        <v>30</v>
      </c>
      <c r="AC1947">
        <v>97</v>
      </c>
      <c r="AD1947">
        <v>25</v>
      </c>
      <c r="AE1947">
        <v>105</v>
      </c>
      <c r="AF1947">
        <v>0</v>
      </c>
      <c r="AG1947">
        <v>50000</v>
      </c>
      <c r="AH1947">
        <v>50000</v>
      </c>
      <c r="AI1947">
        <v>0</v>
      </c>
      <c r="AJ1947">
        <v>0</v>
      </c>
      <c r="AK1947" t="s">
        <v>6</v>
      </c>
      <c r="AL1947">
        <v>0</v>
      </c>
      <c r="AM1947">
        <v>0</v>
      </c>
      <c r="AN1947">
        <v>0</v>
      </c>
      <c r="AO1947">
        <v>0</v>
      </c>
      <c r="AP1947">
        <v>0</v>
      </c>
      <c r="AQ1947">
        <v>0</v>
      </c>
      <c r="AR1947">
        <v>0</v>
      </c>
      <c r="AS1947">
        <v>0</v>
      </c>
      <c r="AT1947">
        <v>0</v>
      </c>
      <c r="AU1947">
        <v>0</v>
      </c>
      <c r="AV1947">
        <v>0</v>
      </c>
      <c r="AW1947">
        <v>0</v>
      </c>
      <c r="AX1947">
        <v>0</v>
      </c>
      <c r="AY1947">
        <v>0</v>
      </c>
      <c r="AZ1947">
        <v>0</v>
      </c>
      <c r="BA1947">
        <v>0</v>
      </c>
    </row>
    <row r="1948" spans="1:53" x14ac:dyDescent="0.4">
      <c r="A1948">
        <v>1992</v>
      </c>
      <c r="B1948" s="1">
        <v>43452</v>
      </c>
      <c r="C1948">
        <v>2</v>
      </c>
      <c r="D1948" s="1">
        <v>43452.45</v>
      </c>
      <c r="E1948" s="1">
        <v>43452.727777777778</v>
      </c>
      <c r="F1948">
        <v>14500</v>
      </c>
      <c r="G1948">
        <v>1380</v>
      </c>
      <c r="H1948">
        <v>0</v>
      </c>
      <c r="I1948">
        <v>0</v>
      </c>
      <c r="J1948">
        <v>0</v>
      </c>
      <c r="K1948">
        <v>0</v>
      </c>
      <c r="L1948">
        <v>0</v>
      </c>
      <c r="M1948">
        <v>1270</v>
      </c>
      <c r="N1948">
        <v>0</v>
      </c>
      <c r="O1948">
        <v>0</v>
      </c>
      <c r="P1948">
        <v>23760</v>
      </c>
      <c r="Q1948">
        <v>0</v>
      </c>
      <c r="R1948">
        <v>40910</v>
      </c>
      <c r="S1948">
        <v>0</v>
      </c>
      <c r="T1948">
        <v>0</v>
      </c>
      <c r="U1948">
        <v>0</v>
      </c>
      <c r="V1948">
        <v>1</v>
      </c>
      <c r="W1948">
        <v>2</v>
      </c>
      <c r="X1948">
        <v>0</v>
      </c>
      <c r="Y1948">
        <v>44</v>
      </c>
      <c r="Z1948">
        <v>18</v>
      </c>
      <c r="AA1948">
        <v>110</v>
      </c>
      <c r="AB1948">
        <v>28</v>
      </c>
      <c r="AC1948">
        <v>131</v>
      </c>
      <c r="AD1948">
        <v>27</v>
      </c>
      <c r="AE1948">
        <v>102</v>
      </c>
      <c r="AF1948">
        <v>3963</v>
      </c>
      <c r="AG1948">
        <v>90910</v>
      </c>
      <c r="AH1948">
        <v>50000</v>
      </c>
      <c r="AI1948">
        <v>0</v>
      </c>
      <c r="AJ1948">
        <v>35</v>
      </c>
      <c r="AL1948">
        <v>0</v>
      </c>
      <c r="AM1948">
        <v>0</v>
      </c>
      <c r="AN1948">
        <v>0</v>
      </c>
      <c r="AO1948">
        <v>0</v>
      </c>
      <c r="AP1948">
        <v>0</v>
      </c>
      <c r="AQ1948">
        <v>0</v>
      </c>
      <c r="AR1948">
        <v>0</v>
      </c>
      <c r="AS1948">
        <v>0</v>
      </c>
      <c r="AT1948">
        <v>0</v>
      </c>
      <c r="AU1948">
        <v>0</v>
      </c>
      <c r="AV1948">
        <v>0</v>
      </c>
      <c r="AW1948">
        <v>0</v>
      </c>
      <c r="AX1948">
        <v>2095</v>
      </c>
      <c r="AY1948">
        <v>35</v>
      </c>
      <c r="AZ1948">
        <v>73</v>
      </c>
      <c r="BA1948">
        <v>4440</v>
      </c>
    </row>
    <row r="1949" spans="1:53" x14ac:dyDescent="0.4">
      <c r="A1949">
        <v>1993</v>
      </c>
      <c r="B1949" s="1">
        <v>43452</v>
      </c>
      <c r="C1949">
        <v>3</v>
      </c>
      <c r="D1949" s="1">
        <v>43452.727777777778</v>
      </c>
      <c r="E1949" s="1">
        <v>43452.963194444441</v>
      </c>
      <c r="F1949">
        <v>33000</v>
      </c>
      <c r="G1949">
        <v>2890</v>
      </c>
      <c r="H1949">
        <v>0</v>
      </c>
      <c r="I1949">
        <v>0</v>
      </c>
      <c r="J1949">
        <v>0</v>
      </c>
      <c r="K1949">
        <v>0</v>
      </c>
      <c r="L1949">
        <v>0</v>
      </c>
      <c r="M1949">
        <v>2871</v>
      </c>
      <c r="N1949">
        <v>0</v>
      </c>
      <c r="O1949">
        <v>0</v>
      </c>
      <c r="P1949">
        <v>-2592</v>
      </c>
      <c r="Q1949">
        <v>0</v>
      </c>
      <c r="R1949">
        <v>36169</v>
      </c>
      <c r="S1949">
        <v>0</v>
      </c>
      <c r="T1949">
        <v>0</v>
      </c>
      <c r="U1949">
        <v>0</v>
      </c>
      <c r="V1949">
        <v>1</v>
      </c>
      <c r="W1949">
        <v>4</v>
      </c>
      <c r="X1949">
        <v>0</v>
      </c>
      <c r="Y1949">
        <v>50</v>
      </c>
      <c r="Z1949">
        <v>19</v>
      </c>
      <c r="AA1949">
        <v>113</v>
      </c>
      <c r="AB1949">
        <v>28</v>
      </c>
      <c r="AC1949">
        <v>150</v>
      </c>
      <c r="AD1949">
        <v>29</v>
      </c>
      <c r="AE1949">
        <v>103</v>
      </c>
      <c r="AF1949">
        <v>23131</v>
      </c>
      <c r="AG1949">
        <v>127079</v>
      </c>
      <c r="AH1949">
        <v>50000</v>
      </c>
      <c r="AI1949">
        <v>0</v>
      </c>
      <c r="AJ1949">
        <v>100</v>
      </c>
      <c r="AK1949" t="s">
        <v>0</v>
      </c>
      <c r="AL1949">
        <v>0</v>
      </c>
      <c r="AM1949">
        <v>0</v>
      </c>
      <c r="AN1949">
        <v>0</v>
      </c>
      <c r="AO1949">
        <v>0</v>
      </c>
      <c r="AP1949">
        <v>0</v>
      </c>
      <c r="AQ1949">
        <v>0</v>
      </c>
      <c r="AR1949">
        <v>0</v>
      </c>
      <c r="AS1949">
        <v>0</v>
      </c>
      <c r="AT1949">
        <v>0</v>
      </c>
      <c r="AU1949">
        <v>0</v>
      </c>
      <c r="AV1949">
        <v>0</v>
      </c>
      <c r="AW1949">
        <v>0</v>
      </c>
      <c r="AX1949">
        <v>5142</v>
      </c>
      <c r="AY1949">
        <v>10</v>
      </c>
      <c r="AZ1949">
        <v>27</v>
      </c>
      <c r="BA1949">
        <v>2610</v>
      </c>
    </row>
    <row r="1950" spans="1:53" x14ac:dyDescent="0.4">
      <c r="A1950">
        <v>1994</v>
      </c>
      <c r="B1950" s="1">
        <v>43453</v>
      </c>
      <c r="C1950">
        <v>1</v>
      </c>
      <c r="D1950" s="1">
        <v>43453.291666666664</v>
      </c>
      <c r="E1950" s="1">
        <v>43453.45416666667</v>
      </c>
      <c r="F1950">
        <v>0</v>
      </c>
      <c r="G1950">
        <v>0</v>
      </c>
      <c r="H1950">
        <v>0</v>
      </c>
      <c r="I1950">
        <v>0</v>
      </c>
      <c r="J1950">
        <v>0</v>
      </c>
      <c r="K1950">
        <v>0</v>
      </c>
      <c r="L1950">
        <v>0</v>
      </c>
      <c r="M1950">
        <v>0</v>
      </c>
      <c r="N1950">
        <v>0</v>
      </c>
      <c r="O1950">
        <v>0</v>
      </c>
      <c r="P1950">
        <v>0</v>
      </c>
      <c r="Q1950">
        <v>0</v>
      </c>
      <c r="R1950">
        <v>0</v>
      </c>
      <c r="S1950">
        <v>0</v>
      </c>
      <c r="T1950">
        <v>0</v>
      </c>
      <c r="U1950">
        <v>0</v>
      </c>
      <c r="V1950">
        <v>0</v>
      </c>
      <c r="W1950">
        <v>0</v>
      </c>
      <c r="X1950">
        <v>0</v>
      </c>
      <c r="Y1950">
        <v>27</v>
      </c>
      <c r="Z1950">
        <v>17</v>
      </c>
      <c r="AA1950">
        <v>115</v>
      </c>
      <c r="AB1950">
        <v>26</v>
      </c>
      <c r="AC1950">
        <v>147</v>
      </c>
      <c r="AD1950">
        <v>26</v>
      </c>
      <c r="AE1950">
        <v>100</v>
      </c>
      <c r="AF1950">
        <v>0</v>
      </c>
      <c r="AG1950">
        <v>50000</v>
      </c>
      <c r="AH1950">
        <v>0</v>
      </c>
      <c r="AI1950">
        <v>50000</v>
      </c>
      <c r="AJ1950">
        <v>0</v>
      </c>
      <c r="AK1950" t="s">
        <v>6</v>
      </c>
      <c r="AL1950">
        <v>0</v>
      </c>
      <c r="AM1950">
        <v>0</v>
      </c>
      <c r="AN1950">
        <v>0</v>
      </c>
      <c r="AO1950">
        <v>0</v>
      </c>
      <c r="AP1950">
        <v>0</v>
      </c>
      <c r="AQ1950">
        <v>0</v>
      </c>
      <c r="AR1950">
        <v>0</v>
      </c>
      <c r="AS1950">
        <v>0</v>
      </c>
      <c r="AT1950">
        <v>0</v>
      </c>
      <c r="AU1950">
        <v>0</v>
      </c>
      <c r="AV1950">
        <v>0</v>
      </c>
      <c r="AW1950">
        <v>0</v>
      </c>
      <c r="AX1950">
        <v>0</v>
      </c>
      <c r="AY1950">
        <v>0</v>
      </c>
      <c r="AZ1950">
        <v>0</v>
      </c>
      <c r="BA1950">
        <v>0</v>
      </c>
    </row>
    <row r="1951" spans="1:53" x14ac:dyDescent="0.4">
      <c r="A1951">
        <v>1995</v>
      </c>
      <c r="B1951" s="1">
        <v>43453</v>
      </c>
      <c r="C1951">
        <v>2</v>
      </c>
      <c r="D1951" s="1">
        <v>43453.45416666667</v>
      </c>
      <c r="E1951" s="1">
        <v>43453.736111111109</v>
      </c>
      <c r="F1951">
        <v>19000</v>
      </c>
      <c r="G1951">
        <v>960</v>
      </c>
      <c r="H1951">
        <v>0</v>
      </c>
      <c r="I1951">
        <v>0</v>
      </c>
      <c r="J1951">
        <v>0</v>
      </c>
      <c r="K1951">
        <v>0</v>
      </c>
      <c r="L1951">
        <v>0</v>
      </c>
      <c r="M1951">
        <v>1596</v>
      </c>
      <c r="N1951">
        <v>0</v>
      </c>
      <c r="O1951">
        <v>0</v>
      </c>
      <c r="P1951">
        <v>11880</v>
      </c>
      <c r="Q1951">
        <v>0</v>
      </c>
      <c r="R1951">
        <v>33436</v>
      </c>
      <c r="S1951">
        <v>0</v>
      </c>
      <c r="T1951">
        <v>0</v>
      </c>
      <c r="U1951">
        <v>0</v>
      </c>
      <c r="V1951">
        <v>2</v>
      </c>
      <c r="W1951">
        <v>0</v>
      </c>
      <c r="X1951">
        <v>0</v>
      </c>
      <c r="Y1951">
        <v>31</v>
      </c>
      <c r="Z1951">
        <v>30</v>
      </c>
      <c r="AA1951">
        <v>120</v>
      </c>
      <c r="AB1951">
        <v>22</v>
      </c>
      <c r="AC1951">
        <v>173</v>
      </c>
      <c r="AD1951">
        <v>27</v>
      </c>
      <c r="AE1951">
        <v>100</v>
      </c>
      <c r="AF1951">
        <v>2371</v>
      </c>
      <c r="AG1951">
        <v>83436</v>
      </c>
      <c r="AH1951">
        <v>50000</v>
      </c>
      <c r="AI1951">
        <v>0</v>
      </c>
      <c r="AJ1951">
        <v>96</v>
      </c>
      <c r="AK1951" t="s">
        <v>4</v>
      </c>
      <c r="AL1951">
        <v>0</v>
      </c>
      <c r="AM1951">
        <v>0</v>
      </c>
      <c r="AN1951">
        <v>0</v>
      </c>
      <c r="AO1951">
        <v>0</v>
      </c>
      <c r="AP1951">
        <v>0</v>
      </c>
      <c r="AQ1951">
        <v>0</v>
      </c>
      <c r="AR1951">
        <v>0</v>
      </c>
      <c r="AS1951">
        <v>0</v>
      </c>
      <c r="AT1951">
        <v>0</v>
      </c>
      <c r="AU1951">
        <v>0</v>
      </c>
      <c r="AV1951">
        <v>0</v>
      </c>
      <c r="AW1951">
        <v>0</v>
      </c>
      <c r="AX1951">
        <v>2160</v>
      </c>
      <c r="AY1951">
        <v>30</v>
      </c>
      <c r="AZ1951">
        <v>60</v>
      </c>
      <c r="BA1951">
        <v>4432</v>
      </c>
    </row>
    <row r="1952" spans="1:53" x14ac:dyDescent="0.4">
      <c r="A1952">
        <v>1996</v>
      </c>
      <c r="B1952" s="1">
        <v>43453</v>
      </c>
      <c r="C1952">
        <v>3</v>
      </c>
      <c r="D1952" s="1">
        <v>43453.736111111109</v>
      </c>
      <c r="E1952" s="1">
        <v>43453.984722222223</v>
      </c>
      <c r="F1952">
        <v>108750</v>
      </c>
      <c r="G1952">
        <v>1330</v>
      </c>
      <c r="H1952">
        <v>0</v>
      </c>
      <c r="I1952">
        <v>0</v>
      </c>
      <c r="J1952">
        <v>0</v>
      </c>
      <c r="K1952">
        <v>0</v>
      </c>
      <c r="L1952">
        <v>0</v>
      </c>
      <c r="M1952">
        <v>8806</v>
      </c>
      <c r="N1952">
        <v>0</v>
      </c>
      <c r="O1952">
        <v>0</v>
      </c>
      <c r="P1952">
        <v>-4050</v>
      </c>
      <c r="Q1952">
        <v>0</v>
      </c>
      <c r="R1952">
        <v>114836</v>
      </c>
      <c r="S1952">
        <v>0</v>
      </c>
      <c r="T1952">
        <v>0</v>
      </c>
      <c r="U1952">
        <v>0</v>
      </c>
      <c r="V1952">
        <v>10</v>
      </c>
      <c r="W1952">
        <v>1</v>
      </c>
      <c r="X1952">
        <v>0</v>
      </c>
      <c r="Y1952">
        <v>38</v>
      </c>
      <c r="Z1952">
        <v>31</v>
      </c>
      <c r="AA1952">
        <v>126</v>
      </c>
      <c r="AB1952">
        <v>25</v>
      </c>
      <c r="AC1952">
        <v>196</v>
      </c>
      <c r="AD1952">
        <v>27</v>
      </c>
      <c r="AE1952">
        <v>96</v>
      </c>
      <c r="AF1952">
        <v>23971</v>
      </c>
      <c r="AG1952">
        <v>198512</v>
      </c>
      <c r="AH1952">
        <v>50000</v>
      </c>
      <c r="AI1952">
        <v>240</v>
      </c>
      <c r="AJ1952">
        <v>100</v>
      </c>
      <c r="AK1952" t="s">
        <v>0</v>
      </c>
      <c r="AL1952">
        <v>0</v>
      </c>
      <c r="AM1952">
        <v>0</v>
      </c>
      <c r="AN1952">
        <v>0</v>
      </c>
      <c r="AO1952">
        <v>0</v>
      </c>
      <c r="AP1952">
        <v>0</v>
      </c>
      <c r="AQ1952">
        <v>0</v>
      </c>
      <c r="AR1952">
        <v>0</v>
      </c>
      <c r="AS1952">
        <v>0</v>
      </c>
      <c r="AT1952">
        <v>0</v>
      </c>
      <c r="AU1952">
        <v>0</v>
      </c>
      <c r="AV1952">
        <v>0</v>
      </c>
      <c r="AW1952">
        <v>0</v>
      </c>
      <c r="AX1952">
        <v>15514</v>
      </c>
      <c r="AY1952">
        <v>26</v>
      </c>
      <c r="AZ1952">
        <v>104</v>
      </c>
      <c r="BA1952">
        <v>3192</v>
      </c>
    </row>
    <row r="1953" spans="1:53" x14ac:dyDescent="0.4">
      <c r="A1953">
        <v>1997</v>
      </c>
      <c r="B1953" s="1">
        <v>43454</v>
      </c>
      <c r="C1953">
        <v>1</v>
      </c>
      <c r="D1953" s="1">
        <v>43454.291666666664</v>
      </c>
      <c r="E1953" s="1">
        <v>43454.454861111109</v>
      </c>
      <c r="F1953">
        <v>0</v>
      </c>
      <c r="G1953">
        <v>0</v>
      </c>
      <c r="H1953">
        <v>0</v>
      </c>
      <c r="I1953">
        <v>0</v>
      </c>
      <c r="J1953">
        <v>0</v>
      </c>
      <c r="K1953">
        <v>0</v>
      </c>
      <c r="L1953">
        <v>0</v>
      </c>
      <c r="M1953">
        <v>0</v>
      </c>
      <c r="N1953">
        <v>0</v>
      </c>
      <c r="O1953">
        <v>0</v>
      </c>
      <c r="P1953">
        <v>0</v>
      </c>
      <c r="Q1953">
        <v>0</v>
      </c>
      <c r="R1953">
        <v>0</v>
      </c>
      <c r="S1953">
        <v>0</v>
      </c>
      <c r="T1953">
        <v>0</v>
      </c>
      <c r="U1953">
        <v>0</v>
      </c>
      <c r="V1953">
        <v>0</v>
      </c>
      <c r="W1953">
        <v>0</v>
      </c>
      <c r="X1953">
        <v>0</v>
      </c>
      <c r="Y1953">
        <v>31</v>
      </c>
      <c r="Z1953">
        <v>10</v>
      </c>
      <c r="AA1953">
        <v>116</v>
      </c>
      <c r="AB1953">
        <v>22</v>
      </c>
      <c r="AC1953">
        <v>108</v>
      </c>
      <c r="AD1953">
        <v>25</v>
      </c>
      <c r="AE1953">
        <v>95</v>
      </c>
      <c r="AF1953">
        <v>0</v>
      </c>
      <c r="AG1953">
        <v>50000</v>
      </c>
      <c r="AH1953">
        <v>0</v>
      </c>
      <c r="AI1953">
        <v>50000</v>
      </c>
      <c r="AJ1953">
        <v>0</v>
      </c>
      <c r="AK1953" t="s">
        <v>6</v>
      </c>
      <c r="AL1953">
        <v>0</v>
      </c>
      <c r="AM1953">
        <v>0</v>
      </c>
      <c r="AN1953">
        <v>0</v>
      </c>
      <c r="AO1953">
        <v>0</v>
      </c>
      <c r="AP1953">
        <v>0</v>
      </c>
      <c r="AQ1953">
        <v>0</v>
      </c>
      <c r="AR1953">
        <v>0</v>
      </c>
      <c r="AS1953">
        <v>0</v>
      </c>
      <c r="AT1953">
        <v>0</v>
      </c>
      <c r="AU1953">
        <v>0</v>
      </c>
      <c r="AV1953">
        <v>0</v>
      </c>
      <c r="AW1953">
        <v>0</v>
      </c>
      <c r="AX1953">
        <v>0</v>
      </c>
      <c r="AY1953">
        <v>0</v>
      </c>
      <c r="AZ1953">
        <v>0</v>
      </c>
      <c r="BA1953">
        <v>0</v>
      </c>
    </row>
    <row r="1954" spans="1:53" x14ac:dyDescent="0.4">
      <c r="A1954">
        <v>1998</v>
      </c>
      <c r="B1954" s="1">
        <v>43454</v>
      </c>
      <c r="C1954">
        <v>2</v>
      </c>
      <c r="D1954" s="1">
        <v>43454.454861111109</v>
      </c>
      <c r="E1954" s="1">
        <v>43454.740972222222</v>
      </c>
      <c r="F1954">
        <v>18000</v>
      </c>
      <c r="G1954">
        <v>1740</v>
      </c>
      <c r="H1954">
        <v>0</v>
      </c>
      <c r="I1954">
        <v>0</v>
      </c>
      <c r="J1954">
        <v>0</v>
      </c>
      <c r="K1954">
        <v>0</v>
      </c>
      <c r="L1954">
        <v>0</v>
      </c>
      <c r="M1954">
        <v>1578</v>
      </c>
      <c r="N1954">
        <v>0</v>
      </c>
      <c r="O1954">
        <v>0</v>
      </c>
      <c r="P1954">
        <v>18900</v>
      </c>
      <c r="Q1954">
        <v>0</v>
      </c>
      <c r="R1954">
        <v>40218</v>
      </c>
      <c r="S1954">
        <v>0</v>
      </c>
      <c r="T1954">
        <v>0</v>
      </c>
      <c r="U1954">
        <v>0</v>
      </c>
      <c r="V1954">
        <v>0</v>
      </c>
      <c r="W1954">
        <v>3</v>
      </c>
      <c r="X1954">
        <v>0</v>
      </c>
      <c r="Y1954">
        <v>50</v>
      </c>
      <c r="Z1954">
        <v>22</v>
      </c>
      <c r="AA1954">
        <v>109</v>
      </c>
      <c r="AB1954">
        <v>23</v>
      </c>
      <c r="AC1954">
        <v>195</v>
      </c>
      <c r="AD1954">
        <v>25</v>
      </c>
      <c r="AE1954">
        <v>93</v>
      </c>
      <c r="AF1954">
        <v>0</v>
      </c>
      <c r="AG1954">
        <v>90218</v>
      </c>
      <c r="AH1954">
        <v>50000</v>
      </c>
      <c r="AI1954">
        <v>0</v>
      </c>
      <c r="AJ1954">
        <v>96</v>
      </c>
      <c r="AK1954" t="s">
        <v>4</v>
      </c>
      <c r="AL1954">
        <v>0</v>
      </c>
      <c r="AM1954">
        <v>0</v>
      </c>
      <c r="AN1954">
        <v>0</v>
      </c>
      <c r="AO1954">
        <v>0</v>
      </c>
      <c r="AP1954">
        <v>0</v>
      </c>
      <c r="AQ1954">
        <v>0</v>
      </c>
      <c r="AR1954">
        <v>0</v>
      </c>
      <c r="AS1954">
        <v>0</v>
      </c>
      <c r="AT1954">
        <v>0</v>
      </c>
      <c r="AU1954">
        <v>0</v>
      </c>
      <c r="AV1954">
        <v>0</v>
      </c>
      <c r="AW1954">
        <v>0</v>
      </c>
      <c r="AX1954">
        <v>1080</v>
      </c>
      <c r="AY1954">
        <v>38</v>
      </c>
      <c r="AZ1954">
        <v>71</v>
      </c>
      <c r="BA1954">
        <v>5252</v>
      </c>
    </row>
    <row r="1955" spans="1:53" x14ac:dyDescent="0.4">
      <c r="A1955">
        <v>1999</v>
      </c>
      <c r="B1955" s="1">
        <v>43454</v>
      </c>
      <c r="C1955">
        <v>3</v>
      </c>
      <c r="D1955" s="1">
        <v>43454.740972222222</v>
      </c>
      <c r="E1955" s="1">
        <v>43454.950694444444</v>
      </c>
      <c r="F1955">
        <v>41750</v>
      </c>
      <c r="G1955">
        <v>3540</v>
      </c>
      <c r="H1955">
        <v>200</v>
      </c>
      <c r="I1955">
        <v>0</v>
      </c>
      <c r="J1955">
        <v>0</v>
      </c>
      <c r="K1955">
        <v>0</v>
      </c>
      <c r="L1955">
        <v>0</v>
      </c>
      <c r="M1955">
        <v>3639</v>
      </c>
      <c r="N1955">
        <v>0</v>
      </c>
      <c r="O1955">
        <v>0</v>
      </c>
      <c r="P1955">
        <v>-12420</v>
      </c>
      <c r="Q1955">
        <v>0</v>
      </c>
      <c r="R1955">
        <v>36709</v>
      </c>
      <c r="S1955">
        <v>0</v>
      </c>
      <c r="T1955">
        <v>0</v>
      </c>
      <c r="U1955">
        <v>0</v>
      </c>
      <c r="V1955">
        <v>3</v>
      </c>
      <c r="W1955">
        <v>3</v>
      </c>
      <c r="X1955">
        <v>0</v>
      </c>
      <c r="Y1955">
        <v>54</v>
      </c>
      <c r="Z1955">
        <v>20</v>
      </c>
      <c r="AA1955">
        <v>111</v>
      </c>
      <c r="AB1955">
        <v>24</v>
      </c>
      <c r="AC1955">
        <v>196</v>
      </c>
      <c r="AD1955">
        <v>24</v>
      </c>
      <c r="AE1955">
        <v>91</v>
      </c>
      <c r="AF1955">
        <v>3456</v>
      </c>
      <c r="AG1955">
        <v>126927</v>
      </c>
      <c r="AH1955">
        <v>50000</v>
      </c>
      <c r="AI1955">
        <v>0</v>
      </c>
      <c r="AJ1955">
        <v>108</v>
      </c>
      <c r="AK1955" t="s">
        <v>30</v>
      </c>
      <c r="AL1955">
        <v>0</v>
      </c>
      <c r="AM1955">
        <v>0</v>
      </c>
      <c r="AN1955">
        <v>0</v>
      </c>
      <c r="AO1955">
        <v>0</v>
      </c>
      <c r="AP1955">
        <v>0</v>
      </c>
      <c r="AQ1955">
        <v>0</v>
      </c>
      <c r="AR1955">
        <v>0</v>
      </c>
      <c r="AS1955">
        <v>0</v>
      </c>
      <c r="AT1955">
        <v>0</v>
      </c>
      <c r="AU1955">
        <v>0</v>
      </c>
      <c r="AV1955">
        <v>0</v>
      </c>
      <c r="AW1955">
        <v>0</v>
      </c>
      <c r="AX1955">
        <v>58741</v>
      </c>
      <c r="AY1955">
        <v>18</v>
      </c>
      <c r="AZ1955">
        <v>88</v>
      </c>
      <c r="BA1955">
        <v>2496</v>
      </c>
    </row>
    <row r="1956" spans="1:53" x14ac:dyDescent="0.4">
      <c r="A1956">
        <v>2000</v>
      </c>
      <c r="B1956" s="1">
        <v>43455</v>
      </c>
      <c r="C1956">
        <v>1</v>
      </c>
      <c r="D1956" s="1">
        <v>43455.291666666664</v>
      </c>
      <c r="E1956" s="1">
        <v>43455.448611111111</v>
      </c>
      <c r="F1956">
        <v>0</v>
      </c>
      <c r="G1956">
        <v>0</v>
      </c>
      <c r="H1956">
        <v>0</v>
      </c>
      <c r="I1956">
        <v>0</v>
      </c>
      <c r="J1956">
        <v>0</v>
      </c>
      <c r="K1956">
        <v>0</v>
      </c>
      <c r="L1956">
        <v>0</v>
      </c>
      <c r="M1956">
        <v>0</v>
      </c>
      <c r="N1956">
        <v>0</v>
      </c>
      <c r="O1956">
        <v>0</v>
      </c>
      <c r="P1956">
        <v>0</v>
      </c>
      <c r="Q1956">
        <v>0</v>
      </c>
      <c r="R1956">
        <v>0</v>
      </c>
      <c r="S1956">
        <v>0</v>
      </c>
      <c r="T1956">
        <v>0</v>
      </c>
      <c r="U1956">
        <v>0</v>
      </c>
      <c r="V1956">
        <v>0</v>
      </c>
      <c r="W1956">
        <v>0</v>
      </c>
      <c r="X1956">
        <v>0</v>
      </c>
      <c r="Y1956">
        <v>31</v>
      </c>
      <c r="Z1956">
        <v>10</v>
      </c>
      <c r="AA1956">
        <v>113</v>
      </c>
      <c r="AB1956">
        <v>22</v>
      </c>
      <c r="AC1956">
        <v>142</v>
      </c>
      <c r="AD1956">
        <v>21</v>
      </c>
      <c r="AE1956">
        <v>75</v>
      </c>
      <c r="AF1956">
        <v>0</v>
      </c>
      <c r="AG1956">
        <v>50000</v>
      </c>
      <c r="AH1956">
        <v>0</v>
      </c>
      <c r="AI1956">
        <v>50000</v>
      </c>
      <c r="AJ1956">
        <v>0</v>
      </c>
      <c r="AK1956" t="s">
        <v>6</v>
      </c>
      <c r="AL1956">
        <v>0</v>
      </c>
      <c r="AM1956">
        <v>0</v>
      </c>
      <c r="AN1956">
        <v>0</v>
      </c>
      <c r="AO1956">
        <v>0</v>
      </c>
      <c r="AP1956">
        <v>0</v>
      </c>
      <c r="AQ1956">
        <v>0</v>
      </c>
      <c r="AR1956">
        <v>0</v>
      </c>
      <c r="AS1956">
        <v>0</v>
      </c>
      <c r="AT1956">
        <v>0</v>
      </c>
      <c r="AU1956">
        <v>0</v>
      </c>
      <c r="AV1956">
        <v>0</v>
      </c>
      <c r="AW1956">
        <v>0</v>
      </c>
      <c r="AX1956">
        <v>0</v>
      </c>
      <c r="AY1956">
        <v>0</v>
      </c>
      <c r="AZ1956">
        <v>0</v>
      </c>
      <c r="BA1956">
        <v>0</v>
      </c>
    </row>
    <row r="1957" spans="1:53" x14ac:dyDescent="0.4">
      <c r="A1957">
        <v>2001</v>
      </c>
      <c r="B1957" s="1">
        <v>43455</v>
      </c>
      <c r="C1957">
        <v>2</v>
      </c>
      <c r="D1957" s="1">
        <v>43455.448611111111</v>
      </c>
      <c r="E1957" s="1">
        <v>43455.77847222222</v>
      </c>
      <c r="F1957">
        <v>31500</v>
      </c>
      <c r="G1957">
        <v>2620</v>
      </c>
      <c r="H1957">
        <v>0</v>
      </c>
      <c r="I1957">
        <v>0</v>
      </c>
      <c r="J1957">
        <v>0</v>
      </c>
      <c r="K1957">
        <v>0</v>
      </c>
      <c r="L1957">
        <v>0</v>
      </c>
      <c r="M1957">
        <v>2728</v>
      </c>
      <c r="N1957">
        <v>0</v>
      </c>
      <c r="O1957">
        <v>0</v>
      </c>
      <c r="P1957">
        <v>11340</v>
      </c>
      <c r="Q1957">
        <v>0</v>
      </c>
      <c r="R1957">
        <v>48188</v>
      </c>
      <c r="S1957">
        <v>0</v>
      </c>
      <c r="T1957">
        <v>0</v>
      </c>
      <c r="U1957">
        <v>0</v>
      </c>
      <c r="V1957">
        <v>1</v>
      </c>
      <c r="W1957">
        <v>3</v>
      </c>
      <c r="X1957">
        <v>0</v>
      </c>
      <c r="Y1957">
        <v>44</v>
      </c>
      <c r="Z1957">
        <v>23</v>
      </c>
      <c r="AA1957">
        <v>116</v>
      </c>
      <c r="AB1957">
        <v>18</v>
      </c>
      <c r="AC1957">
        <v>194</v>
      </c>
      <c r="AD1957">
        <v>24</v>
      </c>
      <c r="AE1957">
        <v>127</v>
      </c>
      <c r="AF1957">
        <v>3056</v>
      </c>
      <c r="AG1957">
        <v>98243</v>
      </c>
      <c r="AH1957">
        <v>50000</v>
      </c>
      <c r="AI1957">
        <v>55</v>
      </c>
      <c r="AJ1957">
        <v>74</v>
      </c>
      <c r="AL1957">
        <v>0</v>
      </c>
      <c r="AM1957">
        <v>0</v>
      </c>
      <c r="AN1957">
        <v>0</v>
      </c>
      <c r="AO1957">
        <v>0</v>
      </c>
      <c r="AP1957">
        <v>0</v>
      </c>
      <c r="AQ1957">
        <v>0</v>
      </c>
      <c r="AR1957">
        <v>0</v>
      </c>
      <c r="AS1957">
        <v>0</v>
      </c>
      <c r="AT1957">
        <v>0</v>
      </c>
      <c r="AU1957">
        <v>0</v>
      </c>
      <c r="AV1957">
        <v>0</v>
      </c>
      <c r="AW1957">
        <v>0</v>
      </c>
      <c r="AX1957">
        <v>11750</v>
      </c>
      <c r="AY1957">
        <v>40</v>
      </c>
      <c r="AZ1957">
        <v>94</v>
      </c>
      <c r="BA1957">
        <v>6235</v>
      </c>
    </row>
    <row r="1958" spans="1:53" x14ac:dyDescent="0.4">
      <c r="A1958">
        <v>2002</v>
      </c>
      <c r="B1958" s="1">
        <v>43455</v>
      </c>
      <c r="C1958">
        <v>3</v>
      </c>
      <c r="D1958" s="1">
        <v>43455.77847222222</v>
      </c>
      <c r="E1958" s="1">
        <v>43456.155555555553</v>
      </c>
      <c r="F1958">
        <v>396300</v>
      </c>
      <c r="G1958">
        <v>9030</v>
      </c>
      <c r="H1958">
        <v>200</v>
      </c>
      <c r="I1958">
        <v>0</v>
      </c>
      <c r="J1958">
        <v>0</v>
      </c>
      <c r="K1958">
        <v>80100</v>
      </c>
      <c r="L1958">
        <v>0</v>
      </c>
      <c r="M1958">
        <v>38849</v>
      </c>
      <c r="N1958">
        <v>0</v>
      </c>
      <c r="O1958">
        <v>0</v>
      </c>
      <c r="P1958">
        <v>108324</v>
      </c>
      <c r="Q1958">
        <v>0</v>
      </c>
      <c r="R1958">
        <v>632803</v>
      </c>
      <c r="S1958">
        <v>0</v>
      </c>
      <c r="T1958">
        <v>0</v>
      </c>
      <c r="U1958">
        <v>0</v>
      </c>
      <c r="V1958">
        <v>36</v>
      </c>
      <c r="W1958">
        <v>16</v>
      </c>
      <c r="X1958">
        <v>0</v>
      </c>
      <c r="Y1958">
        <v>96</v>
      </c>
      <c r="Z1958">
        <v>12</v>
      </c>
      <c r="AA1958">
        <v>92</v>
      </c>
      <c r="AB1958">
        <v>20</v>
      </c>
      <c r="AC1958">
        <v>176</v>
      </c>
      <c r="AD1958">
        <v>21</v>
      </c>
      <c r="AE1958">
        <v>65</v>
      </c>
      <c r="AF1958">
        <v>178830</v>
      </c>
      <c r="AG1958">
        <v>732960</v>
      </c>
      <c r="AH1958">
        <v>50000</v>
      </c>
      <c r="AI1958">
        <v>1969</v>
      </c>
      <c r="AJ1958">
        <v>108</v>
      </c>
      <c r="AK1958" t="s">
        <v>30</v>
      </c>
      <c r="AL1958">
        <v>0</v>
      </c>
      <c r="AM1958">
        <v>0</v>
      </c>
      <c r="AN1958">
        <v>0</v>
      </c>
      <c r="AO1958">
        <v>0</v>
      </c>
      <c r="AP1958">
        <v>0</v>
      </c>
      <c r="AQ1958">
        <v>0</v>
      </c>
      <c r="AR1958">
        <v>0</v>
      </c>
      <c r="AS1958">
        <v>0</v>
      </c>
      <c r="AT1958">
        <v>0</v>
      </c>
      <c r="AU1958">
        <v>0</v>
      </c>
      <c r="AV1958">
        <v>0</v>
      </c>
      <c r="AW1958">
        <v>0</v>
      </c>
      <c r="AX1958">
        <v>5248</v>
      </c>
      <c r="AY1958">
        <v>54</v>
      </c>
      <c r="AZ1958">
        <v>257</v>
      </c>
      <c r="BA1958">
        <v>7415</v>
      </c>
    </row>
    <row r="1959" spans="1:53" x14ac:dyDescent="0.4">
      <c r="A1959">
        <v>2003</v>
      </c>
      <c r="B1959" s="1">
        <v>43456</v>
      </c>
      <c r="C1959">
        <v>1</v>
      </c>
      <c r="D1959" s="1">
        <v>43456.291666666664</v>
      </c>
      <c r="E1959" s="1">
        <v>43456.392361111109</v>
      </c>
      <c r="F1959">
        <v>0</v>
      </c>
      <c r="G1959">
        <v>0</v>
      </c>
      <c r="H1959">
        <v>0</v>
      </c>
      <c r="I1959">
        <v>0</v>
      </c>
      <c r="J1959">
        <v>0</v>
      </c>
      <c r="K1959">
        <v>0</v>
      </c>
      <c r="L1959">
        <v>0</v>
      </c>
      <c r="M1959">
        <v>0</v>
      </c>
      <c r="N1959">
        <v>0</v>
      </c>
      <c r="O1959">
        <v>0</v>
      </c>
      <c r="P1959">
        <v>0</v>
      </c>
      <c r="Q1959">
        <v>0</v>
      </c>
      <c r="R1959">
        <v>0</v>
      </c>
      <c r="S1959">
        <v>0</v>
      </c>
      <c r="T1959">
        <v>0</v>
      </c>
      <c r="U1959">
        <v>0</v>
      </c>
      <c r="V1959">
        <v>0</v>
      </c>
      <c r="W1959">
        <v>0</v>
      </c>
      <c r="X1959">
        <v>0</v>
      </c>
      <c r="Y1959">
        <v>35</v>
      </c>
      <c r="Z1959">
        <v>9</v>
      </c>
      <c r="AA1959">
        <v>85</v>
      </c>
      <c r="AB1959">
        <v>15</v>
      </c>
      <c r="AC1959">
        <v>109</v>
      </c>
      <c r="AD1959">
        <v>20</v>
      </c>
      <c r="AE1959">
        <v>60</v>
      </c>
      <c r="AF1959">
        <v>0</v>
      </c>
      <c r="AG1959">
        <v>50000</v>
      </c>
      <c r="AH1959">
        <v>50000</v>
      </c>
      <c r="AI1959">
        <v>0</v>
      </c>
      <c r="AJ1959">
        <v>0</v>
      </c>
      <c r="AK1959" t="s">
        <v>6</v>
      </c>
      <c r="AL1959">
        <v>0</v>
      </c>
      <c r="AM1959">
        <v>0</v>
      </c>
      <c r="AN1959">
        <v>0</v>
      </c>
      <c r="AO1959">
        <v>0</v>
      </c>
      <c r="AP1959">
        <v>0</v>
      </c>
      <c r="AQ1959">
        <v>0</v>
      </c>
      <c r="AR1959">
        <v>0</v>
      </c>
      <c r="AS1959">
        <v>0</v>
      </c>
      <c r="AT1959">
        <v>0</v>
      </c>
      <c r="AU1959">
        <v>0</v>
      </c>
      <c r="AV1959">
        <v>0</v>
      </c>
      <c r="AW1959">
        <v>0</v>
      </c>
      <c r="AX1959">
        <v>0</v>
      </c>
      <c r="AY1959">
        <v>0</v>
      </c>
      <c r="AZ1959">
        <v>0</v>
      </c>
      <c r="BA1959">
        <v>0</v>
      </c>
    </row>
    <row r="1960" spans="1:53" x14ac:dyDescent="0.4">
      <c r="A1960">
        <v>2004</v>
      </c>
      <c r="B1960" s="1">
        <v>43456</v>
      </c>
      <c r="C1960">
        <v>2</v>
      </c>
      <c r="D1960" s="1">
        <v>43456.392361111109</v>
      </c>
      <c r="E1960" s="1">
        <v>43456.724305555559</v>
      </c>
      <c r="F1960">
        <v>49500</v>
      </c>
      <c r="G1960">
        <v>5820</v>
      </c>
      <c r="H1960">
        <v>0</v>
      </c>
      <c r="I1960">
        <v>0</v>
      </c>
      <c r="J1960">
        <v>0</v>
      </c>
      <c r="K1960">
        <v>0</v>
      </c>
      <c r="L1960">
        <v>0</v>
      </c>
      <c r="M1960">
        <v>4425</v>
      </c>
      <c r="N1960">
        <v>0</v>
      </c>
      <c r="O1960">
        <v>0</v>
      </c>
      <c r="P1960">
        <v>19440</v>
      </c>
      <c r="Q1960">
        <v>0</v>
      </c>
      <c r="R1960">
        <v>79185</v>
      </c>
      <c r="S1960">
        <v>0</v>
      </c>
      <c r="T1960">
        <v>0</v>
      </c>
      <c r="U1960">
        <v>0</v>
      </c>
      <c r="V1960">
        <v>1</v>
      </c>
      <c r="W1960">
        <v>2</v>
      </c>
      <c r="X1960">
        <v>0</v>
      </c>
      <c r="Y1960">
        <v>78</v>
      </c>
      <c r="Z1960">
        <v>37</v>
      </c>
      <c r="AA1960">
        <v>90</v>
      </c>
      <c r="AB1960">
        <v>24</v>
      </c>
      <c r="AC1960">
        <v>231</v>
      </c>
      <c r="AD1960">
        <v>20</v>
      </c>
      <c r="AE1960">
        <v>75</v>
      </c>
      <c r="AF1960">
        <v>0</v>
      </c>
      <c r="AG1960">
        <v>129185</v>
      </c>
      <c r="AH1960">
        <v>50000</v>
      </c>
      <c r="AI1960">
        <v>0</v>
      </c>
      <c r="AJ1960">
        <v>35</v>
      </c>
      <c r="AL1960">
        <v>0</v>
      </c>
      <c r="AM1960">
        <v>0</v>
      </c>
      <c r="AN1960">
        <v>0</v>
      </c>
      <c r="AO1960">
        <v>0</v>
      </c>
      <c r="AP1960">
        <v>0</v>
      </c>
      <c r="AQ1960">
        <v>0</v>
      </c>
      <c r="AR1960">
        <v>0</v>
      </c>
      <c r="AS1960">
        <v>0</v>
      </c>
      <c r="AT1960">
        <v>0</v>
      </c>
      <c r="AU1960">
        <v>0</v>
      </c>
      <c r="AV1960">
        <v>0</v>
      </c>
      <c r="AW1960">
        <v>0</v>
      </c>
      <c r="AX1960">
        <v>2246</v>
      </c>
      <c r="AY1960">
        <v>51</v>
      </c>
      <c r="AZ1960">
        <v>129</v>
      </c>
      <c r="BA1960">
        <v>7601</v>
      </c>
    </row>
    <row r="1961" spans="1:53" x14ac:dyDescent="0.4">
      <c r="A1961">
        <v>2005</v>
      </c>
      <c r="B1961" s="1">
        <v>43456</v>
      </c>
      <c r="C1961">
        <v>3</v>
      </c>
      <c r="D1961" s="1">
        <v>43456.724305555559</v>
      </c>
      <c r="E1961" s="1">
        <v>43457.105555555558</v>
      </c>
      <c r="F1961">
        <v>291600</v>
      </c>
      <c r="G1961">
        <v>11930</v>
      </c>
      <c r="H1961">
        <v>0</v>
      </c>
      <c r="I1961">
        <v>0</v>
      </c>
      <c r="J1961">
        <v>3000</v>
      </c>
      <c r="K1961">
        <v>37800</v>
      </c>
      <c r="L1961">
        <v>0</v>
      </c>
      <c r="M1961">
        <v>27064</v>
      </c>
      <c r="N1961">
        <v>0</v>
      </c>
      <c r="O1961">
        <v>0</v>
      </c>
      <c r="P1961">
        <v>97524</v>
      </c>
      <c r="Q1961">
        <v>0</v>
      </c>
      <c r="R1961">
        <v>462918</v>
      </c>
      <c r="S1961">
        <v>0</v>
      </c>
      <c r="T1961">
        <v>0</v>
      </c>
      <c r="U1961">
        <v>0</v>
      </c>
      <c r="V1961">
        <v>31</v>
      </c>
      <c r="W1961">
        <v>5</v>
      </c>
      <c r="X1961">
        <v>0</v>
      </c>
      <c r="Y1961">
        <v>160</v>
      </c>
      <c r="Z1961">
        <v>46</v>
      </c>
      <c r="AA1961">
        <v>107</v>
      </c>
      <c r="AB1961">
        <v>13</v>
      </c>
      <c r="AC1961">
        <v>226</v>
      </c>
      <c r="AD1961">
        <v>23</v>
      </c>
      <c r="AE1961">
        <v>48</v>
      </c>
      <c r="AF1961">
        <v>59875</v>
      </c>
      <c r="AG1961">
        <v>591648</v>
      </c>
      <c r="AH1961">
        <v>50000</v>
      </c>
      <c r="AI1961">
        <v>-455</v>
      </c>
      <c r="AJ1961">
        <v>99</v>
      </c>
      <c r="AK1961" t="s">
        <v>9</v>
      </c>
      <c r="AL1961">
        <v>0</v>
      </c>
      <c r="AM1961">
        <v>0</v>
      </c>
      <c r="AN1961">
        <v>0</v>
      </c>
      <c r="AO1961">
        <v>0</v>
      </c>
      <c r="AP1961">
        <v>0</v>
      </c>
      <c r="AQ1961">
        <v>0</v>
      </c>
      <c r="AR1961">
        <v>0</v>
      </c>
      <c r="AS1961">
        <v>0</v>
      </c>
      <c r="AT1961">
        <v>0</v>
      </c>
      <c r="AU1961">
        <v>0</v>
      </c>
      <c r="AV1961">
        <v>0</v>
      </c>
      <c r="AW1961">
        <v>0</v>
      </c>
      <c r="AX1961">
        <v>9406</v>
      </c>
      <c r="AY1961">
        <v>42</v>
      </c>
      <c r="AZ1961">
        <v>188</v>
      </c>
      <c r="BA1961">
        <v>6944</v>
      </c>
    </row>
    <row r="1962" spans="1:53" x14ac:dyDescent="0.4">
      <c r="A1962">
        <v>2006</v>
      </c>
      <c r="B1962" s="1">
        <v>43457</v>
      </c>
      <c r="C1962">
        <v>1</v>
      </c>
      <c r="D1962" s="1">
        <v>43457.291666666664</v>
      </c>
      <c r="E1962" s="1">
        <v>43457.401388888888</v>
      </c>
      <c r="F1962">
        <v>0</v>
      </c>
      <c r="G1962">
        <v>0</v>
      </c>
      <c r="H1962">
        <v>0</v>
      </c>
      <c r="I1962">
        <v>0</v>
      </c>
      <c r="J1962">
        <v>0</v>
      </c>
      <c r="K1962">
        <v>0</v>
      </c>
      <c r="L1962">
        <v>0</v>
      </c>
      <c r="M1962">
        <v>0</v>
      </c>
      <c r="N1962">
        <v>0</v>
      </c>
      <c r="O1962">
        <v>0</v>
      </c>
      <c r="P1962">
        <v>0</v>
      </c>
      <c r="Q1962">
        <v>0</v>
      </c>
      <c r="R1962">
        <v>0</v>
      </c>
      <c r="S1962">
        <v>0</v>
      </c>
      <c r="T1962">
        <v>0</v>
      </c>
      <c r="U1962">
        <v>0</v>
      </c>
      <c r="V1962">
        <v>0</v>
      </c>
      <c r="W1962">
        <v>0</v>
      </c>
      <c r="X1962">
        <v>0</v>
      </c>
      <c r="Y1962">
        <v>32</v>
      </c>
      <c r="Z1962">
        <v>10</v>
      </c>
      <c r="AA1962">
        <v>104</v>
      </c>
      <c r="AB1962">
        <v>23</v>
      </c>
      <c r="AC1962">
        <v>131</v>
      </c>
      <c r="AD1962">
        <v>17</v>
      </c>
      <c r="AE1962">
        <v>55</v>
      </c>
      <c r="AF1962">
        <v>0</v>
      </c>
      <c r="AG1962">
        <v>50000</v>
      </c>
      <c r="AH1962">
        <v>50000</v>
      </c>
      <c r="AI1962">
        <v>0</v>
      </c>
      <c r="AJ1962">
        <v>0</v>
      </c>
      <c r="AK1962" t="s">
        <v>6</v>
      </c>
      <c r="AL1962">
        <v>0</v>
      </c>
      <c r="AM1962">
        <v>0</v>
      </c>
      <c r="AN1962">
        <v>0</v>
      </c>
      <c r="AO1962">
        <v>0</v>
      </c>
      <c r="AP1962">
        <v>0</v>
      </c>
      <c r="AQ1962">
        <v>0</v>
      </c>
      <c r="AR1962">
        <v>0</v>
      </c>
      <c r="AS1962">
        <v>0</v>
      </c>
      <c r="AT1962">
        <v>0</v>
      </c>
      <c r="AU1962">
        <v>0</v>
      </c>
      <c r="AV1962">
        <v>0</v>
      </c>
      <c r="AW1962">
        <v>0</v>
      </c>
      <c r="AX1962">
        <v>0</v>
      </c>
      <c r="AY1962">
        <v>0</v>
      </c>
      <c r="AZ1962">
        <v>0</v>
      </c>
      <c r="BA1962">
        <v>0</v>
      </c>
    </row>
    <row r="1963" spans="1:53" x14ac:dyDescent="0.4">
      <c r="A1963">
        <v>2007</v>
      </c>
      <c r="B1963" s="1">
        <v>43457</v>
      </c>
      <c r="C1963">
        <v>2</v>
      </c>
      <c r="D1963" s="1">
        <v>43457.401388888888</v>
      </c>
      <c r="E1963" s="1">
        <v>43457.742361111108</v>
      </c>
      <c r="F1963">
        <v>44500</v>
      </c>
      <c r="G1963">
        <v>3100</v>
      </c>
      <c r="H1963">
        <v>400</v>
      </c>
      <c r="I1963">
        <v>0</v>
      </c>
      <c r="J1963">
        <v>0</v>
      </c>
      <c r="K1963">
        <v>0</v>
      </c>
      <c r="L1963">
        <v>0</v>
      </c>
      <c r="M1963">
        <v>3839</v>
      </c>
      <c r="N1963">
        <v>0</v>
      </c>
      <c r="O1963">
        <v>0</v>
      </c>
      <c r="P1963">
        <v>13500</v>
      </c>
      <c r="Q1963">
        <v>0</v>
      </c>
      <c r="R1963">
        <v>65339</v>
      </c>
      <c r="S1963">
        <v>0</v>
      </c>
      <c r="T1963">
        <v>0</v>
      </c>
      <c r="U1963">
        <v>0</v>
      </c>
      <c r="V1963">
        <v>1</v>
      </c>
      <c r="W1963">
        <v>4</v>
      </c>
      <c r="X1963">
        <v>0</v>
      </c>
      <c r="Y1963">
        <v>53</v>
      </c>
      <c r="Z1963">
        <v>28</v>
      </c>
      <c r="AA1963">
        <v>131</v>
      </c>
      <c r="AB1963">
        <v>34</v>
      </c>
      <c r="AC1963">
        <v>232</v>
      </c>
      <c r="AD1963">
        <v>20</v>
      </c>
      <c r="AE1963">
        <v>69</v>
      </c>
      <c r="AF1963">
        <v>2160</v>
      </c>
      <c r="AG1963">
        <v>116449</v>
      </c>
      <c r="AH1963">
        <v>50000</v>
      </c>
      <c r="AI1963">
        <v>1110</v>
      </c>
      <c r="AJ1963">
        <v>29</v>
      </c>
      <c r="AK1963" t="s">
        <v>28</v>
      </c>
      <c r="AL1963">
        <v>0</v>
      </c>
      <c r="AM1963">
        <v>0</v>
      </c>
      <c r="AN1963">
        <v>0</v>
      </c>
      <c r="AO1963">
        <v>0</v>
      </c>
      <c r="AP1963">
        <v>0</v>
      </c>
      <c r="AQ1963">
        <v>0</v>
      </c>
      <c r="AR1963">
        <v>0</v>
      </c>
      <c r="AS1963">
        <v>0</v>
      </c>
      <c r="AT1963">
        <v>0</v>
      </c>
      <c r="AU1963">
        <v>0</v>
      </c>
      <c r="AV1963">
        <v>0</v>
      </c>
      <c r="AW1963">
        <v>0</v>
      </c>
      <c r="AX1963">
        <v>259</v>
      </c>
      <c r="AY1963">
        <v>50</v>
      </c>
      <c r="AZ1963">
        <v>110</v>
      </c>
      <c r="BA1963">
        <v>7868</v>
      </c>
    </row>
    <row r="1964" spans="1:53" x14ac:dyDescent="0.4">
      <c r="A1964">
        <v>2008</v>
      </c>
      <c r="B1964" s="1">
        <v>43457</v>
      </c>
      <c r="C1964">
        <v>3</v>
      </c>
      <c r="D1964" s="1">
        <v>43457.742361111108</v>
      </c>
      <c r="E1964" s="1">
        <v>43458.114583333336</v>
      </c>
      <c r="F1964">
        <v>122000</v>
      </c>
      <c r="G1964">
        <v>6920</v>
      </c>
      <c r="H1964">
        <v>200</v>
      </c>
      <c r="I1964">
        <v>0</v>
      </c>
      <c r="J1964">
        <v>0</v>
      </c>
      <c r="K1964">
        <v>19700</v>
      </c>
      <c r="L1964">
        <v>0</v>
      </c>
      <c r="M1964">
        <v>11903</v>
      </c>
      <c r="N1964">
        <v>0</v>
      </c>
      <c r="O1964">
        <v>0</v>
      </c>
      <c r="P1964">
        <v>8100</v>
      </c>
      <c r="Q1964">
        <v>0</v>
      </c>
      <c r="R1964">
        <v>168823</v>
      </c>
      <c r="S1964">
        <v>0</v>
      </c>
      <c r="T1964">
        <v>0</v>
      </c>
      <c r="U1964">
        <v>0</v>
      </c>
      <c r="V1964">
        <v>12</v>
      </c>
      <c r="W1964">
        <v>4</v>
      </c>
      <c r="X1964">
        <v>0</v>
      </c>
      <c r="Y1964">
        <v>104</v>
      </c>
      <c r="Z1964">
        <v>26</v>
      </c>
      <c r="AA1964">
        <v>103</v>
      </c>
      <c r="AB1964">
        <v>35</v>
      </c>
      <c r="AC1964">
        <v>230</v>
      </c>
      <c r="AD1964">
        <v>19</v>
      </c>
      <c r="AE1964">
        <v>81</v>
      </c>
      <c r="AF1964">
        <v>12636</v>
      </c>
      <c r="AG1964">
        <v>284162</v>
      </c>
      <c r="AH1964">
        <v>50000</v>
      </c>
      <c r="AI1964">
        <v>0</v>
      </c>
      <c r="AJ1964">
        <v>99</v>
      </c>
      <c r="AK1964" t="s">
        <v>9</v>
      </c>
      <c r="AL1964">
        <v>0</v>
      </c>
      <c r="AM1964">
        <v>0</v>
      </c>
      <c r="AN1964">
        <v>0</v>
      </c>
      <c r="AO1964">
        <v>0</v>
      </c>
      <c r="AP1964">
        <v>0</v>
      </c>
      <c r="AQ1964">
        <v>0</v>
      </c>
      <c r="AR1964">
        <v>0</v>
      </c>
      <c r="AS1964">
        <v>0</v>
      </c>
      <c r="AT1964">
        <v>0</v>
      </c>
      <c r="AU1964">
        <v>0</v>
      </c>
      <c r="AV1964">
        <v>0</v>
      </c>
      <c r="AW1964">
        <v>0</v>
      </c>
      <c r="AX1964">
        <v>5184</v>
      </c>
      <c r="AY1964">
        <v>26</v>
      </c>
      <c r="AZ1964">
        <v>79</v>
      </c>
      <c r="BA1964">
        <v>4467</v>
      </c>
    </row>
    <row r="1965" spans="1:53" x14ac:dyDescent="0.4">
      <c r="A1965">
        <v>2009</v>
      </c>
      <c r="B1965" s="1">
        <v>43458</v>
      </c>
      <c r="C1965">
        <v>1</v>
      </c>
      <c r="D1965" s="1">
        <v>43458.291666666664</v>
      </c>
      <c r="E1965" s="1">
        <v>43458.408333333333</v>
      </c>
      <c r="F1965">
        <v>0</v>
      </c>
      <c r="G1965">
        <v>0</v>
      </c>
      <c r="H1965">
        <v>0</v>
      </c>
      <c r="I1965">
        <v>0</v>
      </c>
      <c r="J1965">
        <v>0</v>
      </c>
      <c r="K1965">
        <v>0</v>
      </c>
      <c r="L1965">
        <v>0</v>
      </c>
      <c r="M1965">
        <v>0</v>
      </c>
      <c r="N1965">
        <v>0</v>
      </c>
      <c r="O1965">
        <v>0</v>
      </c>
      <c r="P1965">
        <v>0</v>
      </c>
      <c r="Q1965">
        <v>0</v>
      </c>
      <c r="R1965">
        <v>0</v>
      </c>
      <c r="S1965">
        <v>0</v>
      </c>
      <c r="T1965">
        <v>0</v>
      </c>
      <c r="U1965">
        <v>0</v>
      </c>
      <c r="V1965">
        <v>0</v>
      </c>
      <c r="W1965">
        <v>0</v>
      </c>
      <c r="X1965">
        <v>0</v>
      </c>
      <c r="Y1965">
        <v>32</v>
      </c>
      <c r="Z1965">
        <v>9</v>
      </c>
      <c r="AA1965">
        <v>104</v>
      </c>
      <c r="AB1965">
        <v>33</v>
      </c>
      <c r="AC1965">
        <v>128</v>
      </c>
      <c r="AD1965">
        <v>18</v>
      </c>
      <c r="AE1965">
        <v>80</v>
      </c>
      <c r="AF1965">
        <v>0</v>
      </c>
      <c r="AG1965">
        <v>50000</v>
      </c>
      <c r="AH1965">
        <v>0</v>
      </c>
      <c r="AI1965">
        <v>50000</v>
      </c>
      <c r="AJ1965">
        <v>0</v>
      </c>
      <c r="AK1965" t="s">
        <v>6</v>
      </c>
      <c r="AL1965">
        <v>0</v>
      </c>
      <c r="AM1965">
        <v>0</v>
      </c>
      <c r="AN1965">
        <v>0</v>
      </c>
      <c r="AO1965">
        <v>0</v>
      </c>
      <c r="AP1965">
        <v>0</v>
      </c>
      <c r="AQ1965">
        <v>0</v>
      </c>
      <c r="AR1965">
        <v>0</v>
      </c>
      <c r="AS1965">
        <v>0</v>
      </c>
      <c r="AT1965">
        <v>0</v>
      </c>
      <c r="AU1965">
        <v>0</v>
      </c>
      <c r="AV1965">
        <v>0</v>
      </c>
      <c r="AW1965">
        <v>0</v>
      </c>
      <c r="AX1965">
        <v>0</v>
      </c>
      <c r="AY1965">
        <v>0</v>
      </c>
      <c r="AZ1965">
        <v>0</v>
      </c>
      <c r="BA1965">
        <v>0</v>
      </c>
    </row>
    <row r="1966" spans="1:53" x14ac:dyDescent="0.4">
      <c r="A1966">
        <v>2010</v>
      </c>
      <c r="B1966" s="1">
        <v>43458</v>
      </c>
      <c r="C1966">
        <v>2</v>
      </c>
      <c r="D1966" s="1">
        <v>43458.408333333333</v>
      </c>
      <c r="E1966" s="1">
        <v>43458.729166666664</v>
      </c>
      <c r="F1966">
        <v>45000</v>
      </c>
      <c r="G1966">
        <v>3240</v>
      </c>
      <c r="H1966">
        <v>0</v>
      </c>
      <c r="I1966">
        <v>0</v>
      </c>
      <c r="J1966">
        <v>0</v>
      </c>
      <c r="K1966">
        <v>0</v>
      </c>
      <c r="L1966">
        <v>0</v>
      </c>
      <c r="M1966">
        <v>3858</v>
      </c>
      <c r="N1966">
        <v>0</v>
      </c>
      <c r="O1966">
        <v>0</v>
      </c>
      <c r="P1966">
        <v>21060</v>
      </c>
      <c r="Q1966">
        <v>0</v>
      </c>
      <c r="R1966">
        <v>73158</v>
      </c>
      <c r="S1966">
        <v>0</v>
      </c>
      <c r="T1966">
        <v>0</v>
      </c>
      <c r="U1966">
        <v>0</v>
      </c>
      <c r="V1966">
        <v>2</v>
      </c>
      <c r="W1966">
        <v>2</v>
      </c>
      <c r="X1966">
        <v>0</v>
      </c>
      <c r="Y1966">
        <v>71</v>
      </c>
      <c r="Z1966">
        <v>21</v>
      </c>
      <c r="AA1966">
        <v>51</v>
      </c>
      <c r="AB1966">
        <v>24</v>
      </c>
      <c r="AC1966">
        <v>168</v>
      </c>
      <c r="AD1966">
        <v>20</v>
      </c>
      <c r="AE1966">
        <v>79</v>
      </c>
      <c r="AF1966">
        <v>2399</v>
      </c>
      <c r="AG1966">
        <v>122058</v>
      </c>
      <c r="AH1966">
        <v>50000</v>
      </c>
      <c r="AI1966">
        <v>-1100</v>
      </c>
      <c r="AJ1966">
        <v>96</v>
      </c>
      <c r="AK1966" t="s">
        <v>4</v>
      </c>
      <c r="AL1966">
        <v>0</v>
      </c>
      <c r="AM1966">
        <v>0</v>
      </c>
      <c r="AN1966">
        <v>0</v>
      </c>
      <c r="AO1966">
        <v>0</v>
      </c>
      <c r="AP1966">
        <v>0</v>
      </c>
      <c r="AQ1966">
        <v>0</v>
      </c>
      <c r="AR1966">
        <v>0</v>
      </c>
      <c r="AS1966">
        <v>0</v>
      </c>
      <c r="AT1966">
        <v>0</v>
      </c>
      <c r="AU1966">
        <v>0</v>
      </c>
      <c r="AV1966">
        <v>0</v>
      </c>
      <c r="AW1966">
        <v>0</v>
      </c>
      <c r="AX1966">
        <v>194</v>
      </c>
      <c r="AY1966">
        <v>55</v>
      </c>
      <c r="AZ1966">
        <v>126</v>
      </c>
      <c r="BA1966">
        <v>7556</v>
      </c>
    </row>
    <row r="1967" spans="1:53" x14ac:dyDescent="0.4">
      <c r="A1967">
        <v>2011</v>
      </c>
      <c r="B1967" s="1">
        <v>43458</v>
      </c>
      <c r="C1967">
        <v>3</v>
      </c>
      <c r="D1967" s="1">
        <v>43458.729166666664</v>
      </c>
      <c r="E1967" s="1">
        <v>43458.949305555558</v>
      </c>
      <c r="F1967">
        <v>31250</v>
      </c>
      <c r="G1967">
        <v>2060</v>
      </c>
      <c r="H1967">
        <v>0</v>
      </c>
      <c r="I1967">
        <v>0</v>
      </c>
      <c r="J1967">
        <v>0</v>
      </c>
      <c r="K1967">
        <v>2025</v>
      </c>
      <c r="L1967">
        <v>0</v>
      </c>
      <c r="M1967">
        <v>2826</v>
      </c>
      <c r="N1967">
        <v>0</v>
      </c>
      <c r="O1967">
        <v>0</v>
      </c>
      <c r="P1967">
        <v>-21060</v>
      </c>
      <c r="Q1967">
        <v>0</v>
      </c>
      <c r="R1967">
        <v>17101</v>
      </c>
      <c r="S1967">
        <v>0</v>
      </c>
      <c r="T1967">
        <v>0</v>
      </c>
      <c r="U1967">
        <v>0</v>
      </c>
      <c r="V1967">
        <v>3</v>
      </c>
      <c r="W1967">
        <v>4</v>
      </c>
      <c r="X1967">
        <v>0</v>
      </c>
      <c r="Y1967">
        <v>70</v>
      </c>
      <c r="Z1967">
        <v>19</v>
      </c>
      <c r="AA1967">
        <v>42</v>
      </c>
      <c r="AB1967">
        <v>23</v>
      </c>
      <c r="AC1967">
        <v>171</v>
      </c>
      <c r="AD1967">
        <v>23</v>
      </c>
      <c r="AE1967">
        <v>85</v>
      </c>
      <c r="AF1967">
        <v>2399</v>
      </c>
      <c r="AG1967">
        <v>139159</v>
      </c>
      <c r="AH1967">
        <v>50000</v>
      </c>
      <c r="AI1967">
        <v>-1100</v>
      </c>
      <c r="AJ1967">
        <v>106</v>
      </c>
      <c r="AK1967" t="s">
        <v>29</v>
      </c>
      <c r="AL1967">
        <v>0</v>
      </c>
      <c r="AM1967">
        <v>0</v>
      </c>
      <c r="AN1967">
        <v>0</v>
      </c>
      <c r="AO1967">
        <v>0</v>
      </c>
      <c r="AP1967">
        <v>0</v>
      </c>
      <c r="AQ1967">
        <v>0</v>
      </c>
      <c r="AR1967">
        <v>0</v>
      </c>
      <c r="AS1967">
        <v>0</v>
      </c>
      <c r="AT1967">
        <v>0</v>
      </c>
      <c r="AU1967">
        <v>0</v>
      </c>
      <c r="AV1967">
        <v>0</v>
      </c>
      <c r="AW1967">
        <v>0</v>
      </c>
      <c r="AX1967">
        <v>24754</v>
      </c>
      <c r="AY1967">
        <v>12</v>
      </c>
      <c r="AZ1967">
        <v>33</v>
      </c>
      <c r="BA1967">
        <v>2940</v>
      </c>
    </row>
    <row r="1968" spans="1:53" x14ac:dyDescent="0.4">
      <c r="A1968">
        <v>2012</v>
      </c>
      <c r="B1968" s="1">
        <v>43459</v>
      </c>
      <c r="C1968">
        <v>1</v>
      </c>
      <c r="D1968" s="1">
        <v>43459.291666666664</v>
      </c>
      <c r="E1968" s="1">
        <v>43459.406944444447</v>
      </c>
      <c r="F1968">
        <v>0</v>
      </c>
      <c r="G1968">
        <v>0</v>
      </c>
      <c r="H1968">
        <v>0</v>
      </c>
      <c r="I1968">
        <v>0</v>
      </c>
      <c r="J1968">
        <v>0</v>
      </c>
      <c r="K1968">
        <v>0</v>
      </c>
      <c r="L1968">
        <v>0</v>
      </c>
      <c r="M1968">
        <v>0</v>
      </c>
      <c r="N1968">
        <v>0</v>
      </c>
      <c r="O1968">
        <v>0</v>
      </c>
      <c r="P1968">
        <v>0</v>
      </c>
      <c r="Q1968">
        <v>0</v>
      </c>
      <c r="R1968">
        <v>0</v>
      </c>
      <c r="S1968">
        <v>0</v>
      </c>
      <c r="T1968">
        <v>0</v>
      </c>
      <c r="U1968">
        <v>0</v>
      </c>
      <c r="V1968">
        <v>0</v>
      </c>
      <c r="W1968">
        <v>0</v>
      </c>
      <c r="X1968">
        <v>0</v>
      </c>
      <c r="Y1968">
        <v>35</v>
      </c>
      <c r="Z1968">
        <v>16</v>
      </c>
      <c r="AA1968">
        <v>44</v>
      </c>
      <c r="AB1968">
        <v>21</v>
      </c>
      <c r="AC1968">
        <v>136</v>
      </c>
      <c r="AD1968">
        <v>19</v>
      </c>
      <c r="AE1968">
        <v>95</v>
      </c>
      <c r="AF1968">
        <v>0</v>
      </c>
      <c r="AG1968">
        <v>50000</v>
      </c>
      <c r="AH1968">
        <v>50000</v>
      </c>
      <c r="AI1968">
        <v>0</v>
      </c>
      <c r="AJ1968">
        <v>0</v>
      </c>
      <c r="AK1968" t="s">
        <v>6</v>
      </c>
      <c r="AL1968">
        <v>0</v>
      </c>
      <c r="AM1968">
        <v>0</v>
      </c>
      <c r="AN1968">
        <v>0</v>
      </c>
      <c r="AO1968">
        <v>0</v>
      </c>
      <c r="AP1968">
        <v>0</v>
      </c>
      <c r="AQ1968">
        <v>0</v>
      </c>
      <c r="AR1968">
        <v>0</v>
      </c>
      <c r="AS1968">
        <v>0</v>
      </c>
      <c r="AT1968">
        <v>0</v>
      </c>
      <c r="AU1968">
        <v>0</v>
      </c>
      <c r="AV1968">
        <v>0</v>
      </c>
      <c r="AW1968">
        <v>0</v>
      </c>
      <c r="AX1968">
        <v>0</v>
      </c>
      <c r="AY1968">
        <v>0</v>
      </c>
      <c r="AZ1968">
        <v>0</v>
      </c>
      <c r="BA1968">
        <v>0</v>
      </c>
    </row>
    <row r="1969" spans="1:53" x14ac:dyDescent="0.4">
      <c r="A1969">
        <v>2013</v>
      </c>
      <c r="B1969" s="1">
        <v>43459</v>
      </c>
      <c r="C1969">
        <v>2</v>
      </c>
      <c r="D1969" s="1">
        <v>43459.406944444447</v>
      </c>
      <c r="E1969" s="1">
        <v>43459.73333333333</v>
      </c>
      <c r="F1969">
        <v>45500</v>
      </c>
      <c r="G1969">
        <v>4360</v>
      </c>
      <c r="H1969">
        <v>0</v>
      </c>
      <c r="I1969">
        <v>0</v>
      </c>
      <c r="J1969">
        <v>0</v>
      </c>
      <c r="K1969">
        <v>0</v>
      </c>
      <c r="L1969">
        <v>0</v>
      </c>
      <c r="M1969">
        <v>3988</v>
      </c>
      <c r="N1969">
        <v>0</v>
      </c>
      <c r="O1969">
        <v>0</v>
      </c>
      <c r="P1969">
        <v>24840</v>
      </c>
      <c r="Q1969">
        <v>0</v>
      </c>
      <c r="R1969">
        <v>78688</v>
      </c>
      <c r="S1969">
        <v>0</v>
      </c>
      <c r="T1969">
        <v>0</v>
      </c>
      <c r="U1969">
        <v>0</v>
      </c>
      <c r="V1969">
        <v>3</v>
      </c>
      <c r="W1969">
        <v>1</v>
      </c>
      <c r="X1969">
        <v>0</v>
      </c>
      <c r="Y1969">
        <v>62</v>
      </c>
      <c r="Z1969">
        <v>36</v>
      </c>
      <c r="AA1969">
        <v>46</v>
      </c>
      <c r="AB1969">
        <v>18</v>
      </c>
      <c r="AC1969">
        <v>195</v>
      </c>
      <c r="AD1969">
        <v>26</v>
      </c>
      <c r="AE1969">
        <v>88</v>
      </c>
      <c r="AF1969">
        <v>6020</v>
      </c>
      <c r="AG1969">
        <v>128688</v>
      </c>
      <c r="AH1969">
        <v>50000</v>
      </c>
      <c r="AI1969">
        <v>0</v>
      </c>
      <c r="AJ1969">
        <v>35</v>
      </c>
      <c r="AL1969">
        <v>0</v>
      </c>
      <c r="AM1969">
        <v>0</v>
      </c>
      <c r="AN1969">
        <v>0</v>
      </c>
      <c r="AO1969">
        <v>0</v>
      </c>
      <c r="AP1969">
        <v>0</v>
      </c>
      <c r="AQ1969">
        <v>0</v>
      </c>
      <c r="AR1969">
        <v>0</v>
      </c>
      <c r="AS1969">
        <v>0</v>
      </c>
      <c r="AT1969">
        <v>0</v>
      </c>
      <c r="AU1969">
        <v>0</v>
      </c>
      <c r="AV1969">
        <v>0</v>
      </c>
      <c r="AW1969">
        <v>0</v>
      </c>
      <c r="AX1969">
        <v>-346</v>
      </c>
      <c r="AY1969">
        <v>50</v>
      </c>
      <c r="AZ1969">
        <v>137</v>
      </c>
      <c r="BA1969">
        <v>6823</v>
      </c>
    </row>
    <row r="1970" spans="1:53" x14ac:dyDescent="0.4">
      <c r="A1970">
        <v>2014</v>
      </c>
      <c r="B1970" s="1">
        <v>43460</v>
      </c>
      <c r="C1970">
        <v>1</v>
      </c>
      <c r="D1970" s="1">
        <v>43460.291666666664</v>
      </c>
      <c r="E1970" s="1">
        <v>43460.40625</v>
      </c>
      <c r="F1970">
        <v>0</v>
      </c>
      <c r="G1970">
        <v>0</v>
      </c>
      <c r="H1970">
        <v>0</v>
      </c>
      <c r="I1970">
        <v>0</v>
      </c>
      <c r="J1970">
        <v>0</v>
      </c>
      <c r="K1970">
        <v>0</v>
      </c>
      <c r="L1970">
        <v>0</v>
      </c>
      <c r="M1970">
        <v>0</v>
      </c>
      <c r="N1970">
        <v>0</v>
      </c>
      <c r="O1970">
        <v>0</v>
      </c>
      <c r="P1970">
        <v>0</v>
      </c>
      <c r="Q1970">
        <v>0</v>
      </c>
      <c r="R1970">
        <v>0</v>
      </c>
      <c r="S1970">
        <v>0</v>
      </c>
      <c r="T1970">
        <v>0</v>
      </c>
      <c r="U1970">
        <v>0</v>
      </c>
      <c r="V1970">
        <v>0</v>
      </c>
      <c r="W1970">
        <v>0</v>
      </c>
      <c r="X1970">
        <v>0</v>
      </c>
      <c r="Y1970">
        <v>31</v>
      </c>
      <c r="Z1970">
        <v>31</v>
      </c>
      <c r="AA1970">
        <v>17</v>
      </c>
      <c r="AB1970">
        <v>15</v>
      </c>
      <c r="AC1970">
        <v>88</v>
      </c>
      <c r="AD1970">
        <v>23</v>
      </c>
      <c r="AE1970">
        <v>55</v>
      </c>
      <c r="AF1970">
        <v>0</v>
      </c>
      <c r="AG1970">
        <v>50000</v>
      </c>
      <c r="AH1970">
        <v>0</v>
      </c>
      <c r="AI1970">
        <v>50000</v>
      </c>
      <c r="AJ1970">
        <v>0</v>
      </c>
      <c r="AK1970" t="s">
        <v>6</v>
      </c>
      <c r="AL1970">
        <v>0</v>
      </c>
      <c r="AM1970">
        <v>0</v>
      </c>
      <c r="AN1970">
        <v>0</v>
      </c>
      <c r="AO1970">
        <v>0</v>
      </c>
      <c r="AP1970">
        <v>0</v>
      </c>
      <c r="AQ1970">
        <v>0</v>
      </c>
      <c r="AR1970">
        <v>0</v>
      </c>
      <c r="AS1970">
        <v>0</v>
      </c>
      <c r="AT1970">
        <v>0</v>
      </c>
      <c r="AU1970">
        <v>0</v>
      </c>
      <c r="AV1970">
        <v>0</v>
      </c>
      <c r="AW1970">
        <v>0</v>
      </c>
      <c r="AX1970">
        <v>0</v>
      </c>
      <c r="AY1970">
        <v>0</v>
      </c>
      <c r="AZ1970">
        <v>0</v>
      </c>
      <c r="BA1970">
        <v>0</v>
      </c>
    </row>
    <row r="1971" spans="1:53" x14ac:dyDescent="0.4">
      <c r="A1971">
        <v>2015</v>
      </c>
      <c r="B1971" s="1">
        <v>43460</v>
      </c>
      <c r="C1971">
        <v>2</v>
      </c>
      <c r="D1971" s="1">
        <v>43460.40625</v>
      </c>
      <c r="E1971" s="1">
        <v>43460.727777777778</v>
      </c>
      <c r="F1971">
        <v>36500</v>
      </c>
      <c r="G1971">
        <v>2000</v>
      </c>
      <c r="H1971">
        <v>0</v>
      </c>
      <c r="I1971">
        <v>0</v>
      </c>
      <c r="J1971">
        <v>0</v>
      </c>
      <c r="K1971">
        <v>0</v>
      </c>
      <c r="L1971">
        <v>0</v>
      </c>
      <c r="M1971">
        <v>3080</v>
      </c>
      <c r="N1971">
        <v>0</v>
      </c>
      <c r="O1971">
        <v>0</v>
      </c>
      <c r="P1971">
        <v>18900</v>
      </c>
      <c r="Q1971">
        <v>0</v>
      </c>
      <c r="R1971">
        <v>60480</v>
      </c>
      <c r="S1971">
        <v>0</v>
      </c>
      <c r="T1971">
        <v>0</v>
      </c>
      <c r="U1971">
        <v>0</v>
      </c>
      <c r="V1971">
        <v>1</v>
      </c>
      <c r="W1971">
        <v>1</v>
      </c>
      <c r="X1971">
        <v>0</v>
      </c>
      <c r="Y1971">
        <v>58</v>
      </c>
      <c r="Z1971">
        <v>51</v>
      </c>
      <c r="AA1971">
        <v>64</v>
      </c>
      <c r="AB1971">
        <v>16</v>
      </c>
      <c r="AC1971">
        <v>191</v>
      </c>
      <c r="AD1971">
        <v>35</v>
      </c>
      <c r="AE1971">
        <v>65</v>
      </c>
      <c r="AF1971">
        <v>2630</v>
      </c>
      <c r="AG1971">
        <v>110480</v>
      </c>
      <c r="AH1971">
        <v>50000</v>
      </c>
      <c r="AI1971">
        <v>0</v>
      </c>
      <c r="AJ1971">
        <v>96</v>
      </c>
      <c r="AK1971" t="s">
        <v>4</v>
      </c>
      <c r="AL1971">
        <v>0</v>
      </c>
      <c r="AM1971">
        <v>0</v>
      </c>
      <c r="AN1971">
        <v>0</v>
      </c>
      <c r="AO1971">
        <v>0</v>
      </c>
      <c r="AP1971">
        <v>0</v>
      </c>
      <c r="AQ1971">
        <v>0</v>
      </c>
      <c r="AR1971">
        <v>0</v>
      </c>
      <c r="AS1971">
        <v>0</v>
      </c>
      <c r="AT1971">
        <v>0</v>
      </c>
      <c r="AU1971">
        <v>0</v>
      </c>
      <c r="AV1971">
        <v>0</v>
      </c>
      <c r="AW1971">
        <v>0</v>
      </c>
      <c r="AX1971">
        <v>583</v>
      </c>
      <c r="AY1971">
        <v>49</v>
      </c>
      <c r="AZ1971">
        <v>108</v>
      </c>
      <c r="BA1971">
        <v>6834</v>
      </c>
    </row>
    <row r="1972" spans="1:53" x14ac:dyDescent="0.4">
      <c r="A1972">
        <v>2016</v>
      </c>
      <c r="B1972" s="1">
        <v>43460</v>
      </c>
      <c r="C1972">
        <v>3</v>
      </c>
      <c r="D1972" s="1">
        <v>43460.727777777778</v>
      </c>
      <c r="E1972" s="1">
        <v>43460.951388888891</v>
      </c>
      <c r="F1972">
        <v>71200</v>
      </c>
      <c r="G1972">
        <v>3520</v>
      </c>
      <c r="H1972">
        <v>0</v>
      </c>
      <c r="I1972">
        <v>0</v>
      </c>
      <c r="J1972">
        <v>0</v>
      </c>
      <c r="K1972">
        <v>10150</v>
      </c>
      <c r="L1972">
        <v>0</v>
      </c>
      <c r="M1972">
        <v>6790</v>
      </c>
      <c r="N1972">
        <v>0</v>
      </c>
      <c r="O1972">
        <v>0</v>
      </c>
      <c r="P1972">
        <v>-18900</v>
      </c>
      <c r="Q1972">
        <v>0</v>
      </c>
      <c r="R1972">
        <v>72760</v>
      </c>
      <c r="S1972">
        <v>0</v>
      </c>
      <c r="T1972">
        <v>0</v>
      </c>
      <c r="U1972">
        <v>0</v>
      </c>
      <c r="V1972">
        <v>4</v>
      </c>
      <c r="W1972">
        <v>1</v>
      </c>
      <c r="X1972">
        <v>0</v>
      </c>
      <c r="Y1972">
        <v>80</v>
      </c>
      <c r="Z1972">
        <v>52</v>
      </c>
      <c r="AA1972">
        <v>68</v>
      </c>
      <c r="AB1972">
        <v>13</v>
      </c>
      <c r="AC1972">
        <v>213</v>
      </c>
      <c r="AD1972">
        <v>36</v>
      </c>
      <c r="AE1972">
        <v>58</v>
      </c>
      <c r="AF1972">
        <v>21422</v>
      </c>
      <c r="AG1972">
        <v>182240</v>
      </c>
      <c r="AH1972">
        <v>50000</v>
      </c>
      <c r="AI1972">
        <v>-1000</v>
      </c>
      <c r="AJ1972">
        <v>102</v>
      </c>
      <c r="AK1972" t="s">
        <v>8</v>
      </c>
      <c r="AL1972">
        <v>0</v>
      </c>
      <c r="AM1972">
        <v>0</v>
      </c>
      <c r="AN1972">
        <v>0</v>
      </c>
      <c r="AO1972">
        <v>0</v>
      </c>
      <c r="AP1972">
        <v>0</v>
      </c>
      <c r="AQ1972">
        <v>0</v>
      </c>
      <c r="AR1972">
        <v>0</v>
      </c>
      <c r="AS1972">
        <v>0</v>
      </c>
      <c r="AT1972">
        <v>0</v>
      </c>
      <c r="AU1972">
        <v>0</v>
      </c>
      <c r="AV1972">
        <v>0</v>
      </c>
      <c r="AW1972">
        <v>0</v>
      </c>
      <c r="AX1972">
        <v>140345</v>
      </c>
      <c r="AY1972">
        <v>26</v>
      </c>
      <c r="AZ1972">
        <v>127</v>
      </c>
      <c r="BA1972">
        <v>3796</v>
      </c>
    </row>
    <row r="1973" spans="1:53" x14ac:dyDescent="0.4">
      <c r="A1973">
        <v>2017</v>
      </c>
      <c r="B1973" s="1">
        <v>43460</v>
      </c>
      <c r="C1973">
        <v>4</v>
      </c>
      <c r="D1973" s="1">
        <v>43460.951388888891</v>
      </c>
      <c r="E1973" s="1">
        <v>43461.142361111109</v>
      </c>
      <c r="F1973">
        <v>152000</v>
      </c>
      <c r="G1973">
        <v>8220</v>
      </c>
      <c r="H1973">
        <v>200</v>
      </c>
      <c r="I1973">
        <v>0</v>
      </c>
      <c r="J1973">
        <v>900</v>
      </c>
      <c r="K1973">
        <v>32400</v>
      </c>
      <c r="L1973">
        <v>0</v>
      </c>
      <c r="M1973">
        <v>15353</v>
      </c>
      <c r="N1973">
        <v>0</v>
      </c>
      <c r="O1973">
        <v>0</v>
      </c>
      <c r="P1973">
        <v>18664</v>
      </c>
      <c r="Q1973">
        <v>0</v>
      </c>
      <c r="R1973">
        <v>225937</v>
      </c>
      <c r="S1973">
        <v>0</v>
      </c>
      <c r="T1973">
        <v>0</v>
      </c>
      <c r="U1973">
        <v>0</v>
      </c>
      <c r="V1973">
        <v>15</v>
      </c>
      <c r="W1973">
        <v>2</v>
      </c>
      <c r="X1973">
        <v>0</v>
      </c>
      <c r="Y1973">
        <v>103</v>
      </c>
      <c r="Z1973">
        <v>55</v>
      </c>
      <c r="AA1973">
        <v>74</v>
      </c>
      <c r="AB1973">
        <v>18</v>
      </c>
      <c r="AC1973">
        <v>203</v>
      </c>
      <c r="AD1973">
        <v>35</v>
      </c>
      <c r="AE1973">
        <v>52</v>
      </c>
      <c r="AF1973">
        <v>108740</v>
      </c>
      <c r="AG1973">
        <v>409797</v>
      </c>
      <c r="AH1973">
        <v>50000</v>
      </c>
      <c r="AI1973">
        <v>620</v>
      </c>
      <c r="AJ1973">
        <v>108</v>
      </c>
      <c r="AK1973" t="s">
        <v>30</v>
      </c>
      <c r="AL1973">
        <v>0</v>
      </c>
      <c r="AM1973">
        <v>0</v>
      </c>
      <c r="AN1973">
        <v>0</v>
      </c>
      <c r="AO1973">
        <v>0</v>
      </c>
      <c r="AP1973">
        <v>0</v>
      </c>
      <c r="AQ1973">
        <v>0</v>
      </c>
      <c r="AR1973">
        <v>0</v>
      </c>
      <c r="AS1973">
        <v>0</v>
      </c>
      <c r="AT1973">
        <v>0</v>
      </c>
      <c r="AU1973">
        <v>0</v>
      </c>
      <c r="AV1973">
        <v>0</v>
      </c>
      <c r="AW1973">
        <v>0</v>
      </c>
      <c r="AX1973">
        <v>7299</v>
      </c>
      <c r="AY1973">
        <v>5</v>
      </c>
      <c r="AZ1973">
        <v>16</v>
      </c>
      <c r="BA1973">
        <v>1468</v>
      </c>
    </row>
    <row r="1974" spans="1:53" x14ac:dyDescent="0.4">
      <c r="A1974">
        <v>2018</v>
      </c>
      <c r="B1974" s="1">
        <v>43461</v>
      </c>
      <c r="C1974">
        <v>1</v>
      </c>
      <c r="D1974" s="1">
        <v>43461.291666666664</v>
      </c>
      <c r="E1974" s="1">
        <v>43461.409722222219</v>
      </c>
      <c r="F1974">
        <v>0</v>
      </c>
      <c r="G1974">
        <v>0</v>
      </c>
      <c r="H1974">
        <v>0</v>
      </c>
      <c r="I1974">
        <v>0</v>
      </c>
      <c r="J1974">
        <v>0</v>
      </c>
      <c r="K1974">
        <v>0</v>
      </c>
      <c r="L1974">
        <v>0</v>
      </c>
      <c r="M1974">
        <v>0</v>
      </c>
      <c r="N1974">
        <v>0</v>
      </c>
      <c r="O1974">
        <v>0</v>
      </c>
      <c r="P1974">
        <v>0</v>
      </c>
      <c r="Q1974">
        <v>0</v>
      </c>
      <c r="R1974">
        <v>0</v>
      </c>
      <c r="S1974">
        <v>0</v>
      </c>
      <c r="T1974">
        <v>0</v>
      </c>
      <c r="U1974">
        <v>0</v>
      </c>
      <c r="V1974">
        <v>0</v>
      </c>
      <c r="W1974">
        <v>0</v>
      </c>
      <c r="X1974">
        <v>0</v>
      </c>
      <c r="Y1974">
        <v>29</v>
      </c>
      <c r="Z1974">
        <v>23</v>
      </c>
      <c r="AA1974">
        <v>74</v>
      </c>
      <c r="AB1974">
        <v>18</v>
      </c>
      <c r="AC1974">
        <v>100</v>
      </c>
      <c r="AD1974">
        <v>31</v>
      </c>
      <c r="AE1974">
        <v>45</v>
      </c>
      <c r="AF1974">
        <v>0</v>
      </c>
      <c r="AG1974">
        <v>50000</v>
      </c>
      <c r="AH1974">
        <v>0</v>
      </c>
      <c r="AI1974">
        <v>50000</v>
      </c>
      <c r="AJ1974">
        <v>0</v>
      </c>
      <c r="AK1974" t="s">
        <v>6</v>
      </c>
      <c r="AL1974">
        <v>0</v>
      </c>
      <c r="AM1974">
        <v>0</v>
      </c>
      <c r="AN1974">
        <v>0</v>
      </c>
      <c r="AO1974">
        <v>0</v>
      </c>
      <c r="AP1974">
        <v>0</v>
      </c>
      <c r="AQ1974">
        <v>0</v>
      </c>
      <c r="AR1974">
        <v>0</v>
      </c>
      <c r="AS1974">
        <v>0</v>
      </c>
      <c r="AT1974">
        <v>0</v>
      </c>
      <c r="AU1974">
        <v>0</v>
      </c>
      <c r="AV1974">
        <v>0</v>
      </c>
      <c r="AW1974">
        <v>0</v>
      </c>
      <c r="AX1974">
        <v>0</v>
      </c>
      <c r="AY1974">
        <v>0</v>
      </c>
      <c r="AZ1974">
        <v>0</v>
      </c>
      <c r="BA1974">
        <v>0</v>
      </c>
    </row>
    <row r="1975" spans="1:53" x14ac:dyDescent="0.4">
      <c r="A1975">
        <v>2019</v>
      </c>
      <c r="B1975" s="1">
        <v>43461</v>
      </c>
      <c r="C1975">
        <v>2</v>
      </c>
      <c r="D1975" s="1">
        <v>43461.409722222219</v>
      </c>
      <c r="E1975" s="1">
        <v>43461.759722222225</v>
      </c>
      <c r="F1975">
        <v>37250</v>
      </c>
      <c r="G1975">
        <v>3280</v>
      </c>
      <c r="H1975">
        <v>400</v>
      </c>
      <c r="I1975">
        <v>0</v>
      </c>
      <c r="J1975">
        <v>0</v>
      </c>
      <c r="K1975">
        <v>0</v>
      </c>
      <c r="L1975">
        <v>0</v>
      </c>
      <c r="M1975">
        <v>3273</v>
      </c>
      <c r="N1975">
        <v>0</v>
      </c>
      <c r="O1975">
        <v>0</v>
      </c>
      <c r="P1975">
        <v>18014</v>
      </c>
      <c r="Q1975">
        <v>0</v>
      </c>
      <c r="R1975">
        <v>62217</v>
      </c>
      <c r="S1975">
        <v>0</v>
      </c>
      <c r="T1975">
        <v>0</v>
      </c>
      <c r="U1975">
        <v>0</v>
      </c>
      <c r="V1975">
        <v>2</v>
      </c>
      <c r="W1975">
        <v>2</v>
      </c>
      <c r="X1975">
        <v>0</v>
      </c>
      <c r="Y1975">
        <v>43</v>
      </c>
      <c r="Z1975">
        <v>46</v>
      </c>
      <c r="AA1975">
        <v>92</v>
      </c>
      <c r="AB1975">
        <v>26</v>
      </c>
      <c r="AC1975">
        <v>180</v>
      </c>
      <c r="AD1975">
        <v>39</v>
      </c>
      <c r="AE1975">
        <v>44</v>
      </c>
      <c r="AF1975">
        <v>2736</v>
      </c>
      <c r="AG1975">
        <v>111275</v>
      </c>
      <c r="AH1975">
        <v>50000</v>
      </c>
      <c r="AI1975">
        <v>-942</v>
      </c>
      <c r="AJ1975">
        <v>92</v>
      </c>
      <c r="AK1975" t="s">
        <v>22</v>
      </c>
      <c r="AL1975">
        <v>0</v>
      </c>
      <c r="AM1975">
        <v>0</v>
      </c>
      <c r="AN1975">
        <v>0</v>
      </c>
      <c r="AO1975">
        <v>0</v>
      </c>
      <c r="AP1975">
        <v>0</v>
      </c>
      <c r="AQ1975">
        <v>0</v>
      </c>
      <c r="AR1975">
        <v>0</v>
      </c>
      <c r="AS1975">
        <v>0</v>
      </c>
      <c r="AT1975">
        <v>0</v>
      </c>
      <c r="AU1975">
        <v>0</v>
      </c>
      <c r="AV1975">
        <v>0</v>
      </c>
      <c r="AW1975">
        <v>0</v>
      </c>
      <c r="AX1975">
        <v>1815</v>
      </c>
      <c r="AY1975">
        <v>47</v>
      </c>
      <c r="AZ1975">
        <v>106</v>
      </c>
      <c r="BA1975">
        <v>7137</v>
      </c>
    </row>
    <row r="1976" spans="1:53" x14ac:dyDescent="0.4">
      <c r="A1976">
        <v>2020</v>
      </c>
      <c r="B1976" s="1">
        <v>43461</v>
      </c>
      <c r="C1976">
        <v>3</v>
      </c>
      <c r="D1976" s="1">
        <v>43461.759722222225</v>
      </c>
      <c r="E1976" s="1">
        <v>43461.802083333336</v>
      </c>
      <c r="F1976">
        <v>7000</v>
      </c>
      <c r="G1976">
        <v>2860</v>
      </c>
      <c r="H1976">
        <v>0</v>
      </c>
      <c r="I1976">
        <v>0</v>
      </c>
      <c r="J1976">
        <v>0</v>
      </c>
      <c r="K1976">
        <v>0</v>
      </c>
      <c r="L1976">
        <v>0</v>
      </c>
      <c r="M1976">
        <v>789</v>
      </c>
      <c r="N1976">
        <v>0</v>
      </c>
      <c r="O1976">
        <v>0</v>
      </c>
      <c r="P1976">
        <v>-8834</v>
      </c>
      <c r="Q1976">
        <v>0</v>
      </c>
      <c r="R1976">
        <v>1815</v>
      </c>
      <c r="S1976">
        <v>0</v>
      </c>
      <c r="T1976">
        <v>0</v>
      </c>
      <c r="U1976">
        <v>0</v>
      </c>
      <c r="V1976">
        <v>2</v>
      </c>
      <c r="W1976">
        <v>2</v>
      </c>
      <c r="X1976">
        <v>0</v>
      </c>
      <c r="Y1976">
        <v>44</v>
      </c>
      <c r="Z1976">
        <v>51</v>
      </c>
      <c r="AA1976">
        <v>88</v>
      </c>
      <c r="AB1976">
        <v>28</v>
      </c>
      <c r="AC1976">
        <v>179</v>
      </c>
      <c r="AD1976">
        <v>39</v>
      </c>
      <c r="AE1976">
        <v>43</v>
      </c>
      <c r="AF1976">
        <v>2304</v>
      </c>
      <c r="AG1976">
        <v>114032</v>
      </c>
      <c r="AH1976">
        <v>50000</v>
      </c>
      <c r="AI1976">
        <v>0</v>
      </c>
      <c r="AJ1976">
        <v>84</v>
      </c>
      <c r="AK1976" t="s">
        <v>16</v>
      </c>
      <c r="AL1976">
        <v>0</v>
      </c>
      <c r="AM1976">
        <v>0</v>
      </c>
      <c r="AN1976">
        <v>0</v>
      </c>
      <c r="AO1976">
        <v>0</v>
      </c>
      <c r="AP1976">
        <v>0</v>
      </c>
      <c r="AQ1976">
        <v>0</v>
      </c>
      <c r="AR1976">
        <v>0</v>
      </c>
      <c r="AS1976">
        <v>0</v>
      </c>
      <c r="AT1976">
        <v>0</v>
      </c>
      <c r="AU1976">
        <v>0</v>
      </c>
      <c r="AV1976">
        <v>0</v>
      </c>
      <c r="AW1976">
        <v>0</v>
      </c>
      <c r="AX1976">
        <v>0</v>
      </c>
      <c r="AY1976">
        <v>0</v>
      </c>
      <c r="AZ1976">
        <v>0</v>
      </c>
      <c r="BA1976">
        <v>618</v>
      </c>
    </row>
    <row r="1977" spans="1:53" x14ac:dyDescent="0.4">
      <c r="A1977">
        <v>2021</v>
      </c>
      <c r="B1977" s="1">
        <v>43461</v>
      </c>
      <c r="C1977">
        <v>4</v>
      </c>
      <c r="D1977" s="1">
        <v>43461.802083333336</v>
      </c>
      <c r="E1977" s="1">
        <v>43461.987500000003</v>
      </c>
      <c r="F1977">
        <v>124750</v>
      </c>
      <c r="G1977">
        <v>2360</v>
      </c>
      <c r="H1977">
        <v>0</v>
      </c>
      <c r="I1977">
        <v>0</v>
      </c>
      <c r="J1977">
        <v>0</v>
      </c>
      <c r="K1977">
        <v>17200</v>
      </c>
      <c r="L1977">
        <v>0</v>
      </c>
      <c r="M1977">
        <v>11544</v>
      </c>
      <c r="N1977">
        <v>0</v>
      </c>
      <c r="O1977">
        <v>0</v>
      </c>
      <c r="P1977">
        <v>23760</v>
      </c>
      <c r="Q1977">
        <v>0</v>
      </c>
      <c r="R1977">
        <v>179614</v>
      </c>
      <c r="S1977">
        <v>0</v>
      </c>
      <c r="T1977">
        <v>0</v>
      </c>
      <c r="U1977">
        <v>0</v>
      </c>
      <c r="V1977">
        <v>11</v>
      </c>
      <c r="W1977">
        <v>7</v>
      </c>
      <c r="X1977">
        <v>0</v>
      </c>
      <c r="Y1977">
        <v>89</v>
      </c>
      <c r="Z1977">
        <v>54</v>
      </c>
      <c r="AA1977">
        <v>76</v>
      </c>
      <c r="AB1977">
        <v>30</v>
      </c>
      <c r="AC1977">
        <v>169</v>
      </c>
      <c r="AD1977">
        <v>32</v>
      </c>
      <c r="AE1977">
        <v>32</v>
      </c>
      <c r="AF1977">
        <v>22176</v>
      </c>
      <c r="AG1977">
        <v>294158</v>
      </c>
      <c r="AH1977">
        <v>50000</v>
      </c>
      <c r="AI1977">
        <v>512</v>
      </c>
      <c r="AJ1977">
        <v>108</v>
      </c>
      <c r="AK1977" t="s">
        <v>30</v>
      </c>
      <c r="AL1977">
        <v>0</v>
      </c>
      <c r="AM1977">
        <v>0</v>
      </c>
      <c r="AN1977">
        <v>0</v>
      </c>
      <c r="AO1977">
        <v>0</v>
      </c>
      <c r="AP1977">
        <v>0</v>
      </c>
      <c r="AQ1977">
        <v>0</v>
      </c>
      <c r="AR1977">
        <v>0</v>
      </c>
      <c r="AS1977">
        <v>0</v>
      </c>
      <c r="AT1977">
        <v>0</v>
      </c>
      <c r="AU1977">
        <v>0</v>
      </c>
      <c r="AV1977">
        <v>0</v>
      </c>
      <c r="AW1977">
        <v>0</v>
      </c>
      <c r="AX1977">
        <v>56595</v>
      </c>
      <c r="AY1977">
        <v>29</v>
      </c>
      <c r="AZ1977">
        <v>125</v>
      </c>
      <c r="BA1977">
        <v>3144</v>
      </c>
    </row>
    <row r="1978" spans="1:53" x14ac:dyDescent="0.4">
      <c r="A1978">
        <v>2022</v>
      </c>
      <c r="B1978" s="1">
        <v>43461</v>
      </c>
      <c r="C1978">
        <v>5</v>
      </c>
      <c r="D1978" s="1">
        <v>43461.987500000003</v>
      </c>
      <c r="E1978" s="1">
        <v>43462.07916666667</v>
      </c>
      <c r="F1978">
        <v>101500</v>
      </c>
      <c r="G1978">
        <v>5930</v>
      </c>
      <c r="H1978">
        <v>0</v>
      </c>
      <c r="I1978">
        <v>0</v>
      </c>
      <c r="J1978">
        <v>200</v>
      </c>
      <c r="K1978">
        <v>16200</v>
      </c>
      <c r="L1978">
        <v>0</v>
      </c>
      <c r="M1978">
        <v>9873</v>
      </c>
      <c r="N1978">
        <v>0</v>
      </c>
      <c r="O1978">
        <v>0</v>
      </c>
      <c r="P1978">
        <v>36504</v>
      </c>
      <c r="Q1978">
        <v>0</v>
      </c>
      <c r="R1978">
        <v>169807</v>
      </c>
      <c r="S1978">
        <v>0</v>
      </c>
      <c r="T1978">
        <v>0</v>
      </c>
      <c r="U1978">
        <v>0</v>
      </c>
      <c r="V1978">
        <v>19</v>
      </c>
      <c r="W1978">
        <v>9</v>
      </c>
      <c r="X1978">
        <v>0</v>
      </c>
      <c r="Y1978">
        <v>140</v>
      </c>
      <c r="Z1978">
        <v>59</v>
      </c>
      <c r="AA1978">
        <v>96</v>
      </c>
      <c r="AB1978">
        <v>33</v>
      </c>
      <c r="AC1978">
        <v>177</v>
      </c>
      <c r="AD1978">
        <v>31</v>
      </c>
      <c r="AE1978">
        <v>26</v>
      </c>
      <c r="AF1978">
        <v>45752</v>
      </c>
      <c r="AG1978">
        <v>463453</v>
      </c>
      <c r="AH1978">
        <v>50000</v>
      </c>
      <c r="AI1978">
        <v>0</v>
      </c>
      <c r="AJ1978">
        <v>108</v>
      </c>
      <c r="AK1978" t="s">
        <v>30</v>
      </c>
      <c r="AL1978">
        <v>0</v>
      </c>
      <c r="AM1978">
        <v>0</v>
      </c>
      <c r="AN1978">
        <v>0</v>
      </c>
      <c r="AO1978">
        <v>0</v>
      </c>
      <c r="AP1978">
        <v>0</v>
      </c>
      <c r="AQ1978">
        <v>0</v>
      </c>
      <c r="AR1978">
        <v>0</v>
      </c>
      <c r="AS1978">
        <v>0</v>
      </c>
      <c r="AT1978">
        <v>0</v>
      </c>
      <c r="AU1978">
        <v>0</v>
      </c>
      <c r="AV1978">
        <v>0</v>
      </c>
      <c r="AW1978">
        <v>0</v>
      </c>
      <c r="AX1978">
        <v>2418</v>
      </c>
      <c r="AY1978">
        <v>8</v>
      </c>
      <c r="AZ1978">
        <v>23</v>
      </c>
      <c r="BA1978">
        <v>1543</v>
      </c>
    </row>
    <row r="1979" spans="1:53" x14ac:dyDescent="0.4">
      <c r="A1979">
        <v>2023</v>
      </c>
      <c r="B1979" s="1">
        <v>43462</v>
      </c>
      <c r="C1979">
        <v>1</v>
      </c>
      <c r="D1979" s="1">
        <v>43462.291666666664</v>
      </c>
      <c r="E1979" s="1">
        <v>43462.414583333331</v>
      </c>
      <c r="F1979">
        <v>0</v>
      </c>
      <c r="G1979">
        <v>0</v>
      </c>
      <c r="H1979">
        <v>0</v>
      </c>
      <c r="I1979">
        <v>0</v>
      </c>
      <c r="J1979">
        <v>0</v>
      </c>
      <c r="K1979">
        <v>0</v>
      </c>
      <c r="L1979">
        <v>0</v>
      </c>
      <c r="M1979">
        <v>0</v>
      </c>
      <c r="N1979">
        <v>0</v>
      </c>
      <c r="O1979">
        <v>0</v>
      </c>
      <c r="P1979">
        <v>0</v>
      </c>
      <c r="Q1979">
        <v>0</v>
      </c>
      <c r="R1979">
        <v>0</v>
      </c>
      <c r="S1979">
        <v>0</v>
      </c>
      <c r="T1979">
        <v>0</v>
      </c>
      <c r="U1979">
        <v>0</v>
      </c>
      <c r="V1979">
        <v>0</v>
      </c>
      <c r="W1979">
        <v>0</v>
      </c>
      <c r="X1979">
        <v>0</v>
      </c>
      <c r="Y1979">
        <v>32</v>
      </c>
      <c r="Z1979">
        <v>10</v>
      </c>
      <c r="AA1979">
        <v>98</v>
      </c>
      <c r="AB1979">
        <v>33</v>
      </c>
      <c r="AC1979">
        <v>137</v>
      </c>
      <c r="AD1979">
        <v>27</v>
      </c>
      <c r="AE1979">
        <v>45</v>
      </c>
      <c r="AF1979">
        <v>0</v>
      </c>
      <c r="AG1979">
        <v>50000</v>
      </c>
      <c r="AH1979">
        <v>0</v>
      </c>
      <c r="AI1979">
        <v>50000</v>
      </c>
      <c r="AJ1979">
        <v>0</v>
      </c>
      <c r="AK1979" t="s">
        <v>6</v>
      </c>
      <c r="AL1979">
        <v>0</v>
      </c>
      <c r="AM1979">
        <v>0</v>
      </c>
      <c r="AN1979">
        <v>0</v>
      </c>
      <c r="AO1979">
        <v>0</v>
      </c>
      <c r="AP1979">
        <v>0</v>
      </c>
      <c r="AQ1979">
        <v>0</v>
      </c>
      <c r="AR1979">
        <v>0</v>
      </c>
      <c r="AS1979">
        <v>0</v>
      </c>
      <c r="AT1979">
        <v>0</v>
      </c>
      <c r="AU1979">
        <v>0</v>
      </c>
      <c r="AV1979">
        <v>0</v>
      </c>
      <c r="AW1979">
        <v>0</v>
      </c>
      <c r="AX1979">
        <v>0</v>
      </c>
      <c r="AY1979">
        <v>0</v>
      </c>
      <c r="AZ1979">
        <v>0</v>
      </c>
      <c r="BA1979">
        <v>0</v>
      </c>
    </row>
    <row r="1980" spans="1:53" x14ac:dyDescent="0.4">
      <c r="A1980">
        <v>2024</v>
      </c>
      <c r="B1980" s="1">
        <v>43462</v>
      </c>
      <c r="C1980">
        <v>2</v>
      </c>
      <c r="D1980" s="1">
        <v>43462.414583333331</v>
      </c>
      <c r="E1980" s="1">
        <v>43462.727083333331</v>
      </c>
      <c r="F1980">
        <v>47000</v>
      </c>
      <c r="G1980">
        <v>1180</v>
      </c>
      <c r="H1980">
        <v>0</v>
      </c>
      <c r="I1980">
        <v>0</v>
      </c>
      <c r="J1980">
        <v>0</v>
      </c>
      <c r="K1980">
        <v>0</v>
      </c>
      <c r="L1980">
        <v>0</v>
      </c>
      <c r="M1980">
        <v>3854</v>
      </c>
      <c r="N1980">
        <v>0</v>
      </c>
      <c r="O1980">
        <v>0</v>
      </c>
      <c r="P1980">
        <v>23220</v>
      </c>
      <c r="Q1980">
        <v>0</v>
      </c>
      <c r="R1980">
        <v>75254</v>
      </c>
      <c r="S1980">
        <v>0</v>
      </c>
      <c r="T1980">
        <v>0</v>
      </c>
      <c r="U1980">
        <v>0</v>
      </c>
      <c r="V1980">
        <v>1</v>
      </c>
      <c r="W1980">
        <v>4</v>
      </c>
      <c r="X1980">
        <v>0</v>
      </c>
      <c r="Y1980">
        <v>64</v>
      </c>
      <c r="Z1980">
        <v>27</v>
      </c>
      <c r="AA1980">
        <v>128</v>
      </c>
      <c r="AB1980">
        <v>32</v>
      </c>
      <c r="AC1980">
        <v>313</v>
      </c>
      <c r="AD1980">
        <v>34</v>
      </c>
      <c r="AE1980">
        <v>54</v>
      </c>
      <c r="AF1980">
        <v>0</v>
      </c>
      <c r="AG1980">
        <v>125254</v>
      </c>
      <c r="AH1980">
        <v>50000</v>
      </c>
      <c r="AI1980">
        <v>0</v>
      </c>
      <c r="AJ1980">
        <v>96</v>
      </c>
      <c r="AK1980" t="s">
        <v>4</v>
      </c>
      <c r="AL1980">
        <v>0</v>
      </c>
      <c r="AM1980">
        <v>0</v>
      </c>
      <c r="AN1980">
        <v>0</v>
      </c>
      <c r="AO1980">
        <v>0</v>
      </c>
      <c r="AP1980">
        <v>0</v>
      </c>
      <c r="AQ1980">
        <v>0</v>
      </c>
      <c r="AR1980">
        <v>0</v>
      </c>
      <c r="AS1980">
        <v>0</v>
      </c>
      <c r="AT1980">
        <v>0</v>
      </c>
      <c r="AU1980">
        <v>0</v>
      </c>
      <c r="AV1980">
        <v>0</v>
      </c>
      <c r="AW1980">
        <v>0</v>
      </c>
      <c r="AX1980">
        <v>1468</v>
      </c>
      <c r="AY1980">
        <v>55</v>
      </c>
      <c r="AZ1980">
        <v>133</v>
      </c>
      <c r="BA1980">
        <v>7675</v>
      </c>
    </row>
    <row r="1981" spans="1:53" x14ac:dyDescent="0.4">
      <c r="A1981">
        <v>2025</v>
      </c>
      <c r="B1981" s="1">
        <v>43463</v>
      </c>
      <c r="C1981">
        <v>1</v>
      </c>
      <c r="D1981" s="1">
        <v>43463.291666666664</v>
      </c>
      <c r="E1981" s="1">
        <v>43463.411111111112</v>
      </c>
      <c r="F1981">
        <v>0</v>
      </c>
      <c r="G1981">
        <v>0</v>
      </c>
      <c r="H1981">
        <v>0</v>
      </c>
      <c r="I1981">
        <v>0</v>
      </c>
      <c r="J1981">
        <v>0</v>
      </c>
      <c r="K1981">
        <v>0</v>
      </c>
      <c r="L1981">
        <v>0</v>
      </c>
      <c r="M1981">
        <v>0</v>
      </c>
      <c r="N1981">
        <v>0</v>
      </c>
      <c r="O1981">
        <v>0</v>
      </c>
      <c r="P1981">
        <v>0</v>
      </c>
      <c r="Q1981">
        <v>0</v>
      </c>
      <c r="R1981">
        <v>0</v>
      </c>
      <c r="S1981">
        <v>0</v>
      </c>
      <c r="T1981">
        <v>0</v>
      </c>
      <c r="U1981">
        <v>0</v>
      </c>
      <c r="V1981">
        <v>0</v>
      </c>
      <c r="W1981">
        <v>0</v>
      </c>
      <c r="X1981">
        <v>0</v>
      </c>
      <c r="Y1981">
        <v>34</v>
      </c>
      <c r="Z1981">
        <v>12</v>
      </c>
      <c r="AA1981">
        <v>69</v>
      </c>
      <c r="AB1981">
        <v>25</v>
      </c>
      <c r="AC1981">
        <v>142</v>
      </c>
      <c r="AD1981">
        <v>74</v>
      </c>
      <c r="AE1981">
        <v>60</v>
      </c>
      <c r="AF1981">
        <v>0</v>
      </c>
      <c r="AG1981">
        <v>50000</v>
      </c>
      <c r="AH1981">
        <v>50000</v>
      </c>
      <c r="AI1981">
        <v>0</v>
      </c>
      <c r="AJ1981">
        <v>0</v>
      </c>
      <c r="AK1981" t="s">
        <v>6</v>
      </c>
      <c r="AL1981">
        <v>0</v>
      </c>
      <c r="AM1981">
        <v>0</v>
      </c>
      <c r="AN1981">
        <v>0</v>
      </c>
      <c r="AO1981">
        <v>0</v>
      </c>
      <c r="AP1981">
        <v>0</v>
      </c>
      <c r="AQ1981">
        <v>0</v>
      </c>
      <c r="AR1981">
        <v>0</v>
      </c>
      <c r="AS1981">
        <v>0</v>
      </c>
      <c r="AT1981">
        <v>0</v>
      </c>
      <c r="AU1981">
        <v>0</v>
      </c>
      <c r="AV1981">
        <v>0</v>
      </c>
      <c r="AW1981">
        <v>0</v>
      </c>
      <c r="AX1981">
        <v>0</v>
      </c>
      <c r="AY1981">
        <v>0</v>
      </c>
      <c r="AZ1981">
        <v>0</v>
      </c>
      <c r="BA1981">
        <v>0</v>
      </c>
    </row>
    <row r="1982" spans="1:53" x14ac:dyDescent="0.4">
      <c r="A1982">
        <v>2026</v>
      </c>
      <c r="B1982" s="1">
        <v>43463</v>
      </c>
      <c r="C1982">
        <v>2</v>
      </c>
      <c r="D1982" s="1">
        <v>43463.411111111112</v>
      </c>
      <c r="E1982" s="1">
        <v>43463.734027777777</v>
      </c>
      <c r="F1982">
        <v>46000</v>
      </c>
      <c r="G1982">
        <v>3860</v>
      </c>
      <c r="H1982">
        <v>0</v>
      </c>
      <c r="I1982">
        <v>0</v>
      </c>
      <c r="J1982">
        <v>0</v>
      </c>
      <c r="K1982">
        <v>0</v>
      </c>
      <c r="L1982">
        <v>0</v>
      </c>
      <c r="M1982">
        <v>3988</v>
      </c>
      <c r="N1982">
        <v>0</v>
      </c>
      <c r="O1982">
        <v>0</v>
      </c>
      <c r="P1982">
        <v>28080</v>
      </c>
      <c r="Q1982">
        <v>0</v>
      </c>
      <c r="R1982">
        <v>81928</v>
      </c>
      <c r="S1982">
        <v>0</v>
      </c>
      <c r="T1982">
        <v>0</v>
      </c>
      <c r="U1982">
        <v>0</v>
      </c>
      <c r="V1982">
        <v>1</v>
      </c>
      <c r="W1982">
        <v>8</v>
      </c>
      <c r="X1982">
        <v>0</v>
      </c>
      <c r="Y1982">
        <v>55</v>
      </c>
      <c r="Z1982">
        <v>33</v>
      </c>
      <c r="AA1982">
        <v>45</v>
      </c>
      <c r="AB1982">
        <v>23</v>
      </c>
      <c r="AC1982">
        <v>216</v>
      </c>
      <c r="AD1982">
        <v>78</v>
      </c>
      <c r="AE1982">
        <v>68</v>
      </c>
      <c r="AF1982">
        <v>2160</v>
      </c>
      <c r="AG1982">
        <v>131928</v>
      </c>
      <c r="AH1982">
        <v>50000</v>
      </c>
      <c r="AI1982">
        <v>0</v>
      </c>
      <c r="AJ1982">
        <v>90</v>
      </c>
      <c r="AK1982" t="s">
        <v>24</v>
      </c>
      <c r="AL1982">
        <v>0</v>
      </c>
      <c r="AM1982">
        <v>0</v>
      </c>
      <c r="AN1982">
        <v>0</v>
      </c>
      <c r="AO1982">
        <v>0</v>
      </c>
      <c r="AP1982">
        <v>0</v>
      </c>
      <c r="AQ1982">
        <v>0</v>
      </c>
      <c r="AR1982">
        <v>0</v>
      </c>
      <c r="AS1982">
        <v>0</v>
      </c>
      <c r="AT1982">
        <v>0</v>
      </c>
      <c r="AU1982">
        <v>0</v>
      </c>
      <c r="AV1982">
        <v>0</v>
      </c>
      <c r="AW1982">
        <v>0</v>
      </c>
      <c r="AX1982">
        <v>-2830</v>
      </c>
      <c r="AY1982">
        <v>52</v>
      </c>
      <c r="AZ1982">
        <v>135</v>
      </c>
      <c r="BA1982">
        <v>7621</v>
      </c>
    </row>
    <row r="1983" spans="1:53" x14ac:dyDescent="0.4">
      <c r="A1983">
        <v>2027</v>
      </c>
      <c r="B1983" s="1">
        <v>43464</v>
      </c>
      <c r="C1983">
        <v>1</v>
      </c>
      <c r="D1983" s="1">
        <v>43464.291666666664</v>
      </c>
      <c r="E1983" s="1">
        <v>43464.410416666666</v>
      </c>
      <c r="F1983">
        <v>0</v>
      </c>
      <c r="G1983">
        <v>0</v>
      </c>
      <c r="H1983">
        <v>0</v>
      </c>
      <c r="I1983">
        <v>0</v>
      </c>
      <c r="J1983">
        <v>0</v>
      </c>
      <c r="K1983">
        <v>0</v>
      </c>
      <c r="L1983">
        <v>0</v>
      </c>
      <c r="M1983">
        <v>0</v>
      </c>
      <c r="N1983">
        <v>0</v>
      </c>
      <c r="O1983">
        <v>0</v>
      </c>
      <c r="P1983">
        <v>0</v>
      </c>
      <c r="Q1983">
        <v>0</v>
      </c>
      <c r="R1983">
        <v>0</v>
      </c>
      <c r="S1983">
        <v>0</v>
      </c>
      <c r="T1983">
        <v>0</v>
      </c>
      <c r="U1983">
        <v>0</v>
      </c>
      <c r="V1983">
        <v>0</v>
      </c>
      <c r="W1983">
        <v>0</v>
      </c>
      <c r="X1983">
        <v>0</v>
      </c>
      <c r="Y1983">
        <v>23</v>
      </c>
      <c r="Z1983">
        <v>11</v>
      </c>
      <c r="AA1983">
        <v>181</v>
      </c>
      <c r="AB1983">
        <v>30</v>
      </c>
      <c r="AC1983">
        <v>143</v>
      </c>
      <c r="AD1983">
        <v>63</v>
      </c>
      <c r="AE1983">
        <v>155</v>
      </c>
      <c r="AF1983">
        <v>0</v>
      </c>
      <c r="AG1983">
        <v>50000</v>
      </c>
      <c r="AH1983">
        <v>50000</v>
      </c>
      <c r="AI1983">
        <v>0</v>
      </c>
      <c r="AJ1983">
        <v>0</v>
      </c>
      <c r="AK1983" t="s">
        <v>6</v>
      </c>
      <c r="AL1983">
        <v>0</v>
      </c>
      <c r="AM1983">
        <v>0</v>
      </c>
      <c r="AN1983">
        <v>0</v>
      </c>
      <c r="AO1983">
        <v>0</v>
      </c>
      <c r="AP1983">
        <v>0</v>
      </c>
      <c r="AQ1983">
        <v>0</v>
      </c>
      <c r="AR1983">
        <v>0</v>
      </c>
      <c r="AS1983">
        <v>0</v>
      </c>
      <c r="AT1983">
        <v>0</v>
      </c>
      <c r="AU1983">
        <v>0</v>
      </c>
      <c r="AV1983">
        <v>0</v>
      </c>
      <c r="AW1983">
        <v>0</v>
      </c>
      <c r="AX1983">
        <v>0</v>
      </c>
      <c r="AY1983">
        <v>0</v>
      </c>
      <c r="AZ1983">
        <v>0</v>
      </c>
      <c r="BA1983">
        <v>0</v>
      </c>
    </row>
    <row r="1984" spans="1:53" x14ac:dyDescent="0.4">
      <c r="A1984">
        <v>2028</v>
      </c>
      <c r="B1984" s="1">
        <v>43464</v>
      </c>
      <c r="C1984">
        <v>2</v>
      </c>
      <c r="D1984" s="1">
        <v>43464.410416666666</v>
      </c>
      <c r="E1984" s="1">
        <v>43464.751388888886</v>
      </c>
      <c r="F1984">
        <v>46750</v>
      </c>
      <c r="G1984">
        <v>3360</v>
      </c>
      <c r="H1984">
        <v>0</v>
      </c>
      <c r="I1984">
        <v>0</v>
      </c>
      <c r="J1984">
        <v>0</v>
      </c>
      <c r="K1984">
        <v>0</v>
      </c>
      <c r="L1984">
        <v>0</v>
      </c>
      <c r="M1984">
        <v>4008</v>
      </c>
      <c r="N1984">
        <v>0</v>
      </c>
      <c r="O1984">
        <v>0</v>
      </c>
      <c r="P1984">
        <v>22140</v>
      </c>
      <c r="Q1984">
        <v>0</v>
      </c>
      <c r="R1984">
        <v>76258</v>
      </c>
      <c r="S1984">
        <v>0</v>
      </c>
      <c r="T1984">
        <v>0</v>
      </c>
      <c r="U1984">
        <v>0</v>
      </c>
      <c r="V1984">
        <v>2</v>
      </c>
      <c r="W1984">
        <v>0</v>
      </c>
      <c r="X1984">
        <v>0</v>
      </c>
      <c r="Y1984">
        <v>67</v>
      </c>
      <c r="Z1984">
        <v>32</v>
      </c>
      <c r="AA1984">
        <v>188</v>
      </c>
      <c r="AB1984">
        <v>40</v>
      </c>
      <c r="AC1984">
        <v>182</v>
      </c>
      <c r="AD1984">
        <v>65</v>
      </c>
      <c r="AE1984">
        <v>154</v>
      </c>
      <c r="AF1984">
        <v>159</v>
      </c>
      <c r="AG1984">
        <v>126258</v>
      </c>
      <c r="AH1984">
        <v>50000</v>
      </c>
      <c r="AI1984">
        <v>0</v>
      </c>
      <c r="AJ1984">
        <v>90</v>
      </c>
      <c r="AK1984" t="s">
        <v>24</v>
      </c>
      <c r="AL1984">
        <v>0</v>
      </c>
      <c r="AM1984">
        <v>0</v>
      </c>
      <c r="AN1984">
        <v>0</v>
      </c>
      <c r="AO1984">
        <v>0</v>
      </c>
      <c r="AP1984">
        <v>0</v>
      </c>
      <c r="AQ1984">
        <v>0</v>
      </c>
      <c r="AR1984">
        <v>0</v>
      </c>
      <c r="AS1984">
        <v>0</v>
      </c>
      <c r="AT1984">
        <v>0</v>
      </c>
      <c r="AU1984">
        <v>0</v>
      </c>
      <c r="AV1984">
        <v>0</v>
      </c>
      <c r="AW1984">
        <v>0</v>
      </c>
      <c r="AX1984">
        <v>1490</v>
      </c>
      <c r="AY1984">
        <v>50</v>
      </c>
      <c r="AZ1984">
        <v>124</v>
      </c>
      <c r="BA1984">
        <v>8194</v>
      </c>
    </row>
    <row r="1985" spans="1:53" x14ac:dyDescent="0.4">
      <c r="A1985">
        <v>2029</v>
      </c>
      <c r="B1985" s="1">
        <v>43464</v>
      </c>
      <c r="C1985">
        <v>3</v>
      </c>
      <c r="D1985" s="1">
        <v>43464.751388888886</v>
      </c>
      <c r="E1985" s="1">
        <v>43464.956944444442</v>
      </c>
      <c r="F1985">
        <v>47250</v>
      </c>
      <c r="G1985">
        <v>16630</v>
      </c>
      <c r="H1985">
        <v>0</v>
      </c>
      <c r="I1985">
        <v>0</v>
      </c>
      <c r="J1985">
        <v>0</v>
      </c>
      <c r="K1985">
        <v>3600</v>
      </c>
      <c r="L1985">
        <v>0</v>
      </c>
      <c r="M1985">
        <v>5398</v>
      </c>
      <c r="N1985">
        <v>0</v>
      </c>
      <c r="O1985">
        <v>0</v>
      </c>
      <c r="P1985">
        <v>-22140</v>
      </c>
      <c r="Q1985">
        <v>0</v>
      </c>
      <c r="R1985">
        <v>50738</v>
      </c>
      <c r="S1985">
        <v>0</v>
      </c>
      <c r="T1985">
        <v>0</v>
      </c>
      <c r="U1985">
        <v>0</v>
      </c>
      <c r="V1985">
        <v>5</v>
      </c>
      <c r="W1985">
        <v>0</v>
      </c>
      <c r="X1985">
        <v>0</v>
      </c>
      <c r="Y1985">
        <v>57</v>
      </c>
      <c r="Z1985">
        <v>34</v>
      </c>
      <c r="AA1985">
        <v>191</v>
      </c>
      <c r="AB1985">
        <v>38</v>
      </c>
      <c r="AC1985">
        <v>184</v>
      </c>
      <c r="AD1985">
        <v>66</v>
      </c>
      <c r="AE1985">
        <v>151</v>
      </c>
      <c r="AF1985">
        <v>29675</v>
      </c>
      <c r="AG1985">
        <v>176996</v>
      </c>
      <c r="AH1985">
        <v>50000</v>
      </c>
      <c r="AI1985">
        <v>0</v>
      </c>
      <c r="AJ1985">
        <v>108</v>
      </c>
      <c r="AK1985" t="s">
        <v>30</v>
      </c>
      <c r="AL1985">
        <v>0</v>
      </c>
      <c r="AM1985">
        <v>0</v>
      </c>
      <c r="AN1985">
        <v>0</v>
      </c>
      <c r="AO1985">
        <v>0</v>
      </c>
      <c r="AP1985">
        <v>0</v>
      </c>
      <c r="AQ1985">
        <v>0</v>
      </c>
      <c r="AR1985">
        <v>0</v>
      </c>
      <c r="AS1985">
        <v>0</v>
      </c>
      <c r="AT1985">
        <v>0</v>
      </c>
      <c r="AU1985">
        <v>0</v>
      </c>
      <c r="AV1985">
        <v>0</v>
      </c>
      <c r="AW1985">
        <v>0</v>
      </c>
      <c r="AX1985">
        <v>147916</v>
      </c>
      <c r="AY1985">
        <v>26</v>
      </c>
      <c r="AZ1985">
        <v>101</v>
      </c>
      <c r="BA1985">
        <v>3298</v>
      </c>
    </row>
    <row r="1986" spans="1:53" x14ac:dyDescent="0.4">
      <c r="A1986">
        <v>2030</v>
      </c>
      <c r="B1986" s="1">
        <v>43464</v>
      </c>
      <c r="C1986">
        <v>4</v>
      </c>
      <c r="D1986" s="1">
        <v>43464.956944444442</v>
      </c>
      <c r="E1986" s="1">
        <v>43465.111111111109</v>
      </c>
      <c r="F1986">
        <v>152600</v>
      </c>
      <c r="G1986">
        <v>4530</v>
      </c>
      <c r="H1986">
        <v>200</v>
      </c>
      <c r="I1986">
        <v>0</v>
      </c>
      <c r="J1986">
        <v>0</v>
      </c>
      <c r="K1986">
        <v>18050</v>
      </c>
      <c r="L1986">
        <v>0</v>
      </c>
      <c r="M1986">
        <v>14030</v>
      </c>
      <c r="N1986">
        <v>0</v>
      </c>
      <c r="O1986">
        <v>0</v>
      </c>
      <c r="P1986">
        <v>105624</v>
      </c>
      <c r="Q1986">
        <v>0</v>
      </c>
      <c r="R1986">
        <v>295034</v>
      </c>
      <c r="S1986">
        <v>0</v>
      </c>
      <c r="T1986">
        <v>0</v>
      </c>
      <c r="U1986">
        <v>0</v>
      </c>
      <c r="V1986">
        <v>21</v>
      </c>
      <c r="W1986">
        <v>5</v>
      </c>
      <c r="X1986">
        <v>0</v>
      </c>
      <c r="Y1986">
        <v>131</v>
      </c>
      <c r="Z1986">
        <v>33</v>
      </c>
      <c r="AA1986">
        <v>189</v>
      </c>
      <c r="AB1986">
        <v>29</v>
      </c>
      <c r="AC1986">
        <v>172</v>
      </c>
      <c r="AD1986">
        <v>61</v>
      </c>
      <c r="AE1986">
        <v>132</v>
      </c>
      <c r="AF1986">
        <v>68123</v>
      </c>
      <c r="AG1986">
        <v>473130</v>
      </c>
      <c r="AH1986">
        <v>50000</v>
      </c>
      <c r="AI1986">
        <v>1100</v>
      </c>
      <c r="AJ1986">
        <v>100</v>
      </c>
      <c r="AK1986" t="s">
        <v>0</v>
      </c>
      <c r="AL1986">
        <v>0</v>
      </c>
      <c r="AM1986">
        <v>0</v>
      </c>
      <c r="AN1986">
        <v>0</v>
      </c>
      <c r="AO1986">
        <v>0</v>
      </c>
      <c r="AP1986">
        <v>0</v>
      </c>
      <c r="AQ1986">
        <v>0</v>
      </c>
      <c r="AR1986">
        <v>0</v>
      </c>
      <c r="AS1986">
        <v>0</v>
      </c>
      <c r="AT1986">
        <v>0</v>
      </c>
      <c r="AU1986">
        <v>0</v>
      </c>
      <c r="AV1986">
        <v>0</v>
      </c>
      <c r="AW1986">
        <v>0</v>
      </c>
      <c r="AX1986">
        <v>86157</v>
      </c>
      <c r="AY1986">
        <v>16</v>
      </c>
      <c r="AZ1986">
        <v>61</v>
      </c>
      <c r="BA1986">
        <v>3483</v>
      </c>
    </row>
    <row r="1987" spans="1:53" x14ac:dyDescent="0.4">
      <c r="A1987">
        <v>2031</v>
      </c>
      <c r="B1987" s="1">
        <v>43464</v>
      </c>
      <c r="C1987">
        <v>5</v>
      </c>
      <c r="D1987" s="1">
        <v>43465.111111111109</v>
      </c>
      <c r="E1987" s="1">
        <v>43465.111805555556</v>
      </c>
      <c r="F1987">
        <v>0</v>
      </c>
      <c r="G1987">
        <v>0</v>
      </c>
      <c r="H1987">
        <v>0</v>
      </c>
      <c r="I1987">
        <v>0</v>
      </c>
      <c r="J1987">
        <v>0</v>
      </c>
      <c r="K1987">
        <v>0</v>
      </c>
      <c r="L1987">
        <v>0</v>
      </c>
      <c r="M1987">
        <v>0</v>
      </c>
      <c r="N1987">
        <v>0</v>
      </c>
      <c r="O1987">
        <v>0</v>
      </c>
      <c r="P1987">
        <v>0</v>
      </c>
      <c r="Q1987">
        <v>0</v>
      </c>
      <c r="R1987">
        <v>0</v>
      </c>
      <c r="S1987">
        <v>0</v>
      </c>
      <c r="T1987">
        <v>0</v>
      </c>
      <c r="U1987">
        <v>0</v>
      </c>
      <c r="V1987">
        <v>21</v>
      </c>
      <c r="W1987">
        <v>5</v>
      </c>
      <c r="X1987">
        <v>0</v>
      </c>
      <c r="Y1987">
        <v>131</v>
      </c>
      <c r="Z1987">
        <v>33</v>
      </c>
      <c r="AA1987">
        <v>178</v>
      </c>
      <c r="AB1987">
        <v>29</v>
      </c>
      <c r="AC1987">
        <v>172</v>
      </c>
      <c r="AD1987">
        <v>61</v>
      </c>
      <c r="AE1987">
        <v>132</v>
      </c>
      <c r="AF1987">
        <v>68123</v>
      </c>
      <c r="AG1987">
        <v>472030</v>
      </c>
      <c r="AH1987">
        <v>50000</v>
      </c>
      <c r="AI1987">
        <v>0</v>
      </c>
      <c r="AJ1987">
        <v>100</v>
      </c>
      <c r="AK1987" t="s">
        <v>0</v>
      </c>
      <c r="AL1987">
        <v>0</v>
      </c>
      <c r="AM1987">
        <v>0</v>
      </c>
      <c r="AN1987">
        <v>0</v>
      </c>
      <c r="AO1987">
        <v>0</v>
      </c>
      <c r="AP1987">
        <v>0</v>
      </c>
      <c r="AQ1987">
        <v>0</v>
      </c>
      <c r="AR1987">
        <v>0</v>
      </c>
      <c r="AS1987">
        <v>0</v>
      </c>
      <c r="AT1987">
        <v>0</v>
      </c>
      <c r="AU1987">
        <v>0</v>
      </c>
      <c r="AV1987">
        <v>0</v>
      </c>
      <c r="AW1987">
        <v>0</v>
      </c>
      <c r="AX1987">
        <v>86157</v>
      </c>
      <c r="AY1987">
        <v>0</v>
      </c>
      <c r="AZ1987">
        <v>0</v>
      </c>
      <c r="BA1987">
        <v>16</v>
      </c>
    </row>
    <row r="1988" spans="1:53" x14ac:dyDescent="0.4">
      <c r="A1988">
        <v>2032</v>
      </c>
      <c r="B1988" s="1">
        <v>43465</v>
      </c>
      <c r="C1988">
        <v>1</v>
      </c>
      <c r="D1988" s="1">
        <v>43465.291666666664</v>
      </c>
      <c r="E1988" s="1">
        <v>43465.416666666664</v>
      </c>
      <c r="F1988">
        <v>0</v>
      </c>
      <c r="G1988">
        <v>0</v>
      </c>
      <c r="H1988">
        <v>0</v>
      </c>
      <c r="I1988">
        <v>0</v>
      </c>
      <c r="J1988">
        <v>0</v>
      </c>
      <c r="K1988">
        <v>0</v>
      </c>
      <c r="L1988">
        <v>0</v>
      </c>
      <c r="M1988">
        <v>0</v>
      </c>
      <c r="N1988">
        <v>0</v>
      </c>
      <c r="O1988">
        <v>0</v>
      </c>
      <c r="P1988">
        <v>0</v>
      </c>
      <c r="Q1988">
        <v>0</v>
      </c>
      <c r="R1988">
        <v>0</v>
      </c>
      <c r="S1988">
        <v>0</v>
      </c>
      <c r="T1988">
        <v>0</v>
      </c>
      <c r="U1988">
        <v>0</v>
      </c>
      <c r="V1988">
        <v>0</v>
      </c>
      <c r="W1988">
        <v>0</v>
      </c>
      <c r="X1988">
        <v>0</v>
      </c>
      <c r="Y1988">
        <v>23</v>
      </c>
      <c r="Z1988">
        <v>10</v>
      </c>
      <c r="AA1988">
        <v>189</v>
      </c>
      <c r="AB1988">
        <v>29</v>
      </c>
      <c r="AC1988">
        <v>124</v>
      </c>
      <c r="AD1988">
        <v>58</v>
      </c>
      <c r="AE1988">
        <v>120</v>
      </c>
      <c r="AF1988">
        <v>0</v>
      </c>
      <c r="AG1988">
        <v>50000</v>
      </c>
      <c r="AH1988">
        <v>0</v>
      </c>
      <c r="AI1988">
        <v>50000</v>
      </c>
      <c r="AJ1988">
        <v>0</v>
      </c>
      <c r="AK1988" t="s">
        <v>6</v>
      </c>
      <c r="AL1988">
        <v>0</v>
      </c>
      <c r="AM1988">
        <v>0</v>
      </c>
      <c r="AN1988">
        <v>0</v>
      </c>
      <c r="AO1988">
        <v>0</v>
      </c>
      <c r="AP1988">
        <v>0</v>
      </c>
      <c r="AQ1988">
        <v>0</v>
      </c>
      <c r="AR1988">
        <v>0</v>
      </c>
      <c r="AS1988">
        <v>0</v>
      </c>
      <c r="AT1988">
        <v>0</v>
      </c>
      <c r="AU1988">
        <v>0</v>
      </c>
      <c r="AV1988">
        <v>0</v>
      </c>
      <c r="AW1988">
        <v>0</v>
      </c>
      <c r="AX1988">
        <v>0</v>
      </c>
      <c r="AY1988">
        <v>0</v>
      </c>
      <c r="AZ1988">
        <v>0</v>
      </c>
      <c r="BA1988">
        <v>0</v>
      </c>
    </row>
    <row r="1989" spans="1:53" x14ac:dyDescent="0.4">
      <c r="A1989">
        <v>2033</v>
      </c>
      <c r="B1989" s="1">
        <v>43465</v>
      </c>
      <c r="C1989">
        <v>2</v>
      </c>
      <c r="D1989" s="1">
        <v>43465.416666666664</v>
      </c>
      <c r="E1989" s="1">
        <v>43465.729861111111</v>
      </c>
      <c r="F1989">
        <v>37250</v>
      </c>
      <c r="G1989">
        <v>2060</v>
      </c>
      <c r="H1989">
        <v>0</v>
      </c>
      <c r="I1989">
        <v>0</v>
      </c>
      <c r="J1989">
        <v>0</v>
      </c>
      <c r="K1989">
        <v>0</v>
      </c>
      <c r="L1989">
        <v>0</v>
      </c>
      <c r="M1989">
        <v>3144</v>
      </c>
      <c r="N1989">
        <v>0</v>
      </c>
      <c r="O1989">
        <v>0</v>
      </c>
      <c r="P1989">
        <v>24300</v>
      </c>
      <c r="Q1989">
        <v>0</v>
      </c>
      <c r="R1989">
        <v>66754</v>
      </c>
      <c r="S1989">
        <v>0</v>
      </c>
      <c r="T1989">
        <v>0</v>
      </c>
      <c r="U1989">
        <v>0</v>
      </c>
      <c r="V1989">
        <v>2</v>
      </c>
      <c r="W1989">
        <v>1</v>
      </c>
      <c r="X1989">
        <v>0</v>
      </c>
      <c r="Y1989">
        <v>49</v>
      </c>
      <c r="Z1989">
        <v>26</v>
      </c>
      <c r="AA1989">
        <v>238</v>
      </c>
      <c r="AB1989">
        <v>30</v>
      </c>
      <c r="AC1989">
        <v>241</v>
      </c>
      <c r="AD1989">
        <v>61</v>
      </c>
      <c r="AE1989">
        <v>119</v>
      </c>
      <c r="AF1989">
        <v>1620</v>
      </c>
      <c r="AG1989">
        <v>116754</v>
      </c>
      <c r="AH1989">
        <v>50000</v>
      </c>
      <c r="AI1989">
        <v>0</v>
      </c>
      <c r="AJ1989">
        <v>90</v>
      </c>
      <c r="AK1989" t="s">
        <v>24</v>
      </c>
      <c r="AL1989">
        <v>0</v>
      </c>
      <c r="AM1989">
        <v>0</v>
      </c>
      <c r="AN1989">
        <v>0</v>
      </c>
      <c r="AO1989">
        <v>0</v>
      </c>
      <c r="AP1989">
        <v>0</v>
      </c>
      <c r="AQ1989">
        <v>0</v>
      </c>
      <c r="AR1989">
        <v>0</v>
      </c>
      <c r="AS1989">
        <v>0</v>
      </c>
      <c r="AT1989">
        <v>0</v>
      </c>
      <c r="AU1989">
        <v>0</v>
      </c>
      <c r="AV1989">
        <v>0</v>
      </c>
      <c r="AW1989">
        <v>0</v>
      </c>
      <c r="AX1989">
        <v>-152</v>
      </c>
      <c r="AY1989">
        <v>48</v>
      </c>
      <c r="AZ1989">
        <v>118</v>
      </c>
      <c r="BA1989">
        <v>6956</v>
      </c>
    </row>
    <row r="1990" spans="1:53" x14ac:dyDescent="0.4">
      <c r="A1990">
        <v>2034</v>
      </c>
      <c r="B1990" s="1">
        <v>43465</v>
      </c>
      <c r="C1990">
        <v>3</v>
      </c>
      <c r="D1990" s="1">
        <v>43465.729861111111</v>
      </c>
      <c r="E1990" s="1">
        <v>43465.947222222225</v>
      </c>
      <c r="F1990">
        <v>30400</v>
      </c>
      <c r="G1990">
        <v>2040</v>
      </c>
      <c r="H1990">
        <v>0</v>
      </c>
      <c r="I1990">
        <v>0</v>
      </c>
      <c r="J1990">
        <v>0</v>
      </c>
      <c r="K1990">
        <v>900</v>
      </c>
      <c r="L1990">
        <v>0</v>
      </c>
      <c r="M1990">
        <v>2666</v>
      </c>
      <c r="N1990">
        <v>0</v>
      </c>
      <c r="O1990">
        <v>0</v>
      </c>
      <c r="P1990">
        <v>-18252</v>
      </c>
      <c r="Q1990">
        <v>0</v>
      </c>
      <c r="R1990">
        <v>17754</v>
      </c>
      <c r="S1990">
        <v>0</v>
      </c>
      <c r="T1990">
        <v>0</v>
      </c>
      <c r="U1990">
        <v>0</v>
      </c>
      <c r="V1990">
        <v>4</v>
      </c>
      <c r="W1990">
        <v>0</v>
      </c>
      <c r="X1990">
        <v>0</v>
      </c>
      <c r="Y1990">
        <v>53</v>
      </c>
      <c r="Z1990">
        <v>28</v>
      </c>
      <c r="AA1990">
        <v>216</v>
      </c>
      <c r="AB1990">
        <v>29</v>
      </c>
      <c r="AC1990">
        <v>240</v>
      </c>
      <c r="AD1990">
        <v>61</v>
      </c>
      <c r="AE1990">
        <v>133</v>
      </c>
      <c r="AF1990">
        <v>1620</v>
      </c>
      <c r="AG1990">
        <v>134508</v>
      </c>
      <c r="AH1990">
        <v>50000</v>
      </c>
      <c r="AI1990">
        <v>0</v>
      </c>
      <c r="AJ1990">
        <v>99</v>
      </c>
      <c r="AK1990" t="s">
        <v>9</v>
      </c>
      <c r="AL1990">
        <v>0</v>
      </c>
      <c r="AM1990">
        <v>0</v>
      </c>
      <c r="AN1990">
        <v>0</v>
      </c>
      <c r="AO1990">
        <v>0</v>
      </c>
      <c r="AP1990">
        <v>0</v>
      </c>
      <c r="AQ1990">
        <v>0</v>
      </c>
      <c r="AR1990">
        <v>0</v>
      </c>
      <c r="AS1990">
        <v>0</v>
      </c>
      <c r="AT1990">
        <v>0</v>
      </c>
      <c r="AU1990">
        <v>0</v>
      </c>
      <c r="AV1990">
        <v>0</v>
      </c>
      <c r="AW1990">
        <v>0</v>
      </c>
      <c r="AX1990">
        <v>27946</v>
      </c>
      <c r="AY1990">
        <v>16</v>
      </c>
      <c r="AZ1990">
        <v>44</v>
      </c>
      <c r="BA1990">
        <v>2599</v>
      </c>
    </row>
    <row r="1991" spans="1:53" x14ac:dyDescent="0.4">
      <c r="A1991">
        <v>2035</v>
      </c>
      <c r="B1991" s="1">
        <v>43466</v>
      </c>
      <c r="C1991">
        <v>1</v>
      </c>
      <c r="D1991" s="1">
        <v>43466.291666666664</v>
      </c>
      <c r="E1991" s="1">
        <v>43466.397222222222</v>
      </c>
      <c r="F1991">
        <v>0</v>
      </c>
      <c r="G1991">
        <v>0</v>
      </c>
      <c r="H1991">
        <v>0</v>
      </c>
      <c r="I1991">
        <v>0</v>
      </c>
      <c r="J1991">
        <v>0</v>
      </c>
      <c r="K1991">
        <v>0</v>
      </c>
      <c r="L1991">
        <v>0</v>
      </c>
      <c r="M1991">
        <v>0</v>
      </c>
      <c r="N1991">
        <v>0</v>
      </c>
      <c r="O1991">
        <v>0</v>
      </c>
      <c r="P1991">
        <v>0</v>
      </c>
      <c r="Q1991">
        <v>0</v>
      </c>
      <c r="R1991">
        <v>0</v>
      </c>
      <c r="S1991">
        <v>0</v>
      </c>
      <c r="T1991">
        <v>0</v>
      </c>
      <c r="U1991">
        <v>0</v>
      </c>
      <c r="V1991">
        <v>0</v>
      </c>
      <c r="W1991">
        <v>0</v>
      </c>
      <c r="X1991">
        <v>0</v>
      </c>
      <c r="Y1991">
        <v>24</v>
      </c>
      <c r="Z1991">
        <v>9</v>
      </c>
      <c r="AA1991">
        <v>188</v>
      </c>
      <c r="AB1991">
        <v>23</v>
      </c>
      <c r="AC1991">
        <v>119</v>
      </c>
      <c r="AD1991">
        <v>51</v>
      </c>
      <c r="AE1991">
        <v>105</v>
      </c>
      <c r="AF1991">
        <v>0</v>
      </c>
      <c r="AG1991">
        <v>50000</v>
      </c>
      <c r="AH1991">
        <v>50000</v>
      </c>
      <c r="AI1991">
        <v>0</v>
      </c>
      <c r="AJ1991">
        <v>0</v>
      </c>
      <c r="AK1991" t="s">
        <v>6</v>
      </c>
      <c r="AL1991">
        <v>0</v>
      </c>
      <c r="AM1991">
        <v>0</v>
      </c>
      <c r="AN1991">
        <v>0</v>
      </c>
      <c r="AO1991">
        <v>0</v>
      </c>
      <c r="AP1991">
        <v>0</v>
      </c>
      <c r="AQ1991">
        <v>0</v>
      </c>
      <c r="AR1991">
        <v>0</v>
      </c>
      <c r="AS1991">
        <v>0</v>
      </c>
      <c r="AT1991">
        <v>0</v>
      </c>
      <c r="AU1991">
        <v>0</v>
      </c>
      <c r="AV1991">
        <v>0</v>
      </c>
      <c r="AW1991">
        <v>0</v>
      </c>
      <c r="AX1991">
        <v>0</v>
      </c>
      <c r="AY1991">
        <v>0</v>
      </c>
      <c r="AZ1991">
        <v>0</v>
      </c>
      <c r="BA1991">
        <v>0</v>
      </c>
    </row>
    <row r="1992" spans="1:53" x14ac:dyDescent="0.4">
      <c r="A1992">
        <v>2036</v>
      </c>
      <c r="B1992" s="1">
        <v>43466</v>
      </c>
      <c r="C1992">
        <v>2</v>
      </c>
      <c r="D1992" s="1">
        <v>43466.397222222222</v>
      </c>
      <c r="E1992" s="1">
        <v>43466.744444444441</v>
      </c>
      <c r="F1992">
        <v>31250</v>
      </c>
      <c r="G1992">
        <v>2820</v>
      </c>
      <c r="H1992">
        <v>0</v>
      </c>
      <c r="I1992">
        <v>0</v>
      </c>
      <c r="J1992">
        <v>0</v>
      </c>
      <c r="K1992">
        <v>0</v>
      </c>
      <c r="L1992">
        <v>0</v>
      </c>
      <c r="M1992">
        <v>2725</v>
      </c>
      <c r="N1992">
        <v>0</v>
      </c>
      <c r="O1992">
        <v>0</v>
      </c>
      <c r="P1992">
        <v>5400</v>
      </c>
      <c r="Q1992">
        <v>0</v>
      </c>
      <c r="R1992">
        <v>42195</v>
      </c>
      <c r="S1992">
        <v>0</v>
      </c>
      <c r="T1992">
        <v>0</v>
      </c>
      <c r="U1992">
        <v>0</v>
      </c>
      <c r="V1992">
        <v>3</v>
      </c>
      <c r="W1992">
        <v>0</v>
      </c>
      <c r="X1992">
        <v>0</v>
      </c>
      <c r="Y1992">
        <v>33</v>
      </c>
      <c r="Z1992">
        <v>16</v>
      </c>
      <c r="AA1992">
        <v>178</v>
      </c>
      <c r="AB1992">
        <v>20</v>
      </c>
      <c r="AC1992">
        <v>151</v>
      </c>
      <c r="AD1992">
        <v>49</v>
      </c>
      <c r="AE1992">
        <v>100</v>
      </c>
      <c r="AF1992">
        <v>540</v>
      </c>
      <c r="AG1992">
        <v>92195</v>
      </c>
      <c r="AH1992">
        <v>50000</v>
      </c>
      <c r="AI1992">
        <v>0</v>
      </c>
      <c r="AJ1992">
        <v>90</v>
      </c>
      <c r="AK1992" t="s">
        <v>24</v>
      </c>
      <c r="AL1992">
        <v>0</v>
      </c>
      <c r="AM1992">
        <v>0</v>
      </c>
      <c r="AN1992">
        <v>0</v>
      </c>
      <c r="AO1992">
        <v>0</v>
      </c>
      <c r="AP1992">
        <v>0</v>
      </c>
      <c r="AQ1992">
        <v>0</v>
      </c>
      <c r="AR1992">
        <v>0</v>
      </c>
      <c r="AS1992">
        <v>0</v>
      </c>
      <c r="AT1992">
        <v>0</v>
      </c>
      <c r="AU1992">
        <v>0</v>
      </c>
      <c r="AV1992">
        <v>0</v>
      </c>
      <c r="AW1992">
        <v>0</v>
      </c>
      <c r="AX1992">
        <v>-540</v>
      </c>
      <c r="AY1992">
        <v>25</v>
      </c>
      <c r="AZ1992">
        <v>73</v>
      </c>
      <c r="BA1992">
        <v>3982</v>
      </c>
    </row>
    <row r="1993" spans="1:53" x14ac:dyDescent="0.4">
      <c r="A1993">
        <v>2037</v>
      </c>
      <c r="B1993" s="1">
        <v>43466</v>
      </c>
      <c r="C1993">
        <v>3</v>
      </c>
      <c r="D1993" s="1">
        <v>43466.744444444441</v>
      </c>
      <c r="E1993" s="1">
        <v>43466.966666666667</v>
      </c>
      <c r="F1993">
        <v>16700</v>
      </c>
      <c r="G1993">
        <v>500</v>
      </c>
      <c r="H1993">
        <v>0</v>
      </c>
      <c r="I1993">
        <v>0</v>
      </c>
      <c r="J1993">
        <v>0</v>
      </c>
      <c r="K1993">
        <v>2250</v>
      </c>
      <c r="L1993">
        <v>0</v>
      </c>
      <c r="M1993">
        <v>1556</v>
      </c>
      <c r="N1993">
        <v>0</v>
      </c>
      <c r="O1993">
        <v>0</v>
      </c>
      <c r="P1993">
        <v>-864</v>
      </c>
      <c r="Q1993">
        <v>0</v>
      </c>
      <c r="R1993">
        <v>20142</v>
      </c>
      <c r="S1993">
        <v>0</v>
      </c>
      <c r="T1993">
        <v>0</v>
      </c>
      <c r="U1993">
        <v>0</v>
      </c>
      <c r="V1993">
        <v>5</v>
      </c>
      <c r="W1993">
        <v>0</v>
      </c>
      <c r="X1993">
        <v>0</v>
      </c>
      <c r="Y1993">
        <v>34</v>
      </c>
      <c r="Z1993">
        <v>16</v>
      </c>
      <c r="AA1993">
        <v>172</v>
      </c>
      <c r="AB1993">
        <v>17</v>
      </c>
      <c r="AC1993">
        <v>141</v>
      </c>
      <c r="AD1993">
        <v>47</v>
      </c>
      <c r="AE1993">
        <v>102</v>
      </c>
      <c r="AF1993">
        <v>540</v>
      </c>
      <c r="AG1993">
        <v>112337</v>
      </c>
      <c r="AH1993">
        <v>50000</v>
      </c>
      <c r="AI1993">
        <v>0</v>
      </c>
      <c r="AJ1993">
        <v>100</v>
      </c>
      <c r="AK1993" t="s">
        <v>0</v>
      </c>
      <c r="AL1993">
        <v>0</v>
      </c>
      <c r="AM1993">
        <v>0</v>
      </c>
      <c r="AN1993">
        <v>0</v>
      </c>
      <c r="AO1993">
        <v>0</v>
      </c>
      <c r="AP1993">
        <v>0</v>
      </c>
      <c r="AQ1993">
        <v>0</v>
      </c>
      <c r="AR1993">
        <v>0</v>
      </c>
      <c r="AS1993">
        <v>0</v>
      </c>
      <c r="AT1993">
        <v>0</v>
      </c>
      <c r="AU1993">
        <v>0</v>
      </c>
      <c r="AV1993">
        <v>0</v>
      </c>
      <c r="AW1993">
        <v>0</v>
      </c>
      <c r="AX1993">
        <v>26953</v>
      </c>
      <c r="AY1993">
        <v>9</v>
      </c>
      <c r="AZ1993">
        <v>26</v>
      </c>
      <c r="BA1993">
        <v>1252</v>
      </c>
    </row>
    <row r="1994" spans="1:53" x14ac:dyDescent="0.4">
      <c r="A1994">
        <v>2038</v>
      </c>
      <c r="B1994" s="1">
        <v>43466</v>
      </c>
      <c r="C1994">
        <v>4</v>
      </c>
      <c r="D1994" s="1">
        <v>43466.966666666667</v>
      </c>
      <c r="E1994" s="1">
        <v>43467.102083333331</v>
      </c>
      <c r="F1994">
        <v>32500</v>
      </c>
      <c r="G1994">
        <v>1090</v>
      </c>
      <c r="H1994">
        <v>0</v>
      </c>
      <c r="I1994">
        <v>0</v>
      </c>
      <c r="J1994">
        <v>0</v>
      </c>
      <c r="K1994">
        <v>1400</v>
      </c>
      <c r="L1994">
        <v>0</v>
      </c>
      <c r="M1994">
        <v>2799</v>
      </c>
      <c r="N1994">
        <v>0</v>
      </c>
      <c r="O1994">
        <v>0</v>
      </c>
      <c r="P1994">
        <v>36396</v>
      </c>
      <c r="Q1994">
        <v>0</v>
      </c>
      <c r="R1994">
        <v>74185</v>
      </c>
      <c r="S1994">
        <v>0</v>
      </c>
      <c r="T1994">
        <v>0</v>
      </c>
      <c r="U1994">
        <v>0</v>
      </c>
      <c r="V1994">
        <v>11</v>
      </c>
      <c r="W1994">
        <v>2</v>
      </c>
      <c r="X1994">
        <v>0</v>
      </c>
      <c r="Y1994">
        <v>38</v>
      </c>
      <c r="Z1994">
        <v>14</v>
      </c>
      <c r="AA1994">
        <v>181</v>
      </c>
      <c r="AB1994">
        <v>21</v>
      </c>
      <c r="AC1994">
        <v>148</v>
      </c>
      <c r="AD1994">
        <v>48</v>
      </c>
      <c r="AE1994">
        <v>112</v>
      </c>
      <c r="AF1994">
        <v>540</v>
      </c>
      <c r="AG1994">
        <v>186522</v>
      </c>
      <c r="AH1994">
        <v>50000</v>
      </c>
      <c r="AI1994">
        <v>0</v>
      </c>
      <c r="AJ1994">
        <v>29</v>
      </c>
      <c r="AK1994" t="s">
        <v>28</v>
      </c>
      <c r="AL1994">
        <v>0</v>
      </c>
      <c r="AM1994">
        <v>0</v>
      </c>
      <c r="AN1994">
        <v>0</v>
      </c>
      <c r="AO1994">
        <v>0</v>
      </c>
      <c r="AP1994">
        <v>0</v>
      </c>
      <c r="AQ1994">
        <v>0</v>
      </c>
      <c r="AR1994">
        <v>0</v>
      </c>
      <c r="AS1994">
        <v>0</v>
      </c>
      <c r="AT1994">
        <v>0</v>
      </c>
      <c r="AU1994">
        <v>0</v>
      </c>
      <c r="AV1994">
        <v>0</v>
      </c>
      <c r="AW1994">
        <v>0</v>
      </c>
      <c r="AX1994">
        <v>20498</v>
      </c>
      <c r="AY1994">
        <v>7</v>
      </c>
      <c r="AZ1994">
        <v>21</v>
      </c>
      <c r="BA1994">
        <v>1571</v>
      </c>
    </row>
    <row r="1995" spans="1:53" x14ac:dyDescent="0.4">
      <c r="A1995">
        <v>2039</v>
      </c>
      <c r="B1995" s="1">
        <v>43467</v>
      </c>
      <c r="C1995">
        <v>1</v>
      </c>
      <c r="D1995" s="1">
        <v>43467.291666666664</v>
      </c>
      <c r="E1995" s="1">
        <v>43467.404861111114</v>
      </c>
      <c r="F1995">
        <v>0</v>
      </c>
      <c r="G1995">
        <v>0</v>
      </c>
      <c r="H1995">
        <v>0</v>
      </c>
      <c r="I1995">
        <v>0</v>
      </c>
      <c r="J1995">
        <v>0</v>
      </c>
      <c r="K1995">
        <v>0</v>
      </c>
      <c r="L1995">
        <v>0</v>
      </c>
      <c r="M1995">
        <v>0</v>
      </c>
      <c r="N1995">
        <v>0</v>
      </c>
      <c r="O1995">
        <v>0</v>
      </c>
      <c r="P1995">
        <v>0</v>
      </c>
      <c r="Q1995">
        <v>0</v>
      </c>
      <c r="R1995">
        <v>0</v>
      </c>
      <c r="S1995">
        <v>0</v>
      </c>
      <c r="T1995">
        <v>0</v>
      </c>
      <c r="U1995">
        <v>0</v>
      </c>
      <c r="V1995">
        <v>0</v>
      </c>
      <c r="W1995">
        <v>0</v>
      </c>
      <c r="X1995">
        <v>0</v>
      </c>
      <c r="Y1995">
        <v>25</v>
      </c>
      <c r="Z1995">
        <v>11</v>
      </c>
      <c r="AA1995">
        <v>173</v>
      </c>
      <c r="AB1995">
        <v>19</v>
      </c>
      <c r="AC1995">
        <v>91</v>
      </c>
      <c r="AD1995">
        <v>47</v>
      </c>
      <c r="AE1995">
        <v>105</v>
      </c>
      <c r="AF1995">
        <v>0</v>
      </c>
      <c r="AG1995">
        <v>50000</v>
      </c>
      <c r="AH1995">
        <v>50000</v>
      </c>
      <c r="AI1995">
        <v>0</v>
      </c>
      <c r="AJ1995">
        <v>0</v>
      </c>
      <c r="AK1995" t="s">
        <v>6</v>
      </c>
      <c r="AL1995">
        <v>0</v>
      </c>
      <c r="AM1995">
        <v>0</v>
      </c>
      <c r="AN1995">
        <v>0</v>
      </c>
      <c r="AO1995">
        <v>0</v>
      </c>
      <c r="AP1995">
        <v>0</v>
      </c>
      <c r="AQ1995">
        <v>0</v>
      </c>
      <c r="AR1995">
        <v>0</v>
      </c>
      <c r="AS1995">
        <v>0</v>
      </c>
      <c r="AT1995">
        <v>0</v>
      </c>
      <c r="AU1995">
        <v>0</v>
      </c>
      <c r="AV1995">
        <v>0</v>
      </c>
      <c r="AW1995">
        <v>0</v>
      </c>
      <c r="AX1995">
        <v>0</v>
      </c>
      <c r="AY1995">
        <v>0</v>
      </c>
      <c r="AZ1995">
        <v>0</v>
      </c>
      <c r="BA1995">
        <v>0</v>
      </c>
    </row>
    <row r="1996" spans="1:53" x14ac:dyDescent="0.4">
      <c r="A1996">
        <v>2040</v>
      </c>
      <c r="B1996" s="1">
        <v>43467</v>
      </c>
      <c r="C1996">
        <v>2</v>
      </c>
      <c r="D1996" s="1">
        <v>43467.404861111114</v>
      </c>
      <c r="E1996" s="1">
        <v>43467.730555555558</v>
      </c>
      <c r="F1996">
        <v>26250</v>
      </c>
      <c r="G1996">
        <v>7200</v>
      </c>
      <c r="H1996">
        <v>0</v>
      </c>
      <c r="I1996">
        <v>0</v>
      </c>
      <c r="J1996">
        <v>0</v>
      </c>
      <c r="K1996">
        <v>0</v>
      </c>
      <c r="L1996">
        <v>0</v>
      </c>
      <c r="M1996">
        <v>2676</v>
      </c>
      <c r="N1996">
        <v>0</v>
      </c>
      <c r="O1996">
        <v>0</v>
      </c>
      <c r="P1996">
        <v>25650</v>
      </c>
      <c r="Q1996">
        <v>0</v>
      </c>
      <c r="R1996">
        <v>61776</v>
      </c>
      <c r="S1996">
        <v>0</v>
      </c>
      <c r="T1996">
        <v>0</v>
      </c>
      <c r="U1996">
        <v>0</v>
      </c>
      <c r="V1996">
        <v>6</v>
      </c>
      <c r="W1996">
        <v>0</v>
      </c>
      <c r="X1996">
        <v>0</v>
      </c>
      <c r="Y1996">
        <v>21</v>
      </c>
      <c r="Z1996">
        <v>18</v>
      </c>
      <c r="AA1996">
        <v>182</v>
      </c>
      <c r="AB1996">
        <v>24</v>
      </c>
      <c r="AC1996">
        <v>123</v>
      </c>
      <c r="AD1996">
        <v>47</v>
      </c>
      <c r="AE1996">
        <v>101</v>
      </c>
      <c r="AF1996">
        <v>810</v>
      </c>
      <c r="AG1996">
        <v>111776</v>
      </c>
      <c r="AH1996">
        <v>50000</v>
      </c>
      <c r="AI1996">
        <v>0</v>
      </c>
      <c r="AJ1996">
        <v>84</v>
      </c>
      <c r="AK1996" t="s">
        <v>16</v>
      </c>
      <c r="AL1996">
        <v>0</v>
      </c>
      <c r="AM1996">
        <v>0</v>
      </c>
      <c r="AN1996">
        <v>0</v>
      </c>
      <c r="AO1996">
        <v>0</v>
      </c>
      <c r="AP1996">
        <v>0</v>
      </c>
      <c r="AQ1996">
        <v>0</v>
      </c>
      <c r="AR1996">
        <v>0</v>
      </c>
      <c r="AS1996">
        <v>0</v>
      </c>
      <c r="AT1996">
        <v>0</v>
      </c>
      <c r="AU1996">
        <v>0</v>
      </c>
      <c r="AV1996">
        <v>0</v>
      </c>
      <c r="AW1996">
        <v>0</v>
      </c>
      <c r="AX1996">
        <v>-281</v>
      </c>
      <c r="AY1996">
        <v>42</v>
      </c>
      <c r="AZ1996">
        <v>95</v>
      </c>
      <c r="BA1996">
        <v>6341</v>
      </c>
    </row>
    <row r="1997" spans="1:53" x14ac:dyDescent="0.4">
      <c r="A1997">
        <v>2041</v>
      </c>
      <c r="B1997" s="1">
        <v>43467</v>
      </c>
      <c r="C1997">
        <v>3</v>
      </c>
      <c r="D1997" s="1">
        <v>43467.730555555558</v>
      </c>
      <c r="E1997" s="1">
        <v>43468.004861111112</v>
      </c>
      <c r="F1997">
        <v>130800</v>
      </c>
      <c r="G1997">
        <v>9610</v>
      </c>
      <c r="H1997">
        <v>0</v>
      </c>
      <c r="I1997">
        <v>0</v>
      </c>
      <c r="J1997">
        <v>0</v>
      </c>
      <c r="K1997">
        <v>24500</v>
      </c>
      <c r="L1997">
        <v>0</v>
      </c>
      <c r="M1997">
        <v>13191</v>
      </c>
      <c r="N1997">
        <v>0</v>
      </c>
      <c r="O1997">
        <v>0</v>
      </c>
      <c r="P1997">
        <v>-15174</v>
      </c>
      <c r="Q1997">
        <v>0</v>
      </c>
      <c r="R1997">
        <v>162927</v>
      </c>
      <c r="S1997">
        <v>0</v>
      </c>
      <c r="T1997">
        <v>0</v>
      </c>
      <c r="U1997">
        <v>0</v>
      </c>
      <c r="V1997">
        <v>20</v>
      </c>
      <c r="W1997">
        <v>1</v>
      </c>
      <c r="X1997">
        <v>0</v>
      </c>
      <c r="Y1997">
        <v>30</v>
      </c>
      <c r="Z1997">
        <v>20</v>
      </c>
      <c r="AA1997">
        <v>181</v>
      </c>
      <c r="AB1997">
        <v>17</v>
      </c>
      <c r="AC1997">
        <v>129</v>
      </c>
      <c r="AD1997">
        <v>45</v>
      </c>
      <c r="AE1997">
        <v>112</v>
      </c>
      <c r="AF1997">
        <v>9126</v>
      </c>
      <c r="AG1997">
        <v>274703</v>
      </c>
      <c r="AH1997">
        <v>50000</v>
      </c>
      <c r="AI1997">
        <v>0</v>
      </c>
      <c r="AJ1997">
        <v>102</v>
      </c>
      <c r="AK1997" t="s">
        <v>8</v>
      </c>
      <c r="AL1997">
        <v>0</v>
      </c>
      <c r="AM1997">
        <v>0</v>
      </c>
      <c r="AN1997">
        <v>0</v>
      </c>
      <c r="AO1997">
        <v>0</v>
      </c>
      <c r="AP1997">
        <v>0</v>
      </c>
      <c r="AQ1997">
        <v>0</v>
      </c>
      <c r="AR1997">
        <v>0</v>
      </c>
      <c r="AS1997">
        <v>0</v>
      </c>
      <c r="AT1997">
        <v>0</v>
      </c>
      <c r="AU1997">
        <v>0</v>
      </c>
      <c r="AV1997">
        <v>0</v>
      </c>
      <c r="AW1997">
        <v>0</v>
      </c>
      <c r="AX1997">
        <v>10282</v>
      </c>
      <c r="AY1997">
        <v>27</v>
      </c>
      <c r="AZ1997">
        <v>82</v>
      </c>
      <c r="BA1997">
        <v>4290</v>
      </c>
    </row>
    <row r="1998" spans="1:53" x14ac:dyDescent="0.4">
      <c r="A1998">
        <v>2042</v>
      </c>
      <c r="B1998" s="1">
        <v>43467</v>
      </c>
      <c r="C1998">
        <v>4</v>
      </c>
      <c r="D1998" s="1">
        <v>43468.004861111112</v>
      </c>
      <c r="E1998" s="1">
        <v>43468.089583333334</v>
      </c>
      <c r="F1998">
        <v>23600</v>
      </c>
      <c r="G1998">
        <v>920</v>
      </c>
      <c r="H1998">
        <v>0</v>
      </c>
      <c r="I1998">
        <v>0</v>
      </c>
      <c r="J1998">
        <v>0</v>
      </c>
      <c r="K1998">
        <v>2400</v>
      </c>
      <c r="L1998">
        <v>0</v>
      </c>
      <c r="M1998">
        <v>2154</v>
      </c>
      <c r="N1998">
        <v>0</v>
      </c>
      <c r="O1998">
        <v>0</v>
      </c>
      <c r="P1998">
        <v>16956</v>
      </c>
      <c r="Q1998">
        <v>0</v>
      </c>
      <c r="R1998">
        <v>46030</v>
      </c>
      <c r="S1998">
        <v>0</v>
      </c>
      <c r="T1998">
        <v>0</v>
      </c>
      <c r="U1998">
        <v>0</v>
      </c>
      <c r="V1998">
        <v>25</v>
      </c>
      <c r="W1998">
        <v>1</v>
      </c>
      <c r="X1998">
        <v>0</v>
      </c>
      <c r="Y1998">
        <v>28</v>
      </c>
      <c r="Z1998">
        <v>17</v>
      </c>
      <c r="AA1998">
        <v>177</v>
      </c>
      <c r="AB1998">
        <v>16</v>
      </c>
      <c r="AC1998">
        <v>125</v>
      </c>
      <c r="AD1998">
        <v>46</v>
      </c>
      <c r="AE1998">
        <v>127</v>
      </c>
      <c r="AF1998">
        <v>9126</v>
      </c>
      <c r="AG1998">
        <v>320733</v>
      </c>
      <c r="AH1998">
        <v>50000</v>
      </c>
      <c r="AI1998">
        <v>0</v>
      </c>
      <c r="AJ1998">
        <v>102</v>
      </c>
      <c r="AK1998" t="s">
        <v>8</v>
      </c>
      <c r="AL1998">
        <v>0</v>
      </c>
      <c r="AM1998">
        <v>0</v>
      </c>
      <c r="AN1998">
        <v>0</v>
      </c>
      <c r="AO1998">
        <v>0</v>
      </c>
      <c r="AP1998">
        <v>0</v>
      </c>
      <c r="AQ1998">
        <v>0</v>
      </c>
      <c r="AR1998">
        <v>0</v>
      </c>
      <c r="AS1998">
        <v>0</v>
      </c>
      <c r="AT1998">
        <v>0</v>
      </c>
      <c r="AU1998">
        <v>0</v>
      </c>
      <c r="AV1998">
        <v>0</v>
      </c>
      <c r="AW1998">
        <v>0</v>
      </c>
      <c r="AX1998">
        <v>-4536</v>
      </c>
      <c r="AY1998">
        <v>3</v>
      </c>
      <c r="AZ1998">
        <v>8</v>
      </c>
      <c r="BA1998">
        <v>772</v>
      </c>
    </row>
    <row r="1999" spans="1:53" x14ac:dyDescent="0.4">
      <c r="A1999">
        <v>2043</v>
      </c>
      <c r="B1999" s="1">
        <v>43468</v>
      </c>
      <c r="C1999">
        <v>1</v>
      </c>
      <c r="D1999" s="1">
        <v>43468.291666666664</v>
      </c>
      <c r="E1999" s="1">
        <v>43468.411805555559</v>
      </c>
      <c r="F1999">
        <v>0</v>
      </c>
      <c r="G1999">
        <v>0</v>
      </c>
      <c r="H1999">
        <v>0</v>
      </c>
      <c r="I1999">
        <v>0</v>
      </c>
      <c r="J1999">
        <v>0</v>
      </c>
      <c r="K1999">
        <v>0</v>
      </c>
      <c r="L1999">
        <v>0</v>
      </c>
      <c r="M1999">
        <v>0</v>
      </c>
      <c r="N1999">
        <v>0</v>
      </c>
      <c r="O1999">
        <v>0</v>
      </c>
      <c r="P1999">
        <v>0</v>
      </c>
      <c r="Q1999">
        <v>0</v>
      </c>
      <c r="R1999">
        <v>0</v>
      </c>
      <c r="S1999">
        <v>0</v>
      </c>
      <c r="T1999">
        <v>0</v>
      </c>
      <c r="U1999">
        <v>0</v>
      </c>
      <c r="V1999">
        <v>0</v>
      </c>
      <c r="W1999">
        <v>0</v>
      </c>
      <c r="X1999">
        <v>0</v>
      </c>
      <c r="Y1999">
        <v>24</v>
      </c>
      <c r="Z1999">
        <v>12</v>
      </c>
      <c r="AA1999">
        <v>176</v>
      </c>
      <c r="AB1999">
        <v>15</v>
      </c>
      <c r="AC1999">
        <v>130</v>
      </c>
      <c r="AD1999">
        <v>43</v>
      </c>
      <c r="AE1999">
        <v>135</v>
      </c>
      <c r="AF1999">
        <v>0</v>
      </c>
      <c r="AG1999">
        <v>50000</v>
      </c>
      <c r="AH1999">
        <v>0</v>
      </c>
      <c r="AI1999">
        <v>50000</v>
      </c>
      <c r="AJ1999">
        <v>0</v>
      </c>
      <c r="AK1999" t="s">
        <v>6</v>
      </c>
      <c r="AL1999">
        <v>0</v>
      </c>
      <c r="AM1999">
        <v>0</v>
      </c>
      <c r="AN1999">
        <v>0</v>
      </c>
      <c r="AO1999">
        <v>0</v>
      </c>
      <c r="AP1999">
        <v>0</v>
      </c>
      <c r="AQ1999">
        <v>0</v>
      </c>
      <c r="AR1999">
        <v>0</v>
      </c>
      <c r="AS1999">
        <v>0</v>
      </c>
      <c r="AT1999">
        <v>0</v>
      </c>
      <c r="AU1999">
        <v>0</v>
      </c>
      <c r="AV1999">
        <v>0</v>
      </c>
      <c r="AW1999">
        <v>0</v>
      </c>
      <c r="AX1999">
        <v>0</v>
      </c>
      <c r="AY1999">
        <v>0</v>
      </c>
      <c r="AZ1999">
        <v>0</v>
      </c>
      <c r="BA1999">
        <v>0</v>
      </c>
    </row>
    <row r="2000" spans="1:53" x14ac:dyDescent="0.4">
      <c r="A2000">
        <v>2044</v>
      </c>
      <c r="B2000" s="1">
        <v>43468</v>
      </c>
      <c r="C2000">
        <v>2</v>
      </c>
      <c r="D2000" s="1">
        <v>43468.411805555559</v>
      </c>
      <c r="E2000" s="1">
        <v>43468.747916666667</v>
      </c>
      <c r="F2000">
        <v>43500</v>
      </c>
      <c r="G2000">
        <v>5820</v>
      </c>
      <c r="H2000">
        <v>200</v>
      </c>
      <c r="I2000">
        <v>0</v>
      </c>
      <c r="J2000">
        <v>0</v>
      </c>
      <c r="K2000">
        <v>0</v>
      </c>
      <c r="L2000">
        <v>0</v>
      </c>
      <c r="M2000">
        <v>3961</v>
      </c>
      <c r="N2000">
        <v>0</v>
      </c>
      <c r="O2000">
        <v>0</v>
      </c>
      <c r="P2000">
        <v>23220</v>
      </c>
      <c r="Q2000">
        <v>0</v>
      </c>
      <c r="R2000">
        <v>76701</v>
      </c>
      <c r="S2000">
        <v>0</v>
      </c>
      <c r="T2000">
        <v>0</v>
      </c>
      <c r="U2000">
        <v>0</v>
      </c>
      <c r="V2000">
        <v>1</v>
      </c>
      <c r="W2000">
        <v>2</v>
      </c>
      <c r="X2000">
        <v>0</v>
      </c>
      <c r="Y2000">
        <v>60</v>
      </c>
      <c r="Z2000">
        <v>24</v>
      </c>
      <c r="AA2000">
        <v>223</v>
      </c>
      <c r="AB2000">
        <v>25</v>
      </c>
      <c r="AC2000">
        <v>223</v>
      </c>
      <c r="AD2000">
        <v>42</v>
      </c>
      <c r="AE2000">
        <v>129</v>
      </c>
      <c r="AF2000">
        <v>8992</v>
      </c>
      <c r="AG2000">
        <v>127111</v>
      </c>
      <c r="AH2000">
        <v>50000</v>
      </c>
      <c r="AI2000">
        <v>410</v>
      </c>
      <c r="AJ2000">
        <v>90</v>
      </c>
      <c r="AK2000" t="s">
        <v>24</v>
      </c>
      <c r="AL2000">
        <v>0</v>
      </c>
      <c r="AM2000">
        <v>0</v>
      </c>
      <c r="AN2000">
        <v>0</v>
      </c>
      <c r="AO2000">
        <v>0</v>
      </c>
      <c r="AP2000">
        <v>0</v>
      </c>
      <c r="AQ2000">
        <v>0</v>
      </c>
      <c r="AR2000">
        <v>0</v>
      </c>
      <c r="AS2000">
        <v>0</v>
      </c>
      <c r="AT2000">
        <v>0</v>
      </c>
      <c r="AU2000">
        <v>0</v>
      </c>
      <c r="AV2000">
        <v>0</v>
      </c>
      <c r="AW2000">
        <v>0</v>
      </c>
      <c r="AX2000">
        <v>2462</v>
      </c>
      <c r="AY2000">
        <v>47</v>
      </c>
      <c r="AZ2000">
        <v>118</v>
      </c>
      <c r="BA2000">
        <v>7182</v>
      </c>
    </row>
    <row r="2001" spans="1:53" x14ac:dyDescent="0.4">
      <c r="A2001">
        <v>2045</v>
      </c>
      <c r="B2001" s="1">
        <v>43468</v>
      </c>
      <c r="C2001">
        <v>3</v>
      </c>
      <c r="D2001" s="1">
        <v>43468.747916666667</v>
      </c>
      <c r="E2001" s="1">
        <v>43468.949305555558</v>
      </c>
      <c r="F2001">
        <v>65025</v>
      </c>
      <c r="G2001">
        <v>5790</v>
      </c>
      <c r="H2001">
        <v>200</v>
      </c>
      <c r="I2001">
        <v>0</v>
      </c>
      <c r="J2001">
        <v>4375</v>
      </c>
      <c r="K2001">
        <v>6000</v>
      </c>
      <c r="L2001">
        <v>0</v>
      </c>
      <c r="M2001">
        <v>5810</v>
      </c>
      <c r="N2001">
        <v>0</v>
      </c>
      <c r="O2001">
        <v>0</v>
      </c>
      <c r="P2001">
        <v>-13392</v>
      </c>
      <c r="Q2001">
        <v>0</v>
      </c>
      <c r="R2001">
        <v>65058</v>
      </c>
      <c r="S2001">
        <v>0</v>
      </c>
      <c r="T2001">
        <v>0</v>
      </c>
      <c r="U2001">
        <v>0</v>
      </c>
      <c r="V2001">
        <v>3</v>
      </c>
      <c r="W2001">
        <v>4</v>
      </c>
      <c r="X2001">
        <v>0</v>
      </c>
      <c r="Y2001">
        <v>82</v>
      </c>
      <c r="Z2001">
        <v>25</v>
      </c>
      <c r="AA2001">
        <v>231</v>
      </c>
      <c r="AB2001">
        <v>19</v>
      </c>
      <c r="AC2001">
        <v>176</v>
      </c>
      <c r="AD2001">
        <v>41</v>
      </c>
      <c r="AE2001">
        <v>124</v>
      </c>
      <c r="AF2001">
        <v>21120</v>
      </c>
      <c r="AG2001">
        <v>191759</v>
      </c>
      <c r="AH2001">
        <v>50000</v>
      </c>
      <c r="AI2001">
        <v>0</v>
      </c>
      <c r="AJ2001">
        <v>108</v>
      </c>
      <c r="AK2001" t="s">
        <v>30</v>
      </c>
      <c r="AL2001">
        <v>0</v>
      </c>
      <c r="AM2001">
        <v>0</v>
      </c>
      <c r="AN2001">
        <v>0</v>
      </c>
      <c r="AO2001">
        <v>0</v>
      </c>
      <c r="AP2001">
        <v>0</v>
      </c>
      <c r="AQ2001">
        <v>0</v>
      </c>
      <c r="AR2001">
        <v>0</v>
      </c>
      <c r="AS2001">
        <v>0</v>
      </c>
      <c r="AT2001">
        <v>0</v>
      </c>
      <c r="AU2001">
        <v>0</v>
      </c>
      <c r="AV2001">
        <v>0</v>
      </c>
      <c r="AW2001">
        <v>0</v>
      </c>
      <c r="AX2001">
        <v>61161</v>
      </c>
      <c r="AY2001">
        <v>20</v>
      </c>
      <c r="AZ2001">
        <v>60</v>
      </c>
      <c r="BA2001">
        <v>3475</v>
      </c>
    </row>
    <row r="2002" spans="1:53" x14ac:dyDescent="0.4">
      <c r="A2002">
        <v>2046</v>
      </c>
      <c r="B2002" s="1">
        <v>43468</v>
      </c>
      <c r="C2002">
        <v>4</v>
      </c>
      <c r="D2002" s="1">
        <v>43468.949305555558</v>
      </c>
      <c r="E2002" s="1">
        <v>43469.07708333333</v>
      </c>
      <c r="F2002">
        <v>63400</v>
      </c>
      <c r="G2002">
        <v>3490</v>
      </c>
      <c r="H2002">
        <v>400</v>
      </c>
      <c r="I2002">
        <v>0</v>
      </c>
      <c r="J2002">
        <v>0</v>
      </c>
      <c r="K2002">
        <v>12900</v>
      </c>
      <c r="L2002">
        <v>0</v>
      </c>
      <c r="M2002">
        <v>6415</v>
      </c>
      <c r="N2002">
        <v>0</v>
      </c>
      <c r="O2002">
        <v>0</v>
      </c>
      <c r="P2002">
        <v>64260</v>
      </c>
      <c r="Q2002">
        <v>0</v>
      </c>
      <c r="R2002">
        <v>150865</v>
      </c>
      <c r="S2002">
        <v>0</v>
      </c>
      <c r="T2002">
        <v>0</v>
      </c>
      <c r="U2002">
        <v>0</v>
      </c>
      <c r="V2002">
        <v>14</v>
      </c>
      <c r="W2002">
        <v>5</v>
      </c>
      <c r="X2002">
        <v>0</v>
      </c>
      <c r="Y2002">
        <v>116</v>
      </c>
      <c r="Z2002">
        <v>30</v>
      </c>
      <c r="AA2002">
        <v>229</v>
      </c>
      <c r="AB2002">
        <v>19</v>
      </c>
      <c r="AC2002">
        <v>148</v>
      </c>
      <c r="AD2002">
        <v>35</v>
      </c>
      <c r="AE2002">
        <v>107</v>
      </c>
      <c r="AF2002">
        <v>21336</v>
      </c>
      <c r="AG2002">
        <v>342948</v>
      </c>
      <c r="AH2002">
        <v>50000</v>
      </c>
      <c r="AI2002">
        <v>324</v>
      </c>
      <c r="AJ2002">
        <v>108</v>
      </c>
      <c r="AK2002" t="s">
        <v>30</v>
      </c>
      <c r="AL2002">
        <v>0</v>
      </c>
      <c r="AM2002">
        <v>0</v>
      </c>
      <c r="AN2002">
        <v>0</v>
      </c>
      <c r="AO2002">
        <v>0</v>
      </c>
      <c r="AP2002">
        <v>0</v>
      </c>
      <c r="AQ2002">
        <v>0</v>
      </c>
      <c r="AR2002">
        <v>0</v>
      </c>
      <c r="AS2002">
        <v>0</v>
      </c>
      <c r="AT2002">
        <v>0</v>
      </c>
      <c r="AU2002">
        <v>0</v>
      </c>
      <c r="AV2002">
        <v>0</v>
      </c>
      <c r="AW2002">
        <v>0</v>
      </c>
      <c r="AX2002">
        <v>36158</v>
      </c>
      <c r="AY2002">
        <v>7</v>
      </c>
      <c r="AZ2002">
        <v>31</v>
      </c>
      <c r="BA2002">
        <v>1253</v>
      </c>
    </row>
    <row r="2003" spans="1:53" x14ac:dyDescent="0.4">
      <c r="A2003">
        <v>2047</v>
      </c>
      <c r="B2003" s="1">
        <v>43469</v>
      </c>
      <c r="C2003">
        <v>1</v>
      </c>
      <c r="D2003" s="1">
        <v>43469.291666666664</v>
      </c>
      <c r="E2003" s="1">
        <v>43469.407638888886</v>
      </c>
      <c r="F2003">
        <v>0</v>
      </c>
      <c r="G2003">
        <v>0</v>
      </c>
      <c r="H2003">
        <v>0</v>
      </c>
      <c r="I2003">
        <v>0</v>
      </c>
      <c r="J2003">
        <v>0</v>
      </c>
      <c r="K2003">
        <v>0</v>
      </c>
      <c r="L2003">
        <v>0</v>
      </c>
      <c r="M2003">
        <v>0</v>
      </c>
      <c r="N2003">
        <v>0</v>
      </c>
      <c r="O2003">
        <v>0</v>
      </c>
      <c r="P2003">
        <v>0</v>
      </c>
      <c r="Q2003">
        <v>0</v>
      </c>
      <c r="R2003">
        <v>0</v>
      </c>
      <c r="S2003">
        <v>0</v>
      </c>
      <c r="T2003">
        <v>0</v>
      </c>
      <c r="U2003">
        <v>0</v>
      </c>
      <c r="V2003">
        <v>0</v>
      </c>
      <c r="W2003">
        <v>0</v>
      </c>
      <c r="X2003">
        <v>0</v>
      </c>
      <c r="Y2003">
        <v>25</v>
      </c>
      <c r="Z2003">
        <v>10</v>
      </c>
      <c r="AA2003">
        <v>174</v>
      </c>
      <c r="AB2003">
        <v>19</v>
      </c>
      <c r="AC2003">
        <v>137</v>
      </c>
      <c r="AD2003">
        <v>36</v>
      </c>
      <c r="AE2003">
        <v>100</v>
      </c>
      <c r="AF2003">
        <v>0</v>
      </c>
      <c r="AG2003">
        <v>50000</v>
      </c>
      <c r="AH2003">
        <v>0</v>
      </c>
      <c r="AI2003">
        <v>50000</v>
      </c>
      <c r="AJ2003">
        <v>0</v>
      </c>
      <c r="AK2003" t="s">
        <v>6</v>
      </c>
      <c r="AL2003">
        <v>0</v>
      </c>
      <c r="AM2003">
        <v>0</v>
      </c>
      <c r="AN2003">
        <v>0</v>
      </c>
      <c r="AO2003">
        <v>0</v>
      </c>
      <c r="AP2003">
        <v>0</v>
      </c>
      <c r="AQ2003">
        <v>0</v>
      </c>
      <c r="AR2003">
        <v>0</v>
      </c>
      <c r="AS2003">
        <v>0</v>
      </c>
      <c r="AT2003">
        <v>0</v>
      </c>
      <c r="AU2003">
        <v>0</v>
      </c>
      <c r="AV2003">
        <v>0</v>
      </c>
      <c r="AW2003">
        <v>0</v>
      </c>
      <c r="AX2003">
        <v>0</v>
      </c>
      <c r="AY2003">
        <v>0</v>
      </c>
      <c r="AZ2003">
        <v>0</v>
      </c>
      <c r="BA2003">
        <v>0</v>
      </c>
    </row>
    <row r="2004" spans="1:53" x14ac:dyDescent="0.4">
      <c r="A2004">
        <v>2048</v>
      </c>
      <c r="B2004" s="1">
        <v>43469</v>
      </c>
      <c r="C2004">
        <v>2</v>
      </c>
      <c r="D2004" s="1">
        <v>43469.407638888886</v>
      </c>
      <c r="E2004" s="1">
        <v>43469.728472222225</v>
      </c>
      <c r="F2004">
        <v>41000</v>
      </c>
      <c r="G2004">
        <v>1360</v>
      </c>
      <c r="H2004">
        <v>200</v>
      </c>
      <c r="I2004">
        <v>0</v>
      </c>
      <c r="J2004">
        <v>0</v>
      </c>
      <c r="K2004">
        <v>0</v>
      </c>
      <c r="L2004">
        <v>0</v>
      </c>
      <c r="M2004">
        <v>3404</v>
      </c>
      <c r="N2004">
        <v>0</v>
      </c>
      <c r="O2004">
        <v>0</v>
      </c>
      <c r="P2004">
        <v>25380</v>
      </c>
      <c r="Q2004">
        <v>0</v>
      </c>
      <c r="R2004">
        <v>71344</v>
      </c>
      <c r="S2004">
        <v>0</v>
      </c>
      <c r="T2004">
        <v>0</v>
      </c>
      <c r="U2004">
        <v>0</v>
      </c>
      <c r="V2004">
        <v>3</v>
      </c>
      <c r="W2004">
        <v>4</v>
      </c>
      <c r="X2004">
        <v>0</v>
      </c>
      <c r="Y2004">
        <v>36</v>
      </c>
      <c r="Z2004">
        <v>19</v>
      </c>
      <c r="AA2004">
        <v>217</v>
      </c>
      <c r="AB2004">
        <v>28</v>
      </c>
      <c r="AC2004">
        <v>245</v>
      </c>
      <c r="AD2004">
        <v>36</v>
      </c>
      <c r="AE2004">
        <v>114</v>
      </c>
      <c r="AF2004">
        <v>0</v>
      </c>
      <c r="AG2004">
        <v>121344</v>
      </c>
      <c r="AH2004">
        <v>50000</v>
      </c>
      <c r="AI2004">
        <v>0</v>
      </c>
      <c r="AJ2004">
        <v>96</v>
      </c>
      <c r="AK2004" t="s">
        <v>4</v>
      </c>
      <c r="AL2004">
        <v>0</v>
      </c>
      <c r="AM2004">
        <v>0</v>
      </c>
      <c r="AN2004">
        <v>0</v>
      </c>
      <c r="AO2004">
        <v>0</v>
      </c>
      <c r="AP2004">
        <v>0</v>
      </c>
      <c r="AQ2004">
        <v>0</v>
      </c>
      <c r="AR2004">
        <v>0</v>
      </c>
      <c r="AS2004">
        <v>0</v>
      </c>
      <c r="AT2004">
        <v>0</v>
      </c>
      <c r="AU2004">
        <v>0</v>
      </c>
      <c r="AV2004">
        <v>0</v>
      </c>
      <c r="AW2004">
        <v>0</v>
      </c>
      <c r="AX2004">
        <v>1857</v>
      </c>
      <c r="AY2004">
        <v>51</v>
      </c>
      <c r="AZ2004">
        <v>117</v>
      </c>
      <c r="BA2004">
        <v>7948</v>
      </c>
    </row>
    <row r="2005" spans="1:53" x14ac:dyDescent="0.4">
      <c r="A2005">
        <v>2049</v>
      </c>
      <c r="B2005" s="1">
        <v>43469</v>
      </c>
      <c r="C2005">
        <v>3</v>
      </c>
      <c r="D2005" s="1">
        <v>43469.728472222225</v>
      </c>
      <c r="E2005" s="1">
        <v>43469.95416666667</v>
      </c>
      <c r="F2005">
        <v>87250</v>
      </c>
      <c r="G2005">
        <v>2100</v>
      </c>
      <c r="H2005">
        <v>200</v>
      </c>
      <c r="I2005">
        <v>0</v>
      </c>
      <c r="J2005">
        <v>0</v>
      </c>
      <c r="K2005">
        <v>8300</v>
      </c>
      <c r="L2005">
        <v>0</v>
      </c>
      <c r="M2005">
        <v>7827</v>
      </c>
      <c r="N2005">
        <v>0</v>
      </c>
      <c r="O2005">
        <v>0</v>
      </c>
      <c r="P2005">
        <v>-25380</v>
      </c>
      <c r="Q2005">
        <v>0</v>
      </c>
      <c r="R2005">
        <v>80297</v>
      </c>
      <c r="S2005">
        <v>0</v>
      </c>
      <c r="T2005">
        <v>0</v>
      </c>
      <c r="U2005">
        <v>0</v>
      </c>
      <c r="V2005">
        <v>8</v>
      </c>
      <c r="W2005">
        <v>4</v>
      </c>
      <c r="X2005">
        <v>0</v>
      </c>
      <c r="Y2005">
        <v>42</v>
      </c>
      <c r="Z2005">
        <v>24</v>
      </c>
      <c r="AA2005">
        <v>149</v>
      </c>
      <c r="AB2005">
        <v>30</v>
      </c>
      <c r="AC2005">
        <v>243</v>
      </c>
      <c r="AD2005">
        <v>37</v>
      </c>
      <c r="AE2005">
        <v>114</v>
      </c>
      <c r="AF2005">
        <v>28512</v>
      </c>
      <c r="AG2005">
        <v>201641</v>
      </c>
      <c r="AH2005">
        <v>50000</v>
      </c>
      <c r="AI2005">
        <v>0</v>
      </c>
      <c r="AJ2005">
        <v>84</v>
      </c>
      <c r="AK2005" t="s">
        <v>16</v>
      </c>
      <c r="AL2005">
        <v>0</v>
      </c>
      <c r="AM2005">
        <v>0</v>
      </c>
      <c r="AN2005">
        <v>0</v>
      </c>
      <c r="AO2005">
        <v>0</v>
      </c>
      <c r="AP2005">
        <v>0</v>
      </c>
      <c r="AQ2005">
        <v>0</v>
      </c>
      <c r="AR2005">
        <v>0</v>
      </c>
      <c r="AS2005">
        <v>0</v>
      </c>
      <c r="AT2005">
        <v>0</v>
      </c>
      <c r="AU2005">
        <v>0</v>
      </c>
      <c r="AV2005">
        <v>0</v>
      </c>
      <c r="AW2005">
        <v>0</v>
      </c>
      <c r="AX2005">
        <v>62748</v>
      </c>
      <c r="AY2005">
        <v>21</v>
      </c>
      <c r="AZ2005">
        <v>77</v>
      </c>
      <c r="BA2005">
        <v>3994</v>
      </c>
    </row>
    <row r="2006" spans="1:53" x14ac:dyDescent="0.4">
      <c r="A2006">
        <v>2050</v>
      </c>
      <c r="B2006" s="1">
        <v>43469</v>
      </c>
      <c r="C2006">
        <v>4</v>
      </c>
      <c r="D2006" s="1">
        <v>43469.95416666667</v>
      </c>
      <c r="E2006" s="1">
        <v>43470.09375</v>
      </c>
      <c r="F2006">
        <v>63900</v>
      </c>
      <c r="G2006">
        <v>2280</v>
      </c>
      <c r="H2006">
        <v>0</v>
      </c>
      <c r="I2006">
        <v>0</v>
      </c>
      <c r="J2006">
        <v>2650</v>
      </c>
      <c r="K2006">
        <v>12500</v>
      </c>
      <c r="L2006">
        <v>0</v>
      </c>
      <c r="M2006">
        <v>6082</v>
      </c>
      <c r="N2006">
        <v>0</v>
      </c>
      <c r="O2006">
        <v>0</v>
      </c>
      <c r="P2006">
        <v>42552</v>
      </c>
      <c r="Q2006">
        <v>0</v>
      </c>
      <c r="R2006">
        <v>124664</v>
      </c>
      <c r="S2006">
        <v>0</v>
      </c>
      <c r="T2006">
        <v>0</v>
      </c>
      <c r="U2006">
        <v>0</v>
      </c>
      <c r="V2006">
        <v>17</v>
      </c>
      <c r="W2006">
        <v>11</v>
      </c>
      <c r="X2006">
        <v>0</v>
      </c>
      <c r="Y2006">
        <v>53</v>
      </c>
      <c r="Z2006">
        <v>15</v>
      </c>
      <c r="AA2006">
        <v>76</v>
      </c>
      <c r="AB2006">
        <v>29</v>
      </c>
      <c r="AC2006">
        <v>251</v>
      </c>
      <c r="AD2006">
        <v>28</v>
      </c>
      <c r="AE2006">
        <v>119</v>
      </c>
      <c r="AF2006">
        <v>28512</v>
      </c>
      <c r="AG2006">
        <v>325831</v>
      </c>
      <c r="AH2006">
        <v>50000</v>
      </c>
      <c r="AI2006">
        <v>-474</v>
      </c>
      <c r="AJ2006">
        <v>108</v>
      </c>
      <c r="AK2006" t="s">
        <v>30</v>
      </c>
      <c r="AL2006">
        <v>0</v>
      </c>
      <c r="AM2006">
        <v>0</v>
      </c>
      <c r="AN2006">
        <v>0</v>
      </c>
      <c r="AO2006">
        <v>0</v>
      </c>
      <c r="AP2006">
        <v>0</v>
      </c>
      <c r="AQ2006">
        <v>0</v>
      </c>
      <c r="AR2006">
        <v>0</v>
      </c>
      <c r="AS2006">
        <v>0</v>
      </c>
      <c r="AT2006">
        <v>0</v>
      </c>
      <c r="AU2006">
        <v>0</v>
      </c>
      <c r="AV2006">
        <v>0</v>
      </c>
      <c r="AW2006">
        <v>0</v>
      </c>
      <c r="AX2006">
        <v>1944</v>
      </c>
      <c r="AY2006">
        <v>7</v>
      </c>
      <c r="AZ2006">
        <v>27</v>
      </c>
      <c r="BA2006">
        <v>1317</v>
      </c>
    </row>
    <row r="2007" spans="1:53" x14ac:dyDescent="0.4">
      <c r="A2007">
        <v>2051</v>
      </c>
      <c r="B2007" s="1">
        <v>43470</v>
      </c>
      <c r="C2007">
        <v>1</v>
      </c>
      <c r="D2007" s="1">
        <v>43470.291666666664</v>
      </c>
      <c r="E2007" s="1">
        <v>43470.410416666666</v>
      </c>
      <c r="F2007">
        <v>0</v>
      </c>
      <c r="G2007">
        <v>0</v>
      </c>
      <c r="H2007">
        <v>0</v>
      </c>
      <c r="I2007">
        <v>0</v>
      </c>
      <c r="J2007">
        <v>0</v>
      </c>
      <c r="K2007">
        <v>0</v>
      </c>
      <c r="L2007">
        <v>0</v>
      </c>
      <c r="M2007">
        <v>0</v>
      </c>
      <c r="N2007">
        <v>0</v>
      </c>
      <c r="O2007">
        <v>0</v>
      </c>
      <c r="P2007">
        <v>0</v>
      </c>
      <c r="Q2007">
        <v>0</v>
      </c>
      <c r="R2007">
        <v>0</v>
      </c>
      <c r="S2007">
        <v>0</v>
      </c>
      <c r="T2007">
        <v>0</v>
      </c>
      <c r="U2007">
        <v>0</v>
      </c>
      <c r="V2007">
        <v>0</v>
      </c>
      <c r="W2007">
        <v>0</v>
      </c>
      <c r="X2007">
        <v>0</v>
      </c>
      <c r="Y2007">
        <v>30</v>
      </c>
      <c r="Z2007">
        <v>17</v>
      </c>
      <c r="AA2007">
        <v>78</v>
      </c>
      <c r="AB2007">
        <v>30</v>
      </c>
      <c r="AC2007">
        <v>193</v>
      </c>
      <c r="AD2007">
        <v>30</v>
      </c>
      <c r="AE2007">
        <v>120</v>
      </c>
      <c r="AF2007">
        <v>0</v>
      </c>
      <c r="AG2007">
        <v>50000</v>
      </c>
      <c r="AH2007">
        <v>50000</v>
      </c>
      <c r="AI2007">
        <v>0</v>
      </c>
      <c r="AJ2007">
        <v>0</v>
      </c>
      <c r="AK2007" t="s">
        <v>6</v>
      </c>
      <c r="AL2007">
        <v>0</v>
      </c>
      <c r="AM2007">
        <v>0</v>
      </c>
      <c r="AN2007">
        <v>0</v>
      </c>
      <c r="AO2007">
        <v>0</v>
      </c>
      <c r="AP2007">
        <v>0</v>
      </c>
      <c r="AQ2007">
        <v>0</v>
      </c>
      <c r="AR2007">
        <v>0</v>
      </c>
      <c r="AS2007">
        <v>0</v>
      </c>
      <c r="AT2007">
        <v>0</v>
      </c>
      <c r="AU2007">
        <v>0</v>
      </c>
      <c r="AV2007">
        <v>0</v>
      </c>
      <c r="AW2007">
        <v>0</v>
      </c>
      <c r="AX2007">
        <v>0</v>
      </c>
      <c r="AY2007">
        <v>0</v>
      </c>
      <c r="AZ2007">
        <v>0</v>
      </c>
      <c r="BA2007">
        <v>0</v>
      </c>
    </row>
    <row r="2008" spans="1:53" x14ac:dyDescent="0.4">
      <c r="A2008">
        <v>2052</v>
      </c>
      <c r="B2008" s="1">
        <v>43470</v>
      </c>
      <c r="C2008">
        <v>2</v>
      </c>
      <c r="D2008" s="1">
        <v>43470.410416666666</v>
      </c>
      <c r="E2008" s="1">
        <v>43470.730555555558</v>
      </c>
      <c r="F2008">
        <v>45500</v>
      </c>
      <c r="G2008">
        <v>2900</v>
      </c>
      <c r="H2008">
        <v>0</v>
      </c>
      <c r="I2008">
        <v>0</v>
      </c>
      <c r="J2008">
        <v>0</v>
      </c>
      <c r="K2008">
        <v>0</v>
      </c>
      <c r="L2008">
        <v>0</v>
      </c>
      <c r="M2008">
        <v>3871</v>
      </c>
      <c r="N2008">
        <v>0</v>
      </c>
      <c r="O2008">
        <v>0</v>
      </c>
      <c r="P2008">
        <v>12960</v>
      </c>
      <c r="Q2008">
        <v>0</v>
      </c>
      <c r="R2008">
        <v>65231</v>
      </c>
      <c r="S2008">
        <v>0</v>
      </c>
      <c r="T2008">
        <v>0</v>
      </c>
      <c r="U2008">
        <v>0</v>
      </c>
      <c r="V2008">
        <v>2</v>
      </c>
      <c r="W2008">
        <v>3</v>
      </c>
      <c r="X2008">
        <v>0</v>
      </c>
      <c r="Y2008">
        <v>47</v>
      </c>
      <c r="Z2008">
        <v>36</v>
      </c>
      <c r="AA2008">
        <v>86</v>
      </c>
      <c r="AB2008">
        <v>35</v>
      </c>
      <c r="AC2008">
        <v>250</v>
      </c>
      <c r="AD2008">
        <v>32</v>
      </c>
      <c r="AE2008">
        <v>128</v>
      </c>
      <c r="AF2008">
        <v>2093</v>
      </c>
      <c r="AG2008">
        <v>115231</v>
      </c>
      <c r="AH2008">
        <v>50000</v>
      </c>
      <c r="AI2008">
        <v>0</v>
      </c>
      <c r="AJ2008">
        <v>93</v>
      </c>
      <c r="AK2008" t="s">
        <v>20</v>
      </c>
      <c r="AL2008">
        <v>0</v>
      </c>
      <c r="AM2008">
        <v>0</v>
      </c>
      <c r="AN2008">
        <v>0</v>
      </c>
      <c r="AO2008">
        <v>0</v>
      </c>
      <c r="AP2008">
        <v>0</v>
      </c>
      <c r="AQ2008">
        <v>0</v>
      </c>
      <c r="AR2008">
        <v>0</v>
      </c>
      <c r="AS2008">
        <v>0</v>
      </c>
      <c r="AT2008">
        <v>0</v>
      </c>
      <c r="AU2008">
        <v>0</v>
      </c>
      <c r="AV2008">
        <v>0</v>
      </c>
      <c r="AW2008">
        <v>0</v>
      </c>
      <c r="AX2008">
        <v>950</v>
      </c>
      <c r="AY2008">
        <v>49</v>
      </c>
      <c r="AZ2008">
        <v>110</v>
      </c>
      <c r="BA2008">
        <v>7700</v>
      </c>
    </row>
    <row r="2009" spans="1:53" x14ac:dyDescent="0.4">
      <c r="A2009">
        <v>2053</v>
      </c>
      <c r="B2009" s="1">
        <v>43471</v>
      </c>
      <c r="C2009">
        <v>1</v>
      </c>
      <c r="D2009" s="1">
        <v>43471.291666666664</v>
      </c>
      <c r="E2009" s="1">
        <v>43471.405555555553</v>
      </c>
      <c r="F2009">
        <v>0</v>
      </c>
      <c r="G2009">
        <v>0</v>
      </c>
      <c r="H2009">
        <v>0</v>
      </c>
      <c r="I2009">
        <v>0</v>
      </c>
      <c r="J2009">
        <v>0</v>
      </c>
      <c r="K2009">
        <v>0</v>
      </c>
      <c r="L2009">
        <v>0</v>
      </c>
      <c r="M2009">
        <v>0</v>
      </c>
      <c r="N2009">
        <v>0</v>
      </c>
      <c r="O2009">
        <v>0</v>
      </c>
      <c r="P2009">
        <v>0</v>
      </c>
      <c r="Q2009">
        <v>0</v>
      </c>
      <c r="R2009">
        <v>0</v>
      </c>
      <c r="S2009">
        <v>0</v>
      </c>
      <c r="T2009">
        <v>0</v>
      </c>
      <c r="U2009">
        <v>0</v>
      </c>
      <c r="V2009">
        <v>0</v>
      </c>
      <c r="W2009">
        <v>0</v>
      </c>
      <c r="X2009">
        <v>0</v>
      </c>
      <c r="Y2009">
        <v>30</v>
      </c>
      <c r="Z2009">
        <v>9</v>
      </c>
      <c r="AA2009">
        <v>127</v>
      </c>
      <c r="AB2009">
        <v>25</v>
      </c>
      <c r="AC2009">
        <v>134</v>
      </c>
      <c r="AD2009">
        <v>16</v>
      </c>
      <c r="AE2009">
        <v>130</v>
      </c>
      <c r="AF2009">
        <v>0</v>
      </c>
      <c r="AG2009">
        <v>50000</v>
      </c>
      <c r="AH2009">
        <v>50000</v>
      </c>
      <c r="AI2009">
        <v>0</v>
      </c>
      <c r="AJ2009">
        <v>0</v>
      </c>
      <c r="AK2009" t="s">
        <v>6</v>
      </c>
      <c r="AL2009">
        <v>0</v>
      </c>
      <c r="AM2009">
        <v>0</v>
      </c>
      <c r="AN2009">
        <v>0</v>
      </c>
      <c r="AO2009">
        <v>0</v>
      </c>
      <c r="AP2009">
        <v>0</v>
      </c>
      <c r="AQ2009">
        <v>0</v>
      </c>
      <c r="AR2009">
        <v>0</v>
      </c>
      <c r="AS2009">
        <v>0</v>
      </c>
      <c r="AT2009">
        <v>0</v>
      </c>
      <c r="AU2009">
        <v>0</v>
      </c>
      <c r="AV2009">
        <v>0</v>
      </c>
      <c r="AW2009">
        <v>0</v>
      </c>
      <c r="AX2009">
        <v>0</v>
      </c>
      <c r="AY2009">
        <v>0</v>
      </c>
      <c r="AZ2009">
        <v>0</v>
      </c>
      <c r="BA2009">
        <v>0</v>
      </c>
    </row>
    <row r="2010" spans="1:53" x14ac:dyDescent="0.4">
      <c r="A2010">
        <v>2054</v>
      </c>
      <c r="B2010" s="1">
        <v>43471</v>
      </c>
      <c r="C2010">
        <v>2</v>
      </c>
      <c r="D2010" s="1">
        <v>43471.405555555553</v>
      </c>
      <c r="E2010" s="1">
        <v>43471.740972222222</v>
      </c>
      <c r="F2010">
        <v>39500</v>
      </c>
      <c r="G2010">
        <v>2700</v>
      </c>
      <c r="H2010">
        <v>0</v>
      </c>
      <c r="I2010">
        <v>0</v>
      </c>
      <c r="J2010">
        <v>0</v>
      </c>
      <c r="K2010">
        <v>0</v>
      </c>
      <c r="L2010">
        <v>0</v>
      </c>
      <c r="M2010">
        <v>3375</v>
      </c>
      <c r="N2010">
        <v>0</v>
      </c>
      <c r="O2010">
        <v>0</v>
      </c>
      <c r="P2010">
        <v>13770</v>
      </c>
      <c r="Q2010">
        <v>0</v>
      </c>
      <c r="R2010">
        <v>59345</v>
      </c>
      <c r="S2010">
        <v>0</v>
      </c>
      <c r="T2010">
        <v>0</v>
      </c>
      <c r="U2010">
        <v>0</v>
      </c>
      <c r="V2010">
        <v>1</v>
      </c>
      <c r="W2010">
        <v>3</v>
      </c>
      <c r="X2010">
        <v>0</v>
      </c>
      <c r="Y2010">
        <v>53</v>
      </c>
      <c r="Z2010">
        <v>28</v>
      </c>
      <c r="AA2010">
        <v>130</v>
      </c>
      <c r="AB2010">
        <v>35</v>
      </c>
      <c r="AC2010">
        <v>239</v>
      </c>
      <c r="AD2010">
        <v>15</v>
      </c>
      <c r="AE2010">
        <v>130</v>
      </c>
      <c r="AF2010">
        <v>0</v>
      </c>
      <c r="AG2010">
        <v>109345</v>
      </c>
      <c r="AH2010">
        <v>50000</v>
      </c>
      <c r="AI2010">
        <v>0</v>
      </c>
      <c r="AJ2010">
        <v>93</v>
      </c>
      <c r="AK2010" t="s">
        <v>20</v>
      </c>
      <c r="AL2010">
        <v>0</v>
      </c>
      <c r="AM2010">
        <v>0</v>
      </c>
      <c r="AN2010">
        <v>0</v>
      </c>
      <c r="AO2010">
        <v>0</v>
      </c>
      <c r="AP2010">
        <v>0</v>
      </c>
      <c r="AQ2010">
        <v>0</v>
      </c>
      <c r="AR2010">
        <v>0</v>
      </c>
      <c r="AS2010">
        <v>0</v>
      </c>
      <c r="AT2010">
        <v>0</v>
      </c>
      <c r="AU2010">
        <v>0</v>
      </c>
      <c r="AV2010">
        <v>0</v>
      </c>
      <c r="AW2010">
        <v>0</v>
      </c>
      <c r="AX2010">
        <v>86</v>
      </c>
      <c r="AY2010">
        <v>49</v>
      </c>
      <c r="AZ2010">
        <v>105</v>
      </c>
      <c r="BA2010">
        <v>7366</v>
      </c>
    </row>
    <row r="2011" spans="1:53" x14ac:dyDescent="0.4">
      <c r="A2011">
        <v>2055</v>
      </c>
      <c r="B2011" s="1">
        <v>43471</v>
      </c>
      <c r="C2011">
        <v>3</v>
      </c>
      <c r="D2011" s="1">
        <v>43471.740972222222</v>
      </c>
      <c r="E2011" s="1">
        <v>43471.940972222219</v>
      </c>
      <c r="F2011">
        <v>28500</v>
      </c>
      <c r="G2011">
        <v>2460</v>
      </c>
      <c r="H2011">
        <v>0</v>
      </c>
      <c r="I2011">
        <v>0</v>
      </c>
      <c r="J2011">
        <v>500</v>
      </c>
      <c r="K2011">
        <v>0</v>
      </c>
      <c r="L2011">
        <v>0</v>
      </c>
      <c r="M2011">
        <v>2436</v>
      </c>
      <c r="N2011">
        <v>0</v>
      </c>
      <c r="O2011">
        <v>0</v>
      </c>
      <c r="P2011">
        <v>-11178</v>
      </c>
      <c r="Q2011">
        <v>0</v>
      </c>
      <c r="R2011">
        <v>21718</v>
      </c>
      <c r="S2011">
        <v>0</v>
      </c>
      <c r="T2011">
        <v>0</v>
      </c>
      <c r="U2011">
        <v>0</v>
      </c>
      <c r="V2011">
        <v>2</v>
      </c>
      <c r="W2011">
        <v>3</v>
      </c>
      <c r="X2011">
        <v>0</v>
      </c>
      <c r="Y2011">
        <v>62</v>
      </c>
      <c r="Z2011">
        <v>29</v>
      </c>
      <c r="AA2011">
        <v>140</v>
      </c>
      <c r="AB2011">
        <v>34</v>
      </c>
      <c r="AC2011">
        <v>257</v>
      </c>
      <c r="AD2011">
        <v>17</v>
      </c>
      <c r="AE2011">
        <v>128</v>
      </c>
      <c r="AF2011">
        <v>1080</v>
      </c>
      <c r="AG2011">
        <v>131063</v>
      </c>
      <c r="AH2011">
        <v>50000</v>
      </c>
      <c r="AI2011">
        <v>0</v>
      </c>
      <c r="AJ2011">
        <v>108</v>
      </c>
      <c r="AK2011" t="s">
        <v>30</v>
      </c>
      <c r="AL2011">
        <v>0</v>
      </c>
      <c r="AM2011">
        <v>0</v>
      </c>
      <c r="AN2011">
        <v>0</v>
      </c>
      <c r="AO2011">
        <v>0</v>
      </c>
      <c r="AP2011">
        <v>0</v>
      </c>
      <c r="AQ2011">
        <v>0</v>
      </c>
      <c r="AR2011">
        <v>0</v>
      </c>
      <c r="AS2011">
        <v>0</v>
      </c>
      <c r="AT2011">
        <v>0</v>
      </c>
      <c r="AU2011">
        <v>0</v>
      </c>
      <c r="AV2011">
        <v>0</v>
      </c>
      <c r="AW2011">
        <v>0</v>
      </c>
      <c r="AX2011">
        <v>10994</v>
      </c>
      <c r="AY2011">
        <v>10</v>
      </c>
      <c r="AZ2011">
        <v>29</v>
      </c>
      <c r="BA2011">
        <v>2099</v>
      </c>
    </row>
    <row r="2012" spans="1:53" x14ac:dyDescent="0.4">
      <c r="A2012">
        <v>2056</v>
      </c>
      <c r="B2012" s="1">
        <v>43472</v>
      </c>
      <c r="C2012">
        <v>1</v>
      </c>
      <c r="D2012" s="1">
        <v>43472.291666666664</v>
      </c>
      <c r="E2012" s="1">
        <v>43472.45208333333</v>
      </c>
      <c r="F2012">
        <v>0</v>
      </c>
      <c r="G2012">
        <v>0</v>
      </c>
      <c r="H2012">
        <v>0</v>
      </c>
      <c r="I2012">
        <v>0</v>
      </c>
      <c r="J2012">
        <v>0</v>
      </c>
      <c r="K2012">
        <v>0</v>
      </c>
      <c r="L2012">
        <v>0</v>
      </c>
      <c r="M2012">
        <v>0</v>
      </c>
      <c r="N2012">
        <v>0</v>
      </c>
      <c r="O2012">
        <v>0</v>
      </c>
      <c r="P2012">
        <v>0</v>
      </c>
      <c r="Q2012">
        <v>0</v>
      </c>
      <c r="R2012">
        <v>0</v>
      </c>
      <c r="S2012">
        <v>0</v>
      </c>
      <c r="T2012">
        <v>0</v>
      </c>
      <c r="U2012">
        <v>0</v>
      </c>
      <c r="V2012">
        <v>0</v>
      </c>
      <c r="W2012">
        <v>0</v>
      </c>
      <c r="X2012">
        <v>0</v>
      </c>
      <c r="Y2012">
        <v>27</v>
      </c>
      <c r="Z2012">
        <v>10</v>
      </c>
      <c r="AA2012">
        <v>150</v>
      </c>
      <c r="AB2012">
        <v>35</v>
      </c>
      <c r="AC2012">
        <v>104</v>
      </c>
      <c r="AD2012">
        <v>15</v>
      </c>
      <c r="AE2012">
        <v>135</v>
      </c>
      <c r="AF2012">
        <v>0</v>
      </c>
      <c r="AG2012">
        <v>50000</v>
      </c>
      <c r="AH2012">
        <v>0</v>
      </c>
      <c r="AI2012">
        <v>50000</v>
      </c>
      <c r="AJ2012">
        <v>0</v>
      </c>
      <c r="AK2012" t="s">
        <v>6</v>
      </c>
      <c r="AL2012">
        <v>0</v>
      </c>
      <c r="AM2012">
        <v>0</v>
      </c>
      <c r="AN2012">
        <v>0</v>
      </c>
      <c r="AO2012">
        <v>0</v>
      </c>
      <c r="AP2012">
        <v>0</v>
      </c>
      <c r="AQ2012">
        <v>0</v>
      </c>
      <c r="AR2012">
        <v>0</v>
      </c>
      <c r="AS2012">
        <v>0</v>
      </c>
      <c r="AT2012">
        <v>0</v>
      </c>
      <c r="AU2012">
        <v>0</v>
      </c>
      <c r="AV2012">
        <v>0</v>
      </c>
      <c r="AW2012">
        <v>0</v>
      </c>
      <c r="AX2012">
        <v>0</v>
      </c>
      <c r="AY2012">
        <v>0</v>
      </c>
      <c r="AZ2012">
        <v>0</v>
      </c>
      <c r="BA2012">
        <v>0</v>
      </c>
    </row>
    <row r="2013" spans="1:53" x14ac:dyDescent="0.4">
      <c r="A2013">
        <v>2057</v>
      </c>
      <c r="B2013" s="1">
        <v>43472</v>
      </c>
      <c r="C2013">
        <v>2</v>
      </c>
      <c r="D2013" s="1">
        <v>43472.45208333333</v>
      </c>
      <c r="E2013" s="1">
        <v>43472.745833333334</v>
      </c>
      <c r="F2013">
        <v>24500</v>
      </c>
      <c r="G2013">
        <v>2020</v>
      </c>
      <c r="H2013">
        <v>0</v>
      </c>
      <c r="I2013">
        <v>0</v>
      </c>
      <c r="J2013">
        <v>0</v>
      </c>
      <c r="K2013">
        <v>0</v>
      </c>
      <c r="L2013">
        <v>0</v>
      </c>
      <c r="M2013">
        <v>2121</v>
      </c>
      <c r="N2013">
        <v>0</v>
      </c>
      <c r="O2013">
        <v>0</v>
      </c>
      <c r="P2013">
        <v>17280</v>
      </c>
      <c r="Q2013">
        <v>0</v>
      </c>
      <c r="R2013">
        <v>45921</v>
      </c>
      <c r="S2013">
        <v>0</v>
      </c>
      <c r="T2013">
        <v>0</v>
      </c>
      <c r="U2013">
        <v>0</v>
      </c>
      <c r="V2013">
        <v>0</v>
      </c>
      <c r="W2013">
        <v>0</v>
      </c>
      <c r="X2013">
        <v>0</v>
      </c>
      <c r="Y2013">
        <v>53</v>
      </c>
      <c r="Z2013">
        <v>35</v>
      </c>
      <c r="AA2013">
        <v>174</v>
      </c>
      <c r="AB2013">
        <v>42</v>
      </c>
      <c r="AC2013">
        <v>172</v>
      </c>
      <c r="AD2013">
        <v>13</v>
      </c>
      <c r="AE2013">
        <v>140</v>
      </c>
      <c r="AF2013">
        <v>3996</v>
      </c>
      <c r="AG2013">
        <v>95921</v>
      </c>
      <c r="AH2013">
        <v>50000</v>
      </c>
      <c r="AI2013">
        <v>0</v>
      </c>
      <c r="AJ2013">
        <v>96</v>
      </c>
      <c r="AK2013" t="s">
        <v>4</v>
      </c>
      <c r="AL2013">
        <v>0</v>
      </c>
      <c r="AM2013">
        <v>0</v>
      </c>
      <c r="AN2013">
        <v>0</v>
      </c>
      <c r="AO2013">
        <v>0</v>
      </c>
      <c r="AP2013">
        <v>0</v>
      </c>
      <c r="AQ2013">
        <v>0</v>
      </c>
      <c r="AR2013">
        <v>0</v>
      </c>
      <c r="AS2013">
        <v>0</v>
      </c>
      <c r="AT2013">
        <v>0</v>
      </c>
      <c r="AU2013">
        <v>0</v>
      </c>
      <c r="AV2013">
        <v>0</v>
      </c>
      <c r="AW2013">
        <v>0</v>
      </c>
      <c r="AX2013">
        <v>756</v>
      </c>
      <c r="AY2013">
        <v>42</v>
      </c>
      <c r="AZ2013">
        <v>80</v>
      </c>
      <c r="BA2013">
        <v>6347</v>
      </c>
    </row>
    <row r="2014" spans="1:53" x14ac:dyDescent="0.4">
      <c r="A2014">
        <v>2058</v>
      </c>
      <c r="B2014" s="1">
        <v>43472</v>
      </c>
      <c r="C2014">
        <v>3</v>
      </c>
      <c r="D2014" s="1">
        <v>43472.745833333334</v>
      </c>
      <c r="E2014" s="1">
        <v>43472.954861111109</v>
      </c>
      <c r="F2014">
        <v>47550</v>
      </c>
      <c r="G2014">
        <v>700</v>
      </c>
      <c r="H2014">
        <v>0</v>
      </c>
      <c r="I2014">
        <v>0</v>
      </c>
      <c r="J2014">
        <v>0</v>
      </c>
      <c r="K2014">
        <v>0</v>
      </c>
      <c r="L2014">
        <v>0</v>
      </c>
      <c r="M2014">
        <v>3860</v>
      </c>
      <c r="N2014">
        <v>0</v>
      </c>
      <c r="O2014">
        <v>0</v>
      </c>
      <c r="P2014">
        <v>6696</v>
      </c>
      <c r="Q2014">
        <v>0</v>
      </c>
      <c r="R2014">
        <v>58806</v>
      </c>
      <c r="S2014">
        <v>0</v>
      </c>
      <c r="T2014">
        <v>0</v>
      </c>
      <c r="U2014">
        <v>0</v>
      </c>
      <c r="V2014">
        <v>6</v>
      </c>
      <c r="W2014">
        <v>0</v>
      </c>
      <c r="X2014">
        <v>0</v>
      </c>
      <c r="Y2014">
        <v>45</v>
      </c>
      <c r="Z2014">
        <v>31</v>
      </c>
      <c r="AA2014">
        <v>184</v>
      </c>
      <c r="AB2014">
        <v>45</v>
      </c>
      <c r="AC2014">
        <v>183</v>
      </c>
      <c r="AD2014">
        <v>12</v>
      </c>
      <c r="AE2014">
        <v>131</v>
      </c>
      <c r="AF2014">
        <v>11556</v>
      </c>
      <c r="AG2014">
        <v>154727</v>
      </c>
      <c r="AH2014">
        <v>50000</v>
      </c>
      <c r="AI2014">
        <v>0</v>
      </c>
      <c r="AJ2014">
        <v>29</v>
      </c>
      <c r="AK2014" t="s">
        <v>28</v>
      </c>
      <c r="AL2014">
        <v>0</v>
      </c>
      <c r="AM2014">
        <v>0</v>
      </c>
      <c r="AN2014">
        <v>0</v>
      </c>
      <c r="AO2014">
        <v>0</v>
      </c>
      <c r="AP2014">
        <v>0</v>
      </c>
      <c r="AQ2014">
        <v>0</v>
      </c>
      <c r="AR2014">
        <v>0</v>
      </c>
      <c r="AS2014">
        <v>0</v>
      </c>
      <c r="AT2014">
        <v>0</v>
      </c>
      <c r="AU2014">
        <v>0</v>
      </c>
      <c r="AV2014">
        <v>0</v>
      </c>
      <c r="AW2014">
        <v>0</v>
      </c>
      <c r="AX2014">
        <v>19440</v>
      </c>
      <c r="AY2014">
        <v>12</v>
      </c>
      <c r="AZ2014">
        <v>51</v>
      </c>
      <c r="BA2014">
        <v>2526</v>
      </c>
    </row>
    <row r="2015" spans="1:53" x14ac:dyDescent="0.4">
      <c r="A2015">
        <v>2059</v>
      </c>
      <c r="B2015" s="1">
        <v>43472</v>
      </c>
      <c r="C2015">
        <v>4</v>
      </c>
      <c r="D2015" s="1">
        <v>43472.954861111109</v>
      </c>
      <c r="E2015" s="1">
        <v>43473.074999999997</v>
      </c>
      <c r="F2015">
        <v>40200</v>
      </c>
      <c r="G2015">
        <v>930</v>
      </c>
      <c r="H2015">
        <v>200</v>
      </c>
      <c r="I2015">
        <v>0</v>
      </c>
      <c r="J2015">
        <v>0</v>
      </c>
      <c r="K2015">
        <v>0</v>
      </c>
      <c r="L2015">
        <v>0</v>
      </c>
      <c r="M2015">
        <v>3306</v>
      </c>
      <c r="N2015">
        <v>0</v>
      </c>
      <c r="O2015">
        <v>0</v>
      </c>
      <c r="P2015">
        <v>-23976</v>
      </c>
      <c r="Q2015">
        <v>0</v>
      </c>
      <c r="R2015">
        <v>20660</v>
      </c>
      <c r="S2015">
        <v>0</v>
      </c>
      <c r="T2015">
        <v>0</v>
      </c>
      <c r="U2015">
        <v>0</v>
      </c>
      <c r="V2015">
        <v>9</v>
      </c>
      <c r="W2015">
        <v>0</v>
      </c>
      <c r="X2015">
        <v>0</v>
      </c>
      <c r="Y2015">
        <v>36</v>
      </c>
      <c r="Z2015">
        <v>30</v>
      </c>
      <c r="AA2015">
        <v>184</v>
      </c>
      <c r="AB2015">
        <v>44</v>
      </c>
      <c r="AC2015">
        <v>182</v>
      </c>
      <c r="AD2015">
        <v>13</v>
      </c>
      <c r="AE2015">
        <v>130</v>
      </c>
      <c r="AF2015">
        <v>11772</v>
      </c>
      <c r="AG2015">
        <v>175387</v>
      </c>
      <c r="AH2015">
        <v>50000</v>
      </c>
      <c r="AI2015">
        <v>0</v>
      </c>
      <c r="AJ2015">
        <v>29</v>
      </c>
      <c r="AK2015" t="s">
        <v>28</v>
      </c>
      <c r="AL2015">
        <v>0</v>
      </c>
      <c r="AM2015">
        <v>0</v>
      </c>
      <c r="AN2015">
        <v>0</v>
      </c>
      <c r="AO2015">
        <v>0</v>
      </c>
      <c r="AP2015">
        <v>0</v>
      </c>
      <c r="AQ2015">
        <v>0</v>
      </c>
      <c r="AR2015">
        <v>0</v>
      </c>
      <c r="AS2015">
        <v>0</v>
      </c>
      <c r="AT2015">
        <v>0</v>
      </c>
      <c r="AU2015">
        <v>0</v>
      </c>
      <c r="AV2015">
        <v>0</v>
      </c>
      <c r="AW2015">
        <v>0</v>
      </c>
      <c r="AX2015">
        <v>0</v>
      </c>
      <c r="AY2015">
        <v>0</v>
      </c>
      <c r="AZ2015">
        <v>0</v>
      </c>
      <c r="BA2015">
        <v>167</v>
      </c>
    </row>
    <row r="2016" spans="1:53" x14ac:dyDescent="0.4">
      <c r="A2016">
        <v>2060</v>
      </c>
      <c r="B2016" s="1">
        <v>43473</v>
      </c>
      <c r="C2016">
        <v>1</v>
      </c>
      <c r="D2016" s="1">
        <v>43473.291666666664</v>
      </c>
      <c r="E2016" s="1">
        <v>43473.752083333333</v>
      </c>
      <c r="F2016">
        <v>7000</v>
      </c>
      <c r="G2016">
        <v>380</v>
      </c>
      <c r="H2016">
        <v>400</v>
      </c>
      <c r="I2016">
        <v>0</v>
      </c>
      <c r="J2016">
        <v>0</v>
      </c>
      <c r="K2016">
        <v>0</v>
      </c>
      <c r="L2016">
        <v>0</v>
      </c>
      <c r="M2016">
        <v>622</v>
      </c>
      <c r="N2016">
        <v>0</v>
      </c>
      <c r="O2016">
        <v>0</v>
      </c>
      <c r="P2016">
        <v>12960</v>
      </c>
      <c r="Q2016">
        <v>0</v>
      </c>
      <c r="R2016">
        <v>21362</v>
      </c>
      <c r="S2016">
        <v>0</v>
      </c>
      <c r="T2016">
        <v>0</v>
      </c>
      <c r="U2016">
        <v>0</v>
      </c>
      <c r="V2016">
        <v>0</v>
      </c>
      <c r="W2016">
        <v>0</v>
      </c>
      <c r="X2016">
        <v>0</v>
      </c>
      <c r="Y2016">
        <v>45</v>
      </c>
      <c r="Z2016">
        <v>19</v>
      </c>
      <c r="AA2016">
        <v>126</v>
      </c>
      <c r="AB2016">
        <v>43</v>
      </c>
      <c r="AC2016">
        <v>194</v>
      </c>
      <c r="AD2016">
        <v>10</v>
      </c>
      <c r="AE2016">
        <v>122</v>
      </c>
      <c r="AF2016">
        <v>0</v>
      </c>
      <c r="AG2016">
        <v>71362</v>
      </c>
      <c r="AH2016">
        <v>50000</v>
      </c>
      <c r="AI2016">
        <v>0</v>
      </c>
      <c r="AJ2016">
        <v>92</v>
      </c>
      <c r="AK2016" t="s">
        <v>22</v>
      </c>
      <c r="AL2016">
        <v>0</v>
      </c>
      <c r="AM2016">
        <v>0</v>
      </c>
      <c r="AN2016">
        <v>0</v>
      </c>
      <c r="AO2016">
        <v>0</v>
      </c>
      <c r="AP2016">
        <v>0</v>
      </c>
      <c r="AQ2016">
        <v>0</v>
      </c>
      <c r="AR2016">
        <v>0</v>
      </c>
      <c r="AS2016">
        <v>0</v>
      </c>
      <c r="AT2016">
        <v>0</v>
      </c>
      <c r="AU2016">
        <v>0</v>
      </c>
      <c r="AV2016">
        <v>0</v>
      </c>
      <c r="AW2016">
        <v>0</v>
      </c>
      <c r="AX2016">
        <v>0</v>
      </c>
      <c r="AY2016">
        <v>24</v>
      </c>
      <c r="AZ2016">
        <v>38</v>
      </c>
      <c r="BA2016">
        <v>2590</v>
      </c>
    </row>
    <row r="2017" spans="1:53" x14ac:dyDescent="0.4">
      <c r="A2017">
        <v>2061</v>
      </c>
      <c r="B2017" s="1">
        <v>43473</v>
      </c>
      <c r="C2017">
        <v>2</v>
      </c>
      <c r="D2017" s="1">
        <v>43473.752083333333</v>
      </c>
      <c r="E2017" s="1">
        <v>43473.959027777775</v>
      </c>
      <c r="F2017">
        <v>29000</v>
      </c>
      <c r="G2017">
        <v>380</v>
      </c>
      <c r="H2017">
        <v>0</v>
      </c>
      <c r="I2017">
        <v>0</v>
      </c>
      <c r="J2017">
        <v>0</v>
      </c>
      <c r="K2017">
        <v>0</v>
      </c>
      <c r="L2017">
        <v>0</v>
      </c>
      <c r="M2017">
        <v>2350</v>
      </c>
      <c r="N2017">
        <v>0</v>
      </c>
      <c r="O2017">
        <v>0</v>
      </c>
      <c r="P2017">
        <v>-12960</v>
      </c>
      <c r="Q2017">
        <v>0</v>
      </c>
      <c r="R2017">
        <v>18770</v>
      </c>
      <c r="S2017">
        <v>0</v>
      </c>
      <c r="T2017">
        <v>0</v>
      </c>
      <c r="U2017">
        <v>0</v>
      </c>
      <c r="V2017">
        <v>2</v>
      </c>
      <c r="W2017">
        <v>0</v>
      </c>
      <c r="X2017">
        <v>0</v>
      </c>
      <c r="Y2017">
        <v>36</v>
      </c>
      <c r="Z2017">
        <v>19</v>
      </c>
      <c r="AA2017">
        <v>127</v>
      </c>
      <c r="AB2017">
        <v>45</v>
      </c>
      <c r="AC2017">
        <v>195</v>
      </c>
      <c r="AD2017">
        <v>10</v>
      </c>
      <c r="AE2017">
        <v>122</v>
      </c>
      <c r="AF2017">
        <v>7560</v>
      </c>
      <c r="AG2017">
        <v>90132</v>
      </c>
      <c r="AH2017">
        <v>50000</v>
      </c>
      <c r="AI2017">
        <v>0</v>
      </c>
      <c r="AJ2017">
        <v>84</v>
      </c>
      <c r="AK2017" t="s">
        <v>16</v>
      </c>
      <c r="AL2017">
        <v>0</v>
      </c>
      <c r="AM2017">
        <v>0</v>
      </c>
      <c r="AN2017">
        <v>0</v>
      </c>
      <c r="AO2017">
        <v>0</v>
      </c>
      <c r="AP2017">
        <v>0</v>
      </c>
      <c r="AQ2017">
        <v>0</v>
      </c>
      <c r="AR2017">
        <v>0</v>
      </c>
      <c r="AS2017">
        <v>0</v>
      </c>
      <c r="AT2017">
        <v>0</v>
      </c>
      <c r="AU2017">
        <v>0</v>
      </c>
      <c r="AV2017">
        <v>0</v>
      </c>
      <c r="AW2017">
        <v>0</v>
      </c>
      <c r="AX2017">
        <v>4212</v>
      </c>
      <c r="AY2017">
        <v>6</v>
      </c>
      <c r="AZ2017">
        <v>13</v>
      </c>
      <c r="BA2017">
        <v>2207</v>
      </c>
    </row>
    <row r="2018" spans="1:53" x14ac:dyDescent="0.4">
      <c r="A2018">
        <v>2062</v>
      </c>
      <c r="B2018" s="1">
        <v>43474</v>
      </c>
      <c r="C2018">
        <v>1</v>
      </c>
      <c r="D2018" s="1">
        <v>43474.291666666664</v>
      </c>
      <c r="E2018" s="1">
        <v>43474.453472222223</v>
      </c>
      <c r="F2018">
        <v>0</v>
      </c>
      <c r="G2018">
        <v>0</v>
      </c>
      <c r="H2018">
        <v>0</v>
      </c>
      <c r="I2018">
        <v>0</v>
      </c>
      <c r="J2018">
        <v>0</v>
      </c>
      <c r="K2018">
        <v>0</v>
      </c>
      <c r="L2018">
        <v>0</v>
      </c>
      <c r="M2018">
        <v>0</v>
      </c>
      <c r="N2018">
        <v>0</v>
      </c>
      <c r="O2018">
        <v>0</v>
      </c>
      <c r="P2018">
        <v>0</v>
      </c>
      <c r="Q2018">
        <v>0</v>
      </c>
      <c r="R2018">
        <v>0</v>
      </c>
      <c r="S2018">
        <v>0</v>
      </c>
      <c r="T2018">
        <v>0</v>
      </c>
      <c r="U2018">
        <v>0</v>
      </c>
      <c r="V2018">
        <v>0</v>
      </c>
      <c r="W2018">
        <v>0</v>
      </c>
      <c r="X2018">
        <v>0</v>
      </c>
      <c r="Y2018">
        <v>25</v>
      </c>
      <c r="Z2018">
        <v>19</v>
      </c>
      <c r="AA2018">
        <v>123</v>
      </c>
      <c r="AB2018">
        <v>44</v>
      </c>
      <c r="AC2018">
        <v>85</v>
      </c>
      <c r="AD2018">
        <v>9</v>
      </c>
      <c r="AE2018">
        <v>105</v>
      </c>
      <c r="AF2018">
        <v>0</v>
      </c>
      <c r="AG2018">
        <v>50000</v>
      </c>
      <c r="AH2018">
        <v>0</v>
      </c>
      <c r="AI2018">
        <v>50000</v>
      </c>
      <c r="AJ2018">
        <v>0</v>
      </c>
      <c r="AK2018" t="s">
        <v>6</v>
      </c>
      <c r="AL2018">
        <v>0</v>
      </c>
      <c r="AM2018">
        <v>0</v>
      </c>
      <c r="AN2018">
        <v>0</v>
      </c>
      <c r="AO2018">
        <v>0</v>
      </c>
      <c r="AP2018">
        <v>0</v>
      </c>
      <c r="AQ2018">
        <v>0</v>
      </c>
      <c r="AR2018">
        <v>0</v>
      </c>
      <c r="AS2018">
        <v>0</v>
      </c>
      <c r="AT2018">
        <v>0</v>
      </c>
      <c r="AU2018">
        <v>0</v>
      </c>
      <c r="AV2018">
        <v>0</v>
      </c>
      <c r="AW2018">
        <v>0</v>
      </c>
      <c r="AX2018">
        <v>0</v>
      </c>
      <c r="AY2018">
        <v>0</v>
      </c>
      <c r="AZ2018">
        <v>0</v>
      </c>
      <c r="BA2018">
        <v>0</v>
      </c>
    </row>
    <row r="2019" spans="1:53" x14ac:dyDescent="0.4">
      <c r="A2019">
        <v>2063</v>
      </c>
      <c r="B2019" s="1">
        <v>43474</v>
      </c>
      <c r="C2019">
        <v>2</v>
      </c>
      <c r="D2019" s="1">
        <v>43474.453472222223</v>
      </c>
      <c r="E2019" s="1">
        <v>43474.731249999997</v>
      </c>
      <c r="F2019">
        <v>8500</v>
      </c>
      <c r="G2019">
        <v>1360</v>
      </c>
      <c r="H2019">
        <v>0</v>
      </c>
      <c r="I2019">
        <v>0</v>
      </c>
      <c r="J2019">
        <v>0</v>
      </c>
      <c r="K2019">
        <v>0</v>
      </c>
      <c r="L2019">
        <v>0</v>
      </c>
      <c r="M2019">
        <v>788</v>
      </c>
      <c r="N2019">
        <v>0</v>
      </c>
      <c r="O2019">
        <v>0</v>
      </c>
      <c r="P2019">
        <v>14040</v>
      </c>
      <c r="Q2019">
        <v>0</v>
      </c>
      <c r="R2019">
        <v>24688</v>
      </c>
      <c r="S2019">
        <v>0</v>
      </c>
      <c r="T2019">
        <v>0</v>
      </c>
      <c r="U2019">
        <v>0</v>
      </c>
      <c r="V2019">
        <v>0</v>
      </c>
      <c r="W2019">
        <v>1</v>
      </c>
      <c r="X2019">
        <v>0</v>
      </c>
      <c r="Y2019">
        <v>43</v>
      </c>
      <c r="Z2019">
        <v>26</v>
      </c>
      <c r="AA2019">
        <v>102</v>
      </c>
      <c r="AB2019">
        <v>44</v>
      </c>
      <c r="AC2019">
        <v>114</v>
      </c>
      <c r="AD2019">
        <v>9</v>
      </c>
      <c r="AE2019">
        <v>103</v>
      </c>
      <c r="AF2019">
        <v>0</v>
      </c>
      <c r="AG2019">
        <v>74688</v>
      </c>
      <c r="AH2019">
        <v>50000</v>
      </c>
      <c r="AI2019">
        <v>0</v>
      </c>
      <c r="AJ2019">
        <v>96</v>
      </c>
      <c r="AK2019" t="s">
        <v>4</v>
      </c>
      <c r="AL2019">
        <v>0</v>
      </c>
      <c r="AM2019">
        <v>0</v>
      </c>
      <c r="AN2019">
        <v>0</v>
      </c>
      <c r="AO2019">
        <v>0</v>
      </c>
      <c r="AP2019">
        <v>0</v>
      </c>
      <c r="AQ2019">
        <v>0</v>
      </c>
      <c r="AR2019">
        <v>0</v>
      </c>
      <c r="AS2019">
        <v>0</v>
      </c>
      <c r="AT2019">
        <v>0</v>
      </c>
      <c r="AU2019">
        <v>0</v>
      </c>
      <c r="AV2019">
        <v>0</v>
      </c>
      <c r="AW2019">
        <v>0</v>
      </c>
      <c r="AX2019">
        <v>-346</v>
      </c>
      <c r="AY2019">
        <v>24</v>
      </c>
      <c r="AZ2019">
        <v>43</v>
      </c>
      <c r="BA2019">
        <v>2396</v>
      </c>
    </row>
    <row r="2020" spans="1:53" x14ac:dyDescent="0.4">
      <c r="A2020">
        <v>2064</v>
      </c>
      <c r="B2020" s="1">
        <v>43474</v>
      </c>
      <c r="C2020">
        <v>3</v>
      </c>
      <c r="D2020" s="1">
        <v>43474.731249999997</v>
      </c>
      <c r="E2020" s="1">
        <v>43474.940972222219</v>
      </c>
      <c r="F2020">
        <v>18500</v>
      </c>
      <c r="G2020">
        <v>1180</v>
      </c>
      <c r="H2020">
        <v>0</v>
      </c>
      <c r="I2020">
        <v>0</v>
      </c>
      <c r="J2020">
        <v>0</v>
      </c>
      <c r="K2020">
        <v>0</v>
      </c>
      <c r="L2020">
        <v>0</v>
      </c>
      <c r="M2020">
        <v>1574</v>
      </c>
      <c r="N2020">
        <v>0</v>
      </c>
      <c r="O2020">
        <v>0</v>
      </c>
      <c r="P2020">
        <v>-10152</v>
      </c>
      <c r="Q2020">
        <v>0</v>
      </c>
      <c r="R2020">
        <v>11102</v>
      </c>
      <c r="S2020">
        <v>0</v>
      </c>
      <c r="T2020">
        <v>0</v>
      </c>
      <c r="U2020">
        <v>0</v>
      </c>
      <c r="V2020">
        <v>0</v>
      </c>
      <c r="W2020">
        <v>3</v>
      </c>
      <c r="X2020">
        <v>0</v>
      </c>
      <c r="Y2020">
        <v>47</v>
      </c>
      <c r="Z2020">
        <v>22</v>
      </c>
      <c r="AA2020">
        <v>92</v>
      </c>
      <c r="AB2020">
        <v>45</v>
      </c>
      <c r="AC2020">
        <v>118</v>
      </c>
      <c r="AD2020">
        <v>10</v>
      </c>
      <c r="AE2020">
        <v>110</v>
      </c>
      <c r="AF2020">
        <v>0</v>
      </c>
      <c r="AG2020">
        <v>85790</v>
      </c>
      <c r="AH2020">
        <v>50000</v>
      </c>
      <c r="AI2020">
        <v>0</v>
      </c>
      <c r="AJ2020">
        <v>99</v>
      </c>
      <c r="AK2020" t="s">
        <v>9</v>
      </c>
      <c r="AL2020">
        <v>0</v>
      </c>
      <c r="AM2020">
        <v>0</v>
      </c>
      <c r="AN2020">
        <v>0</v>
      </c>
      <c r="AO2020">
        <v>0</v>
      </c>
      <c r="AP2020">
        <v>0</v>
      </c>
      <c r="AQ2020">
        <v>0</v>
      </c>
      <c r="AR2020">
        <v>0</v>
      </c>
      <c r="AS2020">
        <v>0</v>
      </c>
      <c r="AT2020">
        <v>0</v>
      </c>
      <c r="AU2020">
        <v>0</v>
      </c>
      <c r="AV2020">
        <v>0</v>
      </c>
      <c r="AW2020">
        <v>0</v>
      </c>
      <c r="AX2020">
        <v>14548</v>
      </c>
      <c r="AY2020">
        <v>12</v>
      </c>
      <c r="AZ2020">
        <v>29</v>
      </c>
      <c r="BA2020">
        <v>2503</v>
      </c>
    </row>
    <row r="2021" spans="1:53" x14ac:dyDescent="0.4">
      <c r="A2021">
        <v>2065</v>
      </c>
      <c r="B2021" s="1">
        <v>43475</v>
      </c>
      <c r="C2021">
        <v>1</v>
      </c>
      <c r="D2021" s="1">
        <v>43475.291666666664</v>
      </c>
      <c r="E2021" s="1">
        <v>43475.449305555558</v>
      </c>
      <c r="F2021">
        <v>0</v>
      </c>
      <c r="G2021">
        <v>0</v>
      </c>
      <c r="H2021">
        <v>0</v>
      </c>
      <c r="I2021">
        <v>0</v>
      </c>
      <c r="J2021">
        <v>0</v>
      </c>
      <c r="K2021">
        <v>0</v>
      </c>
      <c r="L2021">
        <v>0</v>
      </c>
      <c r="M2021">
        <v>0</v>
      </c>
      <c r="N2021">
        <v>0</v>
      </c>
      <c r="O2021">
        <v>0</v>
      </c>
      <c r="P2021">
        <v>0</v>
      </c>
      <c r="Q2021">
        <v>0</v>
      </c>
      <c r="R2021">
        <v>0</v>
      </c>
      <c r="S2021">
        <v>0</v>
      </c>
      <c r="T2021">
        <v>0</v>
      </c>
      <c r="U2021">
        <v>0</v>
      </c>
      <c r="V2021">
        <v>0</v>
      </c>
      <c r="W2021">
        <v>0</v>
      </c>
      <c r="X2021">
        <v>0</v>
      </c>
      <c r="Y2021">
        <v>29</v>
      </c>
      <c r="Z2021">
        <v>15</v>
      </c>
      <c r="AA2021">
        <v>102</v>
      </c>
      <c r="AB2021">
        <v>40</v>
      </c>
      <c r="AC2021">
        <v>112</v>
      </c>
      <c r="AD2021">
        <v>15</v>
      </c>
      <c r="AE2021">
        <v>105</v>
      </c>
      <c r="AF2021">
        <v>0</v>
      </c>
      <c r="AG2021">
        <v>50000</v>
      </c>
      <c r="AH2021">
        <v>0</v>
      </c>
      <c r="AI2021">
        <v>50000</v>
      </c>
      <c r="AJ2021">
        <v>0</v>
      </c>
      <c r="AK2021" t="s">
        <v>6</v>
      </c>
      <c r="AL2021">
        <v>0</v>
      </c>
      <c r="AM2021">
        <v>0</v>
      </c>
      <c r="AN2021">
        <v>0</v>
      </c>
      <c r="AO2021">
        <v>0</v>
      </c>
      <c r="AP2021">
        <v>0</v>
      </c>
      <c r="AQ2021">
        <v>0</v>
      </c>
      <c r="AR2021">
        <v>0</v>
      </c>
      <c r="AS2021">
        <v>0</v>
      </c>
      <c r="AT2021">
        <v>0</v>
      </c>
      <c r="AU2021">
        <v>0</v>
      </c>
      <c r="AV2021">
        <v>0</v>
      </c>
      <c r="AW2021">
        <v>0</v>
      </c>
      <c r="AX2021">
        <v>0</v>
      </c>
      <c r="AY2021">
        <v>0</v>
      </c>
      <c r="AZ2021">
        <v>0</v>
      </c>
      <c r="BA2021">
        <v>0</v>
      </c>
    </row>
    <row r="2022" spans="1:53" x14ac:dyDescent="0.4">
      <c r="A2022">
        <v>2066</v>
      </c>
      <c r="B2022" s="1">
        <v>43475</v>
      </c>
      <c r="C2022">
        <v>2</v>
      </c>
      <c r="D2022" s="1">
        <v>43475.449305555558</v>
      </c>
      <c r="E2022" s="1">
        <v>43475.737500000003</v>
      </c>
      <c r="F2022">
        <v>10000</v>
      </c>
      <c r="G2022">
        <v>1420</v>
      </c>
      <c r="H2022">
        <v>0</v>
      </c>
      <c r="I2022">
        <v>0</v>
      </c>
      <c r="J2022">
        <v>0</v>
      </c>
      <c r="K2022">
        <v>0</v>
      </c>
      <c r="L2022">
        <v>0</v>
      </c>
      <c r="M2022">
        <v>914</v>
      </c>
      <c r="N2022">
        <v>0</v>
      </c>
      <c r="O2022">
        <v>0</v>
      </c>
      <c r="P2022">
        <v>13500</v>
      </c>
      <c r="Q2022">
        <v>0</v>
      </c>
      <c r="R2022">
        <v>25834</v>
      </c>
      <c r="S2022">
        <v>0</v>
      </c>
      <c r="T2022">
        <v>0</v>
      </c>
      <c r="U2022">
        <v>0</v>
      </c>
      <c r="V2022">
        <v>1</v>
      </c>
      <c r="W2022">
        <v>2</v>
      </c>
      <c r="X2022">
        <v>0</v>
      </c>
      <c r="Y2022">
        <v>30</v>
      </c>
      <c r="Z2022">
        <v>24</v>
      </c>
      <c r="AA2022">
        <v>103</v>
      </c>
      <c r="AB2022">
        <v>37</v>
      </c>
      <c r="AC2022">
        <v>150</v>
      </c>
      <c r="AD2022">
        <v>16</v>
      </c>
      <c r="AE2022">
        <v>104</v>
      </c>
      <c r="AF2022">
        <v>0</v>
      </c>
      <c r="AG2022">
        <v>75834</v>
      </c>
      <c r="AH2022">
        <v>50000</v>
      </c>
      <c r="AI2022">
        <v>0</v>
      </c>
      <c r="AJ2022">
        <v>96</v>
      </c>
      <c r="AK2022" t="s">
        <v>4</v>
      </c>
      <c r="AL2022">
        <v>0</v>
      </c>
      <c r="AM2022">
        <v>0</v>
      </c>
      <c r="AN2022">
        <v>0</v>
      </c>
      <c r="AO2022">
        <v>0</v>
      </c>
      <c r="AP2022">
        <v>0</v>
      </c>
      <c r="AQ2022">
        <v>0</v>
      </c>
      <c r="AR2022">
        <v>0</v>
      </c>
      <c r="AS2022">
        <v>0</v>
      </c>
      <c r="AT2022">
        <v>0</v>
      </c>
      <c r="AU2022">
        <v>0</v>
      </c>
      <c r="AV2022">
        <v>0</v>
      </c>
      <c r="AW2022">
        <v>0</v>
      </c>
      <c r="AX2022">
        <v>-1426</v>
      </c>
      <c r="AY2022">
        <v>29</v>
      </c>
      <c r="AZ2022">
        <v>45</v>
      </c>
      <c r="BA2022">
        <v>3162</v>
      </c>
    </row>
    <row r="2023" spans="1:53" x14ac:dyDescent="0.4">
      <c r="A2023">
        <v>2067</v>
      </c>
      <c r="B2023" s="1">
        <v>43475</v>
      </c>
      <c r="C2023">
        <v>3</v>
      </c>
      <c r="D2023" s="1">
        <v>43475.737500000003</v>
      </c>
      <c r="E2023" s="1">
        <v>43475.95208333333</v>
      </c>
      <c r="F2023">
        <v>20760</v>
      </c>
      <c r="G2023">
        <v>3220</v>
      </c>
      <c r="H2023">
        <v>0</v>
      </c>
      <c r="I2023">
        <v>0</v>
      </c>
      <c r="J2023">
        <v>0</v>
      </c>
      <c r="K2023">
        <v>0</v>
      </c>
      <c r="L2023">
        <v>0</v>
      </c>
      <c r="M2023">
        <v>1918</v>
      </c>
      <c r="N2023">
        <v>0</v>
      </c>
      <c r="O2023">
        <v>0</v>
      </c>
      <c r="P2023">
        <v>-13500</v>
      </c>
      <c r="Q2023">
        <v>0</v>
      </c>
      <c r="R2023">
        <v>12398</v>
      </c>
      <c r="S2023">
        <v>0</v>
      </c>
      <c r="T2023">
        <v>0</v>
      </c>
      <c r="U2023">
        <v>0</v>
      </c>
      <c r="V2023">
        <v>3</v>
      </c>
      <c r="W2023">
        <v>0</v>
      </c>
      <c r="X2023">
        <v>0</v>
      </c>
      <c r="Y2023">
        <v>34</v>
      </c>
      <c r="Z2023">
        <v>18</v>
      </c>
      <c r="AA2023">
        <v>96</v>
      </c>
      <c r="AB2023">
        <v>37</v>
      </c>
      <c r="AC2023">
        <v>169</v>
      </c>
      <c r="AD2023">
        <v>16</v>
      </c>
      <c r="AE2023">
        <v>111</v>
      </c>
      <c r="AF2023">
        <v>1901</v>
      </c>
      <c r="AG2023">
        <v>88232</v>
      </c>
      <c r="AH2023">
        <v>50000</v>
      </c>
      <c r="AI2023">
        <v>0</v>
      </c>
      <c r="AJ2023">
        <v>108</v>
      </c>
      <c r="AK2023" t="s">
        <v>30</v>
      </c>
      <c r="AL2023">
        <v>0</v>
      </c>
      <c r="AM2023">
        <v>0</v>
      </c>
      <c r="AN2023">
        <v>0</v>
      </c>
      <c r="AO2023">
        <v>0</v>
      </c>
      <c r="AP2023">
        <v>0</v>
      </c>
      <c r="AQ2023">
        <v>0</v>
      </c>
      <c r="AR2023">
        <v>0</v>
      </c>
      <c r="AS2023">
        <v>0</v>
      </c>
      <c r="AT2023">
        <v>0</v>
      </c>
      <c r="AU2023">
        <v>0</v>
      </c>
      <c r="AV2023">
        <v>0</v>
      </c>
      <c r="AW2023">
        <v>0</v>
      </c>
      <c r="AX2023">
        <v>5400</v>
      </c>
      <c r="AY2023">
        <v>8</v>
      </c>
      <c r="AZ2023">
        <v>16</v>
      </c>
      <c r="BA2023">
        <v>2371</v>
      </c>
    </row>
    <row r="2024" spans="1:53" x14ac:dyDescent="0.4">
      <c r="A2024">
        <v>2068</v>
      </c>
      <c r="B2024" s="1">
        <v>43475</v>
      </c>
      <c r="C2024">
        <v>4</v>
      </c>
      <c r="D2024" s="1">
        <v>43475.95208333333</v>
      </c>
      <c r="E2024" s="1">
        <v>43476.11041666667</v>
      </c>
      <c r="F2024">
        <v>5000</v>
      </c>
      <c r="G2024">
        <v>0</v>
      </c>
      <c r="H2024">
        <v>600</v>
      </c>
      <c r="I2024">
        <v>0</v>
      </c>
      <c r="J2024">
        <v>0</v>
      </c>
      <c r="K2024">
        <v>0</v>
      </c>
      <c r="L2024">
        <v>0</v>
      </c>
      <c r="M2024">
        <v>448</v>
      </c>
      <c r="N2024">
        <v>0</v>
      </c>
      <c r="O2024">
        <v>0</v>
      </c>
      <c r="P2024">
        <v>7560</v>
      </c>
      <c r="Q2024">
        <v>0</v>
      </c>
      <c r="R2024">
        <v>13608</v>
      </c>
      <c r="S2024">
        <v>0</v>
      </c>
      <c r="T2024">
        <v>0</v>
      </c>
      <c r="U2024">
        <v>0</v>
      </c>
      <c r="V2024">
        <v>3</v>
      </c>
      <c r="W2024">
        <v>0</v>
      </c>
      <c r="X2024">
        <v>0</v>
      </c>
      <c r="Y2024">
        <v>41</v>
      </c>
      <c r="Z2024">
        <v>20</v>
      </c>
      <c r="AA2024">
        <v>95</v>
      </c>
      <c r="AB2024">
        <v>37</v>
      </c>
      <c r="AC2024">
        <v>179</v>
      </c>
      <c r="AD2024">
        <v>14</v>
      </c>
      <c r="AE2024">
        <v>113</v>
      </c>
      <c r="AF2024">
        <v>7517</v>
      </c>
      <c r="AG2024">
        <v>101840</v>
      </c>
      <c r="AH2024">
        <v>50000</v>
      </c>
      <c r="AI2024">
        <v>0</v>
      </c>
      <c r="AJ2024">
        <v>100</v>
      </c>
      <c r="AK2024" t="s">
        <v>0</v>
      </c>
      <c r="AL2024">
        <v>0</v>
      </c>
      <c r="AM2024">
        <v>0</v>
      </c>
      <c r="AN2024">
        <v>0</v>
      </c>
      <c r="AO2024">
        <v>0</v>
      </c>
      <c r="AP2024">
        <v>0</v>
      </c>
      <c r="AQ2024">
        <v>0</v>
      </c>
      <c r="AR2024">
        <v>0</v>
      </c>
      <c r="AS2024">
        <v>0</v>
      </c>
      <c r="AT2024">
        <v>0</v>
      </c>
      <c r="AU2024">
        <v>0</v>
      </c>
      <c r="AV2024">
        <v>0</v>
      </c>
      <c r="AW2024">
        <v>0</v>
      </c>
      <c r="AX2024">
        <v>0</v>
      </c>
      <c r="AY2024">
        <v>2</v>
      </c>
      <c r="AZ2024">
        <v>5</v>
      </c>
      <c r="BA2024">
        <v>223</v>
      </c>
    </row>
    <row r="2025" spans="1:53" x14ac:dyDescent="0.4">
      <c r="A2025">
        <v>2069</v>
      </c>
      <c r="B2025" s="1">
        <v>43476</v>
      </c>
      <c r="C2025">
        <v>1</v>
      </c>
      <c r="D2025" s="1">
        <v>43476.291666666664</v>
      </c>
      <c r="E2025" s="1">
        <v>43476.45416666667</v>
      </c>
      <c r="F2025">
        <v>0</v>
      </c>
      <c r="G2025">
        <v>0</v>
      </c>
      <c r="H2025">
        <v>0</v>
      </c>
      <c r="I2025">
        <v>0</v>
      </c>
      <c r="J2025">
        <v>0</v>
      </c>
      <c r="K2025">
        <v>0</v>
      </c>
      <c r="L2025">
        <v>0</v>
      </c>
      <c r="M2025">
        <v>0</v>
      </c>
      <c r="N2025">
        <v>0</v>
      </c>
      <c r="O2025">
        <v>0</v>
      </c>
      <c r="P2025">
        <v>0</v>
      </c>
      <c r="Q2025">
        <v>0</v>
      </c>
      <c r="R2025">
        <v>0</v>
      </c>
      <c r="S2025">
        <v>0</v>
      </c>
      <c r="T2025">
        <v>0</v>
      </c>
      <c r="U2025">
        <v>0</v>
      </c>
      <c r="V2025">
        <v>0</v>
      </c>
      <c r="W2025">
        <v>0</v>
      </c>
      <c r="X2025">
        <v>0</v>
      </c>
      <c r="Y2025">
        <v>30</v>
      </c>
      <c r="Z2025">
        <v>15</v>
      </c>
      <c r="AA2025">
        <v>95</v>
      </c>
      <c r="AB2025">
        <v>31</v>
      </c>
      <c r="AC2025">
        <v>127</v>
      </c>
      <c r="AD2025">
        <v>14</v>
      </c>
      <c r="AE2025">
        <v>110</v>
      </c>
      <c r="AF2025">
        <v>0</v>
      </c>
      <c r="AG2025">
        <v>50000</v>
      </c>
      <c r="AH2025">
        <v>0</v>
      </c>
      <c r="AI2025">
        <v>50000</v>
      </c>
      <c r="AJ2025">
        <v>0</v>
      </c>
      <c r="AK2025" t="s">
        <v>6</v>
      </c>
      <c r="AL2025">
        <v>0</v>
      </c>
      <c r="AM2025">
        <v>0</v>
      </c>
      <c r="AN2025">
        <v>0</v>
      </c>
      <c r="AO2025">
        <v>0</v>
      </c>
      <c r="AP2025">
        <v>0</v>
      </c>
      <c r="AQ2025">
        <v>0</v>
      </c>
      <c r="AR2025">
        <v>0</v>
      </c>
      <c r="AS2025">
        <v>0</v>
      </c>
      <c r="AT2025">
        <v>0</v>
      </c>
      <c r="AU2025">
        <v>0</v>
      </c>
      <c r="AV2025">
        <v>0</v>
      </c>
      <c r="AW2025">
        <v>0</v>
      </c>
      <c r="AX2025">
        <v>0</v>
      </c>
      <c r="AY2025">
        <v>0</v>
      </c>
      <c r="AZ2025">
        <v>0</v>
      </c>
      <c r="BA2025">
        <v>0</v>
      </c>
    </row>
    <row r="2026" spans="1:53" x14ac:dyDescent="0.4">
      <c r="A2026">
        <v>2070</v>
      </c>
      <c r="B2026" s="1">
        <v>43476</v>
      </c>
      <c r="C2026">
        <v>2</v>
      </c>
      <c r="D2026" s="1">
        <v>43476.45416666667</v>
      </c>
      <c r="E2026" s="1">
        <v>43476.738888888889</v>
      </c>
      <c r="F2026">
        <v>11750</v>
      </c>
      <c r="G2026">
        <v>500</v>
      </c>
      <c r="H2026">
        <v>0</v>
      </c>
      <c r="I2026">
        <v>0</v>
      </c>
      <c r="J2026">
        <v>0</v>
      </c>
      <c r="K2026">
        <v>0</v>
      </c>
      <c r="L2026">
        <v>0</v>
      </c>
      <c r="M2026">
        <v>980</v>
      </c>
      <c r="N2026">
        <v>0</v>
      </c>
      <c r="O2026">
        <v>0</v>
      </c>
      <c r="P2026">
        <v>11340</v>
      </c>
      <c r="Q2026">
        <v>0</v>
      </c>
      <c r="R2026">
        <v>24570</v>
      </c>
      <c r="S2026">
        <v>0</v>
      </c>
      <c r="T2026">
        <v>0</v>
      </c>
      <c r="U2026">
        <v>0</v>
      </c>
      <c r="V2026">
        <v>3</v>
      </c>
      <c r="W2026">
        <v>0</v>
      </c>
      <c r="X2026">
        <v>0</v>
      </c>
      <c r="Y2026">
        <v>23</v>
      </c>
      <c r="Z2026">
        <v>11</v>
      </c>
      <c r="AA2026">
        <v>100</v>
      </c>
      <c r="AB2026">
        <v>30</v>
      </c>
      <c r="AC2026">
        <v>179</v>
      </c>
      <c r="AD2026">
        <v>17</v>
      </c>
      <c r="AE2026">
        <v>110</v>
      </c>
      <c r="AF2026">
        <v>2585</v>
      </c>
      <c r="AG2026">
        <v>74570</v>
      </c>
      <c r="AH2026">
        <v>50000</v>
      </c>
      <c r="AI2026">
        <v>0</v>
      </c>
      <c r="AJ2026">
        <v>96</v>
      </c>
      <c r="AK2026" t="s">
        <v>4</v>
      </c>
      <c r="AL2026">
        <v>0</v>
      </c>
      <c r="AM2026">
        <v>0</v>
      </c>
      <c r="AN2026">
        <v>0</v>
      </c>
      <c r="AO2026">
        <v>0</v>
      </c>
      <c r="AP2026">
        <v>0</v>
      </c>
      <c r="AQ2026">
        <v>0</v>
      </c>
      <c r="AR2026">
        <v>0</v>
      </c>
      <c r="AS2026">
        <v>0</v>
      </c>
      <c r="AT2026">
        <v>0</v>
      </c>
      <c r="AU2026">
        <v>0</v>
      </c>
      <c r="AV2026">
        <v>0</v>
      </c>
      <c r="AW2026">
        <v>0</v>
      </c>
      <c r="AX2026">
        <v>0</v>
      </c>
      <c r="AY2026">
        <v>30</v>
      </c>
      <c r="AZ2026">
        <v>45</v>
      </c>
      <c r="BA2026">
        <v>3689</v>
      </c>
    </row>
    <row r="2027" spans="1:53" x14ac:dyDescent="0.4">
      <c r="A2027">
        <v>2071</v>
      </c>
      <c r="B2027" s="1">
        <v>43477</v>
      </c>
      <c r="C2027">
        <v>1</v>
      </c>
      <c r="D2027" s="1">
        <v>43477.291666666664</v>
      </c>
      <c r="E2027" s="1">
        <v>43477.410416666666</v>
      </c>
      <c r="F2027">
        <v>0</v>
      </c>
      <c r="G2027">
        <v>0</v>
      </c>
      <c r="H2027">
        <v>0</v>
      </c>
      <c r="I2027">
        <v>0</v>
      </c>
      <c r="J2027">
        <v>0</v>
      </c>
      <c r="K2027">
        <v>0</v>
      </c>
      <c r="L2027">
        <v>0</v>
      </c>
      <c r="M2027">
        <v>0</v>
      </c>
      <c r="N2027">
        <v>0</v>
      </c>
      <c r="O2027">
        <v>0</v>
      </c>
      <c r="P2027">
        <v>0</v>
      </c>
      <c r="Q2027">
        <v>0</v>
      </c>
      <c r="R2027">
        <v>0</v>
      </c>
      <c r="S2027">
        <v>0</v>
      </c>
      <c r="T2027">
        <v>0</v>
      </c>
      <c r="U2027">
        <v>0</v>
      </c>
      <c r="V2027">
        <v>0</v>
      </c>
      <c r="W2027">
        <v>2</v>
      </c>
      <c r="X2027">
        <v>0</v>
      </c>
      <c r="Y2027">
        <v>25</v>
      </c>
      <c r="Z2027">
        <v>14</v>
      </c>
      <c r="AA2027">
        <v>57</v>
      </c>
      <c r="AB2027">
        <v>17</v>
      </c>
      <c r="AC2027">
        <v>130</v>
      </c>
      <c r="AD2027">
        <v>7</v>
      </c>
      <c r="AE2027">
        <v>115</v>
      </c>
      <c r="AF2027">
        <v>0</v>
      </c>
      <c r="AG2027">
        <v>50000</v>
      </c>
      <c r="AH2027">
        <v>50000</v>
      </c>
      <c r="AI2027">
        <v>0</v>
      </c>
      <c r="AJ2027">
        <v>0</v>
      </c>
      <c r="AK2027" t="s">
        <v>6</v>
      </c>
      <c r="AL2027">
        <v>0</v>
      </c>
      <c r="AM2027">
        <v>0</v>
      </c>
      <c r="AN2027">
        <v>0</v>
      </c>
      <c r="AO2027">
        <v>0</v>
      </c>
      <c r="AP2027">
        <v>0</v>
      </c>
      <c r="AQ2027">
        <v>0</v>
      </c>
      <c r="AR2027">
        <v>0</v>
      </c>
      <c r="AS2027">
        <v>0</v>
      </c>
      <c r="AT2027">
        <v>0</v>
      </c>
      <c r="AU2027">
        <v>0</v>
      </c>
      <c r="AV2027">
        <v>0</v>
      </c>
      <c r="AW2027">
        <v>0</v>
      </c>
      <c r="AX2027">
        <v>0</v>
      </c>
      <c r="AY2027">
        <v>0</v>
      </c>
      <c r="AZ2027">
        <v>0</v>
      </c>
      <c r="BA2027">
        <v>0</v>
      </c>
    </row>
    <row r="2028" spans="1:53" x14ac:dyDescent="0.4">
      <c r="A2028">
        <v>2072</v>
      </c>
      <c r="B2028" s="1">
        <v>43477</v>
      </c>
      <c r="C2028">
        <v>2</v>
      </c>
      <c r="D2028" s="1">
        <v>43477.410416666666</v>
      </c>
      <c r="E2028" s="1">
        <v>43477.730555555558</v>
      </c>
      <c r="F2028">
        <v>39750</v>
      </c>
      <c r="G2028">
        <v>5560</v>
      </c>
      <c r="H2028">
        <v>0</v>
      </c>
      <c r="I2028">
        <v>0</v>
      </c>
      <c r="J2028">
        <v>0</v>
      </c>
      <c r="K2028">
        <v>0</v>
      </c>
      <c r="L2028">
        <v>0</v>
      </c>
      <c r="M2028">
        <v>3622</v>
      </c>
      <c r="N2028">
        <v>0</v>
      </c>
      <c r="O2028">
        <v>0</v>
      </c>
      <c r="P2028">
        <v>18090</v>
      </c>
      <c r="Q2028">
        <v>0</v>
      </c>
      <c r="R2028">
        <v>67022</v>
      </c>
      <c r="S2028">
        <v>0</v>
      </c>
      <c r="T2028">
        <v>0</v>
      </c>
      <c r="U2028">
        <v>0</v>
      </c>
      <c r="V2028">
        <v>3</v>
      </c>
      <c r="W2028">
        <v>5</v>
      </c>
      <c r="X2028">
        <v>0</v>
      </c>
      <c r="Y2028">
        <v>33</v>
      </c>
      <c r="Z2028">
        <v>41</v>
      </c>
      <c r="AA2028">
        <v>55</v>
      </c>
      <c r="AB2028">
        <v>19</v>
      </c>
      <c r="AC2028">
        <v>190</v>
      </c>
      <c r="AD2028">
        <v>10</v>
      </c>
      <c r="AE2028">
        <v>122</v>
      </c>
      <c r="AF2028">
        <v>0</v>
      </c>
      <c r="AG2028">
        <v>117022</v>
      </c>
      <c r="AH2028">
        <v>50000</v>
      </c>
      <c r="AI2028">
        <v>0</v>
      </c>
      <c r="AJ2028">
        <v>35</v>
      </c>
      <c r="AL2028">
        <v>0</v>
      </c>
      <c r="AM2028">
        <v>0</v>
      </c>
      <c r="AN2028">
        <v>0</v>
      </c>
      <c r="AO2028">
        <v>0</v>
      </c>
      <c r="AP2028">
        <v>0</v>
      </c>
      <c r="AQ2028">
        <v>0</v>
      </c>
      <c r="AR2028">
        <v>0</v>
      </c>
      <c r="AS2028">
        <v>0</v>
      </c>
      <c r="AT2028">
        <v>0</v>
      </c>
      <c r="AU2028">
        <v>0</v>
      </c>
      <c r="AV2028">
        <v>0</v>
      </c>
      <c r="AW2028">
        <v>0</v>
      </c>
      <c r="AX2028">
        <v>-346</v>
      </c>
      <c r="AY2028">
        <v>48</v>
      </c>
      <c r="AZ2028">
        <v>112</v>
      </c>
      <c r="BA2028">
        <v>7169</v>
      </c>
    </row>
    <row r="2029" spans="1:53" x14ac:dyDescent="0.4">
      <c r="A2029">
        <v>2073</v>
      </c>
      <c r="B2029" s="1">
        <v>43478</v>
      </c>
      <c r="C2029">
        <v>1</v>
      </c>
      <c r="D2029" s="1">
        <v>43478.291666666664</v>
      </c>
      <c r="E2029" s="1">
        <v>43478.411805555559</v>
      </c>
      <c r="F2029">
        <v>0</v>
      </c>
      <c r="G2029">
        <v>0</v>
      </c>
      <c r="H2029">
        <v>0</v>
      </c>
      <c r="I2029">
        <v>0</v>
      </c>
      <c r="J2029">
        <v>0</v>
      </c>
      <c r="K2029">
        <v>0</v>
      </c>
      <c r="L2029">
        <v>0</v>
      </c>
      <c r="M2029">
        <v>0</v>
      </c>
      <c r="N2029">
        <v>0</v>
      </c>
      <c r="O2029">
        <v>0</v>
      </c>
      <c r="P2029">
        <v>0</v>
      </c>
      <c r="Q2029">
        <v>0</v>
      </c>
      <c r="R2029">
        <v>0</v>
      </c>
      <c r="S2029">
        <v>0</v>
      </c>
      <c r="T2029">
        <v>0</v>
      </c>
      <c r="U2029">
        <v>0</v>
      </c>
      <c r="V2029">
        <v>0</v>
      </c>
      <c r="W2029">
        <v>0</v>
      </c>
      <c r="X2029">
        <v>0</v>
      </c>
      <c r="Y2029">
        <v>30</v>
      </c>
      <c r="Z2029">
        <v>24</v>
      </c>
      <c r="AA2029">
        <v>62</v>
      </c>
      <c r="AB2029">
        <v>10</v>
      </c>
      <c r="AC2029">
        <v>112</v>
      </c>
      <c r="AD2029">
        <v>11</v>
      </c>
      <c r="AE2029">
        <v>125</v>
      </c>
      <c r="AF2029">
        <v>0</v>
      </c>
      <c r="AG2029">
        <v>50000</v>
      </c>
      <c r="AH2029">
        <v>50000</v>
      </c>
      <c r="AI2029">
        <v>0</v>
      </c>
      <c r="AJ2029">
        <v>0</v>
      </c>
      <c r="AK2029" t="s">
        <v>6</v>
      </c>
      <c r="AL2029">
        <v>0</v>
      </c>
      <c r="AM2029">
        <v>0</v>
      </c>
      <c r="AN2029">
        <v>0</v>
      </c>
      <c r="AO2029">
        <v>0</v>
      </c>
      <c r="AP2029">
        <v>0</v>
      </c>
      <c r="AQ2029">
        <v>0</v>
      </c>
      <c r="AR2029">
        <v>0</v>
      </c>
      <c r="AS2029">
        <v>0</v>
      </c>
      <c r="AT2029">
        <v>0</v>
      </c>
      <c r="AU2029">
        <v>0</v>
      </c>
      <c r="AV2029">
        <v>0</v>
      </c>
      <c r="AW2029">
        <v>0</v>
      </c>
      <c r="AX2029">
        <v>0</v>
      </c>
      <c r="AY2029">
        <v>0</v>
      </c>
      <c r="AZ2029">
        <v>0</v>
      </c>
      <c r="BA2029">
        <v>0</v>
      </c>
    </row>
    <row r="2030" spans="1:53" x14ac:dyDescent="0.4">
      <c r="A2030">
        <v>2074</v>
      </c>
      <c r="B2030" s="1">
        <v>43478</v>
      </c>
      <c r="C2030">
        <v>2</v>
      </c>
      <c r="D2030" s="1">
        <v>43478.411805555559</v>
      </c>
      <c r="E2030" s="1">
        <v>43478.741666666669</v>
      </c>
      <c r="F2030">
        <v>44000</v>
      </c>
      <c r="G2030">
        <v>3680</v>
      </c>
      <c r="H2030">
        <v>400</v>
      </c>
      <c r="I2030">
        <v>0</v>
      </c>
      <c r="J2030">
        <v>0</v>
      </c>
      <c r="K2030">
        <v>0</v>
      </c>
      <c r="L2030">
        <v>0</v>
      </c>
      <c r="M2030">
        <v>3845</v>
      </c>
      <c r="N2030">
        <v>0</v>
      </c>
      <c r="O2030">
        <v>0</v>
      </c>
      <c r="P2030">
        <v>30780</v>
      </c>
      <c r="Q2030">
        <v>0</v>
      </c>
      <c r="R2030">
        <v>82705</v>
      </c>
      <c r="S2030">
        <v>0</v>
      </c>
      <c r="T2030">
        <v>0</v>
      </c>
      <c r="U2030">
        <v>0</v>
      </c>
      <c r="V2030">
        <v>4</v>
      </c>
      <c r="W2030">
        <v>0</v>
      </c>
      <c r="X2030">
        <v>0</v>
      </c>
      <c r="Y2030">
        <v>52</v>
      </c>
      <c r="Z2030">
        <v>55</v>
      </c>
      <c r="AA2030">
        <v>113</v>
      </c>
      <c r="AB2030">
        <v>19</v>
      </c>
      <c r="AC2030">
        <v>181</v>
      </c>
      <c r="AD2030">
        <v>19</v>
      </c>
      <c r="AE2030">
        <v>130</v>
      </c>
      <c r="AF2030">
        <v>0</v>
      </c>
      <c r="AG2030">
        <v>133785</v>
      </c>
      <c r="AH2030">
        <v>50000</v>
      </c>
      <c r="AI2030">
        <v>1080</v>
      </c>
      <c r="AJ2030">
        <v>92</v>
      </c>
      <c r="AK2030" t="s">
        <v>22</v>
      </c>
      <c r="AL2030">
        <v>0</v>
      </c>
      <c r="AM2030">
        <v>0</v>
      </c>
      <c r="AN2030">
        <v>0</v>
      </c>
      <c r="AO2030">
        <v>0</v>
      </c>
      <c r="AP2030">
        <v>0</v>
      </c>
      <c r="AQ2030">
        <v>0</v>
      </c>
      <c r="AR2030">
        <v>0</v>
      </c>
      <c r="AS2030">
        <v>0</v>
      </c>
      <c r="AT2030">
        <v>0</v>
      </c>
      <c r="AU2030">
        <v>0</v>
      </c>
      <c r="AV2030">
        <v>0</v>
      </c>
      <c r="AW2030">
        <v>0</v>
      </c>
      <c r="AX2030">
        <v>2008</v>
      </c>
      <c r="AY2030">
        <v>57</v>
      </c>
      <c r="AZ2030">
        <v>138</v>
      </c>
      <c r="BA2030">
        <v>8387</v>
      </c>
    </row>
    <row r="2031" spans="1:53" x14ac:dyDescent="0.4">
      <c r="A2031">
        <v>2075</v>
      </c>
      <c r="B2031" s="1">
        <v>43479</v>
      </c>
      <c r="C2031">
        <v>1</v>
      </c>
      <c r="D2031" s="1">
        <v>43479.291666666664</v>
      </c>
      <c r="E2031" s="1">
        <v>43479.40625</v>
      </c>
      <c r="F2031">
        <v>0</v>
      </c>
      <c r="G2031">
        <v>0</v>
      </c>
      <c r="H2031">
        <v>0</v>
      </c>
      <c r="I2031">
        <v>0</v>
      </c>
      <c r="J2031">
        <v>0</v>
      </c>
      <c r="K2031">
        <v>0</v>
      </c>
      <c r="L2031">
        <v>0</v>
      </c>
      <c r="M2031">
        <v>0</v>
      </c>
      <c r="N2031">
        <v>0</v>
      </c>
      <c r="O2031">
        <v>0</v>
      </c>
      <c r="P2031">
        <v>0</v>
      </c>
      <c r="Q2031">
        <v>0</v>
      </c>
      <c r="R2031">
        <v>0</v>
      </c>
      <c r="S2031">
        <v>0</v>
      </c>
      <c r="T2031">
        <v>0</v>
      </c>
      <c r="U2031">
        <v>0</v>
      </c>
      <c r="V2031">
        <v>0</v>
      </c>
      <c r="W2031">
        <v>0</v>
      </c>
      <c r="X2031">
        <v>0</v>
      </c>
      <c r="Y2031">
        <v>30</v>
      </c>
      <c r="Z2031">
        <v>14</v>
      </c>
      <c r="AA2031">
        <v>111</v>
      </c>
      <c r="AB2031">
        <v>12</v>
      </c>
      <c r="AC2031">
        <v>105</v>
      </c>
      <c r="AD2031">
        <v>20</v>
      </c>
      <c r="AE2031">
        <v>150</v>
      </c>
      <c r="AF2031">
        <v>0</v>
      </c>
      <c r="AG2031">
        <v>50000</v>
      </c>
      <c r="AH2031">
        <v>0</v>
      </c>
      <c r="AI2031">
        <v>50000</v>
      </c>
      <c r="AJ2031">
        <v>0</v>
      </c>
      <c r="AK2031" t="s">
        <v>6</v>
      </c>
      <c r="AL2031">
        <v>0</v>
      </c>
      <c r="AM2031">
        <v>0</v>
      </c>
      <c r="AN2031">
        <v>0</v>
      </c>
      <c r="AO2031">
        <v>0</v>
      </c>
      <c r="AP2031">
        <v>0</v>
      </c>
      <c r="AQ2031">
        <v>0</v>
      </c>
      <c r="AR2031">
        <v>0</v>
      </c>
      <c r="AS2031">
        <v>0</v>
      </c>
      <c r="AT2031">
        <v>0</v>
      </c>
      <c r="AU2031">
        <v>0</v>
      </c>
      <c r="AV2031">
        <v>0</v>
      </c>
      <c r="AW2031">
        <v>0</v>
      </c>
      <c r="AX2031">
        <v>0</v>
      </c>
      <c r="AY2031">
        <v>0</v>
      </c>
      <c r="AZ2031">
        <v>0</v>
      </c>
      <c r="BA2031">
        <v>0</v>
      </c>
    </row>
    <row r="2032" spans="1:53" x14ac:dyDescent="0.4">
      <c r="A2032">
        <v>2076</v>
      </c>
      <c r="B2032" s="1">
        <v>43479</v>
      </c>
      <c r="C2032">
        <v>2</v>
      </c>
      <c r="D2032" s="1">
        <v>43479.40625</v>
      </c>
      <c r="E2032" s="1">
        <v>43479.736111111109</v>
      </c>
      <c r="F2032">
        <v>58500</v>
      </c>
      <c r="G2032">
        <v>8300</v>
      </c>
      <c r="H2032">
        <v>0</v>
      </c>
      <c r="I2032">
        <v>0</v>
      </c>
      <c r="J2032">
        <v>0</v>
      </c>
      <c r="K2032">
        <v>0</v>
      </c>
      <c r="L2032">
        <v>0</v>
      </c>
      <c r="M2032">
        <v>5342</v>
      </c>
      <c r="N2032">
        <v>0</v>
      </c>
      <c r="O2032">
        <v>0</v>
      </c>
      <c r="P2032">
        <v>22680</v>
      </c>
      <c r="Q2032">
        <v>0</v>
      </c>
      <c r="R2032">
        <v>94822</v>
      </c>
      <c r="S2032">
        <v>0</v>
      </c>
      <c r="T2032">
        <v>0</v>
      </c>
      <c r="U2032">
        <v>0</v>
      </c>
      <c r="V2032">
        <v>4</v>
      </c>
      <c r="W2032">
        <v>7</v>
      </c>
      <c r="X2032">
        <v>0</v>
      </c>
      <c r="Y2032">
        <v>34</v>
      </c>
      <c r="Z2032">
        <v>23</v>
      </c>
      <c r="AA2032">
        <v>138</v>
      </c>
      <c r="AB2032">
        <v>36</v>
      </c>
      <c r="AC2032">
        <v>230</v>
      </c>
      <c r="AD2032">
        <v>22</v>
      </c>
      <c r="AE2032">
        <v>180</v>
      </c>
      <c r="AF2032">
        <v>6142</v>
      </c>
      <c r="AG2032">
        <v>144832</v>
      </c>
      <c r="AH2032">
        <v>50000</v>
      </c>
      <c r="AI2032">
        <v>10</v>
      </c>
      <c r="AJ2032">
        <v>96</v>
      </c>
      <c r="AK2032" t="s">
        <v>4</v>
      </c>
      <c r="AL2032">
        <v>0</v>
      </c>
      <c r="AM2032">
        <v>0</v>
      </c>
      <c r="AN2032">
        <v>0</v>
      </c>
      <c r="AO2032">
        <v>0</v>
      </c>
      <c r="AP2032">
        <v>0</v>
      </c>
      <c r="AQ2032">
        <v>0</v>
      </c>
      <c r="AR2032">
        <v>0</v>
      </c>
      <c r="AS2032">
        <v>0</v>
      </c>
      <c r="AT2032">
        <v>0</v>
      </c>
      <c r="AU2032">
        <v>0</v>
      </c>
      <c r="AV2032">
        <v>0</v>
      </c>
      <c r="AW2032">
        <v>0</v>
      </c>
      <c r="AX2032">
        <v>-1620</v>
      </c>
      <c r="AY2032">
        <v>49</v>
      </c>
      <c r="AZ2032">
        <v>135</v>
      </c>
      <c r="BA2032">
        <v>7755</v>
      </c>
    </row>
    <row r="2033" spans="1:53" x14ac:dyDescent="0.4">
      <c r="A2033">
        <v>2077</v>
      </c>
      <c r="B2033" s="1">
        <v>43479</v>
      </c>
      <c r="C2033">
        <v>3</v>
      </c>
      <c r="D2033" s="1">
        <v>43479.736111111109</v>
      </c>
      <c r="E2033" s="1">
        <v>43479.952777777777</v>
      </c>
      <c r="F2033">
        <v>25000</v>
      </c>
      <c r="G2033">
        <v>0</v>
      </c>
      <c r="H2033">
        <v>0</v>
      </c>
      <c r="I2033">
        <v>0</v>
      </c>
      <c r="J2033">
        <v>0</v>
      </c>
      <c r="K2033">
        <v>0</v>
      </c>
      <c r="L2033">
        <v>0</v>
      </c>
      <c r="M2033">
        <v>2000</v>
      </c>
      <c r="N2033">
        <v>0</v>
      </c>
      <c r="O2033">
        <v>0</v>
      </c>
      <c r="P2033">
        <v>-22680</v>
      </c>
      <c r="Q2033">
        <v>0</v>
      </c>
      <c r="R2033">
        <v>4320</v>
      </c>
      <c r="S2033">
        <v>0</v>
      </c>
      <c r="T2033">
        <v>0</v>
      </c>
      <c r="U2033">
        <v>0</v>
      </c>
      <c r="V2033">
        <v>4</v>
      </c>
      <c r="W2033">
        <v>7</v>
      </c>
      <c r="X2033">
        <v>0</v>
      </c>
      <c r="Y2033">
        <v>36</v>
      </c>
      <c r="Z2033">
        <v>26</v>
      </c>
      <c r="AA2033">
        <v>145</v>
      </c>
      <c r="AB2033">
        <v>36</v>
      </c>
      <c r="AC2033">
        <v>241</v>
      </c>
      <c r="AD2033">
        <v>22</v>
      </c>
      <c r="AE2033">
        <v>180</v>
      </c>
      <c r="AF2033">
        <v>6142</v>
      </c>
      <c r="AG2033">
        <v>149142</v>
      </c>
      <c r="AH2033">
        <v>50000</v>
      </c>
      <c r="AI2033">
        <v>0</v>
      </c>
      <c r="AJ2033">
        <v>108</v>
      </c>
      <c r="AK2033" t="s">
        <v>30</v>
      </c>
      <c r="AL2033">
        <v>0</v>
      </c>
      <c r="AM2033">
        <v>0</v>
      </c>
      <c r="AN2033">
        <v>0</v>
      </c>
      <c r="AO2033">
        <v>0</v>
      </c>
      <c r="AP2033">
        <v>0</v>
      </c>
      <c r="AQ2033">
        <v>0</v>
      </c>
      <c r="AR2033">
        <v>0</v>
      </c>
      <c r="AS2033">
        <v>0</v>
      </c>
      <c r="AT2033">
        <v>0</v>
      </c>
      <c r="AU2033">
        <v>0</v>
      </c>
      <c r="AV2033">
        <v>0</v>
      </c>
      <c r="AW2033">
        <v>0</v>
      </c>
      <c r="AX2033">
        <v>0</v>
      </c>
      <c r="AY2033">
        <v>3</v>
      </c>
      <c r="AZ2033">
        <v>10</v>
      </c>
      <c r="BA2033">
        <v>2195</v>
      </c>
    </row>
    <row r="2034" spans="1:53" x14ac:dyDescent="0.4">
      <c r="A2034">
        <v>2078</v>
      </c>
      <c r="B2034" s="1">
        <v>43479</v>
      </c>
      <c r="C2034">
        <v>4</v>
      </c>
      <c r="D2034" s="1">
        <v>43479.952777777777</v>
      </c>
      <c r="E2034" s="1">
        <v>43480.071527777778</v>
      </c>
      <c r="F2034">
        <v>2880</v>
      </c>
      <c r="G2034">
        <v>0</v>
      </c>
      <c r="H2034">
        <v>200</v>
      </c>
      <c r="I2034">
        <v>0</v>
      </c>
      <c r="J2034">
        <v>0</v>
      </c>
      <c r="K2034">
        <v>0</v>
      </c>
      <c r="L2034">
        <v>0</v>
      </c>
      <c r="M2034">
        <v>246</v>
      </c>
      <c r="N2034">
        <v>0</v>
      </c>
      <c r="O2034">
        <v>0</v>
      </c>
      <c r="P2034">
        <v>11664</v>
      </c>
      <c r="Q2034">
        <v>0</v>
      </c>
      <c r="R2034">
        <v>14990</v>
      </c>
      <c r="S2034">
        <v>0</v>
      </c>
      <c r="T2034">
        <v>0</v>
      </c>
      <c r="U2034">
        <v>0</v>
      </c>
      <c r="V2034">
        <v>6</v>
      </c>
      <c r="W2034">
        <v>7</v>
      </c>
      <c r="X2034">
        <v>0</v>
      </c>
      <c r="Y2034">
        <v>29</v>
      </c>
      <c r="Z2034">
        <v>26</v>
      </c>
      <c r="AA2034">
        <v>142</v>
      </c>
      <c r="AB2034">
        <v>35</v>
      </c>
      <c r="AC2034">
        <v>238</v>
      </c>
      <c r="AD2034">
        <v>21</v>
      </c>
      <c r="AE2034">
        <v>179</v>
      </c>
      <c r="AF2034">
        <v>8518</v>
      </c>
      <c r="AG2034">
        <v>164132</v>
      </c>
      <c r="AH2034">
        <v>50000</v>
      </c>
      <c r="AI2034">
        <v>0</v>
      </c>
      <c r="AJ2034">
        <v>100</v>
      </c>
      <c r="AK2034" t="s">
        <v>0</v>
      </c>
      <c r="AL2034">
        <v>0</v>
      </c>
      <c r="AM2034">
        <v>0</v>
      </c>
      <c r="AN2034">
        <v>0</v>
      </c>
      <c r="AO2034">
        <v>0</v>
      </c>
      <c r="AP2034">
        <v>0</v>
      </c>
      <c r="AQ2034">
        <v>0</v>
      </c>
      <c r="AR2034">
        <v>0</v>
      </c>
      <c r="AS2034">
        <v>0</v>
      </c>
      <c r="AT2034">
        <v>0</v>
      </c>
      <c r="AU2034">
        <v>0</v>
      </c>
      <c r="AV2034">
        <v>0</v>
      </c>
      <c r="AW2034">
        <v>0</v>
      </c>
      <c r="AX2034">
        <v>302</v>
      </c>
      <c r="AY2034">
        <v>2</v>
      </c>
      <c r="AZ2034">
        <v>7</v>
      </c>
      <c r="BA2034">
        <v>268</v>
      </c>
    </row>
    <row r="2035" spans="1:53" x14ac:dyDescent="0.4">
      <c r="A2035">
        <v>2079</v>
      </c>
      <c r="B2035" s="1">
        <v>43480</v>
      </c>
      <c r="C2035">
        <v>1</v>
      </c>
      <c r="D2035" s="1">
        <v>43480.291666666664</v>
      </c>
      <c r="E2035" s="1">
        <v>43480.738888888889</v>
      </c>
      <c r="F2035">
        <v>19500</v>
      </c>
      <c r="G2035">
        <v>1460</v>
      </c>
      <c r="H2035">
        <v>0</v>
      </c>
      <c r="I2035">
        <v>0</v>
      </c>
      <c r="J2035">
        <v>0</v>
      </c>
      <c r="K2035">
        <v>0</v>
      </c>
      <c r="L2035">
        <v>0</v>
      </c>
      <c r="M2035">
        <v>1677</v>
      </c>
      <c r="N2035">
        <v>0</v>
      </c>
      <c r="O2035">
        <v>0</v>
      </c>
      <c r="P2035">
        <v>19440</v>
      </c>
      <c r="Q2035">
        <v>0</v>
      </c>
      <c r="R2035">
        <v>42077</v>
      </c>
      <c r="S2035">
        <v>0</v>
      </c>
      <c r="T2035">
        <v>0</v>
      </c>
      <c r="U2035">
        <v>0</v>
      </c>
      <c r="V2035">
        <v>4</v>
      </c>
      <c r="W2035">
        <v>0</v>
      </c>
      <c r="X2035">
        <v>0</v>
      </c>
      <c r="Y2035">
        <v>16</v>
      </c>
      <c r="Z2035">
        <v>25</v>
      </c>
      <c r="AA2035">
        <v>104</v>
      </c>
      <c r="AB2035">
        <v>34</v>
      </c>
      <c r="AC2035">
        <v>100</v>
      </c>
      <c r="AD2035">
        <v>24</v>
      </c>
      <c r="AE2035">
        <v>175</v>
      </c>
      <c r="AF2035">
        <v>10182</v>
      </c>
      <c r="AG2035">
        <v>92077</v>
      </c>
      <c r="AH2035">
        <v>50000</v>
      </c>
      <c r="AI2035">
        <v>0</v>
      </c>
      <c r="AJ2035">
        <v>35</v>
      </c>
      <c r="AL2035">
        <v>0</v>
      </c>
      <c r="AM2035">
        <v>0</v>
      </c>
      <c r="AN2035">
        <v>0</v>
      </c>
      <c r="AO2035">
        <v>0</v>
      </c>
      <c r="AP2035">
        <v>0</v>
      </c>
      <c r="AQ2035">
        <v>0</v>
      </c>
      <c r="AR2035">
        <v>0</v>
      </c>
      <c r="AS2035">
        <v>0</v>
      </c>
      <c r="AT2035">
        <v>0</v>
      </c>
      <c r="AU2035">
        <v>0</v>
      </c>
      <c r="AV2035">
        <v>0</v>
      </c>
      <c r="AW2035">
        <v>0</v>
      </c>
      <c r="AX2035">
        <v>-4320</v>
      </c>
      <c r="AY2035">
        <v>35</v>
      </c>
      <c r="AZ2035">
        <v>70</v>
      </c>
      <c r="BA2035">
        <v>3975</v>
      </c>
    </row>
    <row r="2036" spans="1:53" x14ac:dyDescent="0.4">
      <c r="A2036">
        <v>2080</v>
      </c>
      <c r="B2036" s="1">
        <v>43480</v>
      </c>
      <c r="C2036">
        <v>2</v>
      </c>
      <c r="D2036" s="1">
        <v>43480.738888888889</v>
      </c>
      <c r="E2036" s="1">
        <v>43480.95208333333</v>
      </c>
      <c r="F2036">
        <v>33040</v>
      </c>
      <c r="G2036">
        <v>980</v>
      </c>
      <c r="H2036">
        <v>0</v>
      </c>
      <c r="I2036">
        <v>0</v>
      </c>
      <c r="J2036">
        <v>0</v>
      </c>
      <c r="K2036">
        <v>0</v>
      </c>
      <c r="L2036">
        <v>0</v>
      </c>
      <c r="M2036">
        <v>2721</v>
      </c>
      <c r="N2036">
        <v>0</v>
      </c>
      <c r="O2036">
        <v>0</v>
      </c>
      <c r="P2036">
        <v>-19440</v>
      </c>
      <c r="Q2036">
        <v>0</v>
      </c>
      <c r="R2036">
        <v>17301</v>
      </c>
      <c r="S2036">
        <v>0</v>
      </c>
      <c r="T2036">
        <v>0</v>
      </c>
      <c r="U2036">
        <v>0</v>
      </c>
      <c r="V2036">
        <v>4</v>
      </c>
      <c r="W2036">
        <v>0</v>
      </c>
      <c r="X2036">
        <v>0</v>
      </c>
      <c r="Y2036">
        <v>33</v>
      </c>
      <c r="Z2036">
        <v>27</v>
      </c>
      <c r="AA2036">
        <v>100</v>
      </c>
      <c r="AB2036">
        <v>31</v>
      </c>
      <c r="AC2036">
        <v>86</v>
      </c>
      <c r="AD2036">
        <v>23</v>
      </c>
      <c r="AE2036">
        <v>171</v>
      </c>
      <c r="AF2036">
        <v>10182</v>
      </c>
      <c r="AG2036">
        <v>109378</v>
      </c>
      <c r="AH2036">
        <v>50000</v>
      </c>
      <c r="AI2036">
        <v>0</v>
      </c>
      <c r="AJ2036">
        <v>29</v>
      </c>
      <c r="AK2036" t="s">
        <v>28</v>
      </c>
      <c r="AL2036">
        <v>0</v>
      </c>
      <c r="AM2036">
        <v>0</v>
      </c>
      <c r="AN2036">
        <v>0</v>
      </c>
      <c r="AO2036">
        <v>0</v>
      </c>
      <c r="AP2036">
        <v>0</v>
      </c>
      <c r="AQ2036">
        <v>0</v>
      </c>
      <c r="AR2036">
        <v>0</v>
      </c>
      <c r="AS2036">
        <v>0</v>
      </c>
      <c r="AT2036">
        <v>0</v>
      </c>
      <c r="AU2036">
        <v>0</v>
      </c>
      <c r="AV2036">
        <v>0</v>
      </c>
      <c r="AW2036">
        <v>0</v>
      </c>
      <c r="AX2036">
        <v>14245</v>
      </c>
      <c r="AY2036">
        <v>10</v>
      </c>
      <c r="AZ2036">
        <v>32</v>
      </c>
      <c r="BA2036">
        <v>2406</v>
      </c>
    </row>
    <row r="2037" spans="1:53" x14ac:dyDescent="0.4">
      <c r="A2037">
        <v>2081</v>
      </c>
      <c r="B2037" s="1">
        <v>43481</v>
      </c>
      <c r="C2037">
        <v>1</v>
      </c>
      <c r="D2037" s="1">
        <v>43481.291666666664</v>
      </c>
      <c r="E2037" s="1">
        <v>43481.459722222222</v>
      </c>
      <c r="F2037">
        <v>0</v>
      </c>
      <c r="G2037">
        <v>0</v>
      </c>
      <c r="H2037">
        <v>0</v>
      </c>
      <c r="I2037">
        <v>0</v>
      </c>
      <c r="J2037">
        <v>0</v>
      </c>
      <c r="K2037">
        <v>0</v>
      </c>
      <c r="L2037">
        <v>0</v>
      </c>
      <c r="M2037">
        <v>0</v>
      </c>
      <c r="N2037">
        <v>0</v>
      </c>
      <c r="O2037">
        <v>0</v>
      </c>
      <c r="P2037">
        <v>0</v>
      </c>
      <c r="Q2037">
        <v>0</v>
      </c>
      <c r="R2037">
        <v>0</v>
      </c>
      <c r="S2037">
        <v>0</v>
      </c>
      <c r="T2037">
        <v>0</v>
      </c>
      <c r="U2037">
        <v>0</v>
      </c>
      <c r="V2037">
        <v>0</v>
      </c>
      <c r="W2037">
        <v>0</v>
      </c>
      <c r="X2037">
        <v>0</v>
      </c>
      <c r="Y2037">
        <v>25</v>
      </c>
      <c r="Z2037">
        <v>27</v>
      </c>
      <c r="AA2037">
        <v>91</v>
      </c>
      <c r="AB2037">
        <v>26</v>
      </c>
      <c r="AC2037">
        <v>81</v>
      </c>
      <c r="AD2037">
        <v>23</v>
      </c>
      <c r="AE2037">
        <v>175</v>
      </c>
      <c r="AF2037">
        <v>0</v>
      </c>
      <c r="AG2037">
        <v>50000</v>
      </c>
      <c r="AH2037">
        <v>0</v>
      </c>
      <c r="AI2037">
        <v>50000</v>
      </c>
      <c r="AJ2037">
        <v>0</v>
      </c>
      <c r="AK2037" t="s">
        <v>6</v>
      </c>
      <c r="AL2037">
        <v>0</v>
      </c>
      <c r="AM2037">
        <v>0</v>
      </c>
      <c r="AN2037">
        <v>0</v>
      </c>
      <c r="AO2037">
        <v>0</v>
      </c>
      <c r="AP2037">
        <v>0</v>
      </c>
      <c r="AQ2037">
        <v>0</v>
      </c>
      <c r="AR2037">
        <v>0</v>
      </c>
      <c r="AS2037">
        <v>0</v>
      </c>
      <c r="AT2037">
        <v>0</v>
      </c>
      <c r="AU2037">
        <v>0</v>
      </c>
      <c r="AV2037">
        <v>0</v>
      </c>
      <c r="AW2037">
        <v>0</v>
      </c>
      <c r="AX2037">
        <v>0</v>
      </c>
      <c r="AY2037">
        <v>0</v>
      </c>
      <c r="AZ2037">
        <v>0</v>
      </c>
      <c r="BA2037">
        <v>0</v>
      </c>
    </row>
    <row r="2038" spans="1:53" x14ac:dyDescent="0.4">
      <c r="A2038">
        <v>2082</v>
      </c>
      <c r="B2038" s="1">
        <v>43481</v>
      </c>
      <c r="C2038">
        <v>2</v>
      </c>
      <c r="D2038" s="1">
        <v>43481.459722222222</v>
      </c>
      <c r="E2038" s="1">
        <v>43481.739583333336</v>
      </c>
      <c r="F2038">
        <v>9500</v>
      </c>
      <c r="G2038">
        <v>500</v>
      </c>
      <c r="H2038">
        <v>200</v>
      </c>
      <c r="I2038">
        <v>0</v>
      </c>
      <c r="J2038">
        <v>0</v>
      </c>
      <c r="K2038">
        <v>0</v>
      </c>
      <c r="L2038">
        <v>0</v>
      </c>
      <c r="M2038">
        <v>816</v>
      </c>
      <c r="N2038">
        <v>0</v>
      </c>
      <c r="O2038">
        <v>0</v>
      </c>
      <c r="P2038">
        <v>18360</v>
      </c>
      <c r="Q2038">
        <v>0</v>
      </c>
      <c r="R2038">
        <v>29376</v>
      </c>
      <c r="S2038">
        <v>0</v>
      </c>
      <c r="T2038">
        <v>0</v>
      </c>
      <c r="U2038">
        <v>0</v>
      </c>
      <c r="V2038">
        <v>1</v>
      </c>
      <c r="W2038">
        <v>2</v>
      </c>
      <c r="X2038">
        <v>0</v>
      </c>
      <c r="Y2038">
        <v>31</v>
      </c>
      <c r="Z2038">
        <v>30</v>
      </c>
      <c r="AA2038">
        <v>103</v>
      </c>
      <c r="AB2038">
        <v>31</v>
      </c>
      <c r="AC2038">
        <v>123</v>
      </c>
      <c r="AD2038">
        <v>25</v>
      </c>
      <c r="AE2038">
        <v>171</v>
      </c>
      <c r="AF2038">
        <v>0</v>
      </c>
      <c r="AG2038">
        <v>79376</v>
      </c>
      <c r="AH2038">
        <v>50000</v>
      </c>
      <c r="AI2038">
        <v>0</v>
      </c>
      <c r="AJ2038">
        <v>96</v>
      </c>
      <c r="AK2038" t="s">
        <v>4</v>
      </c>
      <c r="AL2038">
        <v>0</v>
      </c>
      <c r="AM2038">
        <v>0</v>
      </c>
      <c r="AN2038">
        <v>0</v>
      </c>
      <c r="AO2038">
        <v>0</v>
      </c>
      <c r="AP2038">
        <v>0</v>
      </c>
      <c r="AQ2038">
        <v>0</v>
      </c>
      <c r="AR2038">
        <v>0</v>
      </c>
      <c r="AS2038">
        <v>0</v>
      </c>
      <c r="AT2038">
        <v>0</v>
      </c>
      <c r="AU2038">
        <v>0</v>
      </c>
      <c r="AV2038">
        <v>0</v>
      </c>
      <c r="AW2038">
        <v>0</v>
      </c>
      <c r="AX2038">
        <v>-692</v>
      </c>
      <c r="AY2038">
        <v>32</v>
      </c>
      <c r="AZ2038">
        <v>53</v>
      </c>
      <c r="BA2038">
        <v>3949</v>
      </c>
    </row>
    <row r="2039" spans="1:53" x14ac:dyDescent="0.4">
      <c r="A2039">
        <v>2083</v>
      </c>
      <c r="B2039" s="1">
        <v>43481</v>
      </c>
      <c r="C2039">
        <v>3</v>
      </c>
      <c r="D2039" s="1">
        <v>43481.739583333336</v>
      </c>
      <c r="E2039" s="1">
        <v>43481.95416666667</v>
      </c>
      <c r="F2039">
        <v>29250</v>
      </c>
      <c r="G2039">
        <v>2540</v>
      </c>
      <c r="H2039">
        <v>0</v>
      </c>
      <c r="I2039">
        <v>0</v>
      </c>
      <c r="J2039">
        <v>0</v>
      </c>
      <c r="K2039">
        <v>0</v>
      </c>
      <c r="L2039">
        <v>0</v>
      </c>
      <c r="M2039">
        <v>2542</v>
      </c>
      <c r="N2039">
        <v>0</v>
      </c>
      <c r="O2039">
        <v>0</v>
      </c>
      <c r="P2039">
        <v>-14472</v>
      </c>
      <c r="Q2039">
        <v>0</v>
      </c>
      <c r="R2039">
        <v>19860</v>
      </c>
      <c r="S2039">
        <v>0</v>
      </c>
      <c r="T2039">
        <v>0</v>
      </c>
      <c r="U2039">
        <v>0</v>
      </c>
      <c r="V2039">
        <v>2</v>
      </c>
      <c r="W2039">
        <v>1</v>
      </c>
      <c r="X2039">
        <v>0</v>
      </c>
      <c r="Y2039">
        <v>45</v>
      </c>
      <c r="Z2039">
        <v>32</v>
      </c>
      <c r="AA2039">
        <v>100</v>
      </c>
      <c r="AB2039">
        <v>33</v>
      </c>
      <c r="AC2039">
        <v>128</v>
      </c>
      <c r="AD2039">
        <v>26</v>
      </c>
      <c r="AE2039">
        <v>176</v>
      </c>
      <c r="AF2039">
        <v>0</v>
      </c>
      <c r="AG2039">
        <v>99236</v>
      </c>
      <c r="AH2039">
        <v>50000</v>
      </c>
      <c r="AI2039">
        <v>0</v>
      </c>
      <c r="AJ2039">
        <v>102</v>
      </c>
      <c r="AK2039" t="s">
        <v>8</v>
      </c>
      <c r="AL2039">
        <v>0</v>
      </c>
      <c r="AM2039">
        <v>0</v>
      </c>
      <c r="AN2039">
        <v>0</v>
      </c>
      <c r="AO2039">
        <v>0</v>
      </c>
      <c r="AP2039">
        <v>0</v>
      </c>
      <c r="AQ2039">
        <v>0</v>
      </c>
      <c r="AR2039">
        <v>0</v>
      </c>
      <c r="AS2039">
        <v>0</v>
      </c>
      <c r="AT2039">
        <v>0</v>
      </c>
      <c r="AU2039">
        <v>0</v>
      </c>
      <c r="AV2039">
        <v>0</v>
      </c>
      <c r="AW2039">
        <v>0</v>
      </c>
      <c r="AX2039">
        <v>8791</v>
      </c>
      <c r="AY2039">
        <v>12</v>
      </c>
      <c r="AZ2039">
        <v>32</v>
      </c>
      <c r="BA2039">
        <v>2708</v>
      </c>
    </row>
    <row r="2040" spans="1:53" x14ac:dyDescent="0.4">
      <c r="A2040">
        <v>2084</v>
      </c>
      <c r="B2040" s="1">
        <v>43481</v>
      </c>
      <c r="C2040">
        <v>4</v>
      </c>
      <c r="D2040" s="1">
        <v>43481.95416666667</v>
      </c>
      <c r="E2040" s="1">
        <v>43482.088194444441</v>
      </c>
      <c r="F2040">
        <v>16630</v>
      </c>
      <c r="G2040">
        <v>0</v>
      </c>
      <c r="H2040">
        <v>400</v>
      </c>
      <c r="I2040">
        <v>0</v>
      </c>
      <c r="J2040">
        <v>0</v>
      </c>
      <c r="K2040">
        <v>0</v>
      </c>
      <c r="L2040">
        <v>0</v>
      </c>
      <c r="M2040">
        <v>1362</v>
      </c>
      <c r="N2040">
        <v>0</v>
      </c>
      <c r="O2040">
        <v>0</v>
      </c>
      <c r="P2040">
        <v>8964</v>
      </c>
      <c r="Q2040">
        <v>0</v>
      </c>
      <c r="R2040">
        <v>27356</v>
      </c>
      <c r="S2040">
        <v>0</v>
      </c>
      <c r="T2040">
        <v>0</v>
      </c>
      <c r="U2040">
        <v>0</v>
      </c>
      <c r="V2040">
        <v>4</v>
      </c>
      <c r="W2040">
        <v>1</v>
      </c>
      <c r="X2040">
        <v>0</v>
      </c>
      <c r="Y2040">
        <v>49</v>
      </c>
      <c r="Z2040">
        <v>30</v>
      </c>
      <c r="AA2040">
        <v>116</v>
      </c>
      <c r="AB2040">
        <v>35</v>
      </c>
      <c r="AC2040">
        <v>125</v>
      </c>
      <c r="AD2040">
        <v>27</v>
      </c>
      <c r="AE2040">
        <v>167</v>
      </c>
      <c r="AF2040">
        <v>2700</v>
      </c>
      <c r="AG2040">
        <v>126602</v>
      </c>
      <c r="AH2040">
        <v>50000</v>
      </c>
      <c r="AI2040">
        <v>10</v>
      </c>
      <c r="AJ2040">
        <v>100</v>
      </c>
      <c r="AK2040" t="s">
        <v>0</v>
      </c>
      <c r="AL2040">
        <v>0</v>
      </c>
      <c r="AM2040">
        <v>0</v>
      </c>
      <c r="AN2040">
        <v>0</v>
      </c>
      <c r="AO2040">
        <v>0</v>
      </c>
      <c r="AP2040">
        <v>0</v>
      </c>
      <c r="AQ2040">
        <v>0</v>
      </c>
      <c r="AR2040">
        <v>0</v>
      </c>
      <c r="AS2040">
        <v>0</v>
      </c>
      <c r="AT2040">
        <v>0</v>
      </c>
      <c r="AU2040">
        <v>0</v>
      </c>
      <c r="AV2040">
        <v>0</v>
      </c>
      <c r="AW2040">
        <v>0</v>
      </c>
      <c r="AX2040">
        <v>2668</v>
      </c>
      <c r="AY2040">
        <v>6</v>
      </c>
      <c r="AZ2040">
        <v>12</v>
      </c>
      <c r="BA2040">
        <v>739</v>
      </c>
    </row>
    <row r="2041" spans="1:53" x14ac:dyDescent="0.4">
      <c r="A2041">
        <v>2085</v>
      </c>
      <c r="B2041" s="1">
        <v>43482</v>
      </c>
      <c r="C2041">
        <v>1</v>
      </c>
      <c r="D2041" s="1">
        <v>43482.291666666664</v>
      </c>
      <c r="E2041" s="1">
        <v>43482.45416666667</v>
      </c>
      <c r="F2041">
        <v>0</v>
      </c>
      <c r="G2041">
        <v>0</v>
      </c>
      <c r="H2041">
        <v>0</v>
      </c>
      <c r="I2041">
        <v>0</v>
      </c>
      <c r="J2041">
        <v>0</v>
      </c>
      <c r="K2041">
        <v>0</v>
      </c>
      <c r="L2041">
        <v>0</v>
      </c>
      <c r="M2041">
        <v>0</v>
      </c>
      <c r="N2041">
        <v>0</v>
      </c>
      <c r="O2041">
        <v>0</v>
      </c>
      <c r="P2041">
        <v>0</v>
      </c>
      <c r="Q2041">
        <v>0</v>
      </c>
      <c r="R2041">
        <v>0</v>
      </c>
      <c r="S2041">
        <v>0</v>
      </c>
      <c r="T2041">
        <v>0</v>
      </c>
      <c r="U2041">
        <v>0</v>
      </c>
      <c r="V2041">
        <v>0</v>
      </c>
      <c r="W2041">
        <v>0</v>
      </c>
      <c r="X2041">
        <v>0</v>
      </c>
      <c r="Y2041">
        <v>31</v>
      </c>
      <c r="Z2041">
        <v>12</v>
      </c>
      <c r="AA2041">
        <v>100</v>
      </c>
      <c r="AB2041">
        <v>31</v>
      </c>
      <c r="AC2041">
        <v>115</v>
      </c>
      <c r="AD2041">
        <v>27</v>
      </c>
      <c r="AE2041">
        <v>165</v>
      </c>
      <c r="AF2041">
        <v>0</v>
      </c>
      <c r="AG2041">
        <v>50000</v>
      </c>
      <c r="AH2041">
        <v>0</v>
      </c>
      <c r="AI2041">
        <v>50000</v>
      </c>
      <c r="AJ2041">
        <v>0</v>
      </c>
      <c r="AK2041" t="s">
        <v>6</v>
      </c>
      <c r="AL2041">
        <v>0</v>
      </c>
      <c r="AM2041">
        <v>0</v>
      </c>
      <c r="AN2041">
        <v>0</v>
      </c>
      <c r="AO2041">
        <v>0</v>
      </c>
      <c r="AP2041">
        <v>0</v>
      </c>
      <c r="AQ2041">
        <v>0</v>
      </c>
      <c r="AR2041">
        <v>0</v>
      </c>
      <c r="AS2041">
        <v>0</v>
      </c>
      <c r="AT2041">
        <v>0</v>
      </c>
      <c r="AU2041">
        <v>0</v>
      </c>
      <c r="AV2041">
        <v>0</v>
      </c>
      <c r="AW2041">
        <v>0</v>
      </c>
      <c r="AX2041">
        <v>0</v>
      </c>
      <c r="AY2041">
        <v>0</v>
      </c>
      <c r="AZ2041">
        <v>0</v>
      </c>
      <c r="BA2041">
        <v>0</v>
      </c>
    </row>
    <row r="2042" spans="1:53" x14ac:dyDescent="0.4">
      <c r="A2042">
        <v>2086</v>
      </c>
      <c r="B2042" s="1">
        <v>43482</v>
      </c>
      <c r="C2042">
        <v>2</v>
      </c>
      <c r="D2042" s="1">
        <v>43482.45416666667</v>
      </c>
      <c r="E2042" s="1">
        <v>43482.736111111109</v>
      </c>
      <c r="F2042">
        <v>11000</v>
      </c>
      <c r="G2042">
        <v>1180</v>
      </c>
      <c r="H2042">
        <v>0</v>
      </c>
      <c r="I2042">
        <v>0</v>
      </c>
      <c r="J2042">
        <v>0</v>
      </c>
      <c r="K2042">
        <v>0</v>
      </c>
      <c r="L2042">
        <v>0</v>
      </c>
      <c r="M2042">
        <v>974</v>
      </c>
      <c r="N2042">
        <v>0</v>
      </c>
      <c r="O2042">
        <v>0</v>
      </c>
      <c r="P2042">
        <v>13500</v>
      </c>
      <c r="Q2042">
        <v>0</v>
      </c>
      <c r="R2042">
        <v>26654</v>
      </c>
      <c r="S2042">
        <v>0</v>
      </c>
      <c r="T2042">
        <v>0</v>
      </c>
      <c r="U2042">
        <v>0</v>
      </c>
      <c r="V2042">
        <v>1</v>
      </c>
      <c r="W2042">
        <v>1</v>
      </c>
      <c r="X2042">
        <v>0</v>
      </c>
      <c r="Y2042">
        <v>38</v>
      </c>
      <c r="Z2042">
        <v>21</v>
      </c>
      <c r="AA2042">
        <v>99</v>
      </c>
      <c r="AB2042">
        <v>26</v>
      </c>
      <c r="AC2042">
        <v>163</v>
      </c>
      <c r="AD2042">
        <v>32</v>
      </c>
      <c r="AE2042">
        <v>164</v>
      </c>
      <c r="AF2042">
        <v>0</v>
      </c>
      <c r="AG2042">
        <v>76654</v>
      </c>
      <c r="AH2042">
        <v>50000</v>
      </c>
      <c r="AI2042">
        <v>0</v>
      </c>
      <c r="AJ2042">
        <v>96</v>
      </c>
      <c r="AK2042" t="s">
        <v>4</v>
      </c>
      <c r="AL2042">
        <v>0</v>
      </c>
      <c r="AM2042">
        <v>0</v>
      </c>
      <c r="AN2042">
        <v>0</v>
      </c>
      <c r="AO2042">
        <v>0</v>
      </c>
      <c r="AP2042">
        <v>0</v>
      </c>
      <c r="AQ2042">
        <v>0</v>
      </c>
      <c r="AR2042">
        <v>0</v>
      </c>
      <c r="AS2042">
        <v>0</v>
      </c>
      <c r="AT2042">
        <v>0</v>
      </c>
      <c r="AU2042">
        <v>0</v>
      </c>
      <c r="AV2042">
        <v>0</v>
      </c>
      <c r="AW2042">
        <v>0</v>
      </c>
      <c r="AX2042">
        <v>-2506</v>
      </c>
      <c r="AY2042">
        <v>29</v>
      </c>
      <c r="AZ2042">
        <v>47</v>
      </c>
      <c r="BA2042">
        <v>3265</v>
      </c>
    </row>
    <row r="2043" spans="1:53" x14ac:dyDescent="0.4">
      <c r="A2043">
        <v>2087</v>
      </c>
      <c r="B2043" s="1">
        <v>43482</v>
      </c>
      <c r="C2043">
        <v>3</v>
      </c>
      <c r="D2043" s="1">
        <v>43482.736111111109</v>
      </c>
      <c r="E2043" s="1">
        <v>43482.952777777777</v>
      </c>
      <c r="F2043">
        <v>26130</v>
      </c>
      <c r="G2043">
        <v>1660</v>
      </c>
      <c r="H2043">
        <v>0</v>
      </c>
      <c r="I2043">
        <v>0</v>
      </c>
      <c r="J2043">
        <v>0</v>
      </c>
      <c r="K2043">
        <v>0</v>
      </c>
      <c r="L2043">
        <v>0</v>
      </c>
      <c r="M2043">
        <v>2222</v>
      </c>
      <c r="N2043">
        <v>0</v>
      </c>
      <c r="O2043">
        <v>0</v>
      </c>
      <c r="P2043">
        <v>-13500</v>
      </c>
      <c r="Q2043">
        <v>0</v>
      </c>
      <c r="R2043">
        <v>16512</v>
      </c>
      <c r="S2043">
        <v>0</v>
      </c>
      <c r="T2043">
        <v>0</v>
      </c>
      <c r="U2043">
        <v>0</v>
      </c>
      <c r="V2043">
        <v>3</v>
      </c>
      <c r="W2043">
        <v>0</v>
      </c>
      <c r="X2043">
        <v>0</v>
      </c>
      <c r="Y2043">
        <v>43</v>
      </c>
      <c r="Z2043">
        <v>17</v>
      </c>
      <c r="AA2043">
        <v>86</v>
      </c>
      <c r="AB2043">
        <v>25</v>
      </c>
      <c r="AC2043">
        <v>149</v>
      </c>
      <c r="AD2043">
        <v>32</v>
      </c>
      <c r="AE2043">
        <v>166</v>
      </c>
      <c r="AF2043">
        <v>0</v>
      </c>
      <c r="AG2043">
        <v>93166</v>
      </c>
      <c r="AH2043">
        <v>50000</v>
      </c>
      <c r="AI2043">
        <v>0</v>
      </c>
      <c r="AJ2043">
        <v>108</v>
      </c>
      <c r="AK2043" t="s">
        <v>30</v>
      </c>
      <c r="AL2043">
        <v>0</v>
      </c>
      <c r="AM2043">
        <v>0</v>
      </c>
      <c r="AN2043">
        <v>0</v>
      </c>
      <c r="AO2043">
        <v>0</v>
      </c>
      <c r="AP2043">
        <v>0</v>
      </c>
      <c r="AQ2043">
        <v>0</v>
      </c>
      <c r="AR2043">
        <v>0</v>
      </c>
      <c r="AS2043">
        <v>0</v>
      </c>
      <c r="AT2043">
        <v>0</v>
      </c>
      <c r="AU2043">
        <v>0</v>
      </c>
      <c r="AV2043">
        <v>0</v>
      </c>
      <c r="AW2043">
        <v>0</v>
      </c>
      <c r="AX2043">
        <v>5940</v>
      </c>
      <c r="AY2043">
        <v>14</v>
      </c>
      <c r="AZ2043">
        <v>26</v>
      </c>
      <c r="BA2043">
        <v>2756</v>
      </c>
    </row>
    <row r="2044" spans="1:53" x14ac:dyDescent="0.4">
      <c r="A2044">
        <v>2088</v>
      </c>
      <c r="B2044" s="1">
        <v>43482</v>
      </c>
      <c r="C2044">
        <v>4</v>
      </c>
      <c r="D2044" s="1">
        <v>43482.952777777777</v>
      </c>
      <c r="E2044" s="1">
        <v>43483.12222222222</v>
      </c>
      <c r="F2044">
        <v>13000</v>
      </c>
      <c r="G2044">
        <v>0</v>
      </c>
      <c r="H2044">
        <v>200</v>
      </c>
      <c r="I2044">
        <v>0</v>
      </c>
      <c r="J2044">
        <v>0</v>
      </c>
      <c r="K2044">
        <v>0</v>
      </c>
      <c r="L2044">
        <v>0</v>
      </c>
      <c r="M2044">
        <v>1056</v>
      </c>
      <c r="N2044">
        <v>0</v>
      </c>
      <c r="O2044">
        <v>0</v>
      </c>
      <c r="P2044">
        <v>4752</v>
      </c>
      <c r="Q2044">
        <v>0</v>
      </c>
      <c r="R2044">
        <v>19008</v>
      </c>
      <c r="S2044">
        <v>0</v>
      </c>
      <c r="T2044">
        <v>0</v>
      </c>
      <c r="U2044">
        <v>0</v>
      </c>
      <c r="V2044">
        <v>5</v>
      </c>
      <c r="W2044">
        <v>0</v>
      </c>
      <c r="X2044">
        <v>0</v>
      </c>
      <c r="Y2044">
        <v>42</v>
      </c>
      <c r="Z2044">
        <v>16</v>
      </c>
      <c r="AA2044">
        <v>90</v>
      </c>
      <c r="AB2044">
        <v>27</v>
      </c>
      <c r="AC2044">
        <v>149</v>
      </c>
      <c r="AD2044">
        <v>34</v>
      </c>
      <c r="AE2044">
        <v>164</v>
      </c>
      <c r="AF2044">
        <v>0</v>
      </c>
      <c r="AG2044">
        <v>112174</v>
      </c>
      <c r="AH2044">
        <v>50000</v>
      </c>
      <c r="AI2044">
        <v>0</v>
      </c>
      <c r="AJ2044">
        <v>100</v>
      </c>
      <c r="AK2044" t="s">
        <v>0</v>
      </c>
      <c r="AL2044">
        <v>0</v>
      </c>
      <c r="AM2044">
        <v>0</v>
      </c>
      <c r="AN2044">
        <v>0</v>
      </c>
      <c r="AO2044">
        <v>0</v>
      </c>
      <c r="AP2044">
        <v>0</v>
      </c>
      <c r="AQ2044">
        <v>0</v>
      </c>
      <c r="AR2044">
        <v>0</v>
      </c>
      <c r="AS2044">
        <v>0</v>
      </c>
      <c r="AT2044">
        <v>0</v>
      </c>
      <c r="AU2044">
        <v>0</v>
      </c>
      <c r="AV2044">
        <v>0</v>
      </c>
      <c r="AW2044">
        <v>0</v>
      </c>
      <c r="AX2044">
        <v>1080</v>
      </c>
      <c r="AY2044">
        <v>3</v>
      </c>
      <c r="AZ2044">
        <v>8</v>
      </c>
      <c r="BA2044">
        <v>480</v>
      </c>
    </row>
    <row r="2045" spans="1:53" x14ac:dyDescent="0.4">
      <c r="A2045">
        <v>2089</v>
      </c>
      <c r="B2045" s="1">
        <v>43483</v>
      </c>
      <c r="C2045">
        <v>1</v>
      </c>
      <c r="D2045" s="1">
        <v>43483.291666666664</v>
      </c>
      <c r="E2045" s="1">
        <v>43483.451388888891</v>
      </c>
      <c r="F2045">
        <v>0</v>
      </c>
      <c r="G2045">
        <v>0</v>
      </c>
      <c r="H2045">
        <v>0</v>
      </c>
      <c r="I2045">
        <v>0</v>
      </c>
      <c r="J2045">
        <v>0</v>
      </c>
      <c r="K2045">
        <v>0</v>
      </c>
      <c r="L2045">
        <v>0</v>
      </c>
      <c r="M2045">
        <v>0</v>
      </c>
      <c r="N2045">
        <v>0</v>
      </c>
      <c r="O2045">
        <v>0</v>
      </c>
      <c r="P2045">
        <v>0</v>
      </c>
      <c r="Q2045">
        <v>0</v>
      </c>
      <c r="R2045">
        <v>0</v>
      </c>
      <c r="S2045">
        <v>0</v>
      </c>
      <c r="T2045">
        <v>0</v>
      </c>
      <c r="U2045">
        <v>0</v>
      </c>
      <c r="V2045">
        <v>0</v>
      </c>
      <c r="W2045">
        <v>0</v>
      </c>
      <c r="X2045">
        <v>0</v>
      </c>
      <c r="Y2045">
        <v>31</v>
      </c>
      <c r="Z2045">
        <v>15</v>
      </c>
      <c r="AA2045">
        <v>85</v>
      </c>
      <c r="AB2045">
        <v>28</v>
      </c>
      <c r="AC2045">
        <v>127</v>
      </c>
      <c r="AD2045">
        <v>34</v>
      </c>
      <c r="AE2045">
        <v>160</v>
      </c>
      <c r="AF2045">
        <v>0</v>
      </c>
      <c r="AG2045">
        <v>50000</v>
      </c>
      <c r="AH2045">
        <v>0</v>
      </c>
      <c r="AI2045">
        <v>50000</v>
      </c>
      <c r="AJ2045">
        <v>0</v>
      </c>
      <c r="AK2045" t="s">
        <v>6</v>
      </c>
      <c r="AL2045">
        <v>0</v>
      </c>
      <c r="AM2045">
        <v>0</v>
      </c>
      <c r="AN2045">
        <v>0</v>
      </c>
      <c r="AO2045">
        <v>0</v>
      </c>
      <c r="AP2045">
        <v>0</v>
      </c>
      <c r="AQ2045">
        <v>0</v>
      </c>
      <c r="AR2045">
        <v>0</v>
      </c>
      <c r="AS2045">
        <v>0</v>
      </c>
      <c r="AT2045">
        <v>0</v>
      </c>
      <c r="AU2045">
        <v>0</v>
      </c>
      <c r="AV2045">
        <v>0</v>
      </c>
      <c r="AW2045">
        <v>0</v>
      </c>
      <c r="AX2045">
        <v>0</v>
      </c>
      <c r="AY2045">
        <v>0</v>
      </c>
      <c r="AZ2045">
        <v>0</v>
      </c>
      <c r="BA2045">
        <v>0</v>
      </c>
    </row>
    <row r="2046" spans="1:53" x14ac:dyDescent="0.4">
      <c r="A2046">
        <v>2090</v>
      </c>
      <c r="B2046" s="1">
        <v>43483</v>
      </c>
      <c r="C2046">
        <v>2</v>
      </c>
      <c r="D2046" s="1">
        <v>43483.451388888891</v>
      </c>
      <c r="E2046" s="1">
        <v>43483.727777777778</v>
      </c>
      <c r="F2046">
        <v>16500</v>
      </c>
      <c r="G2046">
        <v>1560</v>
      </c>
      <c r="H2046">
        <v>200</v>
      </c>
      <c r="I2046">
        <v>0</v>
      </c>
      <c r="J2046">
        <v>0</v>
      </c>
      <c r="K2046">
        <v>0</v>
      </c>
      <c r="L2046">
        <v>0</v>
      </c>
      <c r="M2046">
        <v>1461</v>
      </c>
      <c r="N2046">
        <v>0</v>
      </c>
      <c r="O2046">
        <v>0</v>
      </c>
      <c r="P2046">
        <v>17280</v>
      </c>
      <c r="Q2046">
        <v>0</v>
      </c>
      <c r="R2046">
        <v>37001</v>
      </c>
      <c r="S2046">
        <v>0</v>
      </c>
      <c r="T2046">
        <v>0</v>
      </c>
      <c r="U2046">
        <v>0</v>
      </c>
      <c r="V2046">
        <v>1</v>
      </c>
      <c r="W2046">
        <v>1</v>
      </c>
      <c r="X2046">
        <v>0</v>
      </c>
      <c r="Y2046">
        <v>48</v>
      </c>
      <c r="Z2046">
        <v>20</v>
      </c>
      <c r="AA2046">
        <v>101</v>
      </c>
      <c r="AB2046">
        <v>27</v>
      </c>
      <c r="AC2046">
        <v>215</v>
      </c>
      <c r="AD2046">
        <v>43</v>
      </c>
      <c r="AE2046">
        <v>186</v>
      </c>
      <c r="AF2046">
        <v>0</v>
      </c>
      <c r="AG2046">
        <v>87001</v>
      </c>
      <c r="AH2046">
        <v>50000</v>
      </c>
      <c r="AI2046">
        <v>0</v>
      </c>
      <c r="AJ2046">
        <v>96</v>
      </c>
      <c r="AK2046" t="s">
        <v>4</v>
      </c>
      <c r="AL2046">
        <v>0</v>
      </c>
      <c r="AM2046">
        <v>0</v>
      </c>
      <c r="AN2046">
        <v>0</v>
      </c>
      <c r="AO2046">
        <v>0</v>
      </c>
      <c r="AP2046">
        <v>0</v>
      </c>
      <c r="AQ2046">
        <v>0</v>
      </c>
      <c r="AR2046">
        <v>0</v>
      </c>
      <c r="AS2046">
        <v>0</v>
      </c>
      <c r="AT2046">
        <v>0</v>
      </c>
      <c r="AU2046">
        <v>0</v>
      </c>
      <c r="AV2046">
        <v>0</v>
      </c>
      <c r="AW2046">
        <v>0</v>
      </c>
      <c r="AX2046">
        <v>-130</v>
      </c>
      <c r="AY2046">
        <v>39</v>
      </c>
      <c r="AZ2046">
        <v>62</v>
      </c>
      <c r="BA2046">
        <v>5196</v>
      </c>
    </row>
    <row r="2047" spans="1:53" x14ac:dyDescent="0.4">
      <c r="A2047">
        <v>2091</v>
      </c>
      <c r="B2047" s="1">
        <v>43483</v>
      </c>
      <c r="C2047">
        <v>3</v>
      </c>
      <c r="D2047" s="1">
        <v>43483.727777777778</v>
      </c>
      <c r="E2047" s="1">
        <v>43483.956944444442</v>
      </c>
      <c r="F2047">
        <v>42800</v>
      </c>
      <c r="G2047">
        <v>3320</v>
      </c>
      <c r="H2047">
        <v>200</v>
      </c>
      <c r="I2047">
        <v>0</v>
      </c>
      <c r="J2047">
        <v>0</v>
      </c>
      <c r="K2047">
        <v>0</v>
      </c>
      <c r="L2047">
        <v>0</v>
      </c>
      <c r="M2047">
        <v>3704</v>
      </c>
      <c r="N2047">
        <v>0</v>
      </c>
      <c r="O2047">
        <v>0</v>
      </c>
      <c r="P2047">
        <v>-17280</v>
      </c>
      <c r="Q2047">
        <v>0</v>
      </c>
      <c r="R2047">
        <v>32744</v>
      </c>
      <c r="S2047">
        <v>0</v>
      </c>
      <c r="T2047">
        <v>0</v>
      </c>
      <c r="U2047">
        <v>0</v>
      </c>
      <c r="V2047">
        <v>2</v>
      </c>
      <c r="W2047">
        <v>1</v>
      </c>
      <c r="X2047">
        <v>0</v>
      </c>
      <c r="Y2047">
        <v>62</v>
      </c>
      <c r="Z2047">
        <v>23</v>
      </c>
      <c r="AA2047">
        <v>103</v>
      </c>
      <c r="AB2047">
        <v>27</v>
      </c>
      <c r="AC2047">
        <v>214</v>
      </c>
      <c r="AD2047">
        <v>41</v>
      </c>
      <c r="AE2047">
        <v>184</v>
      </c>
      <c r="AF2047">
        <v>7106</v>
      </c>
      <c r="AG2047">
        <v>119785</v>
      </c>
      <c r="AH2047">
        <v>50000</v>
      </c>
      <c r="AI2047">
        <v>40</v>
      </c>
      <c r="AJ2047">
        <v>108</v>
      </c>
      <c r="AK2047" t="s">
        <v>30</v>
      </c>
      <c r="AL2047">
        <v>0</v>
      </c>
      <c r="AM2047">
        <v>0</v>
      </c>
      <c r="AN2047">
        <v>0</v>
      </c>
      <c r="AO2047">
        <v>0</v>
      </c>
      <c r="AP2047">
        <v>0</v>
      </c>
      <c r="AQ2047">
        <v>0</v>
      </c>
      <c r="AR2047">
        <v>0</v>
      </c>
      <c r="AS2047">
        <v>0</v>
      </c>
      <c r="AT2047">
        <v>0</v>
      </c>
      <c r="AU2047">
        <v>0</v>
      </c>
      <c r="AV2047">
        <v>0</v>
      </c>
      <c r="AW2047">
        <v>0</v>
      </c>
      <c r="AX2047">
        <v>120420</v>
      </c>
      <c r="AY2047">
        <v>26</v>
      </c>
      <c r="AZ2047">
        <v>102</v>
      </c>
      <c r="BA2047">
        <v>3743</v>
      </c>
    </row>
    <row r="2048" spans="1:53" x14ac:dyDescent="0.4">
      <c r="A2048">
        <v>2092</v>
      </c>
      <c r="B2048" s="1">
        <v>43483</v>
      </c>
      <c r="C2048">
        <v>4</v>
      </c>
      <c r="D2048" s="1">
        <v>43483.956944444442</v>
      </c>
      <c r="E2048" s="1">
        <v>43484.081250000003</v>
      </c>
      <c r="F2048">
        <v>194100</v>
      </c>
      <c r="G2048">
        <v>5900</v>
      </c>
      <c r="H2048">
        <v>0</v>
      </c>
      <c r="I2048">
        <v>0</v>
      </c>
      <c r="J2048">
        <v>0</v>
      </c>
      <c r="K2048">
        <v>500</v>
      </c>
      <c r="L2048">
        <v>0</v>
      </c>
      <c r="M2048">
        <v>16040</v>
      </c>
      <c r="N2048">
        <v>0</v>
      </c>
      <c r="O2048">
        <v>0</v>
      </c>
      <c r="P2048">
        <v>47844</v>
      </c>
      <c r="Q2048">
        <v>0</v>
      </c>
      <c r="R2048">
        <v>264384</v>
      </c>
      <c r="S2048">
        <v>0</v>
      </c>
      <c r="T2048">
        <v>0</v>
      </c>
      <c r="U2048">
        <v>0</v>
      </c>
      <c r="V2048">
        <v>28</v>
      </c>
      <c r="W2048">
        <v>0</v>
      </c>
      <c r="X2048">
        <v>0</v>
      </c>
      <c r="Y2048">
        <v>9</v>
      </c>
      <c r="Z2048">
        <v>21</v>
      </c>
      <c r="AA2048">
        <v>171</v>
      </c>
      <c r="AB2048">
        <v>31</v>
      </c>
      <c r="AC2048">
        <v>228</v>
      </c>
      <c r="AD2048">
        <v>41</v>
      </c>
      <c r="AE2048">
        <v>200</v>
      </c>
      <c r="AF2048">
        <v>63335</v>
      </c>
      <c r="AG2048">
        <v>384170</v>
      </c>
      <c r="AH2048">
        <v>50000</v>
      </c>
      <c r="AI2048">
        <v>41</v>
      </c>
      <c r="AJ2048">
        <v>102</v>
      </c>
      <c r="AK2048" t="s">
        <v>8</v>
      </c>
      <c r="AL2048">
        <v>0</v>
      </c>
      <c r="AM2048">
        <v>0</v>
      </c>
      <c r="AN2048">
        <v>0</v>
      </c>
      <c r="AO2048">
        <v>0</v>
      </c>
      <c r="AP2048">
        <v>0</v>
      </c>
      <c r="AQ2048">
        <v>0</v>
      </c>
      <c r="AR2048">
        <v>0</v>
      </c>
      <c r="AS2048">
        <v>0</v>
      </c>
      <c r="AT2048">
        <v>0</v>
      </c>
      <c r="AU2048">
        <v>0</v>
      </c>
      <c r="AV2048">
        <v>0</v>
      </c>
      <c r="AW2048">
        <v>0</v>
      </c>
      <c r="AX2048">
        <v>8694</v>
      </c>
      <c r="AY2048">
        <v>12</v>
      </c>
      <c r="AZ2048">
        <v>49</v>
      </c>
      <c r="BA2048">
        <v>2159</v>
      </c>
    </row>
    <row r="2049" spans="1:53" x14ac:dyDescent="0.4">
      <c r="A2049">
        <v>2093</v>
      </c>
      <c r="B2049" s="1">
        <v>43484</v>
      </c>
      <c r="C2049">
        <v>1</v>
      </c>
      <c r="D2049" s="1">
        <v>43484.291666666664</v>
      </c>
      <c r="E2049" s="1">
        <v>43484.406944444447</v>
      </c>
      <c r="F2049">
        <v>0</v>
      </c>
      <c r="G2049">
        <v>0</v>
      </c>
      <c r="H2049">
        <v>0</v>
      </c>
      <c r="I2049">
        <v>0</v>
      </c>
      <c r="J2049">
        <v>0</v>
      </c>
      <c r="K2049">
        <v>0</v>
      </c>
      <c r="L2049">
        <v>0</v>
      </c>
      <c r="M2049">
        <v>0</v>
      </c>
      <c r="N2049">
        <v>0</v>
      </c>
      <c r="O2049">
        <v>0</v>
      </c>
      <c r="P2049">
        <v>0</v>
      </c>
      <c r="Q2049">
        <v>0</v>
      </c>
      <c r="R2049">
        <v>0</v>
      </c>
      <c r="S2049">
        <v>0</v>
      </c>
      <c r="T2049">
        <v>0</v>
      </c>
      <c r="U2049">
        <v>0</v>
      </c>
      <c r="V2049">
        <v>1</v>
      </c>
      <c r="W2049">
        <v>0</v>
      </c>
      <c r="X2049">
        <v>0</v>
      </c>
      <c r="Y2049">
        <v>24</v>
      </c>
      <c r="Z2049">
        <v>5</v>
      </c>
      <c r="AA2049">
        <v>105</v>
      </c>
      <c r="AB2049">
        <v>28</v>
      </c>
      <c r="AC2049">
        <v>119</v>
      </c>
      <c r="AD2049">
        <v>41</v>
      </c>
      <c r="AE2049">
        <v>155</v>
      </c>
      <c r="AF2049">
        <v>0</v>
      </c>
      <c r="AG2049">
        <v>49950</v>
      </c>
      <c r="AH2049">
        <v>50000</v>
      </c>
      <c r="AI2049">
        <v>-50</v>
      </c>
      <c r="AJ2049">
        <v>0</v>
      </c>
      <c r="AK2049" t="s">
        <v>6</v>
      </c>
      <c r="AL2049">
        <v>0</v>
      </c>
      <c r="AM2049">
        <v>0</v>
      </c>
      <c r="AN2049">
        <v>0</v>
      </c>
      <c r="AO2049">
        <v>0</v>
      </c>
      <c r="AP2049">
        <v>0</v>
      </c>
      <c r="AQ2049">
        <v>0</v>
      </c>
      <c r="AR2049">
        <v>0</v>
      </c>
      <c r="AS2049">
        <v>0</v>
      </c>
      <c r="AT2049">
        <v>0</v>
      </c>
      <c r="AU2049">
        <v>0</v>
      </c>
      <c r="AV2049">
        <v>0</v>
      </c>
      <c r="AW2049">
        <v>0</v>
      </c>
      <c r="AX2049">
        <v>0</v>
      </c>
      <c r="AY2049">
        <v>0</v>
      </c>
      <c r="AZ2049">
        <v>0</v>
      </c>
      <c r="BA2049">
        <v>0</v>
      </c>
    </row>
    <row r="2050" spans="1:53" x14ac:dyDescent="0.4">
      <c r="A2050">
        <v>2094</v>
      </c>
      <c r="B2050" s="1">
        <v>43484</v>
      </c>
      <c r="C2050">
        <v>2</v>
      </c>
      <c r="D2050" s="1">
        <v>43484.406944444447</v>
      </c>
      <c r="E2050" s="1">
        <v>43484.738194444442</v>
      </c>
      <c r="F2050">
        <v>44000</v>
      </c>
      <c r="G2050">
        <v>4980</v>
      </c>
      <c r="H2050">
        <v>400</v>
      </c>
      <c r="I2050">
        <v>0</v>
      </c>
      <c r="J2050">
        <v>0</v>
      </c>
      <c r="K2050">
        <v>0</v>
      </c>
      <c r="L2050">
        <v>0</v>
      </c>
      <c r="M2050">
        <v>3950</v>
      </c>
      <c r="N2050">
        <v>0</v>
      </c>
      <c r="O2050">
        <v>0</v>
      </c>
      <c r="P2050">
        <v>24300</v>
      </c>
      <c r="Q2050">
        <v>0</v>
      </c>
      <c r="R2050">
        <v>77630</v>
      </c>
      <c r="S2050">
        <v>0</v>
      </c>
      <c r="T2050">
        <v>0</v>
      </c>
      <c r="U2050">
        <v>0</v>
      </c>
      <c r="V2050">
        <v>3</v>
      </c>
      <c r="W2050">
        <v>1</v>
      </c>
      <c r="X2050">
        <v>0</v>
      </c>
      <c r="Y2050">
        <v>65</v>
      </c>
      <c r="Z2050">
        <v>25</v>
      </c>
      <c r="AA2050">
        <v>94</v>
      </c>
      <c r="AB2050">
        <v>27</v>
      </c>
      <c r="AC2050">
        <v>159</v>
      </c>
      <c r="AD2050">
        <v>39</v>
      </c>
      <c r="AE2050">
        <v>152</v>
      </c>
      <c r="AF2050">
        <v>2453</v>
      </c>
      <c r="AG2050">
        <v>127640</v>
      </c>
      <c r="AH2050">
        <v>50000</v>
      </c>
      <c r="AI2050">
        <v>10</v>
      </c>
      <c r="AJ2050">
        <v>90</v>
      </c>
      <c r="AK2050" t="s">
        <v>24</v>
      </c>
      <c r="AL2050">
        <v>0</v>
      </c>
      <c r="AM2050">
        <v>0</v>
      </c>
      <c r="AN2050">
        <v>0</v>
      </c>
      <c r="AO2050">
        <v>0</v>
      </c>
      <c r="AP2050">
        <v>0</v>
      </c>
      <c r="AQ2050">
        <v>0</v>
      </c>
      <c r="AR2050">
        <v>0</v>
      </c>
      <c r="AS2050">
        <v>0</v>
      </c>
      <c r="AT2050">
        <v>0</v>
      </c>
      <c r="AU2050">
        <v>0</v>
      </c>
      <c r="AV2050">
        <v>0</v>
      </c>
      <c r="AW2050">
        <v>0</v>
      </c>
      <c r="AX2050">
        <v>0</v>
      </c>
      <c r="AY2050">
        <v>54</v>
      </c>
      <c r="AZ2050">
        <v>121</v>
      </c>
      <c r="BA2050">
        <v>7873</v>
      </c>
    </row>
    <row r="2051" spans="1:53" x14ac:dyDescent="0.4">
      <c r="A2051">
        <v>2095</v>
      </c>
      <c r="B2051" s="1">
        <v>43484</v>
      </c>
      <c r="C2051">
        <v>3</v>
      </c>
      <c r="D2051" s="1">
        <v>43484.738194444442</v>
      </c>
      <c r="E2051" s="1">
        <v>43485.078472222223</v>
      </c>
      <c r="F2051">
        <v>197100</v>
      </c>
      <c r="G2051">
        <v>10360</v>
      </c>
      <c r="H2051">
        <v>0</v>
      </c>
      <c r="I2051">
        <v>0</v>
      </c>
      <c r="J2051">
        <v>0</v>
      </c>
      <c r="K2051">
        <v>11000</v>
      </c>
      <c r="L2051">
        <v>0</v>
      </c>
      <c r="M2051">
        <v>17476</v>
      </c>
      <c r="N2051">
        <v>0</v>
      </c>
      <c r="O2051">
        <v>0</v>
      </c>
      <c r="P2051">
        <v>49788</v>
      </c>
      <c r="Q2051">
        <v>0</v>
      </c>
      <c r="R2051">
        <v>285724</v>
      </c>
      <c r="S2051">
        <v>0</v>
      </c>
      <c r="T2051">
        <v>0</v>
      </c>
      <c r="U2051">
        <v>0</v>
      </c>
      <c r="V2051">
        <v>32</v>
      </c>
      <c r="W2051">
        <v>0</v>
      </c>
      <c r="X2051">
        <v>0</v>
      </c>
      <c r="Y2051">
        <v>31</v>
      </c>
      <c r="Z2051">
        <v>35</v>
      </c>
      <c r="AA2051">
        <v>100</v>
      </c>
      <c r="AB2051">
        <v>17</v>
      </c>
      <c r="AC2051">
        <v>154</v>
      </c>
      <c r="AD2051">
        <v>32</v>
      </c>
      <c r="AE2051">
        <v>151</v>
      </c>
      <c r="AF2051">
        <v>32153</v>
      </c>
      <c r="AG2051">
        <v>413354</v>
      </c>
      <c r="AH2051">
        <v>50000</v>
      </c>
      <c r="AI2051">
        <v>0</v>
      </c>
      <c r="AJ2051">
        <v>108</v>
      </c>
      <c r="AK2051" t="s">
        <v>30</v>
      </c>
      <c r="AL2051">
        <v>0</v>
      </c>
      <c r="AM2051">
        <v>0</v>
      </c>
      <c r="AN2051">
        <v>0</v>
      </c>
      <c r="AO2051">
        <v>0</v>
      </c>
      <c r="AP2051">
        <v>0</v>
      </c>
      <c r="AQ2051">
        <v>0</v>
      </c>
      <c r="AR2051">
        <v>0</v>
      </c>
      <c r="AS2051">
        <v>0</v>
      </c>
      <c r="AT2051">
        <v>0</v>
      </c>
      <c r="AU2051">
        <v>0</v>
      </c>
      <c r="AV2051">
        <v>0</v>
      </c>
      <c r="AW2051">
        <v>0</v>
      </c>
      <c r="AX2051">
        <v>35165</v>
      </c>
      <c r="AY2051">
        <v>35</v>
      </c>
      <c r="AZ2051">
        <v>148</v>
      </c>
      <c r="BA2051">
        <v>6012</v>
      </c>
    </row>
    <row r="2052" spans="1:53" x14ac:dyDescent="0.4">
      <c r="A2052">
        <v>2096</v>
      </c>
      <c r="B2052" s="1">
        <v>43485</v>
      </c>
      <c r="C2052">
        <v>1</v>
      </c>
      <c r="D2052" s="1">
        <v>43485.291666666664</v>
      </c>
      <c r="E2052" s="1">
        <v>43485.396527777775</v>
      </c>
      <c r="F2052">
        <v>0</v>
      </c>
      <c r="G2052">
        <v>0</v>
      </c>
      <c r="H2052">
        <v>0</v>
      </c>
      <c r="I2052">
        <v>0</v>
      </c>
      <c r="J2052">
        <v>0</v>
      </c>
      <c r="K2052">
        <v>0</v>
      </c>
      <c r="L2052">
        <v>0</v>
      </c>
      <c r="M2052">
        <v>0</v>
      </c>
      <c r="N2052">
        <v>0</v>
      </c>
      <c r="O2052">
        <v>0</v>
      </c>
      <c r="P2052">
        <v>0</v>
      </c>
      <c r="Q2052">
        <v>0</v>
      </c>
      <c r="R2052">
        <v>0</v>
      </c>
      <c r="S2052">
        <v>0</v>
      </c>
      <c r="T2052">
        <v>0</v>
      </c>
      <c r="U2052">
        <v>0</v>
      </c>
      <c r="V2052">
        <v>0</v>
      </c>
      <c r="W2052">
        <v>0</v>
      </c>
      <c r="X2052">
        <v>0</v>
      </c>
      <c r="Y2052">
        <v>28</v>
      </c>
      <c r="Z2052">
        <v>21</v>
      </c>
      <c r="AA2052">
        <v>95</v>
      </c>
      <c r="AB2052">
        <v>13</v>
      </c>
      <c r="AC2052">
        <v>105</v>
      </c>
      <c r="AD2052">
        <v>32</v>
      </c>
      <c r="AE2052">
        <v>140</v>
      </c>
      <c r="AF2052">
        <v>0</v>
      </c>
      <c r="AG2052">
        <v>50000</v>
      </c>
      <c r="AH2052">
        <v>50000</v>
      </c>
      <c r="AI2052">
        <v>0</v>
      </c>
      <c r="AJ2052">
        <v>0</v>
      </c>
      <c r="AK2052" t="s">
        <v>6</v>
      </c>
      <c r="AL2052">
        <v>0</v>
      </c>
      <c r="AM2052">
        <v>0</v>
      </c>
      <c r="AN2052">
        <v>0</v>
      </c>
      <c r="AO2052">
        <v>0</v>
      </c>
      <c r="AP2052">
        <v>0</v>
      </c>
      <c r="AQ2052">
        <v>0</v>
      </c>
      <c r="AR2052">
        <v>0</v>
      </c>
      <c r="AS2052">
        <v>0</v>
      </c>
      <c r="AT2052">
        <v>0</v>
      </c>
      <c r="AU2052">
        <v>0</v>
      </c>
      <c r="AV2052">
        <v>0</v>
      </c>
      <c r="AW2052">
        <v>0</v>
      </c>
      <c r="AX2052">
        <v>0</v>
      </c>
      <c r="AY2052">
        <v>0</v>
      </c>
      <c r="AZ2052">
        <v>0</v>
      </c>
      <c r="BA2052">
        <v>0</v>
      </c>
    </row>
    <row r="2053" spans="1:53" x14ac:dyDescent="0.4">
      <c r="A2053">
        <v>2097</v>
      </c>
      <c r="B2053" s="1">
        <v>43485</v>
      </c>
      <c r="C2053">
        <v>2</v>
      </c>
      <c r="D2053" s="1">
        <v>43485.396527777775</v>
      </c>
      <c r="E2053" s="1">
        <v>43485.731944444444</v>
      </c>
      <c r="F2053">
        <v>46000</v>
      </c>
      <c r="G2053">
        <v>4620</v>
      </c>
      <c r="H2053">
        <v>0</v>
      </c>
      <c r="I2053">
        <v>0</v>
      </c>
      <c r="J2053">
        <v>0</v>
      </c>
      <c r="K2053">
        <v>0</v>
      </c>
      <c r="L2053">
        <v>0</v>
      </c>
      <c r="M2053">
        <v>4048</v>
      </c>
      <c r="N2053">
        <v>0</v>
      </c>
      <c r="O2053">
        <v>0</v>
      </c>
      <c r="P2053">
        <v>24300</v>
      </c>
      <c r="Q2053">
        <v>0</v>
      </c>
      <c r="R2053">
        <v>78968</v>
      </c>
      <c r="S2053">
        <v>0</v>
      </c>
      <c r="T2053">
        <v>0</v>
      </c>
      <c r="U2053">
        <v>0</v>
      </c>
      <c r="V2053">
        <v>1</v>
      </c>
      <c r="W2053">
        <v>3</v>
      </c>
      <c r="X2053">
        <v>0</v>
      </c>
      <c r="Y2053">
        <v>63</v>
      </c>
      <c r="Z2053">
        <v>42</v>
      </c>
      <c r="AA2053">
        <v>137</v>
      </c>
      <c r="AB2053">
        <v>26</v>
      </c>
      <c r="AC2053">
        <v>177</v>
      </c>
      <c r="AD2053">
        <v>31</v>
      </c>
      <c r="AE2053">
        <v>149</v>
      </c>
      <c r="AF2053">
        <v>2894</v>
      </c>
      <c r="AG2053">
        <v>128968</v>
      </c>
      <c r="AH2053">
        <v>50000</v>
      </c>
      <c r="AI2053">
        <v>0</v>
      </c>
      <c r="AJ2053">
        <v>89</v>
      </c>
      <c r="AK2053" t="s">
        <v>12</v>
      </c>
      <c r="AL2053">
        <v>0</v>
      </c>
      <c r="AM2053">
        <v>0</v>
      </c>
      <c r="AN2053">
        <v>0</v>
      </c>
      <c r="AO2053">
        <v>0</v>
      </c>
      <c r="AP2053">
        <v>0</v>
      </c>
      <c r="AQ2053">
        <v>0</v>
      </c>
      <c r="AR2053">
        <v>0</v>
      </c>
      <c r="AS2053">
        <v>0</v>
      </c>
      <c r="AT2053">
        <v>0</v>
      </c>
      <c r="AU2053">
        <v>0</v>
      </c>
      <c r="AV2053">
        <v>0</v>
      </c>
      <c r="AW2053">
        <v>0</v>
      </c>
      <c r="AX2053">
        <v>-540</v>
      </c>
      <c r="AY2053">
        <v>59</v>
      </c>
      <c r="AZ2053">
        <v>131</v>
      </c>
      <c r="BA2053">
        <v>8149</v>
      </c>
    </row>
    <row r="2054" spans="1:53" x14ac:dyDescent="0.4">
      <c r="A2054">
        <v>2098</v>
      </c>
      <c r="B2054" s="1">
        <v>43486</v>
      </c>
      <c r="C2054">
        <v>1</v>
      </c>
      <c r="D2054" s="1">
        <v>43486.291666666664</v>
      </c>
      <c r="E2054" s="1">
        <v>43486.451388888891</v>
      </c>
      <c r="F2054">
        <v>0</v>
      </c>
      <c r="G2054">
        <v>0</v>
      </c>
      <c r="H2054">
        <v>0</v>
      </c>
      <c r="I2054">
        <v>0</v>
      </c>
      <c r="J2054">
        <v>0</v>
      </c>
      <c r="K2054">
        <v>0</v>
      </c>
      <c r="L2054">
        <v>0</v>
      </c>
      <c r="M2054">
        <v>0</v>
      </c>
      <c r="N2054">
        <v>0</v>
      </c>
      <c r="O2054">
        <v>0</v>
      </c>
      <c r="P2054">
        <v>0</v>
      </c>
      <c r="Q2054">
        <v>0</v>
      </c>
      <c r="R2054">
        <v>0</v>
      </c>
      <c r="S2054">
        <v>0</v>
      </c>
      <c r="T2054">
        <v>0</v>
      </c>
      <c r="U2054">
        <v>0</v>
      </c>
      <c r="V2054">
        <v>0</v>
      </c>
      <c r="W2054">
        <v>0</v>
      </c>
      <c r="X2054">
        <v>0</v>
      </c>
      <c r="Y2054">
        <v>30</v>
      </c>
      <c r="Z2054">
        <v>7</v>
      </c>
      <c r="AA2054">
        <v>138</v>
      </c>
      <c r="AB2054">
        <v>25</v>
      </c>
      <c r="AC2054">
        <v>116</v>
      </c>
      <c r="AD2054">
        <v>30</v>
      </c>
      <c r="AE2054">
        <v>140</v>
      </c>
      <c r="AF2054">
        <v>0</v>
      </c>
      <c r="AG2054">
        <v>50000</v>
      </c>
      <c r="AH2054">
        <v>0</v>
      </c>
      <c r="AI2054">
        <v>50000</v>
      </c>
      <c r="AJ2054">
        <v>0</v>
      </c>
      <c r="AK2054" t="s">
        <v>6</v>
      </c>
      <c r="AL2054">
        <v>0</v>
      </c>
      <c r="AM2054">
        <v>0</v>
      </c>
      <c r="AN2054">
        <v>0</v>
      </c>
      <c r="AO2054">
        <v>0</v>
      </c>
      <c r="AP2054">
        <v>0</v>
      </c>
      <c r="AQ2054">
        <v>0</v>
      </c>
      <c r="AR2054">
        <v>0</v>
      </c>
      <c r="AS2054">
        <v>0</v>
      </c>
      <c r="AT2054">
        <v>0</v>
      </c>
      <c r="AU2054">
        <v>0</v>
      </c>
      <c r="AV2054">
        <v>0</v>
      </c>
      <c r="AW2054">
        <v>0</v>
      </c>
      <c r="AX2054">
        <v>0</v>
      </c>
      <c r="AY2054">
        <v>0</v>
      </c>
      <c r="AZ2054">
        <v>0</v>
      </c>
      <c r="BA2054">
        <v>0</v>
      </c>
    </row>
    <row r="2055" spans="1:53" x14ac:dyDescent="0.4">
      <c r="A2055">
        <v>2099</v>
      </c>
      <c r="B2055" s="1">
        <v>43486</v>
      </c>
      <c r="C2055">
        <v>2</v>
      </c>
      <c r="D2055" s="1">
        <v>43486.451388888891</v>
      </c>
      <c r="E2055" s="1">
        <v>43486.740972222222</v>
      </c>
      <c r="F2055">
        <v>22000</v>
      </c>
      <c r="G2055">
        <v>3080</v>
      </c>
      <c r="H2055">
        <v>0</v>
      </c>
      <c r="I2055">
        <v>0</v>
      </c>
      <c r="J2055">
        <v>0</v>
      </c>
      <c r="K2055">
        <v>0</v>
      </c>
      <c r="L2055">
        <v>0</v>
      </c>
      <c r="M2055">
        <v>2006</v>
      </c>
      <c r="N2055">
        <v>0</v>
      </c>
      <c r="O2055">
        <v>0</v>
      </c>
      <c r="P2055">
        <v>21060</v>
      </c>
      <c r="Q2055">
        <v>0</v>
      </c>
      <c r="R2055">
        <v>48146</v>
      </c>
      <c r="S2055">
        <v>0</v>
      </c>
      <c r="T2055">
        <v>0</v>
      </c>
      <c r="U2055">
        <v>0</v>
      </c>
      <c r="V2055">
        <v>1</v>
      </c>
      <c r="W2055">
        <v>2</v>
      </c>
      <c r="X2055">
        <v>0</v>
      </c>
      <c r="Y2055">
        <v>43</v>
      </c>
      <c r="Z2055">
        <v>26</v>
      </c>
      <c r="AA2055">
        <v>152</v>
      </c>
      <c r="AB2055">
        <v>34</v>
      </c>
      <c r="AC2055">
        <v>227</v>
      </c>
      <c r="AD2055">
        <v>36</v>
      </c>
      <c r="AE2055">
        <v>148</v>
      </c>
      <c r="AF2055">
        <v>2648</v>
      </c>
      <c r="AG2055">
        <v>98146</v>
      </c>
      <c r="AH2055">
        <v>50000</v>
      </c>
      <c r="AI2055">
        <v>0</v>
      </c>
      <c r="AJ2055">
        <v>96</v>
      </c>
      <c r="AK2055" t="s">
        <v>4</v>
      </c>
      <c r="AL2055">
        <v>0</v>
      </c>
      <c r="AM2055">
        <v>0</v>
      </c>
      <c r="AN2055">
        <v>0</v>
      </c>
      <c r="AO2055">
        <v>0</v>
      </c>
      <c r="AP2055">
        <v>0</v>
      </c>
      <c r="AQ2055">
        <v>0</v>
      </c>
      <c r="AR2055">
        <v>0</v>
      </c>
      <c r="AS2055">
        <v>0</v>
      </c>
      <c r="AT2055">
        <v>0</v>
      </c>
      <c r="AU2055">
        <v>0</v>
      </c>
      <c r="AV2055">
        <v>0</v>
      </c>
      <c r="AW2055">
        <v>0</v>
      </c>
      <c r="AX2055">
        <v>-1123</v>
      </c>
      <c r="AY2055">
        <v>44</v>
      </c>
      <c r="AZ2055">
        <v>81</v>
      </c>
      <c r="BA2055">
        <v>5727</v>
      </c>
    </row>
    <row r="2056" spans="1:53" x14ac:dyDescent="0.4">
      <c r="A2056">
        <v>2100</v>
      </c>
      <c r="B2056" s="1">
        <v>43486</v>
      </c>
      <c r="C2056">
        <v>3</v>
      </c>
      <c r="D2056" s="1">
        <v>43486.740972222222</v>
      </c>
      <c r="E2056" s="1">
        <v>43486.954861111109</v>
      </c>
      <c r="F2056">
        <v>25750</v>
      </c>
      <c r="G2056">
        <v>1460</v>
      </c>
      <c r="H2056">
        <v>0</v>
      </c>
      <c r="I2056">
        <v>0</v>
      </c>
      <c r="J2056">
        <v>0</v>
      </c>
      <c r="K2056">
        <v>0</v>
      </c>
      <c r="L2056">
        <v>0</v>
      </c>
      <c r="M2056">
        <v>2177</v>
      </c>
      <c r="N2056">
        <v>0</v>
      </c>
      <c r="O2056">
        <v>0</v>
      </c>
      <c r="P2056">
        <v>-13932</v>
      </c>
      <c r="Q2056">
        <v>0</v>
      </c>
      <c r="R2056">
        <v>15455</v>
      </c>
      <c r="S2056">
        <v>0</v>
      </c>
      <c r="T2056">
        <v>0</v>
      </c>
      <c r="U2056">
        <v>0</v>
      </c>
      <c r="V2056">
        <v>2</v>
      </c>
      <c r="W2056">
        <v>3</v>
      </c>
      <c r="X2056">
        <v>0</v>
      </c>
      <c r="Y2056">
        <v>44</v>
      </c>
      <c r="Z2056">
        <v>28</v>
      </c>
      <c r="AA2056">
        <v>139</v>
      </c>
      <c r="AB2056">
        <v>29</v>
      </c>
      <c r="AC2056">
        <v>228</v>
      </c>
      <c r="AD2056">
        <v>36</v>
      </c>
      <c r="AE2056">
        <v>143</v>
      </c>
      <c r="AF2056">
        <v>2648</v>
      </c>
      <c r="AG2056">
        <v>113601</v>
      </c>
      <c r="AH2056">
        <v>50000</v>
      </c>
      <c r="AI2056">
        <v>0</v>
      </c>
      <c r="AJ2056">
        <v>84</v>
      </c>
      <c r="AK2056" t="s">
        <v>16</v>
      </c>
      <c r="AL2056">
        <v>0</v>
      </c>
      <c r="AM2056">
        <v>0</v>
      </c>
      <c r="AN2056">
        <v>0</v>
      </c>
      <c r="AO2056">
        <v>0</v>
      </c>
      <c r="AP2056">
        <v>0</v>
      </c>
      <c r="AQ2056">
        <v>0</v>
      </c>
      <c r="AR2056">
        <v>0</v>
      </c>
      <c r="AS2056">
        <v>0</v>
      </c>
      <c r="AT2056">
        <v>0</v>
      </c>
      <c r="AU2056">
        <v>0</v>
      </c>
      <c r="AV2056">
        <v>0</v>
      </c>
      <c r="AW2056">
        <v>0</v>
      </c>
      <c r="AX2056">
        <v>22140</v>
      </c>
      <c r="AY2056">
        <v>10</v>
      </c>
      <c r="AZ2056">
        <v>26</v>
      </c>
      <c r="BA2056">
        <v>2704</v>
      </c>
    </row>
    <row r="2057" spans="1:53" x14ac:dyDescent="0.4">
      <c r="A2057">
        <v>2101</v>
      </c>
      <c r="B2057" s="1">
        <v>43487</v>
      </c>
      <c r="C2057">
        <v>1</v>
      </c>
      <c r="D2057" s="1">
        <v>43487.291666666664</v>
      </c>
      <c r="E2057" s="1">
        <v>43487.438888888886</v>
      </c>
      <c r="F2057">
        <v>0</v>
      </c>
      <c r="G2057">
        <v>0</v>
      </c>
      <c r="H2057">
        <v>0</v>
      </c>
      <c r="I2057">
        <v>0</v>
      </c>
      <c r="J2057">
        <v>0</v>
      </c>
      <c r="K2057">
        <v>0</v>
      </c>
      <c r="L2057">
        <v>0</v>
      </c>
      <c r="M2057">
        <v>0</v>
      </c>
      <c r="N2057">
        <v>0</v>
      </c>
      <c r="O2057">
        <v>0</v>
      </c>
      <c r="P2057">
        <v>0</v>
      </c>
      <c r="Q2057">
        <v>0</v>
      </c>
      <c r="R2057">
        <v>0</v>
      </c>
      <c r="S2057">
        <v>0</v>
      </c>
      <c r="T2057">
        <v>0</v>
      </c>
      <c r="U2057">
        <v>0</v>
      </c>
      <c r="V2057">
        <v>0</v>
      </c>
      <c r="W2057">
        <v>0</v>
      </c>
      <c r="X2057">
        <v>0</v>
      </c>
      <c r="Y2057">
        <v>30</v>
      </c>
      <c r="Z2057">
        <v>14</v>
      </c>
      <c r="AA2057">
        <v>101</v>
      </c>
      <c r="AB2057">
        <v>29</v>
      </c>
      <c r="AC2057">
        <v>113</v>
      </c>
      <c r="AD2057">
        <v>36</v>
      </c>
      <c r="AE2057">
        <v>140</v>
      </c>
      <c r="AF2057">
        <v>0</v>
      </c>
      <c r="AG2057">
        <v>50000</v>
      </c>
      <c r="AH2057">
        <v>50000</v>
      </c>
      <c r="AI2057">
        <v>0</v>
      </c>
      <c r="AJ2057">
        <v>0</v>
      </c>
      <c r="AK2057" t="s">
        <v>6</v>
      </c>
      <c r="AL2057">
        <v>0</v>
      </c>
      <c r="AM2057">
        <v>0</v>
      </c>
      <c r="AN2057">
        <v>0</v>
      </c>
      <c r="AO2057">
        <v>0</v>
      </c>
      <c r="AP2057">
        <v>0</v>
      </c>
      <c r="AQ2057">
        <v>0</v>
      </c>
      <c r="AR2057">
        <v>0</v>
      </c>
      <c r="AS2057">
        <v>0</v>
      </c>
      <c r="AT2057">
        <v>0</v>
      </c>
      <c r="AU2057">
        <v>0</v>
      </c>
      <c r="AV2057">
        <v>0</v>
      </c>
      <c r="AW2057">
        <v>0</v>
      </c>
      <c r="AX2057">
        <v>0</v>
      </c>
      <c r="AY2057">
        <v>0</v>
      </c>
      <c r="AZ2057">
        <v>0</v>
      </c>
      <c r="BA2057">
        <v>0</v>
      </c>
    </row>
    <row r="2058" spans="1:53" x14ac:dyDescent="0.4">
      <c r="A2058">
        <v>2102</v>
      </c>
      <c r="B2058" s="1">
        <v>43487</v>
      </c>
      <c r="C2058">
        <v>2</v>
      </c>
      <c r="D2058" s="1">
        <v>43487.438888888886</v>
      </c>
      <c r="E2058" s="1">
        <v>43487.736805555556</v>
      </c>
      <c r="F2058">
        <v>22500</v>
      </c>
      <c r="G2058">
        <v>2240</v>
      </c>
      <c r="H2058">
        <v>0</v>
      </c>
      <c r="I2058">
        <v>0</v>
      </c>
      <c r="J2058">
        <v>0</v>
      </c>
      <c r="K2058">
        <v>0</v>
      </c>
      <c r="L2058">
        <v>0</v>
      </c>
      <c r="M2058">
        <v>1978</v>
      </c>
      <c r="N2058">
        <v>0</v>
      </c>
      <c r="O2058">
        <v>0</v>
      </c>
      <c r="P2058">
        <v>15660</v>
      </c>
      <c r="Q2058">
        <v>0</v>
      </c>
      <c r="R2058">
        <v>42378</v>
      </c>
      <c r="S2058">
        <v>0</v>
      </c>
      <c r="T2058">
        <v>0</v>
      </c>
      <c r="U2058">
        <v>0</v>
      </c>
      <c r="V2058">
        <v>2</v>
      </c>
      <c r="W2058">
        <v>0</v>
      </c>
      <c r="X2058">
        <v>0</v>
      </c>
      <c r="Y2058">
        <v>45</v>
      </c>
      <c r="Z2058">
        <v>24</v>
      </c>
      <c r="AA2058">
        <v>122</v>
      </c>
      <c r="AB2058">
        <v>31</v>
      </c>
      <c r="AC2058">
        <v>129</v>
      </c>
      <c r="AD2058">
        <v>38</v>
      </c>
      <c r="AE2058">
        <v>148</v>
      </c>
      <c r="AF2058">
        <v>0</v>
      </c>
      <c r="AG2058">
        <v>92378</v>
      </c>
      <c r="AH2058">
        <v>50000</v>
      </c>
      <c r="AI2058">
        <v>0</v>
      </c>
      <c r="AJ2058">
        <v>35</v>
      </c>
      <c r="AL2058">
        <v>0</v>
      </c>
      <c r="AM2058">
        <v>0</v>
      </c>
      <c r="AN2058">
        <v>0</v>
      </c>
      <c r="AO2058">
        <v>0</v>
      </c>
      <c r="AP2058">
        <v>0</v>
      </c>
      <c r="AQ2058">
        <v>0</v>
      </c>
      <c r="AR2058">
        <v>0</v>
      </c>
      <c r="AS2058">
        <v>0</v>
      </c>
      <c r="AT2058">
        <v>0</v>
      </c>
      <c r="AU2058">
        <v>0</v>
      </c>
      <c r="AV2058">
        <v>0</v>
      </c>
      <c r="AW2058">
        <v>0</v>
      </c>
      <c r="AX2058">
        <v>2160</v>
      </c>
      <c r="AY2058">
        <v>40</v>
      </c>
      <c r="AZ2058">
        <v>74</v>
      </c>
      <c r="BA2058">
        <v>5038</v>
      </c>
    </row>
    <row r="2059" spans="1:53" x14ac:dyDescent="0.4">
      <c r="A2059">
        <v>2103</v>
      </c>
      <c r="B2059" s="1">
        <v>43487</v>
      </c>
      <c r="C2059">
        <v>3</v>
      </c>
      <c r="D2059" s="1">
        <v>43487.736805555556</v>
      </c>
      <c r="E2059" s="1">
        <v>43487.974999999999</v>
      </c>
      <c r="F2059">
        <v>36500</v>
      </c>
      <c r="G2059">
        <v>2000</v>
      </c>
      <c r="H2059">
        <v>0</v>
      </c>
      <c r="I2059">
        <v>0</v>
      </c>
      <c r="J2059">
        <v>0</v>
      </c>
      <c r="K2059">
        <v>0</v>
      </c>
      <c r="L2059">
        <v>0</v>
      </c>
      <c r="M2059">
        <v>3080</v>
      </c>
      <c r="N2059">
        <v>0</v>
      </c>
      <c r="O2059">
        <v>0</v>
      </c>
      <c r="P2059">
        <v>-15660</v>
      </c>
      <c r="Q2059">
        <v>0</v>
      </c>
      <c r="R2059">
        <v>25920</v>
      </c>
      <c r="S2059">
        <v>0</v>
      </c>
      <c r="T2059">
        <v>0</v>
      </c>
      <c r="U2059">
        <v>0</v>
      </c>
      <c r="V2059">
        <v>4</v>
      </c>
      <c r="W2059">
        <v>0</v>
      </c>
      <c r="X2059">
        <v>0</v>
      </c>
      <c r="Y2059">
        <v>50</v>
      </c>
      <c r="Z2059">
        <v>26</v>
      </c>
      <c r="AA2059">
        <v>121</v>
      </c>
      <c r="AB2059">
        <v>30</v>
      </c>
      <c r="AC2059">
        <v>136</v>
      </c>
      <c r="AD2059">
        <v>38</v>
      </c>
      <c r="AE2059">
        <v>148</v>
      </c>
      <c r="AF2059">
        <v>0</v>
      </c>
      <c r="AG2059">
        <v>118298</v>
      </c>
      <c r="AH2059">
        <v>50000</v>
      </c>
      <c r="AI2059">
        <v>0</v>
      </c>
      <c r="AJ2059">
        <v>29</v>
      </c>
      <c r="AK2059" t="s">
        <v>28</v>
      </c>
      <c r="AL2059">
        <v>0</v>
      </c>
      <c r="AM2059">
        <v>0</v>
      </c>
      <c r="AN2059">
        <v>0</v>
      </c>
      <c r="AO2059">
        <v>0</v>
      </c>
      <c r="AP2059">
        <v>0</v>
      </c>
      <c r="AQ2059">
        <v>0</v>
      </c>
      <c r="AR2059">
        <v>0</v>
      </c>
      <c r="AS2059">
        <v>0</v>
      </c>
      <c r="AT2059">
        <v>0</v>
      </c>
      <c r="AU2059">
        <v>0</v>
      </c>
      <c r="AV2059">
        <v>0</v>
      </c>
      <c r="AW2059">
        <v>0</v>
      </c>
      <c r="AX2059">
        <v>0</v>
      </c>
      <c r="AY2059">
        <v>5</v>
      </c>
      <c r="AZ2059">
        <v>17</v>
      </c>
      <c r="BA2059">
        <v>1868</v>
      </c>
    </row>
    <row r="2060" spans="1:53" x14ac:dyDescent="0.4">
      <c r="A2060">
        <v>2104</v>
      </c>
      <c r="B2060" s="1">
        <v>43488</v>
      </c>
      <c r="C2060">
        <v>1</v>
      </c>
      <c r="D2060" s="1">
        <v>43488.291666666664</v>
      </c>
      <c r="E2060" s="1">
        <v>43488.460416666669</v>
      </c>
      <c r="F2060">
        <v>0</v>
      </c>
      <c r="G2060">
        <v>0</v>
      </c>
      <c r="H2060">
        <v>0</v>
      </c>
      <c r="I2060">
        <v>0</v>
      </c>
      <c r="J2060">
        <v>0</v>
      </c>
      <c r="K2060">
        <v>0</v>
      </c>
      <c r="L2060">
        <v>0</v>
      </c>
      <c r="M2060">
        <v>0</v>
      </c>
      <c r="N2060">
        <v>0</v>
      </c>
      <c r="O2060">
        <v>0</v>
      </c>
      <c r="P2060">
        <v>0</v>
      </c>
      <c r="Q2060">
        <v>0</v>
      </c>
      <c r="R2060">
        <v>0</v>
      </c>
      <c r="S2060">
        <v>0</v>
      </c>
      <c r="T2060">
        <v>0</v>
      </c>
      <c r="U2060">
        <v>0</v>
      </c>
      <c r="V2060">
        <v>0</v>
      </c>
      <c r="W2060">
        <v>0</v>
      </c>
      <c r="X2060">
        <v>0</v>
      </c>
      <c r="Y2060">
        <v>26</v>
      </c>
      <c r="Z2060">
        <v>18</v>
      </c>
      <c r="AA2060">
        <v>119</v>
      </c>
      <c r="AB2060">
        <v>29</v>
      </c>
      <c r="AC2060">
        <v>132</v>
      </c>
      <c r="AD2060">
        <v>37</v>
      </c>
      <c r="AE2060">
        <v>145</v>
      </c>
      <c r="AF2060">
        <v>0</v>
      </c>
      <c r="AG2060">
        <v>50000</v>
      </c>
      <c r="AH2060">
        <v>0</v>
      </c>
      <c r="AI2060">
        <v>50000</v>
      </c>
      <c r="AJ2060">
        <v>0</v>
      </c>
      <c r="AK2060" t="s">
        <v>6</v>
      </c>
      <c r="AL2060">
        <v>0</v>
      </c>
      <c r="AM2060">
        <v>0</v>
      </c>
      <c r="AN2060">
        <v>0</v>
      </c>
      <c r="AO2060">
        <v>0</v>
      </c>
      <c r="AP2060">
        <v>0</v>
      </c>
      <c r="AQ2060">
        <v>0</v>
      </c>
      <c r="AR2060">
        <v>0</v>
      </c>
      <c r="AS2060">
        <v>0</v>
      </c>
      <c r="AT2060">
        <v>0</v>
      </c>
      <c r="AU2060">
        <v>0</v>
      </c>
      <c r="AV2060">
        <v>0</v>
      </c>
      <c r="AW2060">
        <v>0</v>
      </c>
      <c r="AX2060">
        <v>0</v>
      </c>
      <c r="AY2060">
        <v>0</v>
      </c>
      <c r="AZ2060">
        <v>0</v>
      </c>
      <c r="BA2060">
        <v>0</v>
      </c>
    </row>
    <row r="2061" spans="1:53" x14ac:dyDescent="0.4">
      <c r="A2061">
        <v>2105</v>
      </c>
      <c r="B2061" s="1">
        <v>43488</v>
      </c>
      <c r="C2061">
        <v>2</v>
      </c>
      <c r="D2061" s="1">
        <v>43488.460416666669</v>
      </c>
      <c r="E2061" s="1">
        <v>43488.73333333333</v>
      </c>
      <c r="F2061">
        <v>12000</v>
      </c>
      <c r="G2061">
        <v>1380</v>
      </c>
      <c r="H2061">
        <v>200</v>
      </c>
      <c r="I2061">
        <v>0</v>
      </c>
      <c r="J2061">
        <v>0</v>
      </c>
      <c r="K2061">
        <v>0</v>
      </c>
      <c r="L2061">
        <v>0</v>
      </c>
      <c r="M2061">
        <v>1086</v>
      </c>
      <c r="N2061">
        <v>0</v>
      </c>
      <c r="O2061">
        <v>0</v>
      </c>
      <c r="P2061">
        <v>11880</v>
      </c>
      <c r="Q2061">
        <v>0</v>
      </c>
      <c r="R2061">
        <v>26546</v>
      </c>
      <c r="S2061">
        <v>0</v>
      </c>
      <c r="T2061">
        <v>0</v>
      </c>
      <c r="U2061">
        <v>0</v>
      </c>
      <c r="V2061">
        <v>2</v>
      </c>
      <c r="W2061">
        <v>0</v>
      </c>
      <c r="X2061">
        <v>0</v>
      </c>
      <c r="Y2061">
        <v>27</v>
      </c>
      <c r="Z2061">
        <v>24</v>
      </c>
      <c r="AA2061">
        <v>137</v>
      </c>
      <c r="AB2061">
        <v>40</v>
      </c>
      <c r="AC2061">
        <v>150</v>
      </c>
      <c r="AD2061">
        <v>39</v>
      </c>
      <c r="AE2061">
        <v>151</v>
      </c>
      <c r="AF2061">
        <v>0</v>
      </c>
      <c r="AG2061">
        <v>76546</v>
      </c>
      <c r="AH2061">
        <v>50000</v>
      </c>
      <c r="AI2061">
        <v>0</v>
      </c>
      <c r="AJ2061">
        <v>96</v>
      </c>
      <c r="AK2061" t="s">
        <v>4</v>
      </c>
      <c r="AL2061">
        <v>0</v>
      </c>
      <c r="AM2061">
        <v>0</v>
      </c>
      <c r="AN2061">
        <v>0</v>
      </c>
      <c r="AO2061">
        <v>0</v>
      </c>
      <c r="AP2061">
        <v>0</v>
      </c>
      <c r="AQ2061">
        <v>0</v>
      </c>
      <c r="AR2061">
        <v>0</v>
      </c>
      <c r="AS2061">
        <v>0</v>
      </c>
      <c r="AT2061">
        <v>0</v>
      </c>
      <c r="AU2061">
        <v>0</v>
      </c>
      <c r="AV2061">
        <v>0</v>
      </c>
      <c r="AW2061">
        <v>0</v>
      </c>
      <c r="AX2061">
        <v>734</v>
      </c>
      <c r="AY2061">
        <v>29</v>
      </c>
      <c r="AZ2061">
        <v>46</v>
      </c>
      <c r="BA2061">
        <v>4219</v>
      </c>
    </row>
    <row r="2062" spans="1:53" x14ac:dyDescent="0.4">
      <c r="A2062">
        <v>2106</v>
      </c>
      <c r="B2062" s="1">
        <v>43488</v>
      </c>
      <c r="C2062">
        <v>3</v>
      </c>
      <c r="D2062" s="1">
        <v>43488.73333333333</v>
      </c>
      <c r="E2062" s="1">
        <v>43489.075694444444</v>
      </c>
      <c r="F2062">
        <v>52280</v>
      </c>
      <c r="G2062">
        <v>2630</v>
      </c>
      <c r="H2062">
        <v>0</v>
      </c>
      <c r="I2062">
        <v>0</v>
      </c>
      <c r="J2062">
        <v>450</v>
      </c>
      <c r="K2062">
        <v>2000</v>
      </c>
      <c r="L2062">
        <v>0</v>
      </c>
      <c r="M2062">
        <v>4517</v>
      </c>
      <c r="N2062">
        <v>0</v>
      </c>
      <c r="O2062">
        <v>0</v>
      </c>
      <c r="P2062">
        <v>15768</v>
      </c>
      <c r="Q2062">
        <v>0</v>
      </c>
      <c r="R2062">
        <v>76745</v>
      </c>
      <c r="S2062">
        <v>0</v>
      </c>
      <c r="T2062">
        <v>0</v>
      </c>
      <c r="U2062">
        <v>0</v>
      </c>
      <c r="V2062">
        <v>6</v>
      </c>
      <c r="W2062">
        <v>0</v>
      </c>
      <c r="X2062">
        <v>0</v>
      </c>
      <c r="Y2062">
        <v>37</v>
      </c>
      <c r="Z2062">
        <v>23</v>
      </c>
      <c r="AA2062">
        <v>134</v>
      </c>
      <c r="AB2062">
        <v>38</v>
      </c>
      <c r="AC2062">
        <v>138</v>
      </c>
      <c r="AD2062">
        <v>38</v>
      </c>
      <c r="AE2062">
        <v>143</v>
      </c>
      <c r="AF2062">
        <v>27778</v>
      </c>
      <c r="AG2062">
        <v>153291</v>
      </c>
      <c r="AH2062">
        <v>50000</v>
      </c>
      <c r="AI2062">
        <v>0</v>
      </c>
      <c r="AJ2062">
        <v>108</v>
      </c>
      <c r="AK2062" t="s">
        <v>30</v>
      </c>
      <c r="AL2062">
        <v>0</v>
      </c>
      <c r="AM2062">
        <v>0</v>
      </c>
      <c r="AN2062">
        <v>0</v>
      </c>
      <c r="AO2062">
        <v>0</v>
      </c>
      <c r="AP2062">
        <v>0</v>
      </c>
      <c r="AQ2062">
        <v>0</v>
      </c>
      <c r="AR2062">
        <v>0</v>
      </c>
      <c r="AS2062">
        <v>0</v>
      </c>
      <c r="AT2062">
        <v>0</v>
      </c>
      <c r="AU2062">
        <v>0</v>
      </c>
      <c r="AV2062">
        <v>0</v>
      </c>
      <c r="AW2062">
        <v>0</v>
      </c>
      <c r="AX2062">
        <v>14558</v>
      </c>
      <c r="AY2062">
        <v>13</v>
      </c>
      <c r="AZ2062">
        <v>50</v>
      </c>
      <c r="BA2062">
        <v>2373</v>
      </c>
    </row>
    <row r="2063" spans="1:53" x14ac:dyDescent="0.4">
      <c r="A2063">
        <v>2107</v>
      </c>
      <c r="B2063" s="1">
        <v>43489</v>
      </c>
      <c r="C2063">
        <v>1</v>
      </c>
      <c r="D2063" s="1">
        <v>43489.291666666664</v>
      </c>
      <c r="E2063" s="1">
        <v>43489.453472222223</v>
      </c>
      <c r="F2063">
        <v>0</v>
      </c>
      <c r="G2063">
        <v>0</v>
      </c>
      <c r="H2063">
        <v>0</v>
      </c>
      <c r="I2063">
        <v>0</v>
      </c>
      <c r="J2063">
        <v>0</v>
      </c>
      <c r="K2063">
        <v>0</v>
      </c>
      <c r="L2063">
        <v>0</v>
      </c>
      <c r="M2063">
        <v>0</v>
      </c>
      <c r="N2063">
        <v>0</v>
      </c>
      <c r="O2063">
        <v>0</v>
      </c>
      <c r="P2063">
        <v>0</v>
      </c>
      <c r="Q2063">
        <v>0</v>
      </c>
      <c r="R2063">
        <v>0</v>
      </c>
      <c r="S2063">
        <v>0</v>
      </c>
      <c r="T2063">
        <v>0</v>
      </c>
      <c r="U2063">
        <v>0</v>
      </c>
      <c r="V2063">
        <v>0</v>
      </c>
      <c r="W2063">
        <v>0</v>
      </c>
      <c r="X2063">
        <v>0</v>
      </c>
      <c r="Y2063">
        <v>28</v>
      </c>
      <c r="Z2063">
        <v>11</v>
      </c>
      <c r="AA2063">
        <v>130</v>
      </c>
      <c r="AB2063">
        <v>37</v>
      </c>
      <c r="AC2063">
        <v>132</v>
      </c>
      <c r="AD2063">
        <v>37</v>
      </c>
      <c r="AE2063">
        <v>145</v>
      </c>
      <c r="AF2063">
        <v>0</v>
      </c>
      <c r="AG2063">
        <v>50000</v>
      </c>
      <c r="AH2063">
        <v>0</v>
      </c>
      <c r="AI2063">
        <v>50000</v>
      </c>
      <c r="AJ2063">
        <v>0</v>
      </c>
      <c r="AK2063" t="s">
        <v>6</v>
      </c>
      <c r="AL2063">
        <v>0</v>
      </c>
      <c r="AM2063">
        <v>0</v>
      </c>
      <c r="AN2063">
        <v>0</v>
      </c>
      <c r="AO2063">
        <v>0</v>
      </c>
      <c r="AP2063">
        <v>0</v>
      </c>
      <c r="AQ2063">
        <v>0</v>
      </c>
      <c r="AR2063">
        <v>0</v>
      </c>
      <c r="AS2063">
        <v>0</v>
      </c>
      <c r="AT2063">
        <v>0</v>
      </c>
      <c r="AU2063">
        <v>0</v>
      </c>
      <c r="AV2063">
        <v>0</v>
      </c>
      <c r="AW2063">
        <v>0</v>
      </c>
      <c r="AX2063">
        <v>0</v>
      </c>
      <c r="AY2063">
        <v>0</v>
      </c>
      <c r="AZ2063">
        <v>0</v>
      </c>
      <c r="BA2063">
        <v>0</v>
      </c>
    </row>
    <row r="2064" spans="1:53" x14ac:dyDescent="0.4">
      <c r="A2064">
        <v>2108</v>
      </c>
      <c r="B2064" s="1">
        <v>43489</v>
      </c>
      <c r="C2064">
        <v>2</v>
      </c>
      <c r="D2064" s="1">
        <v>43489.453472222223</v>
      </c>
      <c r="E2064" s="1">
        <v>43489.73541666667</v>
      </c>
      <c r="F2064">
        <v>18000</v>
      </c>
      <c r="G2064">
        <v>280</v>
      </c>
      <c r="H2064">
        <v>200</v>
      </c>
      <c r="I2064">
        <v>0</v>
      </c>
      <c r="J2064">
        <v>0</v>
      </c>
      <c r="K2064">
        <v>0</v>
      </c>
      <c r="L2064">
        <v>0</v>
      </c>
      <c r="M2064">
        <v>1478</v>
      </c>
      <c r="N2064">
        <v>0</v>
      </c>
      <c r="O2064">
        <v>0</v>
      </c>
      <c r="P2064">
        <v>11340</v>
      </c>
      <c r="Q2064">
        <v>0</v>
      </c>
      <c r="R2064">
        <v>31298</v>
      </c>
      <c r="S2064">
        <v>0</v>
      </c>
      <c r="T2064">
        <v>0</v>
      </c>
      <c r="U2064">
        <v>0</v>
      </c>
      <c r="V2064">
        <v>2</v>
      </c>
      <c r="W2064">
        <v>0</v>
      </c>
      <c r="X2064">
        <v>0</v>
      </c>
      <c r="Y2064">
        <v>29</v>
      </c>
      <c r="Z2064">
        <v>24</v>
      </c>
      <c r="AA2064">
        <v>157</v>
      </c>
      <c r="AB2064">
        <v>44</v>
      </c>
      <c r="AC2064">
        <v>205</v>
      </c>
      <c r="AD2064">
        <v>40</v>
      </c>
      <c r="AE2064">
        <v>148</v>
      </c>
      <c r="AF2064">
        <v>0</v>
      </c>
      <c r="AG2064">
        <v>81298</v>
      </c>
      <c r="AH2064">
        <v>50000</v>
      </c>
      <c r="AI2064">
        <v>0</v>
      </c>
      <c r="AJ2064">
        <v>96</v>
      </c>
      <c r="AK2064" t="s">
        <v>4</v>
      </c>
      <c r="AL2064">
        <v>0</v>
      </c>
      <c r="AM2064">
        <v>0</v>
      </c>
      <c r="AN2064">
        <v>0</v>
      </c>
      <c r="AO2064">
        <v>0</v>
      </c>
      <c r="AP2064">
        <v>0</v>
      </c>
      <c r="AQ2064">
        <v>0</v>
      </c>
      <c r="AR2064">
        <v>0</v>
      </c>
      <c r="AS2064">
        <v>0</v>
      </c>
      <c r="AT2064">
        <v>0</v>
      </c>
      <c r="AU2064">
        <v>0</v>
      </c>
      <c r="AV2064">
        <v>0</v>
      </c>
      <c r="AW2064">
        <v>0</v>
      </c>
      <c r="AX2064">
        <v>410</v>
      </c>
      <c r="AY2064">
        <v>34</v>
      </c>
      <c r="AZ2064">
        <v>57</v>
      </c>
      <c r="BA2064">
        <v>5118</v>
      </c>
    </row>
    <row r="2065" spans="1:53" x14ac:dyDescent="0.4">
      <c r="A2065">
        <v>2109</v>
      </c>
      <c r="B2065" s="1">
        <v>43489</v>
      </c>
      <c r="C2065">
        <v>3</v>
      </c>
      <c r="D2065" s="1">
        <v>43489.73541666667</v>
      </c>
      <c r="E2065" s="1">
        <v>43489.95208333333</v>
      </c>
      <c r="F2065">
        <v>19790</v>
      </c>
      <c r="G2065">
        <v>380</v>
      </c>
      <c r="H2065">
        <v>0</v>
      </c>
      <c r="I2065">
        <v>0</v>
      </c>
      <c r="J2065">
        <v>0</v>
      </c>
      <c r="K2065">
        <v>0</v>
      </c>
      <c r="L2065">
        <v>0</v>
      </c>
      <c r="M2065">
        <v>1613</v>
      </c>
      <c r="N2065">
        <v>0</v>
      </c>
      <c r="O2065">
        <v>0</v>
      </c>
      <c r="P2065">
        <v>-9072</v>
      </c>
      <c r="Q2065">
        <v>0</v>
      </c>
      <c r="R2065">
        <v>12711</v>
      </c>
      <c r="S2065">
        <v>0</v>
      </c>
      <c r="T2065">
        <v>0</v>
      </c>
      <c r="U2065">
        <v>0</v>
      </c>
      <c r="V2065">
        <v>4</v>
      </c>
      <c r="W2065">
        <v>0</v>
      </c>
      <c r="X2065">
        <v>0</v>
      </c>
      <c r="Y2065">
        <v>23</v>
      </c>
      <c r="Z2065">
        <v>23</v>
      </c>
      <c r="AA2065">
        <v>150</v>
      </c>
      <c r="AB2065">
        <v>42</v>
      </c>
      <c r="AC2065">
        <v>207</v>
      </c>
      <c r="AD2065">
        <v>39</v>
      </c>
      <c r="AE2065">
        <v>144</v>
      </c>
      <c r="AF2065">
        <v>0</v>
      </c>
      <c r="AG2065">
        <v>94009</v>
      </c>
      <c r="AH2065">
        <v>50000</v>
      </c>
      <c r="AI2065">
        <v>0</v>
      </c>
      <c r="AJ2065">
        <v>108</v>
      </c>
      <c r="AK2065" t="s">
        <v>30</v>
      </c>
      <c r="AL2065">
        <v>0</v>
      </c>
      <c r="AM2065">
        <v>0</v>
      </c>
      <c r="AN2065">
        <v>0</v>
      </c>
      <c r="AO2065">
        <v>0</v>
      </c>
      <c r="AP2065">
        <v>0</v>
      </c>
      <c r="AQ2065">
        <v>0</v>
      </c>
      <c r="AR2065">
        <v>0</v>
      </c>
      <c r="AS2065">
        <v>0</v>
      </c>
      <c r="AT2065">
        <v>0</v>
      </c>
      <c r="AU2065">
        <v>0</v>
      </c>
      <c r="AV2065">
        <v>0</v>
      </c>
      <c r="AW2065">
        <v>0</v>
      </c>
      <c r="AX2065">
        <v>12340</v>
      </c>
      <c r="AY2065">
        <v>10</v>
      </c>
      <c r="AZ2065">
        <v>28</v>
      </c>
      <c r="BA2065">
        <v>1366</v>
      </c>
    </row>
    <row r="2066" spans="1:53" x14ac:dyDescent="0.4">
      <c r="A2066">
        <v>2110</v>
      </c>
      <c r="B2066" s="1">
        <v>43489</v>
      </c>
      <c r="C2066">
        <v>4</v>
      </c>
      <c r="D2066" s="1">
        <v>43489.95208333333</v>
      </c>
      <c r="E2066" s="1">
        <v>43490.09652777778</v>
      </c>
      <c r="F2066">
        <v>27660</v>
      </c>
      <c r="G2066">
        <v>2590</v>
      </c>
      <c r="H2066">
        <v>200</v>
      </c>
      <c r="I2066">
        <v>0</v>
      </c>
      <c r="J2066">
        <v>0</v>
      </c>
      <c r="K2066">
        <v>0</v>
      </c>
      <c r="L2066">
        <v>0</v>
      </c>
      <c r="M2066">
        <v>2436</v>
      </c>
      <c r="N2066">
        <v>0</v>
      </c>
      <c r="O2066">
        <v>0</v>
      </c>
      <c r="P2066">
        <v>10692</v>
      </c>
      <c r="Q2066">
        <v>0</v>
      </c>
      <c r="R2066">
        <v>43578</v>
      </c>
      <c r="S2066">
        <v>0</v>
      </c>
      <c r="T2066">
        <v>0</v>
      </c>
      <c r="U2066">
        <v>0</v>
      </c>
      <c r="V2066">
        <v>6</v>
      </c>
      <c r="W2066">
        <v>4</v>
      </c>
      <c r="X2066">
        <v>0</v>
      </c>
      <c r="Y2066">
        <v>25</v>
      </c>
      <c r="Z2066">
        <v>24</v>
      </c>
      <c r="AA2066">
        <v>160</v>
      </c>
      <c r="AB2066">
        <v>44</v>
      </c>
      <c r="AC2066">
        <v>205</v>
      </c>
      <c r="AD2066">
        <v>40</v>
      </c>
      <c r="AE2066">
        <v>137</v>
      </c>
      <c r="AF2066">
        <v>0</v>
      </c>
      <c r="AG2066">
        <v>137587</v>
      </c>
      <c r="AH2066">
        <v>50000</v>
      </c>
      <c r="AI2066">
        <v>0</v>
      </c>
      <c r="AJ2066">
        <v>108</v>
      </c>
      <c r="AK2066" t="s">
        <v>30</v>
      </c>
      <c r="AL2066">
        <v>0</v>
      </c>
      <c r="AM2066">
        <v>0</v>
      </c>
      <c r="AN2066">
        <v>0</v>
      </c>
      <c r="AO2066">
        <v>0</v>
      </c>
      <c r="AP2066">
        <v>0</v>
      </c>
      <c r="AQ2066">
        <v>0</v>
      </c>
      <c r="AR2066">
        <v>0</v>
      </c>
      <c r="AS2066">
        <v>0</v>
      </c>
      <c r="AT2066">
        <v>0</v>
      </c>
      <c r="AU2066">
        <v>0</v>
      </c>
      <c r="AV2066">
        <v>0</v>
      </c>
      <c r="AW2066">
        <v>0</v>
      </c>
      <c r="AX2066">
        <v>594</v>
      </c>
      <c r="AY2066">
        <v>4</v>
      </c>
      <c r="AZ2066">
        <v>9</v>
      </c>
      <c r="BA2066">
        <v>940</v>
      </c>
    </row>
    <row r="2067" spans="1:53" x14ac:dyDescent="0.4">
      <c r="A2067">
        <v>2111</v>
      </c>
      <c r="B2067" s="1">
        <v>43490</v>
      </c>
      <c r="C2067">
        <v>1</v>
      </c>
      <c r="D2067" s="1">
        <v>43490.291666666664</v>
      </c>
      <c r="E2067" s="1">
        <v>43490.45416666667</v>
      </c>
      <c r="F2067">
        <v>0</v>
      </c>
      <c r="G2067">
        <v>0</v>
      </c>
      <c r="H2067">
        <v>0</v>
      </c>
      <c r="I2067">
        <v>0</v>
      </c>
      <c r="J2067">
        <v>0</v>
      </c>
      <c r="K2067">
        <v>0</v>
      </c>
      <c r="L2067">
        <v>0</v>
      </c>
      <c r="M2067">
        <v>0</v>
      </c>
      <c r="N2067">
        <v>0</v>
      </c>
      <c r="O2067">
        <v>0</v>
      </c>
      <c r="P2067">
        <v>0</v>
      </c>
      <c r="Q2067">
        <v>0</v>
      </c>
      <c r="R2067">
        <v>0</v>
      </c>
      <c r="S2067">
        <v>0</v>
      </c>
      <c r="T2067">
        <v>0</v>
      </c>
      <c r="U2067">
        <v>0</v>
      </c>
      <c r="V2067">
        <v>0</v>
      </c>
      <c r="W2067">
        <v>0</v>
      </c>
      <c r="X2067">
        <v>0</v>
      </c>
      <c r="Y2067">
        <v>25</v>
      </c>
      <c r="Z2067">
        <v>11</v>
      </c>
      <c r="AA2067">
        <v>159</v>
      </c>
      <c r="AB2067">
        <v>44</v>
      </c>
      <c r="AC2067">
        <v>106</v>
      </c>
      <c r="AD2067">
        <v>40</v>
      </c>
      <c r="AE2067">
        <v>140</v>
      </c>
      <c r="AF2067">
        <v>0</v>
      </c>
      <c r="AG2067">
        <v>50000</v>
      </c>
      <c r="AH2067">
        <v>0</v>
      </c>
      <c r="AI2067">
        <v>50000</v>
      </c>
      <c r="AJ2067">
        <v>0</v>
      </c>
      <c r="AK2067" t="s">
        <v>6</v>
      </c>
      <c r="AL2067">
        <v>0</v>
      </c>
      <c r="AM2067">
        <v>0</v>
      </c>
      <c r="AN2067">
        <v>0</v>
      </c>
      <c r="AO2067">
        <v>0</v>
      </c>
      <c r="AP2067">
        <v>0</v>
      </c>
      <c r="AQ2067">
        <v>0</v>
      </c>
      <c r="AR2067">
        <v>0</v>
      </c>
      <c r="AS2067">
        <v>0</v>
      </c>
      <c r="AT2067">
        <v>0</v>
      </c>
      <c r="AU2067">
        <v>0</v>
      </c>
      <c r="AV2067">
        <v>0</v>
      </c>
      <c r="AW2067">
        <v>0</v>
      </c>
      <c r="AX2067">
        <v>0</v>
      </c>
      <c r="AY2067">
        <v>0</v>
      </c>
      <c r="AZ2067">
        <v>0</v>
      </c>
      <c r="BA2067">
        <v>0</v>
      </c>
    </row>
    <row r="2068" spans="1:53" x14ac:dyDescent="0.4">
      <c r="A2068">
        <v>2112</v>
      </c>
      <c r="B2068" s="1">
        <v>43490</v>
      </c>
      <c r="C2068">
        <v>2</v>
      </c>
      <c r="D2068" s="1">
        <v>43490.45416666667</v>
      </c>
      <c r="E2068" s="1">
        <v>43490.729166666664</v>
      </c>
      <c r="F2068">
        <v>21500</v>
      </c>
      <c r="G2068">
        <v>760</v>
      </c>
      <c r="H2068">
        <v>200</v>
      </c>
      <c r="I2068">
        <v>0</v>
      </c>
      <c r="J2068">
        <v>0</v>
      </c>
      <c r="K2068">
        <v>0</v>
      </c>
      <c r="L2068">
        <v>0</v>
      </c>
      <c r="M2068">
        <v>1796</v>
      </c>
      <c r="N2068">
        <v>0</v>
      </c>
      <c r="O2068">
        <v>0</v>
      </c>
      <c r="P2068">
        <v>13500</v>
      </c>
      <c r="Q2068">
        <v>0</v>
      </c>
      <c r="R2068">
        <v>37756</v>
      </c>
      <c r="S2068">
        <v>0</v>
      </c>
      <c r="T2068">
        <v>0</v>
      </c>
      <c r="U2068">
        <v>0</v>
      </c>
      <c r="V2068">
        <v>0</v>
      </c>
      <c r="W2068">
        <v>3</v>
      </c>
      <c r="X2068">
        <v>0</v>
      </c>
      <c r="Y2068">
        <v>38</v>
      </c>
      <c r="Z2068">
        <v>30</v>
      </c>
      <c r="AA2068">
        <v>159</v>
      </c>
      <c r="AB2068">
        <v>43</v>
      </c>
      <c r="AC2068">
        <v>137</v>
      </c>
      <c r="AD2068">
        <v>39</v>
      </c>
      <c r="AE2068">
        <v>141</v>
      </c>
      <c r="AF2068">
        <v>0</v>
      </c>
      <c r="AG2068">
        <v>87756</v>
      </c>
      <c r="AH2068">
        <v>50000</v>
      </c>
      <c r="AI2068">
        <v>0</v>
      </c>
      <c r="AJ2068">
        <v>96</v>
      </c>
      <c r="AK2068" t="s">
        <v>4</v>
      </c>
      <c r="AL2068">
        <v>0</v>
      </c>
      <c r="AM2068">
        <v>0</v>
      </c>
      <c r="AN2068">
        <v>0</v>
      </c>
      <c r="AO2068">
        <v>0</v>
      </c>
      <c r="AP2068">
        <v>0</v>
      </c>
      <c r="AQ2068">
        <v>0</v>
      </c>
      <c r="AR2068">
        <v>0</v>
      </c>
      <c r="AS2068">
        <v>0</v>
      </c>
      <c r="AT2068">
        <v>0</v>
      </c>
      <c r="AU2068">
        <v>0</v>
      </c>
      <c r="AV2068">
        <v>0</v>
      </c>
      <c r="AW2068">
        <v>0</v>
      </c>
      <c r="AX2068">
        <v>2224</v>
      </c>
      <c r="AY2068">
        <v>39</v>
      </c>
      <c r="AZ2068">
        <v>67</v>
      </c>
      <c r="BA2068">
        <v>5458</v>
      </c>
    </row>
    <row r="2069" spans="1:53" x14ac:dyDescent="0.4">
      <c r="A2069">
        <v>2113</v>
      </c>
      <c r="B2069" s="1">
        <v>43490</v>
      </c>
      <c r="C2069">
        <v>3</v>
      </c>
      <c r="D2069" s="1">
        <v>43490.729166666664</v>
      </c>
      <c r="E2069" s="1">
        <v>43490.975694444445</v>
      </c>
      <c r="F2069">
        <v>61000</v>
      </c>
      <c r="G2069">
        <v>4620</v>
      </c>
      <c r="H2069">
        <v>0</v>
      </c>
      <c r="I2069">
        <v>0</v>
      </c>
      <c r="J2069">
        <v>0</v>
      </c>
      <c r="K2069">
        <v>0</v>
      </c>
      <c r="L2069">
        <v>0</v>
      </c>
      <c r="M2069">
        <v>5248</v>
      </c>
      <c r="N2069">
        <v>0</v>
      </c>
      <c r="O2069">
        <v>0</v>
      </c>
      <c r="P2069">
        <v>-13500</v>
      </c>
      <c r="Q2069">
        <v>0</v>
      </c>
      <c r="R2069">
        <v>57368</v>
      </c>
      <c r="S2069">
        <v>0</v>
      </c>
      <c r="T2069">
        <v>0</v>
      </c>
      <c r="U2069">
        <v>0</v>
      </c>
      <c r="V2069">
        <v>5</v>
      </c>
      <c r="W2069">
        <v>0</v>
      </c>
      <c r="X2069">
        <v>0</v>
      </c>
      <c r="Y2069">
        <v>57</v>
      </c>
      <c r="Z2069">
        <v>32</v>
      </c>
      <c r="AA2069">
        <v>159</v>
      </c>
      <c r="AB2069">
        <v>44</v>
      </c>
      <c r="AC2069">
        <v>133</v>
      </c>
      <c r="AD2069">
        <v>38</v>
      </c>
      <c r="AE2069">
        <v>135</v>
      </c>
      <c r="AF2069">
        <v>2369</v>
      </c>
      <c r="AG2069">
        <v>145124</v>
      </c>
      <c r="AH2069">
        <v>50000</v>
      </c>
      <c r="AI2069">
        <v>0</v>
      </c>
      <c r="AJ2069">
        <v>99</v>
      </c>
      <c r="AK2069" t="s">
        <v>9</v>
      </c>
      <c r="AL2069">
        <v>0</v>
      </c>
      <c r="AM2069">
        <v>0</v>
      </c>
      <c r="AN2069">
        <v>0</v>
      </c>
      <c r="AO2069">
        <v>0</v>
      </c>
      <c r="AP2069">
        <v>0</v>
      </c>
      <c r="AQ2069">
        <v>0</v>
      </c>
      <c r="AR2069">
        <v>0</v>
      </c>
      <c r="AS2069">
        <v>0</v>
      </c>
      <c r="AT2069">
        <v>0</v>
      </c>
      <c r="AU2069">
        <v>0</v>
      </c>
      <c r="AV2069">
        <v>0</v>
      </c>
      <c r="AW2069">
        <v>0</v>
      </c>
      <c r="AX2069">
        <v>88171</v>
      </c>
      <c r="AY2069">
        <v>19</v>
      </c>
      <c r="AZ2069">
        <v>83</v>
      </c>
      <c r="BA2069">
        <v>3002</v>
      </c>
    </row>
    <row r="2070" spans="1:53" x14ac:dyDescent="0.4">
      <c r="A2070">
        <v>2114</v>
      </c>
      <c r="B2070" s="1">
        <v>43490</v>
      </c>
      <c r="C2070">
        <v>4</v>
      </c>
      <c r="D2070" s="1">
        <v>43490.975694444445</v>
      </c>
      <c r="E2070" s="1">
        <v>43491.097916666666</v>
      </c>
      <c r="F2070">
        <v>135300</v>
      </c>
      <c r="G2070">
        <v>7040</v>
      </c>
      <c r="H2070">
        <v>0</v>
      </c>
      <c r="I2070">
        <v>0</v>
      </c>
      <c r="J2070">
        <v>0</v>
      </c>
      <c r="K2070">
        <v>0</v>
      </c>
      <c r="L2070">
        <v>0</v>
      </c>
      <c r="M2070">
        <v>11387</v>
      </c>
      <c r="N2070">
        <v>0</v>
      </c>
      <c r="O2070">
        <v>0</v>
      </c>
      <c r="P2070">
        <v>41148</v>
      </c>
      <c r="Q2070">
        <v>0</v>
      </c>
      <c r="R2070">
        <v>194875</v>
      </c>
      <c r="S2070">
        <v>0</v>
      </c>
      <c r="T2070">
        <v>0</v>
      </c>
      <c r="U2070">
        <v>0</v>
      </c>
      <c r="V2070">
        <v>20</v>
      </c>
      <c r="W2070">
        <v>4</v>
      </c>
      <c r="X2070">
        <v>0</v>
      </c>
      <c r="Y2070">
        <v>81</v>
      </c>
      <c r="Z2070">
        <v>30</v>
      </c>
      <c r="AA2070">
        <v>163</v>
      </c>
      <c r="AB2070">
        <v>41</v>
      </c>
      <c r="AC2070">
        <v>123</v>
      </c>
      <c r="AD2070">
        <v>40</v>
      </c>
      <c r="AE2070">
        <v>122</v>
      </c>
      <c r="AF2070">
        <v>4097</v>
      </c>
      <c r="AG2070">
        <v>339999</v>
      </c>
      <c r="AH2070">
        <v>50000</v>
      </c>
      <c r="AI2070">
        <v>0</v>
      </c>
      <c r="AJ2070">
        <v>102</v>
      </c>
      <c r="AK2070" t="s">
        <v>8</v>
      </c>
      <c r="AL2070">
        <v>0</v>
      </c>
      <c r="AM2070">
        <v>0</v>
      </c>
      <c r="AN2070">
        <v>0</v>
      </c>
      <c r="AO2070">
        <v>0</v>
      </c>
      <c r="AP2070">
        <v>0</v>
      </c>
      <c r="AQ2070">
        <v>0</v>
      </c>
      <c r="AR2070">
        <v>0</v>
      </c>
      <c r="AS2070">
        <v>0</v>
      </c>
      <c r="AT2070">
        <v>0</v>
      </c>
      <c r="AU2070">
        <v>0</v>
      </c>
      <c r="AV2070">
        <v>0</v>
      </c>
      <c r="AW2070">
        <v>0</v>
      </c>
      <c r="AX2070">
        <v>26751</v>
      </c>
      <c r="AY2070">
        <v>10</v>
      </c>
      <c r="AZ2070">
        <v>44</v>
      </c>
      <c r="BA2070">
        <v>1801</v>
      </c>
    </row>
    <row r="2071" spans="1:53" x14ac:dyDescent="0.4">
      <c r="A2071">
        <v>2115</v>
      </c>
      <c r="B2071" s="1">
        <v>43491</v>
      </c>
      <c r="C2071">
        <v>1</v>
      </c>
      <c r="D2071" s="1">
        <v>43491.291666666664</v>
      </c>
      <c r="E2071" s="1">
        <v>43491.413194444445</v>
      </c>
      <c r="F2071">
        <v>0</v>
      </c>
      <c r="G2071">
        <v>0</v>
      </c>
      <c r="H2071">
        <v>0</v>
      </c>
      <c r="I2071">
        <v>0</v>
      </c>
      <c r="J2071">
        <v>0</v>
      </c>
      <c r="K2071">
        <v>0</v>
      </c>
      <c r="L2071">
        <v>0</v>
      </c>
      <c r="M2071">
        <v>0</v>
      </c>
      <c r="N2071">
        <v>0</v>
      </c>
      <c r="O2071">
        <v>0</v>
      </c>
      <c r="P2071">
        <v>0</v>
      </c>
      <c r="Q2071">
        <v>0</v>
      </c>
      <c r="R2071">
        <v>0</v>
      </c>
      <c r="S2071">
        <v>0</v>
      </c>
      <c r="T2071">
        <v>0</v>
      </c>
      <c r="U2071">
        <v>0</v>
      </c>
      <c r="V2071">
        <v>0</v>
      </c>
      <c r="W2071">
        <v>0</v>
      </c>
      <c r="X2071">
        <v>0</v>
      </c>
      <c r="Y2071">
        <v>26</v>
      </c>
      <c r="Z2071">
        <v>10</v>
      </c>
      <c r="AA2071">
        <v>157</v>
      </c>
      <c r="AB2071">
        <v>37</v>
      </c>
      <c r="AC2071">
        <v>114</v>
      </c>
      <c r="AD2071">
        <v>38</v>
      </c>
      <c r="AE2071">
        <v>120</v>
      </c>
      <c r="AF2071">
        <v>0</v>
      </c>
      <c r="AG2071">
        <v>50000</v>
      </c>
      <c r="AH2071">
        <v>50000</v>
      </c>
      <c r="AI2071">
        <v>0</v>
      </c>
      <c r="AJ2071">
        <v>0</v>
      </c>
      <c r="AK2071" t="s">
        <v>6</v>
      </c>
      <c r="AL2071">
        <v>0</v>
      </c>
      <c r="AM2071">
        <v>0</v>
      </c>
      <c r="AN2071">
        <v>0</v>
      </c>
      <c r="AO2071">
        <v>0</v>
      </c>
      <c r="AP2071">
        <v>0</v>
      </c>
      <c r="AQ2071">
        <v>0</v>
      </c>
      <c r="AR2071">
        <v>0</v>
      </c>
      <c r="AS2071">
        <v>0</v>
      </c>
      <c r="AT2071">
        <v>0</v>
      </c>
      <c r="AU2071">
        <v>0</v>
      </c>
      <c r="AV2071">
        <v>0</v>
      </c>
      <c r="AW2071">
        <v>0</v>
      </c>
      <c r="AX2071">
        <v>0</v>
      </c>
      <c r="AY2071">
        <v>0</v>
      </c>
      <c r="AZ2071">
        <v>0</v>
      </c>
      <c r="BA2071">
        <v>0</v>
      </c>
    </row>
    <row r="2072" spans="1:53" x14ac:dyDescent="0.4">
      <c r="A2072">
        <v>2116</v>
      </c>
      <c r="B2072" s="1">
        <v>43491</v>
      </c>
      <c r="C2072">
        <v>2</v>
      </c>
      <c r="D2072" s="1">
        <v>43491.413194444445</v>
      </c>
      <c r="E2072" s="1">
        <v>43491.73541666667</v>
      </c>
      <c r="F2072">
        <v>35000</v>
      </c>
      <c r="G2072">
        <v>1820</v>
      </c>
      <c r="H2072">
        <v>0</v>
      </c>
      <c r="I2072">
        <v>0</v>
      </c>
      <c r="J2072">
        <v>0</v>
      </c>
      <c r="K2072">
        <v>0</v>
      </c>
      <c r="L2072">
        <v>0</v>
      </c>
      <c r="M2072">
        <v>2945</v>
      </c>
      <c r="N2072">
        <v>0</v>
      </c>
      <c r="O2072">
        <v>0</v>
      </c>
      <c r="P2072">
        <v>25380</v>
      </c>
      <c r="Q2072">
        <v>0</v>
      </c>
      <c r="R2072">
        <v>65145</v>
      </c>
      <c r="S2072">
        <v>0</v>
      </c>
      <c r="T2072">
        <v>0</v>
      </c>
      <c r="U2072">
        <v>0</v>
      </c>
      <c r="V2072">
        <v>3</v>
      </c>
      <c r="W2072">
        <v>0</v>
      </c>
      <c r="X2072">
        <v>0</v>
      </c>
      <c r="Y2072">
        <v>45</v>
      </c>
      <c r="Z2072">
        <v>19</v>
      </c>
      <c r="AA2072">
        <v>129</v>
      </c>
      <c r="AB2072">
        <v>39</v>
      </c>
      <c r="AC2072">
        <v>182</v>
      </c>
      <c r="AD2072">
        <v>40</v>
      </c>
      <c r="AE2072">
        <v>115</v>
      </c>
      <c r="AF2072">
        <v>13660</v>
      </c>
      <c r="AG2072">
        <v>115145</v>
      </c>
      <c r="AH2072">
        <v>50000</v>
      </c>
      <c r="AI2072">
        <v>0</v>
      </c>
      <c r="AJ2072">
        <v>35</v>
      </c>
      <c r="AL2072">
        <v>0</v>
      </c>
      <c r="AM2072">
        <v>0</v>
      </c>
      <c r="AN2072">
        <v>0</v>
      </c>
      <c r="AO2072">
        <v>0</v>
      </c>
      <c r="AP2072">
        <v>0</v>
      </c>
      <c r="AQ2072">
        <v>0</v>
      </c>
      <c r="AR2072">
        <v>0</v>
      </c>
      <c r="AS2072">
        <v>0</v>
      </c>
      <c r="AT2072">
        <v>0</v>
      </c>
      <c r="AU2072">
        <v>0</v>
      </c>
      <c r="AV2072">
        <v>0</v>
      </c>
      <c r="AW2072">
        <v>0</v>
      </c>
      <c r="AX2072">
        <v>-540</v>
      </c>
      <c r="AY2072">
        <v>48</v>
      </c>
      <c r="AZ2072">
        <v>112</v>
      </c>
      <c r="BA2072">
        <v>7241</v>
      </c>
    </row>
    <row r="2073" spans="1:53" x14ac:dyDescent="0.4">
      <c r="A2073">
        <v>2117</v>
      </c>
      <c r="B2073" s="1">
        <v>43491</v>
      </c>
      <c r="C2073">
        <v>3</v>
      </c>
      <c r="D2073" s="1">
        <v>43491.73541666667</v>
      </c>
      <c r="E2073" s="1">
        <v>43492.072916666664</v>
      </c>
      <c r="F2073">
        <v>254670</v>
      </c>
      <c r="G2073">
        <v>14590</v>
      </c>
      <c r="H2073">
        <v>200</v>
      </c>
      <c r="I2073">
        <v>0</v>
      </c>
      <c r="J2073">
        <v>800</v>
      </c>
      <c r="K2073">
        <v>0</v>
      </c>
      <c r="L2073">
        <v>0</v>
      </c>
      <c r="M2073">
        <v>21489</v>
      </c>
      <c r="N2073">
        <v>0</v>
      </c>
      <c r="O2073">
        <v>0</v>
      </c>
      <c r="P2073">
        <v>32400</v>
      </c>
      <c r="Q2073">
        <v>0</v>
      </c>
      <c r="R2073">
        <v>322549</v>
      </c>
      <c r="S2073">
        <v>0</v>
      </c>
      <c r="T2073">
        <v>0</v>
      </c>
      <c r="U2073">
        <v>0</v>
      </c>
      <c r="V2073">
        <v>26</v>
      </c>
      <c r="W2073">
        <v>0</v>
      </c>
      <c r="X2073">
        <v>0</v>
      </c>
      <c r="Y2073">
        <v>67</v>
      </c>
      <c r="Z2073">
        <v>18</v>
      </c>
      <c r="AA2073">
        <v>113</v>
      </c>
      <c r="AB2073">
        <v>34</v>
      </c>
      <c r="AC2073">
        <v>168</v>
      </c>
      <c r="AD2073">
        <v>38</v>
      </c>
      <c r="AE2073">
        <v>114</v>
      </c>
      <c r="AF2073">
        <v>86710</v>
      </c>
      <c r="AG2073">
        <v>437694</v>
      </c>
      <c r="AH2073">
        <v>50000</v>
      </c>
      <c r="AI2073">
        <v>0</v>
      </c>
      <c r="AJ2073">
        <v>102</v>
      </c>
      <c r="AK2073" t="s">
        <v>8</v>
      </c>
      <c r="AL2073">
        <v>0</v>
      </c>
      <c r="AM2073">
        <v>0</v>
      </c>
      <c r="AN2073">
        <v>0</v>
      </c>
      <c r="AO2073">
        <v>0</v>
      </c>
      <c r="AP2073">
        <v>0</v>
      </c>
      <c r="AQ2073">
        <v>0</v>
      </c>
      <c r="AR2073">
        <v>0</v>
      </c>
      <c r="AS2073">
        <v>0</v>
      </c>
      <c r="AT2073">
        <v>0</v>
      </c>
      <c r="AU2073">
        <v>0</v>
      </c>
      <c r="AV2073">
        <v>0</v>
      </c>
      <c r="AW2073">
        <v>0</v>
      </c>
      <c r="AX2073">
        <v>30078</v>
      </c>
      <c r="AY2073">
        <v>40</v>
      </c>
      <c r="AZ2073">
        <v>151</v>
      </c>
      <c r="BA2073">
        <v>6385</v>
      </c>
    </row>
    <row r="2074" spans="1:53" x14ac:dyDescent="0.4">
      <c r="A2074">
        <v>2118</v>
      </c>
      <c r="B2074" s="1">
        <v>43492</v>
      </c>
      <c r="C2074">
        <v>1</v>
      </c>
      <c r="D2074" s="1">
        <v>43492.291666666664</v>
      </c>
      <c r="E2074" s="1">
        <v>43492.413888888892</v>
      </c>
      <c r="F2074">
        <v>0</v>
      </c>
      <c r="G2074">
        <v>0</v>
      </c>
      <c r="H2074">
        <v>0</v>
      </c>
      <c r="I2074">
        <v>0</v>
      </c>
      <c r="J2074">
        <v>0</v>
      </c>
      <c r="K2074">
        <v>0</v>
      </c>
      <c r="L2074">
        <v>0</v>
      </c>
      <c r="M2074">
        <v>0</v>
      </c>
      <c r="N2074">
        <v>0</v>
      </c>
      <c r="O2074">
        <v>0</v>
      </c>
      <c r="P2074">
        <v>0</v>
      </c>
      <c r="Q2074">
        <v>0</v>
      </c>
      <c r="R2074">
        <v>0</v>
      </c>
      <c r="S2074">
        <v>0</v>
      </c>
      <c r="T2074">
        <v>0</v>
      </c>
      <c r="U2074">
        <v>0</v>
      </c>
      <c r="V2074">
        <v>0</v>
      </c>
      <c r="W2074">
        <v>0</v>
      </c>
      <c r="X2074">
        <v>0</v>
      </c>
      <c r="Y2074">
        <v>30</v>
      </c>
      <c r="Z2074">
        <v>13</v>
      </c>
      <c r="AA2074">
        <v>103</v>
      </c>
      <c r="AB2074">
        <v>32</v>
      </c>
      <c r="AC2074">
        <v>130</v>
      </c>
      <c r="AD2074">
        <v>37</v>
      </c>
      <c r="AE2074">
        <v>115</v>
      </c>
      <c r="AF2074">
        <v>0</v>
      </c>
      <c r="AG2074">
        <v>50000</v>
      </c>
      <c r="AH2074">
        <v>50000</v>
      </c>
      <c r="AI2074">
        <v>0</v>
      </c>
      <c r="AJ2074">
        <v>0</v>
      </c>
      <c r="AK2074" t="s">
        <v>6</v>
      </c>
      <c r="AL2074">
        <v>0</v>
      </c>
      <c r="AM2074">
        <v>0</v>
      </c>
      <c r="AN2074">
        <v>0</v>
      </c>
      <c r="AO2074">
        <v>0</v>
      </c>
      <c r="AP2074">
        <v>0</v>
      </c>
      <c r="AQ2074">
        <v>0</v>
      </c>
      <c r="AR2074">
        <v>0</v>
      </c>
      <c r="AS2074">
        <v>0</v>
      </c>
      <c r="AT2074">
        <v>0</v>
      </c>
      <c r="AU2074">
        <v>0</v>
      </c>
      <c r="AV2074">
        <v>0</v>
      </c>
      <c r="AW2074">
        <v>0</v>
      </c>
      <c r="AX2074">
        <v>0</v>
      </c>
      <c r="AY2074">
        <v>0</v>
      </c>
      <c r="AZ2074">
        <v>0</v>
      </c>
      <c r="BA2074">
        <v>0</v>
      </c>
    </row>
    <row r="2075" spans="1:53" x14ac:dyDescent="0.4">
      <c r="A2075">
        <v>2119</v>
      </c>
      <c r="B2075" s="1">
        <v>43492</v>
      </c>
      <c r="C2075">
        <v>2</v>
      </c>
      <c r="D2075" s="1">
        <v>43492.413888888892</v>
      </c>
      <c r="E2075" s="1">
        <v>43492.734722222223</v>
      </c>
      <c r="F2075">
        <v>36000</v>
      </c>
      <c r="G2075">
        <v>6640</v>
      </c>
      <c r="H2075">
        <v>400</v>
      </c>
      <c r="I2075">
        <v>0</v>
      </c>
      <c r="J2075">
        <v>0</v>
      </c>
      <c r="K2075">
        <v>0</v>
      </c>
      <c r="L2075">
        <v>0</v>
      </c>
      <c r="M2075">
        <v>3441</v>
      </c>
      <c r="N2075">
        <v>0</v>
      </c>
      <c r="O2075">
        <v>0</v>
      </c>
      <c r="P2075">
        <v>27000</v>
      </c>
      <c r="Q2075">
        <v>0</v>
      </c>
      <c r="R2075">
        <v>73481</v>
      </c>
      <c r="S2075">
        <v>0</v>
      </c>
      <c r="T2075">
        <v>0</v>
      </c>
      <c r="U2075">
        <v>0</v>
      </c>
      <c r="V2075">
        <v>2</v>
      </c>
      <c r="W2075">
        <v>2</v>
      </c>
      <c r="X2075">
        <v>0</v>
      </c>
      <c r="Y2075">
        <v>50</v>
      </c>
      <c r="Z2075">
        <v>37</v>
      </c>
      <c r="AA2075">
        <v>147</v>
      </c>
      <c r="AB2075">
        <v>36</v>
      </c>
      <c r="AC2075">
        <v>227</v>
      </c>
      <c r="AD2075">
        <v>40</v>
      </c>
      <c r="AE2075">
        <v>115</v>
      </c>
      <c r="AF2075">
        <v>5896</v>
      </c>
      <c r="AG2075">
        <v>123481</v>
      </c>
      <c r="AH2075">
        <v>50000</v>
      </c>
      <c r="AI2075">
        <v>0</v>
      </c>
      <c r="AJ2075">
        <v>35</v>
      </c>
      <c r="AL2075">
        <v>0</v>
      </c>
      <c r="AM2075">
        <v>0</v>
      </c>
      <c r="AN2075">
        <v>0</v>
      </c>
      <c r="AO2075">
        <v>0</v>
      </c>
      <c r="AP2075">
        <v>0</v>
      </c>
      <c r="AQ2075">
        <v>0</v>
      </c>
      <c r="AR2075">
        <v>0</v>
      </c>
      <c r="AS2075">
        <v>0</v>
      </c>
      <c r="AT2075">
        <v>0</v>
      </c>
      <c r="AU2075">
        <v>0</v>
      </c>
      <c r="AV2075">
        <v>0</v>
      </c>
      <c r="AW2075">
        <v>0</v>
      </c>
      <c r="AX2075">
        <v>734</v>
      </c>
      <c r="AY2075">
        <v>54</v>
      </c>
      <c r="AZ2075">
        <v>113</v>
      </c>
      <c r="BA2075">
        <v>7896</v>
      </c>
    </row>
    <row r="2076" spans="1:53" x14ac:dyDescent="0.4">
      <c r="A2076">
        <v>2120</v>
      </c>
      <c r="B2076" s="1">
        <v>43492</v>
      </c>
      <c r="C2076">
        <v>3</v>
      </c>
      <c r="D2076" s="1">
        <v>43492.734722222223</v>
      </c>
      <c r="E2076" s="1">
        <v>43492.956944444442</v>
      </c>
      <c r="F2076">
        <v>56840</v>
      </c>
      <c r="G2076">
        <v>1560</v>
      </c>
      <c r="H2076">
        <v>0</v>
      </c>
      <c r="I2076">
        <v>0</v>
      </c>
      <c r="J2076">
        <v>0</v>
      </c>
      <c r="K2076">
        <v>0</v>
      </c>
      <c r="L2076">
        <v>0</v>
      </c>
      <c r="M2076">
        <v>4672</v>
      </c>
      <c r="N2076">
        <v>0</v>
      </c>
      <c r="O2076">
        <v>0</v>
      </c>
      <c r="P2076">
        <v>-15336</v>
      </c>
      <c r="Q2076">
        <v>0</v>
      </c>
      <c r="R2076">
        <v>47736</v>
      </c>
      <c r="S2076">
        <v>0</v>
      </c>
      <c r="T2076">
        <v>0</v>
      </c>
      <c r="U2076">
        <v>0</v>
      </c>
      <c r="V2076">
        <v>5</v>
      </c>
      <c r="W2076">
        <v>3</v>
      </c>
      <c r="X2076">
        <v>0</v>
      </c>
      <c r="Y2076">
        <v>62</v>
      </c>
      <c r="Z2076">
        <v>34</v>
      </c>
      <c r="AA2076">
        <v>146</v>
      </c>
      <c r="AB2076">
        <v>41</v>
      </c>
      <c r="AC2076">
        <v>220</v>
      </c>
      <c r="AD2076">
        <v>38</v>
      </c>
      <c r="AE2076">
        <v>121</v>
      </c>
      <c r="AF2076">
        <v>8056</v>
      </c>
      <c r="AG2076">
        <v>171217</v>
      </c>
      <c r="AH2076">
        <v>50000</v>
      </c>
      <c r="AI2076">
        <v>0</v>
      </c>
      <c r="AJ2076">
        <v>100</v>
      </c>
      <c r="AK2076" t="s">
        <v>0</v>
      </c>
      <c r="AL2076">
        <v>0</v>
      </c>
      <c r="AM2076">
        <v>0</v>
      </c>
      <c r="AN2076">
        <v>0</v>
      </c>
      <c r="AO2076">
        <v>0</v>
      </c>
      <c r="AP2076">
        <v>0</v>
      </c>
      <c r="AQ2076">
        <v>0</v>
      </c>
      <c r="AR2076">
        <v>0</v>
      </c>
      <c r="AS2076">
        <v>0</v>
      </c>
      <c r="AT2076">
        <v>0</v>
      </c>
      <c r="AU2076">
        <v>0</v>
      </c>
      <c r="AV2076">
        <v>0</v>
      </c>
      <c r="AW2076">
        <v>0</v>
      </c>
      <c r="AX2076">
        <v>2700</v>
      </c>
      <c r="AY2076">
        <v>13</v>
      </c>
      <c r="AZ2076">
        <v>38</v>
      </c>
      <c r="BA2076">
        <v>3487</v>
      </c>
    </row>
    <row r="2077" spans="1:53" x14ac:dyDescent="0.4">
      <c r="A2077">
        <v>2121</v>
      </c>
      <c r="B2077" s="1">
        <v>43492</v>
      </c>
      <c r="C2077">
        <v>4</v>
      </c>
      <c r="D2077" s="1">
        <v>43492.956944444442</v>
      </c>
      <c r="E2077" s="1">
        <v>43493.07708333333</v>
      </c>
      <c r="F2077">
        <v>14300</v>
      </c>
      <c r="G2077">
        <v>0</v>
      </c>
      <c r="H2077">
        <v>0</v>
      </c>
      <c r="I2077">
        <v>0</v>
      </c>
      <c r="J2077">
        <v>0</v>
      </c>
      <c r="K2077">
        <v>0</v>
      </c>
      <c r="L2077">
        <v>0</v>
      </c>
      <c r="M2077">
        <v>1144</v>
      </c>
      <c r="N2077">
        <v>0</v>
      </c>
      <c r="O2077">
        <v>0</v>
      </c>
      <c r="P2077">
        <v>2268</v>
      </c>
      <c r="Q2077">
        <v>0</v>
      </c>
      <c r="R2077">
        <v>17712</v>
      </c>
      <c r="S2077">
        <v>0</v>
      </c>
      <c r="T2077">
        <v>0</v>
      </c>
      <c r="U2077">
        <v>0</v>
      </c>
      <c r="V2077">
        <v>6</v>
      </c>
      <c r="W2077">
        <v>2</v>
      </c>
      <c r="X2077">
        <v>0</v>
      </c>
      <c r="Y2077">
        <v>74</v>
      </c>
      <c r="Z2077">
        <v>35</v>
      </c>
      <c r="AA2077">
        <v>147</v>
      </c>
      <c r="AB2077">
        <v>41</v>
      </c>
      <c r="AC2077">
        <v>230</v>
      </c>
      <c r="AD2077">
        <v>39</v>
      </c>
      <c r="AE2077">
        <v>128</v>
      </c>
      <c r="AF2077">
        <v>8056</v>
      </c>
      <c r="AG2077">
        <v>188929</v>
      </c>
      <c r="AH2077">
        <v>50000</v>
      </c>
      <c r="AI2077">
        <v>0</v>
      </c>
      <c r="AJ2077">
        <v>100</v>
      </c>
      <c r="AK2077" t="s">
        <v>0</v>
      </c>
      <c r="AL2077">
        <v>0</v>
      </c>
      <c r="AM2077">
        <v>0</v>
      </c>
      <c r="AN2077">
        <v>0</v>
      </c>
      <c r="AO2077">
        <v>0</v>
      </c>
      <c r="AP2077">
        <v>0</v>
      </c>
      <c r="AQ2077">
        <v>0</v>
      </c>
      <c r="AR2077">
        <v>0</v>
      </c>
      <c r="AS2077">
        <v>0</v>
      </c>
      <c r="AT2077">
        <v>0</v>
      </c>
      <c r="AU2077">
        <v>0</v>
      </c>
      <c r="AV2077">
        <v>0</v>
      </c>
      <c r="AW2077">
        <v>0</v>
      </c>
      <c r="AX2077">
        <v>0</v>
      </c>
      <c r="AY2077">
        <v>3</v>
      </c>
      <c r="AZ2077">
        <v>9</v>
      </c>
      <c r="BA2077">
        <v>487</v>
      </c>
    </row>
    <row r="2078" spans="1:53" x14ac:dyDescent="0.4">
      <c r="A2078">
        <v>2122</v>
      </c>
      <c r="B2078" s="1">
        <v>43493</v>
      </c>
      <c r="C2078">
        <v>1</v>
      </c>
      <c r="D2078" s="1">
        <v>43493.291666666664</v>
      </c>
      <c r="E2078" s="1">
        <v>43493.452777777777</v>
      </c>
      <c r="F2078">
        <v>0</v>
      </c>
      <c r="G2078">
        <v>0</v>
      </c>
      <c r="H2078">
        <v>0</v>
      </c>
      <c r="I2078">
        <v>0</v>
      </c>
      <c r="J2078">
        <v>0</v>
      </c>
      <c r="K2078">
        <v>0</v>
      </c>
      <c r="L2078">
        <v>0</v>
      </c>
      <c r="M2078">
        <v>0</v>
      </c>
      <c r="N2078">
        <v>0</v>
      </c>
      <c r="O2078">
        <v>0</v>
      </c>
      <c r="P2078">
        <v>0</v>
      </c>
      <c r="Q2078">
        <v>0</v>
      </c>
      <c r="R2078">
        <v>0</v>
      </c>
      <c r="S2078">
        <v>0</v>
      </c>
      <c r="T2078">
        <v>0</v>
      </c>
      <c r="U2078">
        <v>0</v>
      </c>
      <c r="V2078">
        <v>0</v>
      </c>
      <c r="W2078">
        <v>0</v>
      </c>
      <c r="X2078">
        <v>0</v>
      </c>
      <c r="Y2078">
        <v>26</v>
      </c>
      <c r="Z2078">
        <v>11</v>
      </c>
      <c r="AA2078">
        <v>150</v>
      </c>
      <c r="AB2078">
        <v>39</v>
      </c>
      <c r="AC2078">
        <v>123</v>
      </c>
      <c r="AD2078">
        <v>39</v>
      </c>
      <c r="AE2078">
        <v>125</v>
      </c>
      <c r="AF2078">
        <v>0</v>
      </c>
      <c r="AG2078">
        <v>50000</v>
      </c>
      <c r="AH2078">
        <v>0</v>
      </c>
      <c r="AI2078">
        <v>50000</v>
      </c>
      <c r="AJ2078">
        <v>0</v>
      </c>
      <c r="AK2078" t="s">
        <v>6</v>
      </c>
      <c r="AL2078">
        <v>0</v>
      </c>
      <c r="AM2078">
        <v>0</v>
      </c>
      <c r="AN2078">
        <v>0</v>
      </c>
      <c r="AO2078">
        <v>0</v>
      </c>
      <c r="AP2078">
        <v>0</v>
      </c>
      <c r="AQ2078">
        <v>0</v>
      </c>
      <c r="AR2078">
        <v>0</v>
      </c>
      <c r="AS2078">
        <v>0</v>
      </c>
      <c r="AT2078">
        <v>0</v>
      </c>
      <c r="AU2078">
        <v>0</v>
      </c>
      <c r="AV2078">
        <v>0</v>
      </c>
      <c r="AW2078">
        <v>0</v>
      </c>
      <c r="AX2078">
        <v>0</v>
      </c>
      <c r="AY2078">
        <v>0</v>
      </c>
      <c r="AZ2078">
        <v>0</v>
      </c>
      <c r="BA2078">
        <v>0</v>
      </c>
    </row>
    <row r="2079" spans="1:53" x14ac:dyDescent="0.4">
      <c r="A2079">
        <v>2123</v>
      </c>
      <c r="B2079" s="1">
        <v>43493</v>
      </c>
      <c r="C2079">
        <v>2</v>
      </c>
      <c r="D2079" s="1">
        <v>43493.452777777777</v>
      </c>
      <c r="E2079" s="1">
        <v>43493.75</v>
      </c>
      <c r="F2079">
        <v>19500</v>
      </c>
      <c r="G2079">
        <v>1840</v>
      </c>
      <c r="H2079">
        <v>0</v>
      </c>
      <c r="I2079">
        <v>0</v>
      </c>
      <c r="J2079">
        <v>0</v>
      </c>
      <c r="K2079">
        <v>0</v>
      </c>
      <c r="L2079">
        <v>0</v>
      </c>
      <c r="M2079">
        <v>1707</v>
      </c>
      <c r="N2079">
        <v>0</v>
      </c>
      <c r="O2079">
        <v>0</v>
      </c>
      <c r="P2079">
        <v>22140</v>
      </c>
      <c r="Q2079">
        <v>0</v>
      </c>
      <c r="R2079">
        <v>45187</v>
      </c>
      <c r="S2079">
        <v>0</v>
      </c>
      <c r="T2079">
        <v>0</v>
      </c>
      <c r="U2079">
        <v>0</v>
      </c>
      <c r="V2079">
        <v>3</v>
      </c>
      <c r="W2079">
        <v>2</v>
      </c>
      <c r="X2079">
        <v>0</v>
      </c>
      <c r="Y2079">
        <v>18</v>
      </c>
      <c r="Z2079">
        <v>33</v>
      </c>
      <c r="AA2079">
        <v>166</v>
      </c>
      <c r="AB2079">
        <v>34</v>
      </c>
      <c r="AC2079">
        <v>205</v>
      </c>
      <c r="AD2079">
        <v>41</v>
      </c>
      <c r="AE2079">
        <v>132</v>
      </c>
      <c r="AF2079">
        <v>0</v>
      </c>
      <c r="AG2079">
        <v>95187</v>
      </c>
      <c r="AH2079">
        <v>50000</v>
      </c>
      <c r="AI2079">
        <v>0</v>
      </c>
      <c r="AJ2079">
        <v>96</v>
      </c>
      <c r="AK2079" t="s">
        <v>4</v>
      </c>
      <c r="AL2079">
        <v>0</v>
      </c>
      <c r="AM2079">
        <v>0</v>
      </c>
      <c r="AN2079">
        <v>0</v>
      </c>
      <c r="AO2079">
        <v>0</v>
      </c>
      <c r="AP2079">
        <v>0</v>
      </c>
      <c r="AQ2079">
        <v>0</v>
      </c>
      <c r="AR2079">
        <v>0</v>
      </c>
      <c r="AS2079">
        <v>0</v>
      </c>
      <c r="AT2079">
        <v>0</v>
      </c>
      <c r="AU2079">
        <v>0</v>
      </c>
      <c r="AV2079">
        <v>0</v>
      </c>
      <c r="AW2079">
        <v>0</v>
      </c>
      <c r="AX2079">
        <v>950</v>
      </c>
      <c r="AY2079">
        <v>36</v>
      </c>
      <c r="AZ2079">
        <v>78</v>
      </c>
      <c r="BA2079">
        <v>4548</v>
      </c>
    </row>
    <row r="2080" spans="1:53" x14ac:dyDescent="0.4">
      <c r="A2080">
        <v>2124</v>
      </c>
      <c r="B2080" s="1">
        <v>43493</v>
      </c>
      <c r="C2080">
        <v>3</v>
      </c>
      <c r="D2080" s="1">
        <v>43493.75</v>
      </c>
      <c r="E2080" s="1">
        <v>43493.96597222222</v>
      </c>
      <c r="F2080">
        <v>34420</v>
      </c>
      <c r="G2080">
        <v>2760</v>
      </c>
      <c r="H2080">
        <v>0</v>
      </c>
      <c r="I2080">
        <v>0</v>
      </c>
      <c r="J2080">
        <v>0</v>
      </c>
      <c r="K2080">
        <v>0</v>
      </c>
      <c r="L2080">
        <v>0</v>
      </c>
      <c r="M2080">
        <v>2974</v>
      </c>
      <c r="N2080">
        <v>0</v>
      </c>
      <c r="O2080">
        <v>0</v>
      </c>
      <c r="P2080">
        <v>-12636</v>
      </c>
      <c r="Q2080">
        <v>0</v>
      </c>
      <c r="R2080">
        <v>27518</v>
      </c>
      <c r="S2080">
        <v>0</v>
      </c>
      <c r="T2080">
        <v>0</v>
      </c>
      <c r="U2080">
        <v>0</v>
      </c>
      <c r="V2080">
        <v>3</v>
      </c>
      <c r="W2080">
        <v>2</v>
      </c>
      <c r="X2080">
        <v>0</v>
      </c>
      <c r="Y2080">
        <v>45</v>
      </c>
      <c r="Z2080">
        <v>33</v>
      </c>
      <c r="AA2080">
        <v>174</v>
      </c>
      <c r="AB2080">
        <v>32</v>
      </c>
      <c r="AC2080">
        <v>186</v>
      </c>
      <c r="AD2080">
        <v>42</v>
      </c>
      <c r="AE2080">
        <v>130</v>
      </c>
      <c r="AF2080">
        <v>0</v>
      </c>
      <c r="AG2080">
        <v>122700</v>
      </c>
      <c r="AH2080">
        <v>50000</v>
      </c>
      <c r="AI2080">
        <v>-5</v>
      </c>
      <c r="AJ2080">
        <v>108</v>
      </c>
      <c r="AK2080" t="s">
        <v>30</v>
      </c>
      <c r="AL2080">
        <v>0</v>
      </c>
      <c r="AM2080">
        <v>0</v>
      </c>
      <c r="AN2080">
        <v>0</v>
      </c>
      <c r="AO2080">
        <v>0</v>
      </c>
      <c r="AP2080">
        <v>0</v>
      </c>
      <c r="AQ2080">
        <v>0</v>
      </c>
      <c r="AR2080">
        <v>0</v>
      </c>
      <c r="AS2080">
        <v>0</v>
      </c>
      <c r="AT2080">
        <v>0</v>
      </c>
      <c r="AU2080">
        <v>0</v>
      </c>
      <c r="AV2080">
        <v>0</v>
      </c>
      <c r="AW2080">
        <v>0</v>
      </c>
      <c r="AX2080">
        <v>2782</v>
      </c>
      <c r="AY2080">
        <v>12</v>
      </c>
      <c r="AZ2080">
        <v>27</v>
      </c>
      <c r="BA2080">
        <v>2573</v>
      </c>
    </row>
    <row r="2081" spans="1:53" x14ac:dyDescent="0.4">
      <c r="A2081">
        <v>2125</v>
      </c>
      <c r="B2081" s="1">
        <v>43494</v>
      </c>
      <c r="C2081">
        <v>1</v>
      </c>
      <c r="D2081" s="1">
        <v>43494.291666666664</v>
      </c>
      <c r="E2081" s="1">
        <v>43494.442361111112</v>
      </c>
      <c r="F2081">
        <v>0</v>
      </c>
      <c r="G2081">
        <v>0</v>
      </c>
      <c r="H2081">
        <v>0</v>
      </c>
      <c r="I2081">
        <v>0</v>
      </c>
      <c r="J2081">
        <v>0</v>
      </c>
      <c r="K2081">
        <v>0</v>
      </c>
      <c r="L2081">
        <v>0</v>
      </c>
      <c r="M2081">
        <v>0</v>
      </c>
      <c r="N2081">
        <v>0</v>
      </c>
      <c r="O2081">
        <v>0</v>
      </c>
      <c r="P2081">
        <v>0</v>
      </c>
      <c r="Q2081">
        <v>0</v>
      </c>
      <c r="R2081">
        <v>0</v>
      </c>
      <c r="S2081">
        <v>0</v>
      </c>
      <c r="T2081">
        <v>0</v>
      </c>
      <c r="U2081">
        <v>0</v>
      </c>
      <c r="V2081">
        <v>0</v>
      </c>
      <c r="W2081">
        <v>0</v>
      </c>
      <c r="X2081">
        <v>0</v>
      </c>
      <c r="Y2081">
        <v>24</v>
      </c>
      <c r="Z2081">
        <v>12</v>
      </c>
      <c r="AA2081">
        <v>168</v>
      </c>
      <c r="AB2081">
        <v>31</v>
      </c>
      <c r="AC2081">
        <v>132</v>
      </c>
      <c r="AD2081">
        <v>40</v>
      </c>
      <c r="AE2081">
        <v>130</v>
      </c>
      <c r="AF2081">
        <v>0</v>
      </c>
      <c r="AG2081">
        <v>50000</v>
      </c>
      <c r="AH2081">
        <v>50000</v>
      </c>
      <c r="AI2081">
        <v>0</v>
      </c>
      <c r="AJ2081">
        <v>0</v>
      </c>
      <c r="AK2081" t="s">
        <v>6</v>
      </c>
      <c r="AL2081">
        <v>0</v>
      </c>
      <c r="AM2081">
        <v>0</v>
      </c>
      <c r="AN2081">
        <v>0</v>
      </c>
      <c r="AO2081">
        <v>0</v>
      </c>
      <c r="AP2081">
        <v>0</v>
      </c>
      <c r="AQ2081">
        <v>0</v>
      </c>
      <c r="AR2081">
        <v>0</v>
      </c>
      <c r="AS2081">
        <v>0</v>
      </c>
      <c r="AT2081">
        <v>0</v>
      </c>
      <c r="AU2081">
        <v>0</v>
      </c>
      <c r="AV2081">
        <v>0</v>
      </c>
      <c r="AW2081">
        <v>0</v>
      </c>
      <c r="AX2081">
        <v>0</v>
      </c>
      <c r="AY2081">
        <v>0</v>
      </c>
      <c r="AZ2081">
        <v>0</v>
      </c>
      <c r="BA2081">
        <v>0</v>
      </c>
    </row>
    <row r="2082" spans="1:53" x14ac:dyDescent="0.4">
      <c r="A2082">
        <v>2126</v>
      </c>
      <c r="B2082" s="1">
        <v>43494</v>
      </c>
      <c r="C2082">
        <v>2</v>
      </c>
      <c r="D2082" s="1">
        <v>43494.442361111112</v>
      </c>
      <c r="E2082" s="1">
        <v>43494.750694444447</v>
      </c>
      <c r="F2082">
        <v>18500</v>
      </c>
      <c r="G2082">
        <v>1500</v>
      </c>
      <c r="H2082">
        <v>0</v>
      </c>
      <c r="I2082">
        <v>0</v>
      </c>
      <c r="J2082">
        <v>0</v>
      </c>
      <c r="K2082">
        <v>0</v>
      </c>
      <c r="L2082">
        <v>0</v>
      </c>
      <c r="M2082">
        <v>1600</v>
      </c>
      <c r="N2082">
        <v>0</v>
      </c>
      <c r="O2082">
        <v>0</v>
      </c>
      <c r="P2082">
        <v>17906</v>
      </c>
      <c r="Q2082">
        <v>0</v>
      </c>
      <c r="R2082">
        <v>39506</v>
      </c>
      <c r="S2082">
        <v>0</v>
      </c>
      <c r="T2082">
        <v>0</v>
      </c>
      <c r="U2082">
        <v>0</v>
      </c>
      <c r="V2082">
        <v>2</v>
      </c>
      <c r="W2082">
        <v>0</v>
      </c>
      <c r="X2082">
        <v>0</v>
      </c>
      <c r="Y2082">
        <v>38</v>
      </c>
      <c r="Z2082">
        <v>22</v>
      </c>
      <c r="AA2082">
        <v>153</v>
      </c>
      <c r="AB2082">
        <v>24</v>
      </c>
      <c r="AC2082">
        <v>180</v>
      </c>
      <c r="AD2082">
        <v>38</v>
      </c>
      <c r="AE2082">
        <v>128</v>
      </c>
      <c r="AF2082">
        <v>1898</v>
      </c>
      <c r="AG2082">
        <v>89516</v>
      </c>
      <c r="AH2082">
        <v>50000</v>
      </c>
      <c r="AI2082">
        <v>10</v>
      </c>
      <c r="AJ2082">
        <v>100</v>
      </c>
      <c r="AK2082" t="s">
        <v>0</v>
      </c>
      <c r="AL2082">
        <v>0</v>
      </c>
      <c r="AM2082">
        <v>0</v>
      </c>
      <c r="AN2082">
        <v>0</v>
      </c>
      <c r="AO2082">
        <v>0</v>
      </c>
      <c r="AP2082">
        <v>0</v>
      </c>
      <c r="AQ2082">
        <v>0</v>
      </c>
      <c r="AR2082">
        <v>0</v>
      </c>
      <c r="AS2082">
        <v>0</v>
      </c>
      <c r="AT2082">
        <v>0</v>
      </c>
      <c r="AU2082">
        <v>0</v>
      </c>
      <c r="AV2082">
        <v>0</v>
      </c>
      <c r="AW2082">
        <v>0</v>
      </c>
      <c r="AX2082">
        <v>-1210</v>
      </c>
      <c r="AY2082">
        <v>37</v>
      </c>
      <c r="AZ2082">
        <v>64</v>
      </c>
      <c r="BA2082">
        <v>5184</v>
      </c>
    </row>
    <row r="2083" spans="1:53" x14ac:dyDescent="0.4">
      <c r="A2083">
        <v>2127</v>
      </c>
      <c r="B2083" s="1">
        <v>43495</v>
      </c>
      <c r="C2083">
        <v>1</v>
      </c>
      <c r="D2083" s="1">
        <v>43495.291666666664</v>
      </c>
      <c r="E2083" s="1">
        <v>43495.455555555556</v>
      </c>
      <c r="F2083">
        <v>0</v>
      </c>
      <c r="G2083">
        <v>0</v>
      </c>
      <c r="H2083">
        <v>0</v>
      </c>
      <c r="I2083">
        <v>0</v>
      </c>
      <c r="J2083">
        <v>0</v>
      </c>
      <c r="K2083">
        <v>0</v>
      </c>
      <c r="L2083">
        <v>0</v>
      </c>
      <c r="M2083">
        <v>0</v>
      </c>
      <c r="N2083">
        <v>0</v>
      </c>
      <c r="O2083">
        <v>0</v>
      </c>
      <c r="P2083">
        <v>0</v>
      </c>
      <c r="Q2083">
        <v>0</v>
      </c>
      <c r="R2083">
        <v>0</v>
      </c>
      <c r="S2083">
        <v>0</v>
      </c>
      <c r="T2083">
        <v>0</v>
      </c>
      <c r="U2083">
        <v>0</v>
      </c>
      <c r="V2083">
        <v>1</v>
      </c>
      <c r="W2083">
        <v>0</v>
      </c>
      <c r="X2083">
        <v>0</v>
      </c>
      <c r="Y2083">
        <v>18</v>
      </c>
      <c r="Z2083">
        <v>15</v>
      </c>
      <c r="AA2083">
        <v>120</v>
      </c>
      <c r="AB2083">
        <v>28</v>
      </c>
      <c r="AC2083">
        <v>82</v>
      </c>
      <c r="AD2083">
        <v>33</v>
      </c>
      <c r="AE2083">
        <v>115</v>
      </c>
      <c r="AF2083">
        <v>0</v>
      </c>
      <c r="AG2083">
        <v>50000</v>
      </c>
      <c r="AH2083">
        <v>0</v>
      </c>
      <c r="AI2083">
        <v>50000</v>
      </c>
      <c r="AJ2083">
        <v>0</v>
      </c>
      <c r="AK2083" t="s">
        <v>6</v>
      </c>
      <c r="AL2083">
        <v>0</v>
      </c>
      <c r="AM2083">
        <v>0</v>
      </c>
      <c r="AN2083">
        <v>0</v>
      </c>
      <c r="AO2083">
        <v>0</v>
      </c>
      <c r="AP2083">
        <v>0</v>
      </c>
      <c r="AQ2083">
        <v>0</v>
      </c>
      <c r="AR2083">
        <v>0</v>
      </c>
      <c r="AS2083">
        <v>0</v>
      </c>
      <c r="AT2083">
        <v>0</v>
      </c>
      <c r="AU2083">
        <v>0</v>
      </c>
      <c r="AV2083">
        <v>0</v>
      </c>
      <c r="AW2083">
        <v>0</v>
      </c>
      <c r="AX2083">
        <v>0</v>
      </c>
      <c r="AY2083">
        <v>0</v>
      </c>
      <c r="AZ2083">
        <v>0</v>
      </c>
      <c r="BA2083">
        <v>0</v>
      </c>
    </row>
    <row r="2084" spans="1:53" x14ac:dyDescent="0.4">
      <c r="A2084">
        <v>2128</v>
      </c>
      <c r="B2084" s="1">
        <v>43495</v>
      </c>
      <c r="C2084">
        <v>2</v>
      </c>
      <c r="D2084" s="1">
        <v>43495.455555555556</v>
      </c>
      <c r="E2084" s="1">
        <v>43495.753472222219</v>
      </c>
      <c r="F2084">
        <v>25500</v>
      </c>
      <c r="G2084">
        <v>1860</v>
      </c>
      <c r="H2084">
        <v>200</v>
      </c>
      <c r="I2084">
        <v>0</v>
      </c>
      <c r="J2084">
        <v>0</v>
      </c>
      <c r="K2084">
        <v>0</v>
      </c>
      <c r="L2084">
        <v>0</v>
      </c>
      <c r="M2084">
        <v>2204</v>
      </c>
      <c r="N2084">
        <v>0</v>
      </c>
      <c r="O2084">
        <v>0</v>
      </c>
      <c r="P2084">
        <v>15120</v>
      </c>
      <c r="Q2084">
        <v>0</v>
      </c>
      <c r="R2084">
        <v>44884</v>
      </c>
      <c r="S2084">
        <v>0</v>
      </c>
      <c r="T2084">
        <v>0</v>
      </c>
      <c r="U2084">
        <v>0</v>
      </c>
      <c r="V2084">
        <v>2</v>
      </c>
      <c r="W2084">
        <v>0</v>
      </c>
      <c r="X2084">
        <v>0</v>
      </c>
      <c r="Y2084">
        <v>46</v>
      </c>
      <c r="Z2084">
        <v>23</v>
      </c>
      <c r="AA2084">
        <v>141</v>
      </c>
      <c r="AB2084">
        <v>34</v>
      </c>
      <c r="AC2084">
        <v>129</v>
      </c>
      <c r="AD2084">
        <v>37</v>
      </c>
      <c r="AE2084">
        <v>109</v>
      </c>
      <c r="AF2084">
        <v>0</v>
      </c>
      <c r="AG2084">
        <v>94884</v>
      </c>
      <c r="AH2084">
        <v>50000</v>
      </c>
      <c r="AI2084">
        <v>0</v>
      </c>
      <c r="AJ2084">
        <v>99</v>
      </c>
      <c r="AK2084" t="s">
        <v>9</v>
      </c>
      <c r="AL2084">
        <v>0</v>
      </c>
      <c r="AM2084">
        <v>0</v>
      </c>
      <c r="AN2084">
        <v>0</v>
      </c>
      <c r="AO2084">
        <v>0</v>
      </c>
      <c r="AP2084">
        <v>0</v>
      </c>
      <c r="AQ2084">
        <v>0</v>
      </c>
      <c r="AR2084">
        <v>0</v>
      </c>
      <c r="AS2084">
        <v>0</v>
      </c>
      <c r="AT2084">
        <v>0</v>
      </c>
      <c r="AU2084">
        <v>0</v>
      </c>
      <c r="AV2084">
        <v>0</v>
      </c>
      <c r="AW2084">
        <v>0</v>
      </c>
      <c r="AX2084">
        <v>0</v>
      </c>
      <c r="AY2084">
        <v>40</v>
      </c>
      <c r="AZ2084">
        <v>77</v>
      </c>
      <c r="BA2084">
        <v>5692</v>
      </c>
    </row>
    <row r="2085" spans="1:53" x14ac:dyDescent="0.4">
      <c r="A2085">
        <v>2129</v>
      </c>
      <c r="B2085" s="1">
        <v>43495</v>
      </c>
      <c r="C2085">
        <v>3</v>
      </c>
      <c r="D2085" s="1">
        <v>43495.753472222219</v>
      </c>
      <c r="E2085" s="1">
        <v>43495.952777777777</v>
      </c>
      <c r="F2085">
        <v>35300</v>
      </c>
      <c r="G2085">
        <v>700</v>
      </c>
      <c r="H2085">
        <v>0</v>
      </c>
      <c r="I2085">
        <v>0</v>
      </c>
      <c r="J2085">
        <v>0</v>
      </c>
      <c r="K2085">
        <v>0</v>
      </c>
      <c r="L2085">
        <v>0</v>
      </c>
      <c r="M2085">
        <v>2880</v>
      </c>
      <c r="N2085">
        <v>0</v>
      </c>
      <c r="O2085">
        <v>0</v>
      </c>
      <c r="P2085">
        <v>-15120</v>
      </c>
      <c r="Q2085">
        <v>0</v>
      </c>
      <c r="R2085">
        <v>23760</v>
      </c>
      <c r="S2085">
        <v>0</v>
      </c>
      <c r="T2085">
        <v>0</v>
      </c>
      <c r="U2085">
        <v>0</v>
      </c>
      <c r="V2085">
        <v>2</v>
      </c>
      <c r="W2085">
        <v>2</v>
      </c>
      <c r="X2085">
        <v>0</v>
      </c>
      <c r="Y2085">
        <v>46</v>
      </c>
      <c r="Z2085">
        <v>22</v>
      </c>
      <c r="AA2085">
        <v>140</v>
      </c>
      <c r="AB2085">
        <v>36</v>
      </c>
      <c r="AC2085">
        <v>128</v>
      </c>
      <c r="AD2085">
        <v>37</v>
      </c>
      <c r="AE2085">
        <v>123</v>
      </c>
      <c r="AF2085">
        <v>14256</v>
      </c>
      <c r="AG2085">
        <v>118644</v>
      </c>
      <c r="AH2085">
        <v>50000</v>
      </c>
      <c r="AI2085">
        <v>0</v>
      </c>
      <c r="AJ2085">
        <v>108</v>
      </c>
      <c r="AK2085" t="s">
        <v>30</v>
      </c>
      <c r="AL2085">
        <v>0</v>
      </c>
      <c r="AM2085">
        <v>0</v>
      </c>
      <c r="AN2085">
        <v>0</v>
      </c>
      <c r="AO2085">
        <v>0</v>
      </c>
      <c r="AP2085">
        <v>0</v>
      </c>
      <c r="AQ2085">
        <v>0</v>
      </c>
      <c r="AR2085">
        <v>0</v>
      </c>
      <c r="AS2085">
        <v>0</v>
      </c>
      <c r="AT2085">
        <v>0</v>
      </c>
      <c r="AU2085">
        <v>0</v>
      </c>
      <c r="AV2085">
        <v>0</v>
      </c>
      <c r="AW2085">
        <v>0</v>
      </c>
      <c r="AX2085">
        <v>38966</v>
      </c>
      <c r="AY2085">
        <v>13</v>
      </c>
      <c r="AZ2085">
        <v>54</v>
      </c>
      <c r="BA2085">
        <v>1932</v>
      </c>
    </row>
    <row r="2086" spans="1:53" x14ac:dyDescent="0.4">
      <c r="A2086">
        <v>2130</v>
      </c>
      <c r="B2086" s="1">
        <v>43495</v>
      </c>
      <c r="C2086">
        <v>4</v>
      </c>
      <c r="D2086" s="1">
        <v>43495.952777777777</v>
      </c>
      <c r="E2086" s="1">
        <v>43496.074999999997</v>
      </c>
      <c r="F2086">
        <v>59800</v>
      </c>
      <c r="G2086">
        <v>680</v>
      </c>
      <c r="H2086">
        <v>0</v>
      </c>
      <c r="I2086">
        <v>0</v>
      </c>
      <c r="J2086">
        <v>0</v>
      </c>
      <c r="K2086">
        <v>0</v>
      </c>
      <c r="L2086">
        <v>0</v>
      </c>
      <c r="M2086">
        <v>4838</v>
      </c>
      <c r="N2086">
        <v>0</v>
      </c>
      <c r="O2086">
        <v>0</v>
      </c>
      <c r="P2086">
        <v>5940</v>
      </c>
      <c r="Q2086">
        <v>0</v>
      </c>
      <c r="R2086">
        <v>71258</v>
      </c>
      <c r="S2086">
        <v>0</v>
      </c>
      <c r="T2086">
        <v>0</v>
      </c>
      <c r="U2086">
        <v>0</v>
      </c>
      <c r="V2086">
        <v>9</v>
      </c>
      <c r="W2086">
        <v>1</v>
      </c>
      <c r="X2086">
        <v>0</v>
      </c>
      <c r="Y2086">
        <v>34</v>
      </c>
      <c r="Z2086">
        <v>19</v>
      </c>
      <c r="AA2086">
        <v>131</v>
      </c>
      <c r="AB2086">
        <v>40</v>
      </c>
      <c r="AC2086">
        <v>129</v>
      </c>
      <c r="AD2086">
        <v>35</v>
      </c>
      <c r="AE2086">
        <v>121</v>
      </c>
      <c r="AF2086">
        <v>34716</v>
      </c>
      <c r="AG2086">
        <v>189902</v>
      </c>
      <c r="AH2086">
        <v>50000</v>
      </c>
      <c r="AI2086">
        <v>0</v>
      </c>
      <c r="AJ2086">
        <v>100</v>
      </c>
      <c r="AK2086" t="s">
        <v>0</v>
      </c>
      <c r="AL2086">
        <v>0</v>
      </c>
      <c r="AM2086">
        <v>0</v>
      </c>
      <c r="AN2086">
        <v>0</v>
      </c>
      <c r="AO2086">
        <v>0</v>
      </c>
      <c r="AP2086">
        <v>0</v>
      </c>
      <c r="AQ2086">
        <v>0</v>
      </c>
      <c r="AR2086">
        <v>0</v>
      </c>
      <c r="AS2086">
        <v>0</v>
      </c>
      <c r="AT2086">
        <v>0</v>
      </c>
      <c r="AU2086">
        <v>0</v>
      </c>
      <c r="AV2086">
        <v>0</v>
      </c>
      <c r="AW2086">
        <v>0</v>
      </c>
      <c r="AX2086">
        <v>0</v>
      </c>
      <c r="AY2086">
        <v>2</v>
      </c>
      <c r="AZ2086">
        <v>5</v>
      </c>
      <c r="BA2086">
        <v>616</v>
      </c>
    </row>
    <row r="2087" spans="1:53" x14ac:dyDescent="0.4">
      <c r="A2087">
        <v>2131</v>
      </c>
      <c r="B2087" s="1">
        <v>43496</v>
      </c>
      <c r="C2087">
        <v>1</v>
      </c>
      <c r="D2087" s="1">
        <v>43496.291666666664</v>
      </c>
      <c r="E2087" s="1">
        <v>43496.453472222223</v>
      </c>
      <c r="F2087">
        <v>0</v>
      </c>
      <c r="G2087">
        <v>0</v>
      </c>
      <c r="H2087">
        <v>0</v>
      </c>
      <c r="I2087">
        <v>0</v>
      </c>
      <c r="J2087">
        <v>0</v>
      </c>
      <c r="K2087">
        <v>0</v>
      </c>
      <c r="L2087">
        <v>0</v>
      </c>
      <c r="M2087">
        <v>0</v>
      </c>
      <c r="N2087">
        <v>0</v>
      </c>
      <c r="O2087">
        <v>0</v>
      </c>
      <c r="P2087">
        <v>0</v>
      </c>
      <c r="Q2087">
        <v>0</v>
      </c>
      <c r="R2087">
        <v>0</v>
      </c>
      <c r="S2087">
        <v>0</v>
      </c>
      <c r="T2087">
        <v>0</v>
      </c>
      <c r="U2087">
        <v>0</v>
      </c>
      <c r="V2087">
        <v>0</v>
      </c>
      <c r="W2087">
        <v>0</v>
      </c>
      <c r="X2087">
        <v>0</v>
      </c>
      <c r="Y2087">
        <v>30</v>
      </c>
      <c r="Z2087">
        <v>9</v>
      </c>
      <c r="AA2087">
        <v>122</v>
      </c>
      <c r="AB2087">
        <v>37</v>
      </c>
      <c r="AC2087">
        <v>116</v>
      </c>
      <c r="AD2087">
        <v>34</v>
      </c>
      <c r="AE2087">
        <v>120</v>
      </c>
      <c r="AF2087">
        <v>0</v>
      </c>
      <c r="AG2087">
        <v>50000</v>
      </c>
      <c r="AH2087">
        <v>0</v>
      </c>
      <c r="AI2087">
        <v>50000</v>
      </c>
      <c r="AJ2087">
        <v>0</v>
      </c>
      <c r="AK2087" t="s">
        <v>6</v>
      </c>
      <c r="AL2087">
        <v>0</v>
      </c>
      <c r="AM2087">
        <v>0</v>
      </c>
      <c r="AN2087">
        <v>0</v>
      </c>
      <c r="AO2087">
        <v>0</v>
      </c>
      <c r="AP2087">
        <v>0</v>
      </c>
      <c r="AQ2087">
        <v>0</v>
      </c>
      <c r="AR2087">
        <v>0</v>
      </c>
      <c r="AS2087">
        <v>0</v>
      </c>
      <c r="AT2087">
        <v>0</v>
      </c>
      <c r="AU2087">
        <v>0</v>
      </c>
      <c r="AV2087">
        <v>0</v>
      </c>
      <c r="AW2087">
        <v>0</v>
      </c>
      <c r="AX2087">
        <v>0</v>
      </c>
      <c r="AY2087">
        <v>0</v>
      </c>
      <c r="AZ2087">
        <v>0</v>
      </c>
      <c r="BA2087">
        <v>0</v>
      </c>
    </row>
    <row r="2088" spans="1:53" x14ac:dyDescent="0.4">
      <c r="A2088">
        <v>2132</v>
      </c>
      <c r="B2088" s="1">
        <v>43496</v>
      </c>
      <c r="C2088">
        <v>2</v>
      </c>
      <c r="D2088" s="1">
        <v>43496.453472222223</v>
      </c>
      <c r="E2088" s="1">
        <v>43496.746527777781</v>
      </c>
      <c r="F2088">
        <v>18500</v>
      </c>
      <c r="G2088">
        <v>500</v>
      </c>
      <c r="H2088">
        <v>200</v>
      </c>
      <c r="I2088">
        <v>0</v>
      </c>
      <c r="J2088">
        <v>0</v>
      </c>
      <c r="K2088">
        <v>0</v>
      </c>
      <c r="L2088">
        <v>0</v>
      </c>
      <c r="M2088">
        <v>1536</v>
      </c>
      <c r="N2088">
        <v>0</v>
      </c>
      <c r="O2088">
        <v>0</v>
      </c>
      <c r="P2088">
        <v>17280</v>
      </c>
      <c r="Q2088">
        <v>0</v>
      </c>
      <c r="R2088">
        <v>38016</v>
      </c>
      <c r="S2088">
        <v>0</v>
      </c>
      <c r="T2088">
        <v>0</v>
      </c>
      <c r="U2088">
        <v>0</v>
      </c>
      <c r="V2088">
        <v>2</v>
      </c>
      <c r="W2088">
        <v>2</v>
      </c>
      <c r="X2088">
        <v>0</v>
      </c>
      <c r="Y2088">
        <v>30</v>
      </c>
      <c r="Z2088">
        <v>22</v>
      </c>
      <c r="AA2088">
        <v>131</v>
      </c>
      <c r="AB2088">
        <v>33</v>
      </c>
      <c r="AC2088">
        <v>196</v>
      </c>
      <c r="AD2088">
        <v>37</v>
      </c>
      <c r="AE2088">
        <v>121</v>
      </c>
      <c r="AF2088">
        <v>0</v>
      </c>
      <c r="AG2088">
        <v>88016</v>
      </c>
      <c r="AH2088">
        <v>50000</v>
      </c>
      <c r="AI2088">
        <v>0</v>
      </c>
      <c r="AJ2088">
        <v>96</v>
      </c>
      <c r="AK2088" t="s">
        <v>4</v>
      </c>
      <c r="AL2088">
        <v>0</v>
      </c>
      <c r="AM2088">
        <v>0</v>
      </c>
      <c r="AN2088">
        <v>0</v>
      </c>
      <c r="AO2088">
        <v>0</v>
      </c>
      <c r="AP2088">
        <v>0</v>
      </c>
      <c r="AQ2088">
        <v>0</v>
      </c>
      <c r="AR2088">
        <v>0</v>
      </c>
      <c r="AS2088">
        <v>0</v>
      </c>
      <c r="AT2088">
        <v>0</v>
      </c>
      <c r="AU2088">
        <v>0</v>
      </c>
      <c r="AV2088">
        <v>0</v>
      </c>
      <c r="AW2088">
        <v>0</v>
      </c>
      <c r="AX2088">
        <v>2290</v>
      </c>
      <c r="AY2088">
        <v>35</v>
      </c>
      <c r="AZ2088">
        <v>66</v>
      </c>
      <c r="BA2088">
        <v>5040</v>
      </c>
    </row>
    <row r="2089" spans="1:53" x14ac:dyDescent="0.4">
      <c r="A2089">
        <v>2133</v>
      </c>
      <c r="B2089" s="1">
        <v>43496</v>
      </c>
      <c r="C2089">
        <v>3</v>
      </c>
      <c r="D2089" s="1">
        <v>43496.746527777781</v>
      </c>
      <c r="E2089" s="1">
        <v>43496.949305555558</v>
      </c>
      <c r="F2089">
        <v>30000</v>
      </c>
      <c r="G2089">
        <v>4520</v>
      </c>
      <c r="H2089">
        <v>0</v>
      </c>
      <c r="I2089">
        <v>0</v>
      </c>
      <c r="J2089">
        <v>0</v>
      </c>
      <c r="K2089">
        <v>0</v>
      </c>
      <c r="L2089">
        <v>0</v>
      </c>
      <c r="M2089">
        <v>2762</v>
      </c>
      <c r="N2089">
        <v>0</v>
      </c>
      <c r="O2089">
        <v>0</v>
      </c>
      <c r="P2089">
        <v>-14688</v>
      </c>
      <c r="Q2089">
        <v>0</v>
      </c>
      <c r="R2089">
        <v>22594</v>
      </c>
      <c r="S2089">
        <v>0</v>
      </c>
      <c r="T2089">
        <v>0</v>
      </c>
      <c r="U2089">
        <v>0</v>
      </c>
      <c r="V2089">
        <v>3</v>
      </c>
      <c r="W2089">
        <v>2</v>
      </c>
      <c r="X2089">
        <v>0</v>
      </c>
      <c r="Y2089">
        <v>41</v>
      </c>
      <c r="Z2089">
        <v>23</v>
      </c>
      <c r="AA2089">
        <v>120</v>
      </c>
      <c r="AB2089">
        <v>35</v>
      </c>
      <c r="AC2089">
        <v>189</v>
      </c>
      <c r="AD2089">
        <v>38</v>
      </c>
      <c r="AE2089">
        <v>120</v>
      </c>
      <c r="AF2089">
        <v>2160</v>
      </c>
      <c r="AG2089">
        <v>110610</v>
      </c>
      <c r="AH2089">
        <v>50000</v>
      </c>
      <c r="AI2089">
        <v>0</v>
      </c>
      <c r="AJ2089">
        <v>106</v>
      </c>
      <c r="AK2089" t="s">
        <v>29</v>
      </c>
      <c r="AL2089">
        <v>0</v>
      </c>
      <c r="AM2089">
        <v>0</v>
      </c>
      <c r="AN2089">
        <v>0</v>
      </c>
      <c r="AO2089">
        <v>0</v>
      </c>
      <c r="AP2089">
        <v>0</v>
      </c>
      <c r="AQ2089">
        <v>0</v>
      </c>
      <c r="AR2089">
        <v>0</v>
      </c>
      <c r="AS2089">
        <v>0</v>
      </c>
      <c r="AT2089">
        <v>0</v>
      </c>
      <c r="AU2089">
        <v>0</v>
      </c>
      <c r="AV2089">
        <v>0</v>
      </c>
      <c r="AW2089">
        <v>0</v>
      </c>
      <c r="AX2089">
        <v>16070</v>
      </c>
      <c r="AY2089">
        <v>11</v>
      </c>
      <c r="AZ2089">
        <v>34</v>
      </c>
      <c r="BA2089">
        <v>2272</v>
      </c>
    </row>
    <row r="2090" spans="1:53" x14ac:dyDescent="0.4">
      <c r="A2090">
        <v>2134</v>
      </c>
      <c r="B2090" s="1">
        <v>43496</v>
      </c>
      <c r="C2090">
        <v>4</v>
      </c>
      <c r="D2090" s="1">
        <v>43496.949305555558</v>
      </c>
      <c r="E2090" s="1">
        <v>43497.077777777777</v>
      </c>
      <c r="F2090">
        <v>23900</v>
      </c>
      <c r="G2090">
        <v>3880</v>
      </c>
      <c r="H2090">
        <v>0</v>
      </c>
      <c r="I2090">
        <v>0</v>
      </c>
      <c r="J2090">
        <v>0</v>
      </c>
      <c r="K2090">
        <v>0</v>
      </c>
      <c r="L2090">
        <v>0</v>
      </c>
      <c r="M2090">
        <v>2222</v>
      </c>
      <c r="N2090">
        <v>0</v>
      </c>
      <c r="O2090">
        <v>0</v>
      </c>
      <c r="P2090">
        <v>18036</v>
      </c>
      <c r="Q2090">
        <v>0</v>
      </c>
      <c r="R2090">
        <v>48038</v>
      </c>
      <c r="S2090">
        <v>0</v>
      </c>
      <c r="T2090">
        <v>0</v>
      </c>
      <c r="U2090">
        <v>0</v>
      </c>
      <c r="V2090">
        <v>7</v>
      </c>
      <c r="W2090">
        <v>1</v>
      </c>
      <c r="X2090">
        <v>0</v>
      </c>
      <c r="Y2090">
        <v>54</v>
      </c>
      <c r="Z2090">
        <v>23</v>
      </c>
      <c r="AA2090">
        <v>120</v>
      </c>
      <c r="AB2090">
        <v>34</v>
      </c>
      <c r="AC2090">
        <v>198</v>
      </c>
      <c r="AD2090">
        <v>37</v>
      </c>
      <c r="AE2090">
        <v>123</v>
      </c>
      <c r="AF2090">
        <v>2160</v>
      </c>
      <c r="AG2090">
        <v>158648</v>
      </c>
      <c r="AH2090">
        <v>50000</v>
      </c>
      <c r="AI2090">
        <v>0</v>
      </c>
      <c r="AJ2090">
        <v>108</v>
      </c>
      <c r="AK2090" t="s">
        <v>30</v>
      </c>
      <c r="AL2090">
        <v>0</v>
      </c>
      <c r="AM2090">
        <v>0</v>
      </c>
      <c r="AN2090">
        <v>0</v>
      </c>
      <c r="AO2090">
        <v>0</v>
      </c>
      <c r="AP2090">
        <v>0</v>
      </c>
      <c r="AQ2090">
        <v>0</v>
      </c>
      <c r="AR2090">
        <v>0</v>
      </c>
      <c r="AS2090">
        <v>0</v>
      </c>
      <c r="AT2090">
        <v>0</v>
      </c>
      <c r="AU2090">
        <v>0</v>
      </c>
      <c r="AV2090">
        <v>0</v>
      </c>
      <c r="AW2090">
        <v>0</v>
      </c>
      <c r="AX2090">
        <v>454</v>
      </c>
      <c r="AY2090">
        <v>3</v>
      </c>
      <c r="AZ2090">
        <v>13</v>
      </c>
      <c r="BA2090">
        <v>431</v>
      </c>
    </row>
    <row r="2091" spans="1:53" x14ac:dyDescent="0.4">
      <c r="A2091">
        <v>2135</v>
      </c>
      <c r="B2091" s="1">
        <v>43497</v>
      </c>
      <c r="C2091">
        <v>1</v>
      </c>
      <c r="D2091" s="1">
        <v>43497.291666666664</v>
      </c>
      <c r="E2091" s="1">
        <v>43497.45208333333</v>
      </c>
      <c r="F2091">
        <v>0</v>
      </c>
      <c r="G2091">
        <v>0</v>
      </c>
      <c r="H2091">
        <v>0</v>
      </c>
      <c r="I2091">
        <v>0</v>
      </c>
      <c r="J2091">
        <v>0</v>
      </c>
      <c r="K2091">
        <v>0</v>
      </c>
      <c r="L2091">
        <v>0</v>
      </c>
      <c r="M2091">
        <v>0</v>
      </c>
      <c r="N2091">
        <v>0</v>
      </c>
      <c r="O2091">
        <v>0</v>
      </c>
      <c r="P2091">
        <v>0</v>
      </c>
      <c r="Q2091">
        <v>0</v>
      </c>
      <c r="R2091">
        <v>0</v>
      </c>
      <c r="S2091">
        <v>0</v>
      </c>
      <c r="T2091">
        <v>0</v>
      </c>
      <c r="U2091">
        <v>0</v>
      </c>
      <c r="V2091">
        <v>0</v>
      </c>
      <c r="W2091">
        <v>0</v>
      </c>
      <c r="X2091">
        <v>0</v>
      </c>
      <c r="Y2091">
        <v>26</v>
      </c>
      <c r="Z2091">
        <v>16</v>
      </c>
      <c r="AA2091">
        <v>125</v>
      </c>
      <c r="AB2091">
        <v>35</v>
      </c>
      <c r="AC2091">
        <v>144</v>
      </c>
      <c r="AD2091">
        <v>37</v>
      </c>
      <c r="AE2091">
        <v>125</v>
      </c>
      <c r="AF2091">
        <v>0</v>
      </c>
      <c r="AG2091">
        <v>50000</v>
      </c>
      <c r="AH2091">
        <v>0</v>
      </c>
      <c r="AI2091">
        <v>50000</v>
      </c>
      <c r="AJ2091">
        <v>0</v>
      </c>
      <c r="AK2091" t="s">
        <v>6</v>
      </c>
      <c r="AL2091">
        <v>0</v>
      </c>
      <c r="AM2091">
        <v>0</v>
      </c>
      <c r="AN2091">
        <v>0</v>
      </c>
      <c r="AO2091">
        <v>0</v>
      </c>
      <c r="AP2091">
        <v>0</v>
      </c>
      <c r="AQ2091">
        <v>0</v>
      </c>
      <c r="AR2091">
        <v>0</v>
      </c>
      <c r="AS2091">
        <v>0</v>
      </c>
      <c r="AT2091">
        <v>0</v>
      </c>
      <c r="AU2091">
        <v>0</v>
      </c>
      <c r="AV2091">
        <v>0</v>
      </c>
      <c r="AW2091">
        <v>0</v>
      </c>
      <c r="AX2091">
        <v>0</v>
      </c>
      <c r="AY2091">
        <v>0</v>
      </c>
      <c r="AZ2091">
        <v>0</v>
      </c>
      <c r="BA2091">
        <v>0</v>
      </c>
    </row>
    <row r="2092" spans="1:53" x14ac:dyDescent="0.4">
      <c r="A2092">
        <v>2136</v>
      </c>
      <c r="B2092" s="1">
        <v>43497</v>
      </c>
      <c r="C2092">
        <v>2</v>
      </c>
      <c r="D2092" s="1">
        <v>43497.45208333333</v>
      </c>
      <c r="E2092" s="1">
        <v>43497.805555555555</v>
      </c>
      <c r="F2092">
        <v>36000</v>
      </c>
      <c r="G2092">
        <v>1560</v>
      </c>
      <c r="H2092">
        <v>200</v>
      </c>
      <c r="I2092">
        <v>0</v>
      </c>
      <c r="J2092">
        <v>0</v>
      </c>
      <c r="K2092">
        <v>0</v>
      </c>
      <c r="L2092">
        <v>0</v>
      </c>
      <c r="M2092">
        <v>3020</v>
      </c>
      <c r="N2092">
        <v>0</v>
      </c>
      <c r="O2092">
        <v>0</v>
      </c>
      <c r="P2092">
        <v>1620</v>
      </c>
      <c r="Q2092">
        <v>0</v>
      </c>
      <c r="R2092">
        <v>42400</v>
      </c>
      <c r="S2092">
        <v>0</v>
      </c>
      <c r="T2092">
        <v>0</v>
      </c>
      <c r="U2092">
        <v>0</v>
      </c>
      <c r="V2092">
        <v>0</v>
      </c>
      <c r="W2092">
        <v>2</v>
      </c>
      <c r="X2092">
        <v>0</v>
      </c>
      <c r="Y2092">
        <v>52</v>
      </c>
      <c r="Z2092">
        <v>22</v>
      </c>
      <c r="AA2092">
        <v>156</v>
      </c>
      <c r="AB2092">
        <v>32</v>
      </c>
      <c r="AC2092">
        <v>190</v>
      </c>
      <c r="AD2092">
        <v>35</v>
      </c>
      <c r="AE2092">
        <v>125</v>
      </c>
      <c r="AF2092">
        <v>0</v>
      </c>
      <c r="AG2092">
        <v>92400</v>
      </c>
      <c r="AH2092">
        <v>50000</v>
      </c>
      <c r="AI2092">
        <v>0</v>
      </c>
      <c r="AJ2092">
        <v>92</v>
      </c>
      <c r="AK2092" t="s">
        <v>22</v>
      </c>
      <c r="AL2092">
        <v>0</v>
      </c>
      <c r="AM2092">
        <v>0</v>
      </c>
      <c r="AN2092">
        <v>0</v>
      </c>
      <c r="AO2092">
        <v>0</v>
      </c>
      <c r="AP2092">
        <v>0</v>
      </c>
      <c r="AQ2092">
        <v>0</v>
      </c>
      <c r="AR2092">
        <v>0</v>
      </c>
      <c r="AS2092">
        <v>0</v>
      </c>
      <c r="AT2092">
        <v>0</v>
      </c>
      <c r="AU2092">
        <v>0</v>
      </c>
      <c r="AV2092">
        <v>0</v>
      </c>
      <c r="AW2092">
        <v>0</v>
      </c>
      <c r="AX2092">
        <v>1296</v>
      </c>
      <c r="AY2092">
        <v>39</v>
      </c>
      <c r="AZ2092">
        <v>69</v>
      </c>
      <c r="BA2092">
        <v>7147</v>
      </c>
    </row>
    <row r="2093" spans="1:53" x14ac:dyDescent="0.4">
      <c r="A2093">
        <v>2137</v>
      </c>
      <c r="B2093" s="1">
        <v>43497</v>
      </c>
      <c r="C2093">
        <v>3</v>
      </c>
      <c r="D2093" s="1">
        <v>43497.805555555555</v>
      </c>
      <c r="E2093" s="1">
        <v>43497.95</v>
      </c>
      <c r="F2093">
        <v>31100</v>
      </c>
      <c r="G2093">
        <v>0</v>
      </c>
      <c r="H2093">
        <v>0</v>
      </c>
      <c r="I2093">
        <v>0</v>
      </c>
      <c r="J2093">
        <v>0</v>
      </c>
      <c r="K2093">
        <v>0</v>
      </c>
      <c r="L2093">
        <v>0</v>
      </c>
      <c r="M2093">
        <v>2488</v>
      </c>
      <c r="N2093">
        <v>0</v>
      </c>
      <c r="O2093">
        <v>0</v>
      </c>
      <c r="P2093">
        <v>12366</v>
      </c>
      <c r="Q2093">
        <v>0</v>
      </c>
      <c r="R2093">
        <v>45954</v>
      </c>
      <c r="S2093">
        <v>0</v>
      </c>
      <c r="T2093">
        <v>0</v>
      </c>
      <c r="U2093">
        <v>0</v>
      </c>
      <c r="V2093">
        <v>4</v>
      </c>
      <c r="W2093">
        <v>4</v>
      </c>
      <c r="X2093">
        <v>0</v>
      </c>
      <c r="Y2093">
        <v>49</v>
      </c>
      <c r="Z2093">
        <v>21</v>
      </c>
      <c r="AA2093">
        <v>151</v>
      </c>
      <c r="AB2093">
        <v>32</v>
      </c>
      <c r="AC2093">
        <v>187</v>
      </c>
      <c r="AD2093">
        <v>33</v>
      </c>
      <c r="AE2093">
        <v>119</v>
      </c>
      <c r="AF2093">
        <v>0</v>
      </c>
      <c r="AG2093">
        <v>138354</v>
      </c>
      <c r="AH2093">
        <v>50000</v>
      </c>
      <c r="AI2093">
        <v>0</v>
      </c>
      <c r="AJ2093">
        <v>108</v>
      </c>
      <c r="AK2093" t="s">
        <v>30</v>
      </c>
      <c r="AL2093">
        <v>0</v>
      </c>
      <c r="AM2093">
        <v>0</v>
      </c>
      <c r="AN2093">
        <v>0</v>
      </c>
      <c r="AO2093">
        <v>0</v>
      </c>
      <c r="AP2093">
        <v>0</v>
      </c>
      <c r="AQ2093">
        <v>0</v>
      </c>
      <c r="AR2093">
        <v>0</v>
      </c>
      <c r="AS2093">
        <v>0</v>
      </c>
      <c r="AT2093">
        <v>0</v>
      </c>
      <c r="AU2093">
        <v>0</v>
      </c>
      <c r="AV2093">
        <v>0</v>
      </c>
      <c r="AW2093">
        <v>0</v>
      </c>
      <c r="AX2093">
        <v>93139</v>
      </c>
      <c r="AY2093">
        <v>19</v>
      </c>
      <c r="AZ2093">
        <v>89</v>
      </c>
      <c r="BA2093">
        <v>1747</v>
      </c>
    </row>
    <row r="2094" spans="1:53" x14ac:dyDescent="0.4">
      <c r="A2094">
        <v>2138</v>
      </c>
      <c r="B2094" s="1">
        <v>43497</v>
      </c>
      <c r="C2094">
        <v>4</v>
      </c>
      <c r="D2094" s="1">
        <v>43497.95</v>
      </c>
      <c r="E2094" s="1">
        <v>43498.120138888888</v>
      </c>
      <c r="F2094">
        <v>155380</v>
      </c>
      <c r="G2094">
        <v>4470</v>
      </c>
      <c r="H2094">
        <v>400</v>
      </c>
      <c r="I2094">
        <v>0</v>
      </c>
      <c r="J2094">
        <v>1000</v>
      </c>
      <c r="K2094">
        <v>0</v>
      </c>
      <c r="L2094">
        <v>0</v>
      </c>
      <c r="M2094">
        <v>12739</v>
      </c>
      <c r="N2094">
        <v>0</v>
      </c>
      <c r="O2094">
        <v>0</v>
      </c>
      <c r="P2094">
        <v>30186</v>
      </c>
      <c r="Q2094">
        <v>0</v>
      </c>
      <c r="R2094">
        <v>202175</v>
      </c>
      <c r="S2094">
        <v>0</v>
      </c>
      <c r="T2094">
        <v>0</v>
      </c>
      <c r="U2094">
        <v>0</v>
      </c>
      <c r="V2094">
        <v>18</v>
      </c>
      <c r="W2094">
        <v>5</v>
      </c>
      <c r="X2094">
        <v>0</v>
      </c>
      <c r="Y2094">
        <v>63</v>
      </c>
      <c r="Z2094">
        <v>21</v>
      </c>
      <c r="AA2094">
        <v>151</v>
      </c>
      <c r="AB2094">
        <v>33</v>
      </c>
      <c r="AC2094">
        <v>215</v>
      </c>
      <c r="AD2094">
        <v>30</v>
      </c>
      <c r="AE2094">
        <v>103</v>
      </c>
      <c r="AF2094">
        <v>42876</v>
      </c>
      <c r="AG2094">
        <v>340529</v>
      </c>
      <c r="AH2094">
        <v>50000</v>
      </c>
      <c r="AI2094">
        <v>0</v>
      </c>
      <c r="AJ2094">
        <v>100</v>
      </c>
      <c r="AK2094" t="s">
        <v>0</v>
      </c>
      <c r="AL2094">
        <v>0</v>
      </c>
      <c r="AM2094">
        <v>0</v>
      </c>
      <c r="AN2094">
        <v>0</v>
      </c>
      <c r="AO2094">
        <v>0</v>
      </c>
      <c r="AP2094">
        <v>0</v>
      </c>
      <c r="AQ2094">
        <v>0</v>
      </c>
      <c r="AR2094">
        <v>0</v>
      </c>
      <c r="AS2094">
        <v>0</v>
      </c>
      <c r="AT2094">
        <v>0</v>
      </c>
      <c r="AU2094">
        <v>0</v>
      </c>
      <c r="AV2094">
        <v>0</v>
      </c>
      <c r="AW2094">
        <v>0</v>
      </c>
      <c r="AX2094">
        <v>-5992</v>
      </c>
      <c r="AY2094">
        <v>10</v>
      </c>
      <c r="AZ2094">
        <v>32</v>
      </c>
      <c r="BA2094">
        <v>2027</v>
      </c>
    </row>
    <row r="2095" spans="1:53" x14ac:dyDescent="0.4">
      <c r="A2095">
        <v>2139</v>
      </c>
      <c r="B2095" s="1">
        <v>43498</v>
      </c>
      <c r="C2095">
        <v>1</v>
      </c>
      <c r="D2095" s="1">
        <v>43498.291666666664</v>
      </c>
      <c r="E2095" s="1">
        <v>43498.411111111112</v>
      </c>
      <c r="F2095">
        <v>0</v>
      </c>
      <c r="G2095">
        <v>0</v>
      </c>
      <c r="H2095">
        <v>0</v>
      </c>
      <c r="I2095">
        <v>0</v>
      </c>
      <c r="J2095">
        <v>0</v>
      </c>
      <c r="K2095">
        <v>0</v>
      </c>
      <c r="L2095">
        <v>0</v>
      </c>
      <c r="M2095">
        <v>0</v>
      </c>
      <c r="N2095">
        <v>0</v>
      </c>
      <c r="O2095">
        <v>0</v>
      </c>
      <c r="P2095">
        <v>0</v>
      </c>
      <c r="Q2095">
        <v>0</v>
      </c>
      <c r="R2095">
        <v>0</v>
      </c>
      <c r="S2095">
        <v>0</v>
      </c>
      <c r="T2095">
        <v>0</v>
      </c>
      <c r="U2095">
        <v>0</v>
      </c>
      <c r="V2095">
        <v>0</v>
      </c>
      <c r="W2095">
        <v>0</v>
      </c>
      <c r="X2095">
        <v>0</v>
      </c>
      <c r="Y2095">
        <v>26</v>
      </c>
      <c r="Z2095">
        <v>13</v>
      </c>
      <c r="AA2095">
        <v>147</v>
      </c>
      <c r="AB2095">
        <v>30</v>
      </c>
      <c r="AC2095">
        <v>106</v>
      </c>
      <c r="AD2095">
        <v>30</v>
      </c>
      <c r="AE2095">
        <v>90</v>
      </c>
      <c r="AF2095">
        <v>0</v>
      </c>
      <c r="AG2095">
        <v>50000</v>
      </c>
      <c r="AH2095">
        <v>50000</v>
      </c>
      <c r="AI2095">
        <v>0</v>
      </c>
      <c r="AJ2095">
        <v>0</v>
      </c>
      <c r="AK2095" t="s">
        <v>6</v>
      </c>
      <c r="AL2095">
        <v>0</v>
      </c>
      <c r="AM2095">
        <v>0</v>
      </c>
      <c r="AN2095">
        <v>0</v>
      </c>
      <c r="AO2095">
        <v>0</v>
      </c>
      <c r="AP2095">
        <v>0</v>
      </c>
      <c r="AQ2095">
        <v>0</v>
      </c>
      <c r="AR2095">
        <v>0</v>
      </c>
      <c r="AS2095">
        <v>0</v>
      </c>
      <c r="AT2095">
        <v>0</v>
      </c>
      <c r="AU2095">
        <v>0</v>
      </c>
      <c r="AV2095">
        <v>0</v>
      </c>
      <c r="AW2095">
        <v>0</v>
      </c>
      <c r="AX2095">
        <v>0</v>
      </c>
      <c r="AY2095">
        <v>0</v>
      </c>
      <c r="AZ2095">
        <v>0</v>
      </c>
      <c r="BA2095">
        <v>0</v>
      </c>
    </row>
    <row r="2096" spans="1:53" x14ac:dyDescent="0.4">
      <c r="A2096">
        <v>2140</v>
      </c>
      <c r="B2096" s="1">
        <v>43498</v>
      </c>
      <c r="C2096">
        <v>2</v>
      </c>
      <c r="D2096" s="1">
        <v>43498.411111111112</v>
      </c>
      <c r="E2096" s="1">
        <v>43498.741666666669</v>
      </c>
      <c r="F2096">
        <v>42000</v>
      </c>
      <c r="G2096">
        <v>1560</v>
      </c>
      <c r="H2096">
        <v>0</v>
      </c>
      <c r="I2096">
        <v>0</v>
      </c>
      <c r="J2096">
        <v>0</v>
      </c>
      <c r="K2096">
        <v>0</v>
      </c>
      <c r="L2096">
        <v>0</v>
      </c>
      <c r="M2096">
        <v>3484</v>
      </c>
      <c r="N2096">
        <v>0</v>
      </c>
      <c r="O2096">
        <v>0</v>
      </c>
      <c r="P2096">
        <v>16200</v>
      </c>
      <c r="Q2096">
        <v>0</v>
      </c>
      <c r="R2096">
        <v>63244</v>
      </c>
      <c r="S2096">
        <v>0</v>
      </c>
      <c r="T2096">
        <v>0</v>
      </c>
      <c r="U2096">
        <v>0</v>
      </c>
      <c r="V2096">
        <v>0</v>
      </c>
      <c r="W2096">
        <v>1</v>
      </c>
      <c r="X2096">
        <v>0</v>
      </c>
      <c r="Y2096">
        <v>64</v>
      </c>
      <c r="Z2096">
        <v>35</v>
      </c>
      <c r="AA2096">
        <v>190</v>
      </c>
      <c r="AB2096">
        <v>43</v>
      </c>
      <c r="AC2096">
        <v>201</v>
      </c>
      <c r="AD2096">
        <v>33</v>
      </c>
      <c r="AE2096">
        <v>97</v>
      </c>
      <c r="AF2096">
        <v>3322</v>
      </c>
      <c r="AG2096">
        <v>113244</v>
      </c>
      <c r="AH2096">
        <v>50000</v>
      </c>
      <c r="AI2096">
        <v>0</v>
      </c>
      <c r="AJ2096">
        <v>35</v>
      </c>
      <c r="AL2096">
        <v>0</v>
      </c>
      <c r="AM2096">
        <v>0</v>
      </c>
      <c r="AN2096">
        <v>0</v>
      </c>
      <c r="AO2096">
        <v>0</v>
      </c>
      <c r="AP2096">
        <v>0</v>
      </c>
      <c r="AQ2096">
        <v>0</v>
      </c>
      <c r="AR2096">
        <v>0</v>
      </c>
      <c r="AS2096">
        <v>0</v>
      </c>
      <c r="AT2096">
        <v>0</v>
      </c>
      <c r="AU2096">
        <v>0</v>
      </c>
      <c r="AV2096">
        <v>0</v>
      </c>
      <c r="AW2096">
        <v>0</v>
      </c>
      <c r="AX2096">
        <v>734</v>
      </c>
      <c r="AY2096">
        <v>52</v>
      </c>
      <c r="AZ2096">
        <v>112</v>
      </c>
      <c r="BA2096">
        <v>8001</v>
      </c>
    </row>
    <row r="2097" spans="1:53" x14ac:dyDescent="0.4">
      <c r="A2097">
        <v>2141</v>
      </c>
      <c r="B2097" s="1">
        <v>43498</v>
      </c>
      <c r="C2097">
        <v>3</v>
      </c>
      <c r="D2097" s="1">
        <v>43498.741666666669</v>
      </c>
      <c r="E2097" s="1">
        <v>43499.097916666666</v>
      </c>
      <c r="F2097">
        <v>226600</v>
      </c>
      <c r="G2097">
        <v>10500</v>
      </c>
      <c r="H2097">
        <v>0</v>
      </c>
      <c r="I2097">
        <v>0</v>
      </c>
      <c r="J2097">
        <v>0</v>
      </c>
      <c r="K2097">
        <v>0</v>
      </c>
      <c r="L2097">
        <v>0</v>
      </c>
      <c r="M2097">
        <v>18967</v>
      </c>
      <c r="N2097">
        <v>0</v>
      </c>
      <c r="O2097">
        <v>0</v>
      </c>
      <c r="P2097">
        <v>40500</v>
      </c>
      <c r="Q2097">
        <v>0</v>
      </c>
      <c r="R2097">
        <v>296567</v>
      </c>
      <c r="S2097">
        <v>0</v>
      </c>
      <c r="T2097">
        <v>0</v>
      </c>
      <c r="U2097">
        <v>0</v>
      </c>
      <c r="V2097">
        <v>15</v>
      </c>
      <c r="W2097">
        <v>9</v>
      </c>
      <c r="X2097">
        <v>0</v>
      </c>
      <c r="Y2097">
        <v>129</v>
      </c>
      <c r="Z2097">
        <v>36</v>
      </c>
      <c r="AA2097">
        <v>169</v>
      </c>
      <c r="AB2097">
        <v>49</v>
      </c>
      <c r="AC2097">
        <v>208</v>
      </c>
      <c r="AD2097">
        <v>31</v>
      </c>
      <c r="AE2097">
        <v>82</v>
      </c>
      <c r="AF2097">
        <v>46144</v>
      </c>
      <c r="AG2097">
        <v>409811</v>
      </c>
      <c r="AH2097">
        <v>50000</v>
      </c>
      <c r="AI2097">
        <v>0</v>
      </c>
      <c r="AJ2097">
        <v>102</v>
      </c>
      <c r="AK2097" t="s">
        <v>8</v>
      </c>
      <c r="AL2097">
        <v>0</v>
      </c>
      <c r="AM2097">
        <v>0</v>
      </c>
      <c r="AN2097">
        <v>0</v>
      </c>
      <c r="AO2097">
        <v>0</v>
      </c>
      <c r="AP2097">
        <v>0</v>
      </c>
      <c r="AQ2097">
        <v>0</v>
      </c>
      <c r="AR2097">
        <v>0</v>
      </c>
      <c r="AS2097">
        <v>0</v>
      </c>
      <c r="AT2097">
        <v>0</v>
      </c>
      <c r="AU2097">
        <v>0</v>
      </c>
      <c r="AV2097">
        <v>0</v>
      </c>
      <c r="AW2097">
        <v>0</v>
      </c>
      <c r="AX2097">
        <v>3413</v>
      </c>
      <c r="AY2097">
        <v>41</v>
      </c>
      <c r="AZ2097">
        <v>159</v>
      </c>
      <c r="BA2097">
        <v>5615</v>
      </c>
    </row>
    <row r="2098" spans="1:53" x14ac:dyDescent="0.4">
      <c r="A2098">
        <v>2142</v>
      </c>
      <c r="B2098" s="1">
        <v>43499</v>
      </c>
      <c r="C2098">
        <v>1</v>
      </c>
      <c r="D2098" s="1">
        <v>43499.291666666664</v>
      </c>
      <c r="E2098" s="1">
        <v>43499.738888888889</v>
      </c>
      <c r="F2098">
        <v>38500</v>
      </c>
      <c r="G2098">
        <v>4540</v>
      </c>
      <c r="H2098">
        <v>0</v>
      </c>
      <c r="I2098">
        <v>0</v>
      </c>
      <c r="J2098">
        <v>0</v>
      </c>
      <c r="K2098">
        <v>0</v>
      </c>
      <c r="L2098">
        <v>0</v>
      </c>
      <c r="M2098">
        <v>3442</v>
      </c>
      <c r="N2098">
        <v>0</v>
      </c>
      <c r="O2098">
        <v>0</v>
      </c>
      <c r="P2098">
        <v>24300</v>
      </c>
      <c r="Q2098">
        <v>0</v>
      </c>
      <c r="R2098">
        <v>70782</v>
      </c>
      <c r="S2098">
        <v>0</v>
      </c>
      <c r="T2098">
        <v>0</v>
      </c>
      <c r="U2098">
        <v>0</v>
      </c>
      <c r="V2098">
        <v>3</v>
      </c>
      <c r="W2098">
        <v>2</v>
      </c>
      <c r="X2098">
        <v>0</v>
      </c>
      <c r="Y2098">
        <v>46</v>
      </c>
      <c r="Z2098">
        <v>22</v>
      </c>
      <c r="AA2098">
        <v>185</v>
      </c>
      <c r="AB2098">
        <v>59</v>
      </c>
      <c r="AC2098">
        <v>201</v>
      </c>
      <c r="AD2098">
        <v>33</v>
      </c>
      <c r="AE2098">
        <v>77</v>
      </c>
      <c r="AF2098">
        <v>0</v>
      </c>
      <c r="AG2098">
        <v>120702</v>
      </c>
      <c r="AH2098">
        <v>50000</v>
      </c>
      <c r="AI2098">
        <v>-80</v>
      </c>
      <c r="AJ2098">
        <v>93</v>
      </c>
      <c r="AK2098" t="s">
        <v>20</v>
      </c>
      <c r="AL2098">
        <v>0</v>
      </c>
      <c r="AM2098">
        <v>0</v>
      </c>
      <c r="AN2098">
        <v>0</v>
      </c>
      <c r="AO2098">
        <v>0</v>
      </c>
      <c r="AP2098">
        <v>0</v>
      </c>
      <c r="AQ2098">
        <v>0</v>
      </c>
      <c r="AR2098">
        <v>0</v>
      </c>
      <c r="AS2098">
        <v>0</v>
      </c>
      <c r="AT2098">
        <v>0</v>
      </c>
      <c r="AU2098">
        <v>0</v>
      </c>
      <c r="AV2098">
        <v>0</v>
      </c>
      <c r="AW2098">
        <v>0</v>
      </c>
      <c r="AX2098">
        <v>4104</v>
      </c>
      <c r="AY2098">
        <v>55</v>
      </c>
      <c r="AZ2098">
        <v>120</v>
      </c>
      <c r="BA2098">
        <v>7677</v>
      </c>
    </row>
    <row r="2099" spans="1:53" x14ac:dyDescent="0.4">
      <c r="A2099">
        <v>2143</v>
      </c>
      <c r="B2099" s="1">
        <v>43499</v>
      </c>
      <c r="C2099">
        <v>2</v>
      </c>
      <c r="D2099" s="1">
        <v>43499.738888888889</v>
      </c>
      <c r="E2099" s="1">
        <v>43499.961805555555</v>
      </c>
      <c r="F2099">
        <v>55500</v>
      </c>
      <c r="G2099">
        <v>6360</v>
      </c>
      <c r="H2099">
        <v>0</v>
      </c>
      <c r="I2099">
        <v>0</v>
      </c>
      <c r="J2099">
        <v>0</v>
      </c>
      <c r="K2099">
        <v>0</v>
      </c>
      <c r="L2099">
        <v>0</v>
      </c>
      <c r="M2099">
        <v>4948</v>
      </c>
      <c r="N2099">
        <v>0</v>
      </c>
      <c r="O2099">
        <v>0</v>
      </c>
      <c r="P2099">
        <v>-13446</v>
      </c>
      <c r="Q2099">
        <v>0</v>
      </c>
      <c r="R2099">
        <v>53362</v>
      </c>
      <c r="S2099">
        <v>0</v>
      </c>
      <c r="T2099">
        <v>0</v>
      </c>
      <c r="U2099">
        <v>0</v>
      </c>
      <c r="V2099">
        <v>6</v>
      </c>
      <c r="W2099">
        <v>6</v>
      </c>
      <c r="X2099">
        <v>0</v>
      </c>
      <c r="Y2099">
        <v>48</v>
      </c>
      <c r="Z2099">
        <v>25</v>
      </c>
      <c r="AA2099">
        <v>183</v>
      </c>
      <c r="AB2099">
        <v>62</v>
      </c>
      <c r="AC2099">
        <v>193</v>
      </c>
      <c r="AD2099">
        <v>31</v>
      </c>
      <c r="AE2099">
        <v>79</v>
      </c>
      <c r="AF2099">
        <v>0</v>
      </c>
      <c r="AG2099">
        <v>174064</v>
      </c>
      <c r="AH2099">
        <v>50000</v>
      </c>
      <c r="AI2099">
        <v>-80</v>
      </c>
      <c r="AJ2099">
        <v>100</v>
      </c>
      <c r="AK2099" t="s">
        <v>0</v>
      </c>
      <c r="AL2099">
        <v>0</v>
      </c>
      <c r="AM2099">
        <v>0</v>
      </c>
      <c r="AN2099">
        <v>0</v>
      </c>
      <c r="AO2099">
        <v>0</v>
      </c>
      <c r="AP2099">
        <v>0</v>
      </c>
      <c r="AQ2099">
        <v>0</v>
      </c>
      <c r="AR2099">
        <v>0</v>
      </c>
      <c r="AS2099">
        <v>0</v>
      </c>
      <c r="AT2099">
        <v>0</v>
      </c>
      <c r="AU2099">
        <v>0</v>
      </c>
      <c r="AV2099">
        <v>0</v>
      </c>
      <c r="AW2099">
        <v>0</v>
      </c>
      <c r="AX2099">
        <v>10075</v>
      </c>
      <c r="AY2099">
        <v>14</v>
      </c>
      <c r="AZ2099">
        <v>40</v>
      </c>
      <c r="BA2099">
        <v>3239</v>
      </c>
    </row>
    <row r="2100" spans="1:53" x14ac:dyDescent="0.4">
      <c r="A2100">
        <v>2144</v>
      </c>
      <c r="B2100" s="1">
        <v>43499</v>
      </c>
      <c r="C2100">
        <v>3</v>
      </c>
      <c r="D2100" s="1">
        <v>43499.961805555555</v>
      </c>
      <c r="E2100" s="1">
        <v>43500.081944444442</v>
      </c>
      <c r="F2100">
        <v>22520</v>
      </c>
      <c r="G2100">
        <v>1980</v>
      </c>
      <c r="H2100">
        <v>0</v>
      </c>
      <c r="I2100">
        <v>0</v>
      </c>
      <c r="J2100">
        <v>0</v>
      </c>
      <c r="K2100">
        <v>750</v>
      </c>
      <c r="L2100">
        <v>0</v>
      </c>
      <c r="M2100">
        <v>2020</v>
      </c>
      <c r="N2100">
        <v>0</v>
      </c>
      <c r="O2100">
        <v>0</v>
      </c>
      <c r="P2100">
        <v>8262</v>
      </c>
      <c r="Q2100">
        <v>0</v>
      </c>
      <c r="R2100">
        <v>35532</v>
      </c>
      <c r="S2100">
        <v>0</v>
      </c>
      <c r="T2100">
        <v>0</v>
      </c>
      <c r="U2100">
        <v>0</v>
      </c>
      <c r="V2100">
        <v>8</v>
      </c>
      <c r="W2100">
        <v>7</v>
      </c>
      <c r="X2100">
        <v>0</v>
      </c>
      <c r="Y2100">
        <v>59</v>
      </c>
      <c r="Z2100">
        <v>24</v>
      </c>
      <c r="AA2100">
        <v>184</v>
      </c>
      <c r="AB2100">
        <v>62</v>
      </c>
      <c r="AC2100">
        <v>186</v>
      </c>
      <c r="AD2100">
        <v>32</v>
      </c>
      <c r="AE2100">
        <v>76</v>
      </c>
      <c r="AF2100">
        <v>0</v>
      </c>
      <c r="AG2100">
        <v>209596</v>
      </c>
      <c r="AH2100">
        <v>50000</v>
      </c>
      <c r="AI2100">
        <v>-80</v>
      </c>
      <c r="AJ2100">
        <v>108</v>
      </c>
      <c r="AK2100" t="s">
        <v>30</v>
      </c>
      <c r="AL2100">
        <v>0</v>
      </c>
      <c r="AM2100">
        <v>0</v>
      </c>
      <c r="AN2100">
        <v>0</v>
      </c>
      <c r="AO2100">
        <v>0</v>
      </c>
      <c r="AP2100">
        <v>0</v>
      </c>
      <c r="AQ2100">
        <v>0</v>
      </c>
      <c r="AR2100">
        <v>0</v>
      </c>
      <c r="AS2100">
        <v>0</v>
      </c>
      <c r="AT2100">
        <v>0</v>
      </c>
      <c r="AU2100">
        <v>0</v>
      </c>
      <c r="AV2100">
        <v>0</v>
      </c>
      <c r="AW2100">
        <v>0</v>
      </c>
      <c r="AX2100">
        <v>4266</v>
      </c>
      <c r="AY2100">
        <v>5</v>
      </c>
      <c r="AZ2100">
        <v>13</v>
      </c>
      <c r="BA2100">
        <v>903</v>
      </c>
    </row>
    <row r="2101" spans="1:53" x14ac:dyDescent="0.4">
      <c r="A2101">
        <v>2145</v>
      </c>
      <c r="B2101" s="1">
        <v>43500</v>
      </c>
      <c r="C2101">
        <v>1</v>
      </c>
      <c r="D2101" s="1">
        <v>43500.291666666664</v>
      </c>
      <c r="E2101" s="1">
        <v>43500.429166666669</v>
      </c>
      <c r="F2101">
        <v>0</v>
      </c>
      <c r="G2101">
        <v>0</v>
      </c>
      <c r="H2101">
        <v>0</v>
      </c>
      <c r="I2101">
        <v>0</v>
      </c>
      <c r="J2101">
        <v>0</v>
      </c>
      <c r="K2101">
        <v>0</v>
      </c>
      <c r="L2101">
        <v>0</v>
      </c>
      <c r="M2101">
        <v>0</v>
      </c>
      <c r="N2101">
        <v>0</v>
      </c>
      <c r="O2101">
        <v>0</v>
      </c>
      <c r="P2101">
        <v>0</v>
      </c>
      <c r="Q2101">
        <v>0</v>
      </c>
      <c r="R2101">
        <v>0</v>
      </c>
      <c r="S2101">
        <v>0</v>
      </c>
      <c r="T2101">
        <v>0</v>
      </c>
      <c r="U2101">
        <v>0</v>
      </c>
      <c r="V2101">
        <v>0</v>
      </c>
      <c r="W2101">
        <v>0</v>
      </c>
      <c r="X2101">
        <v>0</v>
      </c>
      <c r="Y2101">
        <v>23</v>
      </c>
      <c r="Z2101">
        <v>9</v>
      </c>
      <c r="AA2101">
        <v>178</v>
      </c>
      <c r="AB2101">
        <v>62</v>
      </c>
      <c r="AC2101">
        <v>138</v>
      </c>
      <c r="AD2101">
        <v>30</v>
      </c>
      <c r="AE2101">
        <v>70</v>
      </c>
      <c r="AF2101">
        <v>0</v>
      </c>
      <c r="AG2101">
        <v>50000</v>
      </c>
      <c r="AH2101">
        <v>50000</v>
      </c>
      <c r="AI2101">
        <v>0</v>
      </c>
      <c r="AJ2101">
        <v>0</v>
      </c>
      <c r="AK2101" t="s">
        <v>6</v>
      </c>
      <c r="AL2101">
        <v>0</v>
      </c>
      <c r="AM2101">
        <v>0</v>
      </c>
      <c r="AN2101">
        <v>0</v>
      </c>
      <c r="AO2101">
        <v>0</v>
      </c>
      <c r="AP2101">
        <v>0</v>
      </c>
      <c r="AQ2101">
        <v>0</v>
      </c>
      <c r="AR2101">
        <v>0</v>
      </c>
      <c r="AS2101">
        <v>0</v>
      </c>
      <c r="AT2101">
        <v>0</v>
      </c>
      <c r="AU2101">
        <v>0</v>
      </c>
      <c r="AV2101">
        <v>0</v>
      </c>
      <c r="AW2101">
        <v>0</v>
      </c>
      <c r="AX2101">
        <v>0</v>
      </c>
      <c r="AY2101">
        <v>0</v>
      </c>
      <c r="AZ2101">
        <v>0</v>
      </c>
      <c r="BA2101">
        <v>0</v>
      </c>
    </row>
    <row r="2102" spans="1:53" x14ac:dyDescent="0.4">
      <c r="A2102">
        <v>2146</v>
      </c>
      <c r="B2102" s="1">
        <v>43500</v>
      </c>
      <c r="C2102">
        <v>2</v>
      </c>
      <c r="D2102" s="1">
        <v>43500.429166666669</v>
      </c>
      <c r="E2102" s="1">
        <v>43500.751388888886</v>
      </c>
      <c r="F2102">
        <v>21500</v>
      </c>
      <c r="G2102">
        <v>3360</v>
      </c>
      <c r="H2102">
        <v>200</v>
      </c>
      <c r="I2102">
        <v>0</v>
      </c>
      <c r="J2102">
        <v>0</v>
      </c>
      <c r="K2102">
        <v>0</v>
      </c>
      <c r="L2102">
        <v>0</v>
      </c>
      <c r="M2102">
        <v>2005</v>
      </c>
      <c r="N2102">
        <v>0</v>
      </c>
      <c r="O2102">
        <v>0</v>
      </c>
      <c r="P2102">
        <v>21600</v>
      </c>
      <c r="Q2102">
        <v>0</v>
      </c>
      <c r="R2102">
        <v>48665</v>
      </c>
      <c r="S2102">
        <v>0</v>
      </c>
      <c r="T2102">
        <v>0</v>
      </c>
      <c r="U2102">
        <v>0</v>
      </c>
      <c r="V2102">
        <v>1</v>
      </c>
      <c r="W2102">
        <v>0</v>
      </c>
      <c r="X2102">
        <v>0</v>
      </c>
      <c r="Y2102">
        <v>45</v>
      </c>
      <c r="Z2102">
        <v>20</v>
      </c>
      <c r="AA2102">
        <v>224</v>
      </c>
      <c r="AB2102">
        <v>62</v>
      </c>
      <c r="AC2102">
        <v>204</v>
      </c>
      <c r="AD2102">
        <v>30</v>
      </c>
      <c r="AE2102">
        <v>68</v>
      </c>
      <c r="AF2102">
        <v>5907</v>
      </c>
      <c r="AG2102">
        <v>98665</v>
      </c>
      <c r="AH2102">
        <v>50000</v>
      </c>
      <c r="AI2102">
        <v>0</v>
      </c>
      <c r="AJ2102">
        <v>102</v>
      </c>
      <c r="AK2102" t="s">
        <v>8</v>
      </c>
      <c r="AL2102">
        <v>0</v>
      </c>
      <c r="AM2102">
        <v>0</v>
      </c>
      <c r="AN2102">
        <v>0</v>
      </c>
      <c r="AO2102">
        <v>0</v>
      </c>
      <c r="AP2102">
        <v>0</v>
      </c>
      <c r="AQ2102">
        <v>0</v>
      </c>
      <c r="AR2102">
        <v>0</v>
      </c>
      <c r="AS2102">
        <v>0</v>
      </c>
      <c r="AT2102">
        <v>0</v>
      </c>
      <c r="AU2102">
        <v>0</v>
      </c>
      <c r="AV2102">
        <v>0</v>
      </c>
      <c r="AW2102">
        <v>0</v>
      </c>
      <c r="AX2102">
        <v>1361</v>
      </c>
      <c r="AY2102">
        <v>42</v>
      </c>
      <c r="AZ2102">
        <v>81</v>
      </c>
      <c r="BA2102">
        <v>5758</v>
      </c>
    </row>
    <row r="2103" spans="1:53" x14ac:dyDescent="0.4">
      <c r="A2103">
        <v>2147</v>
      </c>
      <c r="B2103" s="1">
        <v>43500</v>
      </c>
      <c r="C2103">
        <v>3</v>
      </c>
      <c r="D2103" s="1">
        <v>43500.751388888886</v>
      </c>
      <c r="E2103" s="1">
        <v>43500.956944444442</v>
      </c>
      <c r="F2103">
        <v>49300</v>
      </c>
      <c r="G2103">
        <v>2390</v>
      </c>
      <c r="H2103">
        <v>0</v>
      </c>
      <c r="I2103">
        <v>0</v>
      </c>
      <c r="J2103">
        <v>0</v>
      </c>
      <c r="K2103">
        <v>0</v>
      </c>
      <c r="L2103">
        <v>0</v>
      </c>
      <c r="M2103">
        <v>4135</v>
      </c>
      <c r="N2103">
        <v>0</v>
      </c>
      <c r="O2103">
        <v>0</v>
      </c>
      <c r="P2103">
        <v>-12528</v>
      </c>
      <c r="Q2103">
        <v>0</v>
      </c>
      <c r="R2103">
        <v>43297</v>
      </c>
      <c r="S2103">
        <v>0</v>
      </c>
      <c r="T2103">
        <v>0</v>
      </c>
      <c r="U2103">
        <v>0</v>
      </c>
      <c r="V2103">
        <v>3</v>
      </c>
      <c r="W2103">
        <v>0</v>
      </c>
      <c r="X2103">
        <v>0</v>
      </c>
      <c r="Y2103">
        <v>64</v>
      </c>
      <c r="Z2103">
        <v>23</v>
      </c>
      <c r="AA2103">
        <v>221</v>
      </c>
      <c r="AB2103">
        <v>67</v>
      </c>
      <c r="AC2103">
        <v>230</v>
      </c>
      <c r="AD2103">
        <v>29</v>
      </c>
      <c r="AE2103">
        <v>68</v>
      </c>
      <c r="AF2103">
        <v>8499</v>
      </c>
      <c r="AG2103">
        <v>141962</v>
      </c>
      <c r="AH2103">
        <v>50000</v>
      </c>
      <c r="AI2103">
        <v>0</v>
      </c>
      <c r="AJ2103">
        <v>95</v>
      </c>
      <c r="AK2103" t="s">
        <v>21</v>
      </c>
      <c r="AL2103">
        <v>0</v>
      </c>
      <c r="AM2103">
        <v>0</v>
      </c>
      <c r="AN2103">
        <v>0</v>
      </c>
      <c r="AO2103">
        <v>0</v>
      </c>
      <c r="AP2103">
        <v>0</v>
      </c>
      <c r="AQ2103">
        <v>0</v>
      </c>
      <c r="AR2103">
        <v>0</v>
      </c>
      <c r="AS2103">
        <v>0</v>
      </c>
      <c r="AT2103">
        <v>0</v>
      </c>
      <c r="AU2103">
        <v>0</v>
      </c>
      <c r="AV2103">
        <v>0</v>
      </c>
      <c r="AW2103">
        <v>0</v>
      </c>
      <c r="AX2103">
        <v>7560</v>
      </c>
      <c r="AY2103">
        <v>13</v>
      </c>
      <c r="AZ2103">
        <v>38</v>
      </c>
      <c r="BA2103">
        <v>2875</v>
      </c>
    </row>
    <row r="2104" spans="1:53" x14ac:dyDescent="0.4">
      <c r="A2104">
        <v>2148</v>
      </c>
      <c r="B2104" s="1">
        <v>43500</v>
      </c>
      <c r="C2104">
        <v>4</v>
      </c>
      <c r="D2104" s="1">
        <v>43500.956944444442</v>
      </c>
      <c r="E2104" s="1">
        <v>43501.15</v>
      </c>
      <c r="F2104">
        <v>15400</v>
      </c>
      <c r="G2104">
        <v>0</v>
      </c>
      <c r="H2104">
        <v>0</v>
      </c>
      <c r="I2104">
        <v>0</v>
      </c>
      <c r="J2104">
        <v>0</v>
      </c>
      <c r="K2104">
        <v>0</v>
      </c>
      <c r="L2104">
        <v>0</v>
      </c>
      <c r="M2104">
        <v>1232</v>
      </c>
      <c r="N2104">
        <v>0</v>
      </c>
      <c r="O2104">
        <v>0</v>
      </c>
      <c r="P2104">
        <v>-9072</v>
      </c>
      <c r="Q2104">
        <v>0</v>
      </c>
      <c r="R2104">
        <v>7560</v>
      </c>
      <c r="S2104">
        <v>0</v>
      </c>
      <c r="T2104">
        <v>0</v>
      </c>
      <c r="U2104">
        <v>0</v>
      </c>
      <c r="V2104">
        <v>3</v>
      </c>
      <c r="W2104">
        <v>1</v>
      </c>
      <c r="X2104">
        <v>0</v>
      </c>
      <c r="Y2104">
        <v>66</v>
      </c>
      <c r="Z2104">
        <v>22</v>
      </c>
      <c r="AA2104">
        <v>225</v>
      </c>
      <c r="AB2104">
        <v>68</v>
      </c>
      <c r="AC2104">
        <v>237</v>
      </c>
      <c r="AD2104">
        <v>29</v>
      </c>
      <c r="AE2104">
        <v>68</v>
      </c>
      <c r="AF2104">
        <v>9039</v>
      </c>
      <c r="AG2104">
        <v>149522</v>
      </c>
      <c r="AH2104">
        <v>50000</v>
      </c>
      <c r="AI2104">
        <v>0</v>
      </c>
      <c r="AJ2104">
        <v>29</v>
      </c>
      <c r="AK2104" t="s">
        <v>28</v>
      </c>
      <c r="AL2104">
        <v>0</v>
      </c>
      <c r="AM2104">
        <v>0</v>
      </c>
      <c r="AN2104">
        <v>0</v>
      </c>
      <c r="AO2104">
        <v>0</v>
      </c>
      <c r="AP2104">
        <v>0</v>
      </c>
      <c r="AQ2104">
        <v>0</v>
      </c>
      <c r="AR2104">
        <v>0</v>
      </c>
      <c r="AS2104">
        <v>0</v>
      </c>
      <c r="AT2104">
        <v>0</v>
      </c>
      <c r="AU2104">
        <v>0</v>
      </c>
      <c r="AV2104">
        <v>0</v>
      </c>
      <c r="AW2104">
        <v>0</v>
      </c>
      <c r="AX2104">
        <v>0</v>
      </c>
      <c r="AY2104">
        <v>0</v>
      </c>
      <c r="AZ2104">
        <v>0</v>
      </c>
      <c r="BA2104">
        <v>370</v>
      </c>
    </row>
    <row r="2105" spans="1:53" x14ac:dyDescent="0.4">
      <c r="A2105">
        <v>2149</v>
      </c>
      <c r="B2105" s="1">
        <v>43501</v>
      </c>
      <c r="C2105">
        <v>1</v>
      </c>
      <c r="D2105" s="1">
        <v>43501.291666666664</v>
      </c>
      <c r="E2105" s="1">
        <v>43501.443749999999</v>
      </c>
      <c r="F2105">
        <v>0</v>
      </c>
      <c r="G2105">
        <v>0</v>
      </c>
      <c r="H2105">
        <v>0</v>
      </c>
      <c r="I2105">
        <v>0</v>
      </c>
      <c r="J2105">
        <v>0</v>
      </c>
      <c r="K2105">
        <v>0</v>
      </c>
      <c r="L2105">
        <v>0</v>
      </c>
      <c r="M2105">
        <v>0</v>
      </c>
      <c r="N2105">
        <v>0</v>
      </c>
      <c r="O2105">
        <v>0</v>
      </c>
      <c r="P2105">
        <v>0</v>
      </c>
      <c r="Q2105">
        <v>0</v>
      </c>
      <c r="R2105">
        <v>0</v>
      </c>
      <c r="S2105">
        <v>0</v>
      </c>
      <c r="T2105">
        <v>0</v>
      </c>
      <c r="U2105">
        <v>0</v>
      </c>
      <c r="V2105">
        <v>0</v>
      </c>
      <c r="W2105">
        <v>0</v>
      </c>
      <c r="X2105">
        <v>0</v>
      </c>
      <c r="Y2105">
        <v>30</v>
      </c>
      <c r="Z2105">
        <v>10</v>
      </c>
      <c r="AA2105">
        <v>111</v>
      </c>
      <c r="AB2105">
        <v>57</v>
      </c>
      <c r="AC2105">
        <v>85</v>
      </c>
      <c r="AD2105">
        <v>27</v>
      </c>
      <c r="AE2105">
        <v>65</v>
      </c>
      <c r="AF2105">
        <v>0</v>
      </c>
      <c r="AG2105">
        <v>50000</v>
      </c>
      <c r="AH2105">
        <v>50000</v>
      </c>
      <c r="AI2105">
        <v>0</v>
      </c>
      <c r="AJ2105">
        <v>0</v>
      </c>
      <c r="AK2105" t="s">
        <v>6</v>
      </c>
      <c r="AL2105">
        <v>0</v>
      </c>
      <c r="AM2105">
        <v>0</v>
      </c>
      <c r="AN2105">
        <v>0</v>
      </c>
      <c r="AO2105">
        <v>0</v>
      </c>
      <c r="AP2105">
        <v>0</v>
      </c>
      <c r="AQ2105">
        <v>0</v>
      </c>
      <c r="AR2105">
        <v>0</v>
      </c>
      <c r="AS2105">
        <v>0</v>
      </c>
      <c r="AT2105">
        <v>0</v>
      </c>
      <c r="AU2105">
        <v>0</v>
      </c>
      <c r="AV2105">
        <v>0</v>
      </c>
      <c r="AW2105">
        <v>0</v>
      </c>
      <c r="AX2105">
        <v>0</v>
      </c>
      <c r="AY2105">
        <v>0</v>
      </c>
      <c r="AZ2105">
        <v>0</v>
      </c>
      <c r="BA2105">
        <v>0</v>
      </c>
    </row>
    <row r="2106" spans="1:53" x14ac:dyDescent="0.4">
      <c r="A2106">
        <v>2150</v>
      </c>
      <c r="B2106" s="1">
        <v>43501</v>
      </c>
      <c r="C2106">
        <v>2</v>
      </c>
      <c r="D2106" s="1">
        <v>43501.443749999999</v>
      </c>
      <c r="E2106" s="1">
        <v>43501.738888888889</v>
      </c>
      <c r="F2106">
        <v>33500</v>
      </c>
      <c r="G2106">
        <v>2500</v>
      </c>
      <c r="H2106">
        <v>200</v>
      </c>
      <c r="I2106">
        <v>0</v>
      </c>
      <c r="J2106">
        <v>0</v>
      </c>
      <c r="K2106">
        <v>400</v>
      </c>
      <c r="L2106">
        <v>0</v>
      </c>
      <c r="M2106">
        <v>2927</v>
      </c>
      <c r="N2106">
        <v>0</v>
      </c>
      <c r="O2106">
        <v>0</v>
      </c>
      <c r="P2106">
        <v>19440</v>
      </c>
      <c r="Q2106">
        <v>0</v>
      </c>
      <c r="R2106">
        <v>58967</v>
      </c>
      <c r="S2106">
        <v>0</v>
      </c>
      <c r="T2106">
        <v>0</v>
      </c>
      <c r="U2106">
        <v>0</v>
      </c>
      <c r="V2106">
        <v>1</v>
      </c>
      <c r="W2106">
        <v>2</v>
      </c>
      <c r="X2106">
        <v>0</v>
      </c>
      <c r="Y2106">
        <v>60</v>
      </c>
      <c r="Z2106">
        <v>25</v>
      </c>
      <c r="AA2106">
        <v>122</v>
      </c>
      <c r="AB2106">
        <v>51</v>
      </c>
      <c r="AC2106">
        <v>150</v>
      </c>
      <c r="AD2106">
        <v>30</v>
      </c>
      <c r="AE2106">
        <v>67</v>
      </c>
      <c r="AF2106">
        <v>0</v>
      </c>
      <c r="AG2106">
        <v>108967</v>
      </c>
      <c r="AH2106">
        <v>50000</v>
      </c>
      <c r="AI2106">
        <v>0</v>
      </c>
      <c r="AJ2106">
        <v>35</v>
      </c>
      <c r="AL2106">
        <v>0</v>
      </c>
      <c r="AM2106">
        <v>0</v>
      </c>
      <c r="AN2106">
        <v>0</v>
      </c>
      <c r="AO2106">
        <v>0</v>
      </c>
      <c r="AP2106">
        <v>0</v>
      </c>
      <c r="AQ2106">
        <v>0</v>
      </c>
      <c r="AR2106">
        <v>0</v>
      </c>
      <c r="AS2106">
        <v>0</v>
      </c>
      <c r="AT2106">
        <v>0</v>
      </c>
      <c r="AU2106">
        <v>0</v>
      </c>
      <c r="AV2106">
        <v>0</v>
      </c>
      <c r="AW2106">
        <v>0</v>
      </c>
      <c r="AX2106">
        <v>-3046</v>
      </c>
      <c r="AY2106">
        <v>46</v>
      </c>
      <c r="AZ2106">
        <v>103</v>
      </c>
      <c r="BA2106">
        <v>6618</v>
      </c>
    </row>
    <row r="2107" spans="1:53" x14ac:dyDescent="0.4">
      <c r="A2107">
        <v>2151</v>
      </c>
      <c r="B2107" s="1">
        <v>43501</v>
      </c>
      <c r="C2107">
        <v>3</v>
      </c>
      <c r="D2107" s="1">
        <v>43501.738888888889</v>
      </c>
      <c r="E2107" s="1">
        <v>43501.96875</v>
      </c>
      <c r="F2107">
        <v>23700</v>
      </c>
      <c r="G2107">
        <v>1560</v>
      </c>
      <c r="H2107">
        <v>200</v>
      </c>
      <c r="I2107">
        <v>0</v>
      </c>
      <c r="J2107">
        <v>0</v>
      </c>
      <c r="K2107">
        <v>0</v>
      </c>
      <c r="L2107">
        <v>0</v>
      </c>
      <c r="M2107">
        <v>2036</v>
      </c>
      <c r="N2107">
        <v>0</v>
      </c>
      <c r="O2107">
        <v>0</v>
      </c>
      <c r="P2107">
        <v>-12528</v>
      </c>
      <c r="Q2107">
        <v>0</v>
      </c>
      <c r="R2107">
        <v>14968</v>
      </c>
      <c r="S2107">
        <v>0</v>
      </c>
      <c r="T2107">
        <v>0</v>
      </c>
      <c r="U2107">
        <v>0</v>
      </c>
      <c r="V2107">
        <v>2</v>
      </c>
      <c r="W2107">
        <v>2</v>
      </c>
      <c r="X2107">
        <v>0</v>
      </c>
      <c r="Y2107">
        <v>63</v>
      </c>
      <c r="Z2107">
        <v>25</v>
      </c>
      <c r="AA2107">
        <v>113</v>
      </c>
      <c r="AB2107">
        <v>47</v>
      </c>
      <c r="AC2107">
        <v>142</v>
      </c>
      <c r="AD2107">
        <v>28</v>
      </c>
      <c r="AE2107">
        <v>59</v>
      </c>
      <c r="AF2107">
        <v>3166</v>
      </c>
      <c r="AG2107">
        <v>123935</v>
      </c>
      <c r="AH2107">
        <v>50000</v>
      </c>
      <c r="AI2107">
        <v>0</v>
      </c>
      <c r="AJ2107">
        <v>44</v>
      </c>
      <c r="AL2107">
        <v>0</v>
      </c>
      <c r="AM2107">
        <v>0</v>
      </c>
      <c r="AN2107">
        <v>0</v>
      </c>
      <c r="AO2107">
        <v>0</v>
      </c>
      <c r="AP2107">
        <v>0</v>
      </c>
      <c r="AQ2107">
        <v>0</v>
      </c>
      <c r="AR2107">
        <v>0</v>
      </c>
      <c r="AS2107">
        <v>0</v>
      </c>
      <c r="AT2107">
        <v>0</v>
      </c>
      <c r="AU2107">
        <v>0</v>
      </c>
      <c r="AV2107">
        <v>0</v>
      </c>
      <c r="AW2107">
        <v>0</v>
      </c>
      <c r="AX2107">
        <v>-3346</v>
      </c>
      <c r="AY2107">
        <v>6</v>
      </c>
      <c r="AZ2107">
        <v>11</v>
      </c>
      <c r="BA2107">
        <v>1780</v>
      </c>
    </row>
    <row r="2108" spans="1:53" x14ac:dyDescent="0.4">
      <c r="A2108">
        <v>2152</v>
      </c>
      <c r="B2108" s="1">
        <v>43502</v>
      </c>
      <c r="C2108">
        <v>1</v>
      </c>
      <c r="D2108" s="1">
        <v>43502.291666666664</v>
      </c>
      <c r="E2108" s="1">
        <v>43502.455555555556</v>
      </c>
      <c r="F2108">
        <v>0</v>
      </c>
      <c r="G2108">
        <v>0</v>
      </c>
      <c r="H2108">
        <v>0</v>
      </c>
      <c r="I2108">
        <v>0</v>
      </c>
      <c r="J2108">
        <v>0</v>
      </c>
      <c r="K2108">
        <v>0</v>
      </c>
      <c r="L2108">
        <v>0</v>
      </c>
      <c r="M2108">
        <v>0</v>
      </c>
      <c r="N2108">
        <v>0</v>
      </c>
      <c r="O2108">
        <v>0</v>
      </c>
      <c r="P2108">
        <v>0</v>
      </c>
      <c r="Q2108">
        <v>0</v>
      </c>
      <c r="R2108">
        <v>0</v>
      </c>
      <c r="S2108">
        <v>0</v>
      </c>
      <c r="T2108">
        <v>0</v>
      </c>
      <c r="U2108">
        <v>0</v>
      </c>
      <c r="V2108">
        <v>0</v>
      </c>
      <c r="W2108">
        <v>0</v>
      </c>
      <c r="X2108">
        <v>0</v>
      </c>
      <c r="Y2108">
        <v>22</v>
      </c>
      <c r="Z2108">
        <v>26</v>
      </c>
      <c r="AA2108">
        <v>113</v>
      </c>
      <c r="AB2108">
        <v>44</v>
      </c>
      <c r="AC2108">
        <v>133</v>
      </c>
      <c r="AD2108">
        <v>25</v>
      </c>
      <c r="AE2108">
        <v>45</v>
      </c>
      <c r="AF2108">
        <v>0</v>
      </c>
      <c r="AG2108">
        <v>50000</v>
      </c>
      <c r="AH2108">
        <v>0</v>
      </c>
      <c r="AI2108">
        <v>50000</v>
      </c>
      <c r="AJ2108">
        <v>0</v>
      </c>
      <c r="AK2108" t="s">
        <v>6</v>
      </c>
      <c r="AL2108">
        <v>0</v>
      </c>
      <c r="AM2108">
        <v>0</v>
      </c>
      <c r="AN2108">
        <v>0</v>
      </c>
      <c r="AO2108">
        <v>0</v>
      </c>
      <c r="AP2108">
        <v>0</v>
      </c>
      <c r="AQ2108">
        <v>0</v>
      </c>
      <c r="AR2108">
        <v>0</v>
      </c>
      <c r="AS2108">
        <v>0</v>
      </c>
      <c r="AT2108">
        <v>0</v>
      </c>
      <c r="AU2108">
        <v>0</v>
      </c>
      <c r="AV2108">
        <v>0</v>
      </c>
      <c r="AW2108">
        <v>0</v>
      </c>
      <c r="AX2108">
        <v>0</v>
      </c>
      <c r="AY2108">
        <v>0</v>
      </c>
      <c r="AZ2108">
        <v>0</v>
      </c>
      <c r="BA2108">
        <v>0</v>
      </c>
    </row>
    <row r="2109" spans="1:53" x14ac:dyDescent="0.4">
      <c r="A2109">
        <v>2153</v>
      </c>
      <c r="B2109" s="1">
        <v>43502</v>
      </c>
      <c r="C2109">
        <v>2</v>
      </c>
      <c r="D2109" s="1">
        <v>43502.455555555556</v>
      </c>
      <c r="E2109" s="1">
        <v>43502.737500000003</v>
      </c>
      <c r="F2109">
        <v>19500</v>
      </c>
      <c r="G2109">
        <v>0</v>
      </c>
      <c r="H2109">
        <v>200</v>
      </c>
      <c r="I2109">
        <v>0</v>
      </c>
      <c r="J2109">
        <v>0</v>
      </c>
      <c r="K2109">
        <v>0</v>
      </c>
      <c r="L2109">
        <v>0</v>
      </c>
      <c r="M2109">
        <v>1576</v>
      </c>
      <c r="N2109">
        <v>0</v>
      </c>
      <c r="O2109">
        <v>0</v>
      </c>
      <c r="P2109">
        <v>16740</v>
      </c>
      <c r="Q2109">
        <v>0</v>
      </c>
      <c r="R2109">
        <v>38016</v>
      </c>
      <c r="S2109">
        <v>0</v>
      </c>
      <c r="T2109">
        <v>0</v>
      </c>
      <c r="U2109">
        <v>0</v>
      </c>
      <c r="V2109">
        <v>0</v>
      </c>
      <c r="W2109">
        <v>2</v>
      </c>
      <c r="X2109">
        <v>0</v>
      </c>
      <c r="Y2109">
        <v>40</v>
      </c>
      <c r="Z2109">
        <v>37</v>
      </c>
      <c r="AA2109">
        <v>144</v>
      </c>
      <c r="AB2109">
        <v>52</v>
      </c>
      <c r="AC2109">
        <v>231</v>
      </c>
      <c r="AD2109">
        <v>32</v>
      </c>
      <c r="AE2109">
        <v>46</v>
      </c>
      <c r="AF2109">
        <v>0</v>
      </c>
      <c r="AG2109">
        <v>88016</v>
      </c>
      <c r="AH2109">
        <v>50000</v>
      </c>
      <c r="AI2109">
        <v>0</v>
      </c>
      <c r="AJ2109">
        <v>96</v>
      </c>
      <c r="AK2109" t="s">
        <v>4</v>
      </c>
      <c r="AL2109">
        <v>0</v>
      </c>
      <c r="AM2109">
        <v>0</v>
      </c>
      <c r="AN2109">
        <v>0</v>
      </c>
      <c r="AO2109">
        <v>0</v>
      </c>
      <c r="AP2109">
        <v>0</v>
      </c>
      <c r="AQ2109">
        <v>0</v>
      </c>
      <c r="AR2109">
        <v>0</v>
      </c>
      <c r="AS2109">
        <v>0</v>
      </c>
      <c r="AT2109">
        <v>0</v>
      </c>
      <c r="AU2109">
        <v>0</v>
      </c>
      <c r="AV2109">
        <v>0</v>
      </c>
      <c r="AW2109">
        <v>0</v>
      </c>
      <c r="AX2109">
        <v>1080</v>
      </c>
      <c r="AY2109">
        <v>40</v>
      </c>
      <c r="AZ2109">
        <v>70</v>
      </c>
      <c r="BA2109">
        <v>5903</v>
      </c>
    </row>
    <row r="2110" spans="1:53" x14ac:dyDescent="0.4">
      <c r="A2110">
        <v>2154</v>
      </c>
      <c r="B2110" s="1">
        <v>43502</v>
      </c>
      <c r="C2110">
        <v>3</v>
      </c>
      <c r="D2110" s="1">
        <v>43502.737500000003</v>
      </c>
      <c r="E2110" s="1">
        <v>43502.955555555556</v>
      </c>
      <c r="F2110">
        <v>47110</v>
      </c>
      <c r="G2110">
        <v>1060</v>
      </c>
      <c r="H2110">
        <v>0</v>
      </c>
      <c r="I2110">
        <v>0</v>
      </c>
      <c r="J2110">
        <v>750</v>
      </c>
      <c r="K2110">
        <v>0</v>
      </c>
      <c r="L2110">
        <v>0</v>
      </c>
      <c r="M2110">
        <v>3794</v>
      </c>
      <c r="N2110">
        <v>0</v>
      </c>
      <c r="O2110">
        <v>0</v>
      </c>
      <c r="P2110">
        <v>-14148</v>
      </c>
      <c r="Q2110">
        <v>0</v>
      </c>
      <c r="R2110">
        <v>37066</v>
      </c>
      <c r="S2110">
        <v>0</v>
      </c>
      <c r="T2110">
        <v>0</v>
      </c>
      <c r="U2110">
        <v>0</v>
      </c>
      <c r="V2110">
        <v>1</v>
      </c>
      <c r="W2110">
        <v>5</v>
      </c>
      <c r="X2110">
        <v>0</v>
      </c>
      <c r="Y2110">
        <v>48</v>
      </c>
      <c r="Z2110">
        <v>43</v>
      </c>
      <c r="AA2110">
        <v>152</v>
      </c>
      <c r="AB2110">
        <v>54</v>
      </c>
      <c r="AC2110">
        <v>248</v>
      </c>
      <c r="AD2110">
        <v>31</v>
      </c>
      <c r="AE2110">
        <v>47</v>
      </c>
      <c r="AF2110">
        <v>0</v>
      </c>
      <c r="AG2110">
        <v>125082</v>
      </c>
      <c r="AH2110">
        <v>50000</v>
      </c>
      <c r="AI2110">
        <v>0</v>
      </c>
      <c r="AJ2110">
        <v>108</v>
      </c>
      <c r="AK2110" t="s">
        <v>30</v>
      </c>
      <c r="AL2110">
        <v>0</v>
      </c>
      <c r="AM2110">
        <v>0</v>
      </c>
      <c r="AN2110">
        <v>0</v>
      </c>
      <c r="AO2110">
        <v>0</v>
      </c>
      <c r="AP2110">
        <v>0</v>
      </c>
      <c r="AQ2110">
        <v>0</v>
      </c>
      <c r="AR2110">
        <v>0</v>
      </c>
      <c r="AS2110">
        <v>0</v>
      </c>
      <c r="AT2110">
        <v>0</v>
      </c>
      <c r="AU2110">
        <v>0</v>
      </c>
      <c r="AV2110">
        <v>0</v>
      </c>
      <c r="AW2110">
        <v>0</v>
      </c>
      <c r="AX2110">
        <v>17280</v>
      </c>
      <c r="AY2110">
        <v>19</v>
      </c>
      <c r="AZ2110">
        <v>40</v>
      </c>
      <c r="BA2110">
        <v>2975</v>
      </c>
    </row>
    <row r="2111" spans="1:53" x14ac:dyDescent="0.4">
      <c r="A2111">
        <v>2155</v>
      </c>
      <c r="B2111" s="1">
        <v>43502</v>
      </c>
      <c r="C2111">
        <v>4</v>
      </c>
      <c r="D2111" s="1">
        <v>43502.955555555556</v>
      </c>
      <c r="E2111" s="1">
        <v>43503.081944444442</v>
      </c>
      <c r="F2111">
        <v>18900</v>
      </c>
      <c r="G2111">
        <v>0</v>
      </c>
      <c r="H2111">
        <v>200</v>
      </c>
      <c r="I2111">
        <v>0</v>
      </c>
      <c r="J2111">
        <v>0</v>
      </c>
      <c r="K2111">
        <v>0</v>
      </c>
      <c r="L2111">
        <v>0</v>
      </c>
      <c r="M2111">
        <v>1528</v>
      </c>
      <c r="N2111">
        <v>0</v>
      </c>
      <c r="O2111">
        <v>0</v>
      </c>
      <c r="P2111">
        <v>8208</v>
      </c>
      <c r="Q2111">
        <v>0</v>
      </c>
      <c r="R2111">
        <v>28836</v>
      </c>
      <c r="S2111">
        <v>0</v>
      </c>
      <c r="T2111">
        <v>0</v>
      </c>
      <c r="U2111">
        <v>0</v>
      </c>
      <c r="V2111">
        <v>2</v>
      </c>
      <c r="W2111">
        <v>5</v>
      </c>
      <c r="X2111">
        <v>0</v>
      </c>
      <c r="Y2111">
        <v>52</v>
      </c>
      <c r="Z2111">
        <v>43</v>
      </c>
      <c r="AA2111">
        <v>142</v>
      </c>
      <c r="AB2111">
        <v>53</v>
      </c>
      <c r="AC2111">
        <v>244</v>
      </c>
      <c r="AD2111">
        <v>30</v>
      </c>
      <c r="AE2111">
        <v>48</v>
      </c>
      <c r="AF2111">
        <v>15930</v>
      </c>
      <c r="AG2111">
        <v>153918</v>
      </c>
      <c r="AH2111">
        <v>50000</v>
      </c>
      <c r="AI2111">
        <v>0</v>
      </c>
      <c r="AJ2111">
        <v>108</v>
      </c>
      <c r="AK2111" t="s">
        <v>30</v>
      </c>
      <c r="AL2111">
        <v>0</v>
      </c>
      <c r="AM2111">
        <v>0</v>
      </c>
      <c r="AN2111">
        <v>0</v>
      </c>
      <c r="AO2111">
        <v>0</v>
      </c>
      <c r="AP2111">
        <v>0</v>
      </c>
      <c r="AQ2111">
        <v>0</v>
      </c>
      <c r="AR2111">
        <v>0</v>
      </c>
      <c r="AS2111">
        <v>0</v>
      </c>
      <c r="AT2111">
        <v>0</v>
      </c>
      <c r="AU2111">
        <v>0</v>
      </c>
      <c r="AV2111">
        <v>0</v>
      </c>
      <c r="AW2111">
        <v>0</v>
      </c>
      <c r="AX2111">
        <v>0</v>
      </c>
      <c r="AY2111">
        <v>2</v>
      </c>
      <c r="AZ2111">
        <v>15</v>
      </c>
      <c r="BA2111">
        <v>186</v>
      </c>
    </row>
    <row r="2112" spans="1:53" x14ac:dyDescent="0.4">
      <c r="A2112">
        <v>2156</v>
      </c>
      <c r="B2112" s="1">
        <v>43503</v>
      </c>
      <c r="C2112">
        <v>1</v>
      </c>
      <c r="D2112" s="1">
        <v>43503.291666666664</v>
      </c>
      <c r="E2112" s="1">
        <v>43503.456250000003</v>
      </c>
      <c r="F2112">
        <v>0</v>
      </c>
      <c r="G2112">
        <v>0</v>
      </c>
      <c r="H2112">
        <v>0</v>
      </c>
      <c r="I2112">
        <v>0</v>
      </c>
      <c r="J2112">
        <v>0</v>
      </c>
      <c r="K2112">
        <v>0</v>
      </c>
      <c r="L2112">
        <v>0</v>
      </c>
      <c r="M2112">
        <v>0</v>
      </c>
      <c r="N2112">
        <v>0</v>
      </c>
      <c r="O2112">
        <v>0</v>
      </c>
      <c r="P2112">
        <v>0</v>
      </c>
      <c r="Q2112">
        <v>0</v>
      </c>
      <c r="R2112">
        <v>0</v>
      </c>
      <c r="S2112">
        <v>0</v>
      </c>
      <c r="T2112">
        <v>0</v>
      </c>
      <c r="U2112">
        <v>0</v>
      </c>
      <c r="V2112">
        <v>0</v>
      </c>
      <c r="W2112">
        <v>0</v>
      </c>
      <c r="X2112">
        <v>0</v>
      </c>
      <c r="Y2112">
        <v>27</v>
      </c>
      <c r="Z2112">
        <v>10</v>
      </c>
      <c r="AA2112">
        <v>138</v>
      </c>
      <c r="AB2112">
        <v>53</v>
      </c>
      <c r="AC2112">
        <v>137</v>
      </c>
      <c r="AD2112">
        <v>28</v>
      </c>
      <c r="AE2112">
        <v>40</v>
      </c>
      <c r="AF2112">
        <v>0</v>
      </c>
      <c r="AG2112">
        <v>50000</v>
      </c>
      <c r="AH2112">
        <v>0</v>
      </c>
      <c r="AI2112">
        <v>50000</v>
      </c>
      <c r="AJ2112">
        <v>0</v>
      </c>
      <c r="AK2112" t="s">
        <v>6</v>
      </c>
      <c r="AL2112">
        <v>0</v>
      </c>
      <c r="AM2112">
        <v>0</v>
      </c>
      <c r="AN2112">
        <v>0</v>
      </c>
      <c r="AO2112">
        <v>0</v>
      </c>
      <c r="AP2112">
        <v>0</v>
      </c>
      <c r="AQ2112">
        <v>0</v>
      </c>
      <c r="AR2112">
        <v>0</v>
      </c>
      <c r="AS2112">
        <v>0</v>
      </c>
      <c r="AT2112">
        <v>0</v>
      </c>
      <c r="AU2112">
        <v>0</v>
      </c>
      <c r="AV2112">
        <v>0</v>
      </c>
      <c r="AW2112">
        <v>0</v>
      </c>
      <c r="AX2112">
        <v>0</v>
      </c>
      <c r="AY2112">
        <v>0</v>
      </c>
      <c r="AZ2112">
        <v>0</v>
      </c>
      <c r="BA2112">
        <v>0</v>
      </c>
    </row>
    <row r="2113" spans="1:53" x14ac:dyDescent="0.4">
      <c r="A2113">
        <v>2157</v>
      </c>
      <c r="B2113" s="1">
        <v>43503</v>
      </c>
      <c r="C2113">
        <v>2</v>
      </c>
      <c r="D2113" s="1">
        <v>43503.456250000003</v>
      </c>
      <c r="E2113" s="1">
        <v>43503.745138888888</v>
      </c>
      <c r="F2113">
        <v>20000</v>
      </c>
      <c r="G2113">
        <v>1860</v>
      </c>
      <c r="H2113">
        <v>200</v>
      </c>
      <c r="I2113">
        <v>0</v>
      </c>
      <c r="J2113">
        <v>0</v>
      </c>
      <c r="K2113">
        <v>0</v>
      </c>
      <c r="L2113">
        <v>0</v>
      </c>
      <c r="M2113">
        <v>1764</v>
      </c>
      <c r="N2113">
        <v>0</v>
      </c>
      <c r="O2113">
        <v>0</v>
      </c>
      <c r="P2113">
        <v>20520</v>
      </c>
      <c r="Q2113">
        <v>0</v>
      </c>
      <c r="R2113">
        <v>44344</v>
      </c>
      <c r="S2113">
        <v>0</v>
      </c>
      <c r="T2113">
        <v>0</v>
      </c>
      <c r="U2113">
        <v>0</v>
      </c>
      <c r="V2113">
        <v>0</v>
      </c>
      <c r="W2113">
        <v>0</v>
      </c>
      <c r="X2113">
        <v>0</v>
      </c>
      <c r="Y2113">
        <v>55</v>
      </c>
      <c r="Z2113">
        <v>29</v>
      </c>
      <c r="AA2113">
        <v>168</v>
      </c>
      <c r="AB2113">
        <v>61</v>
      </c>
      <c r="AC2113">
        <v>198</v>
      </c>
      <c r="AD2113">
        <v>31</v>
      </c>
      <c r="AE2113">
        <v>43</v>
      </c>
      <c r="AF2113">
        <v>2816</v>
      </c>
      <c r="AG2113">
        <v>94344</v>
      </c>
      <c r="AH2113">
        <v>50000</v>
      </c>
      <c r="AI2113">
        <v>0</v>
      </c>
      <c r="AJ2113">
        <v>96</v>
      </c>
      <c r="AK2113" t="s">
        <v>4</v>
      </c>
      <c r="AL2113">
        <v>0</v>
      </c>
      <c r="AM2113">
        <v>0</v>
      </c>
      <c r="AN2113">
        <v>0</v>
      </c>
      <c r="AO2113">
        <v>0</v>
      </c>
      <c r="AP2113">
        <v>0</v>
      </c>
      <c r="AQ2113">
        <v>0</v>
      </c>
      <c r="AR2113">
        <v>0</v>
      </c>
      <c r="AS2113">
        <v>0</v>
      </c>
      <c r="AT2113">
        <v>0</v>
      </c>
      <c r="AU2113">
        <v>0</v>
      </c>
      <c r="AV2113">
        <v>0</v>
      </c>
      <c r="AW2113">
        <v>0</v>
      </c>
      <c r="AX2113">
        <v>-346</v>
      </c>
      <c r="AY2113">
        <v>39</v>
      </c>
      <c r="AZ2113">
        <v>73</v>
      </c>
      <c r="BA2113">
        <v>5796</v>
      </c>
    </row>
    <row r="2114" spans="1:53" x14ac:dyDescent="0.4">
      <c r="A2114">
        <v>2158</v>
      </c>
      <c r="B2114" s="1">
        <v>43503</v>
      </c>
      <c r="C2114">
        <v>3</v>
      </c>
      <c r="D2114" s="1">
        <v>43503.745138888888</v>
      </c>
      <c r="E2114" s="1">
        <v>43503.95416666667</v>
      </c>
      <c r="F2114">
        <v>41800</v>
      </c>
      <c r="G2114">
        <v>1680</v>
      </c>
      <c r="H2114">
        <v>0</v>
      </c>
      <c r="I2114">
        <v>0</v>
      </c>
      <c r="J2114">
        <v>0</v>
      </c>
      <c r="K2114">
        <v>0</v>
      </c>
      <c r="L2114">
        <v>0</v>
      </c>
      <c r="M2114">
        <v>3478</v>
      </c>
      <c r="N2114">
        <v>0</v>
      </c>
      <c r="O2114">
        <v>0</v>
      </c>
      <c r="P2114">
        <v>-12744</v>
      </c>
      <c r="Q2114">
        <v>0</v>
      </c>
      <c r="R2114">
        <v>34214</v>
      </c>
      <c r="S2114">
        <v>0</v>
      </c>
      <c r="T2114">
        <v>0</v>
      </c>
      <c r="U2114">
        <v>0</v>
      </c>
      <c r="V2114">
        <v>3</v>
      </c>
      <c r="W2114">
        <v>2</v>
      </c>
      <c r="X2114">
        <v>0</v>
      </c>
      <c r="Y2114">
        <v>50</v>
      </c>
      <c r="Z2114">
        <v>27</v>
      </c>
      <c r="AA2114">
        <v>150</v>
      </c>
      <c r="AB2114">
        <v>59</v>
      </c>
      <c r="AC2114">
        <v>193</v>
      </c>
      <c r="AD2114">
        <v>32</v>
      </c>
      <c r="AE2114">
        <v>42</v>
      </c>
      <c r="AF2114">
        <v>4976</v>
      </c>
      <c r="AG2114">
        <v>128558</v>
      </c>
      <c r="AH2114">
        <v>50000</v>
      </c>
      <c r="AI2114">
        <v>0</v>
      </c>
      <c r="AJ2114">
        <v>108</v>
      </c>
      <c r="AK2114" t="s">
        <v>30</v>
      </c>
      <c r="AL2114">
        <v>0</v>
      </c>
      <c r="AM2114">
        <v>0</v>
      </c>
      <c r="AN2114">
        <v>0</v>
      </c>
      <c r="AO2114">
        <v>0</v>
      </c>
      <c r="AP2114">
        <v>0</v>
      </c>
      <c r="AQ2114">
        <v>0</v>
      </c>
      <c r="AR2114">
        <v>0</v>
      </c>
      <c r="AS2114">
        <v>0</v>
      </c>
      <c r="AT2114">
        <v>0</v>
      </c>
      <c r="AU2114">
        <v>0</v>
      </c>
      <c r="AV2114">
        <v>0</v>
      </c>
      <c r="AW2114">
        <v>0</v>
      </c>
      <c r="AX2114">
        <v>2851</v>
      </c>
      <c r="AY2114">
        <v>12</v>
      </c>
      <c r="AZ2114">
        <v>30</v>
      </c>
      <c r="BA2114">
        <v>2717</v>
      </c>
    </row>
    <row r="2115" spans="1:53" x14ac:dyDescent="0.4">
      <c r="A2115">
        <v>2159</v>
      </c>
      <c r="B2115" s="1">
        <v>43503</v>
      </c>
      <c r="C2115">
        <v>4</v>
      </c>
      <c r="D2115" s="1">
        <v>43503.95416666667</v>
      </c>
      <c r="E2115" s="1">
        <v>43504.07916666667</v>
      </c>
      <c r="F2115">
        <v>13980</v>
      </c>
      <c r="G2115">
        <v>0</v>
      </c>
      <c r="H2115">
        <v>0</v>
      </c>
      <c r="I2115">
        <v>0</v>
      </c>
      <c r="J2115">
        <v>0</v>
      </c>
      <c r="K2115">
        <v>0</v>
      </c>
      <c r="L2115">
        <v>0</v>
      </c>
      <c r="M2115">
        <v>1118</v>
      </c>
      <c r="N2115">
        <v>0</v>
      </c>
      <c r="O2115">
        <v>0</v>
      </c>
      <c r="P2115">
        <v>6480</v>
      </c>
      <c r="Q2115">
        <v>0</v>
      </c>
      <c r="R2115">
        <v>21578</v>
      </c>
      <c r="S2115">
        <v>0</v>
      </c>
      <c r="T2115">
        <v>0</v>
      </c>
      <c r="U2115">
        <v>0</v>
      </c>
      <c r="V2115">
        <v>5</v>
      </c>
      <c r="W2115">
        <v>1</v>
      </c>
      <c r="X2115">
        <v>0</v>
      </c>
      <c r="Y2115">
        <v>52</v>
      </c>
      <c r="Z2115">
        <v>27</v>
      </c>
      <c r="AA2115">
        <v>140</v>
      </c>
      <c r="AB2115">
        <v>58</v>
      </c>
      <c r="AC2115">
        <v>187</v>
      </c>
      <c r="AD2115">
        <v>31</v>
      </c>
      <c r="AE2115">
        <v>33</v>
      </c>
      <c r="AF2115">
        <v>10678</v>
      </c>
      <c r="AG2115">
        <v>150136</v>
      </c>
      <c r="AH2115">
        <v>50000</v>
      </c>
      <c r="AI2115">
        <v>0</v>
      </c>
      <c r="AJ2115">
        <v>16</v>
      </c>
      <c r="AK2115" t="s">
        <v>11</v>
      </c>
      <c r="AL2115">
        <v>0</v>
      </c>
      <c r="AM2115">
        <v>0</v>
      </c>
      <c r="AN2115">
        <v>0</v>
      </c>
      <c r="AO2115">
        <v>0</v>
      </c>
      <c r="AP2115">
        <v>0</v>
      </c>
      <c r="AQ2115">
        <v>0</v>
      </c>
      <c r="AR2115">
        <v>0</v>
      </c>
      <c r="AS2115">
        <v>0</v>
      </c>
      <c r="AT2115">
        <v>0</v>
      </c>
      <c r="AU2115">
        <v>0</v>
      </c>
      <c r="AV2115">
        <v>0</v>
      </c>
      <c r="AW2115">
        <v>0</v>
      </c>
      <c r="AX2115">
        <v>8586</v>
      </c>
      <c r="AY2115">
        <v>6</v>
      </c>
      <c r="AZ2115">
        <v>13</v>
      </c>
      <c r="BA2115">
        <v>634</v>
      </c>
    </row>
    <row r="2116" spans="1:53" x14ac:dyDescent="0.4">
      <c r="A2116">
        <v>2160</v>
      </c>
      <c r="B2116" s="1">
        <v>43504</v>
      </c>
      <c r="C2116">
        <v>1</v>
      </c>
      <c r="D2116" s="1">
        <v>43504.291666666664</v>
      </c>
      <c r="E2116" s="1">
        <v>43504.446527777778</v>
      </c>
      <c r="F2116">
        <v>0</v>
      </c>
      <c r="G2116">
        <v>0</v>
      </c>
      <c r="H2116">
        <v>0</v>
      </c>
      <c r="I2116">
        <v>0</v>
      </c>
      <c r="J2116">
        <v>0</v>
      </c>
      <c r="K2116">
        <v>0</v>
      </c>
      <c r="L2116">
        <v>0</v>
      </c>
      <c r="M2116">
        <v>0</v>
      </c>
      <c r="N2116">
        <v>0</v>
      </c>
      <c r="O2116">
        <v>0</v>
      </c>
      <c r="P2116">
        <v>0</v>
      </c>
      <c r="Q2116">
        <v>0</v>
      </c>
      <c r="R2116">
        <v>0</v>
      </c>
      <c r="S2116">
        <v>0</v>
      </c>
      <c r="T2116">
        <v>0</v>
      </c>
      <c r="U2116">
        <v>0</v>
      </c>
      <c r="V2116">
        <v>0</v>
      </c>
      <c r="W2116">
        <v>0</v>
      </c>
      <c r="X2116">
        <v>0</v>
      </c>
      <c r="Y2116">
        <v>28</v>
      </c>
      <c r="Z2116">
        <v>9</v>
      </c>
      <c r="AA2116">
        <v>130</v>
      </c>
      <c r="AB2116">
        <v>58</v>
      </c>
      <c r="AC2116">
        <v>132</v>
      </c>
      <c r="AD2116">
        <v>30</v>
      </c>
      <c r="AE2116">
        <v>130</v>
      </c>
      <c r="AF2116">
        <v>0</v>
      </c>
      <c r="AG2116">
        <v>50000</v>
      </c>
      <c r="AH2116">
        <v>0</v>
      </c>
      <c r="AI2116">
        <v>50000</v>
      </c>
      <c r="AJ2116">
        <v>0</v>
      </c>
      <c r="AK2116" t="s">
        <v>6</v>
      </c>
      <c r="AL2116">
        <v>0</v>
      </c>
      <c r="AM2116">
        <v>0</v>
      </c>
      <c r="AN2116">
        <v>0</v>
      </c>
      <c r="AO2116">
        <v>0</v>
      </c>
      <c r="AP2116">
        <v>0</v>
      </c>
      <c r="AQ2116">
        <v>0</v>
      </c>
      <c r="AR2116">
        <v>0</v>
      </c>
      <c r="AS2116">
        <v>0</v>
      </c>
      <c r="AT2116">
        <v>0</v>
      </c>
      <c r="AU2116">
        <v>0</v>
      </c>
      <c r="AV2116">
        <v>0</v>
      </c>
      <c r="AW2116">
        <v>0</v>
      </c>
      <c r="AX2116">
        <v>0</v>
      </c>
      <c r="AY2116">
        <v>0</v>
      </c>
      <c r="AZ2116">
        <v>0</v>
      </c>
      <c r="BA2116">
        <v>0</v>
      </c>
    </row>
    <row r="2117" spans="1:53" x14ac:dyDescent="0.4">
      <c r="A2117">
        <v>2161</v>
      </c>
      <c r="B2117" s="1">
        <v>43504</v>
      </c>
      <c r="C2117">
        <v>2</v>
      </c>
      <c r="D2117" s="1">
        <v>43504.446527777778</v>
      </c>
      <c r="E2117" s="1">
        <v>43504.743055555555</v>
      </c>
      <c r="F2117">
        <v>23500</v>
      </c>
      <c r="G2117">
        <v>0</v>
      </c>
      <c r="H2117">
        <v>0</v>
      </c>
      <c r="I2117">
        <v>0</v>
      </c>
      <c r="J2117">
        <v>0</v>
      </c>
      <c r="K2117">
        <v>0</v>
      </c>
      <c r="L2117">
        <v>0</v>
      </c>
      <c r="M2117">
        <v>1880</v>
      </c>
      <c r="N2117">
        <v>0</v>
      </c>
      <c r="O2117">
        <v>0</v>
      </c>
      <c r="P2117">
        <v>12960</v>
      </c>
      <c r="Q2117">
        <v>0</v>
      </c>
      <c r="R2117">
        <v>38340</v>
      </c>
      <c r="S2117">
        <v>0</v>
      </c>
      <c r="T2117">
        <v>0</v>
      </c>
      <c r="U2117">
        <v>0</v>
      </c>
      <c r="V2117">
        <v>0</v>
      </c>
      <c r="W2117">
        <v>3</v>
      </c>
      <c r="X2117">
        <v>0</v>
      </c>
      <c r="Y2117">
        <v>44</v>
      </c>
      <c r="Z2117">
        <v>22</v>
      </c>
      <c r="AA2117">
        <v>133</v>
      </c>
      <c r="AB2117">
        <v>59</v>
      </c>
      <c r="AC2117">
        <v>178</v>
      </c>
      <c r="AD2117">
        <v>36</v>
      </c>
      <c r="AE2117">
        <v>130</v>
      </c>
      <c r="AF2117">
        <v>0</v>
      </c>
      <c r="AG2117">
        <v>88340</v>
      </c>
      <c r="AH2117">
        <v>50000</v>
      </c>
      <c r="AI2117">
        <v>0</v>
      </c>
      <c r="AJ2117">
        <v>96</v>
      </c>
      <c r="AK2117" t="s">
        <v>4</v>
      </c>
      <c r="AL2117">
        <v>0</v>
      </c>
      <c r="AM2117">
        <v>0</v>
      </c>
      <c r="AN2117">
        <v>0</v>
      </c>
      <c r="AO2117">
        <v>0</v>
      </c>
      <c r="AP2117">
        <v>0</v>
      </c>
      <c r="AQ2117">
        <v>0</v>
      </c>
      <c r="AR2117">
        <v>0</v>
      </c>
      <c r="AS2117">
        <v>0</v>
      </c>
      <c r="AT2117">
        <v>0</v>
      </c>
      <c r="AU2117">
        <v>0</v>
      </c>
      <c r="AV2117">
        <v>0</v>
      </c>
      <c r="AW2117">
        <v>0</v>
      </c>
      <c r="AX2117">
        <v>0</v>
      </c>
      <c r="AY2117">
        <v>37</v>
      </c>
      <c r="AZ2117">
        <v>69</v>
      </c>
      <c r="BA2117">
        <v>5663</v>
      </c>
    </row>
    <row r="2118" spans="1:53" x14ac:dyDescent="0.4">
      <c r="A2118">
        <v>2162</v>
      </c>
      <c r="B2118" s="1">
        <v>43504</v>
      </c>
      <c r="C2118">
        <v>3</v>
      </c>
      <c r="D2118" s="1">
        <v>43504.743055555555</v>
      </c>
      <c r="E2118" s="1">
        <v>43504.959722222222</v>
      </c>
      <c r="F2118">
        <v>98400</v>
      </c>
      <c r="G2118">
        <v>8540</v>
      </c>
      <c r="H2118">
        <v>0</v>
      </c>
      <c r="I2118">
        <v>0</v>
      </c>
      <c r="J2118">
        <v>0</v>
      </c>
      <c r="K2118">
        <v>0</v>
      </c>
      <c r="L2118">
        <v>0</v>
      </c>
      <c r="M2118">
        <v>8556</v>
      </c>
      <c r="N2118">
        <v>0</v>
      </c>
      <c r="O2118">
        <v>0</v>
      </c>
      <c r="P2118">
        <v>-12960</v>
      </c>
      <c r="Q2118">
        <v>0</v>
      </c>
      <c r="R2118">
        <v>102536</v>
      </c>
      <c r="S2118">
        <v>0</v>
      </c>
      <c r="T2118">
        <v>0</v>
      </c>
      <c r="U2118">
        <v>0</v>
      </c>
      <c r="V2118">
        <v>2</v>
      </c>
      <c r="W2118">
        <v>8</v>
      </c>
      <c r="X2118">
        <v>0</v>
      </c>
      <c r="Y2118">
        <v>42</v>
      </c>
      <c r="Z2118">
        <v>24</v>
      </c>
      <c r="AA2118">
        <v>137</v>
      </c>
      <c r="AB2118">
        <v>59</v>
      </c>
      <c r="AC2118">
        <v>176</v>
      </c>
      <c r="AD2118">
        <v>33</v>
      </c>
      <c r="AE2118">
        <v>132</v>
      </c>
      <c r="AF2118">
        <v>58169</v>
      </c>
      <c r="AG2118">
        <v>190876</v>
      </c>
      <c r="AH2118">
        <v>50000</v>
      </c>
      <c r="AI2118">
        <v>0</v>
      </c>
      <c r="AJ2118">
        <v>108</v>
      </c>
      <c r="AK2118" t="s">
        <v>30</v>
      </c>
      <c r="AL2118">
        <v>0</v>
      </c>
      <c r="AM2118">
        <v>0</v>
      </c>
      <c r="AN2118">
        <v>0</v>
      </c>
      <c r="AO2118">
        <v>0</v>
      </c>
      <c r="AP2118">
        <v>0</v>
      </c>
      <c r="AQ2118">
        <v>0</v>
      </c>
      <c r="AR2118">
        <v>0</v>
      </c>
      <c r="AS2118">
        <v>0</v>
      </c>
      <c r="AT2118">
        <v>0</v>
      </c>
      <c r="AU2118">
        <v>0</v>
      </c>
      <c r="AV2118">
        <v>0</v>
      </c>
      <c r="AW2118">
        <v>0</v>
      </c>
      <c r="AX2118">
        <v>92102</v>
      </c>
      <c r="AY2118">
        <v>24</v>
      </c>
      <c r="AZ2118">
        <v>106</v>
      </c>
      <c r="BA2118">
        <v>3175</v>
      </c>
    </row>
    <row r="2119" spans="1:53" x14ac:dyDescent="0.4">
      <c r="A2119">
        <v>2163</v>
      </c>
      <c r="B2119" s="1">
        <v>43504</v>
      </c>
      <c r="C2119">
        <v>4</v>
      </c>
      <c r="D2119" s="1">
        <v>43504.959722222222</v>
      </c>
      <c r="E2119" s="1">
        <v>43505.083333333336</v>
      </c>
      <c r="F2119">
        <v>121500</v>
      </c>
      <c r="G2119">
        <v>2660</v>
      </c>
      <c r="H2119">
        <v>200</v>
      </c>
      <c r="I2119">
        <v>0</v>
      </c>
      <c r="J2119">
        <v>0</v>
      </c>
      <c r="K2119">
        <v>0</v>
      </c>
      <c r="L2119">
        <v>0</v>
      </c>
      <c r="M2119">
        <v>9948</v>
      </c>
      <c r="N2119">
        <v>0</v>
      </c>
      <c r="O2119">
        <v>0</v>
      </c>
      <c r="P2119">
        <v>42012</v>
      </c>
      <c r="Q2119">
        <v>0</v>
      </c>
      <c r="R2119">
        <v>176320</v>
      </c>
      <c r="S2119">
        <v>0</v>
      </c>
      <c r="T2119">
        <v>0</v>
      </c>
      <c r="U2119">
        <v>0</v>
      </c>
      <c r="V2119">
        <v>14</v>
      </c>
      <c r="W2119">
        <v>9</v>
      </c>
      <c r="X2119">
        <v>0</v>
      </c>
      <c r="Y2119">
        <v>42</v>
      </c>
      <c r="Z2119">
        <v>26</v>
      </c>
      <c r="AA2119">
        <v>146</v>
      </c>
      <c r="AB2119">
        <v>56</v>
      </c>
      <c r="AC2119">
        <v>165</v>
      </c>
      <c r="AD2119">
        <v>34</v>
      </c>
      <c r="AE2119">
        <v>127</v>
      </c>
      <c r="AF2119">
        <v>107849</v>
      </c>
      <c r="AG2119">
        <v>367196</v>
      </c>
      <c r="AH2119">
        <v>50000</v>
      </c>
      <c r="AI2119">
        <v>0</v>
      </c>
      <c r="AJ2119">
        <v>102</v>
      </c>
      <c r="AK2119" t="s">
        <v>8</v>
      </c>
      <c r="AL2119">
        <v>0</v>
      </c>
      <c r="AM2119">
        <v>0</v>
      </c>
      <c r="AN2119">
        <v>0</v>
      </c>
      <c r="AO2119">
        <v>0</v>
      </c>
      <c r="AP2119">
        <v>0</v>
      </c>
      <c r="AQ2119">
        <v>0</v>
      </c>
      <c r="AR2119">
        <v>0</v>
      </c>
      <c r="AS2119">
        <v>0</v>
      </c>
      <c r="AT2119">
        <v>0</v>
      </c>
      <c r="AU2119">
        <v>0</v>
      </c>
      <c r="AV2119">
        <v>0</v>
      </c>
      <c r="AW2119">
        <v>0</v>
      </c>
      <c r="AX2119">
        <v>-5292</v>
      </c>
      <c r="AY2119">
        <v>10</v>
      </c>
      <c r="AZ2119">
        <v>27</v>
      </c>
      <c r="BA2119">
        <v>1320</v>
      </c>
    </row>
    <row r="2120" spans="1:53" x14ac:dyDescent="0.4">
      <c r="A2120">
        <v>2164</v>
      </c>
      <c r="B2120" s="1">
        <v>43505</v>
      </c>
      <c r="C2120">
        <v>1</v>
      </c>
      <c r="D2120" s="1">
        <v>43505.291666666664</v>
      </c>
      <c r="E2120" s="1">
        <v>43505.401388888888</v>
      </c>
      <c r="F2120">
        <v>0</v>
      </c>
      <c r="G2120">
        <v>0</v>
      </c>
      <c r="H2120">
        <v>0</v>
      </c>
      <c r="I2120">
        <v>0</v>
      </c>
      <c r="J2120">
        <v>0</v>
      </c>
      <c r="K2120">
        <v>0</v>
      </c>
      <c r="L2120">
        <v>0</v>
      </c>
      <c r="M2120">
        <v>0</v>
      </c>
      <c r="N2120">
        <v>0</v>
      </c>
      <c r="O2120">
        <v>0</v>
      </c>
      <c r="P2120">
        <v>0</v>
      </c>
      <c r="Q2120">
        <v>0</v>
      </c>
      <c r="R2120">
        <v>0</v>
      </c>
      <c r="S2120">
        <v>0</v>
      </c>
      <c r="T2120">
        <v>0</v>
      </c>
      <c r="U2120">
        <v>0</v>
      </c>
      <c r="V2120">
        <v>0</v>
      </c>
      <c r="W2120">
        <v>0</v>
      </c>
      <c r="X2120">
        <v>0</v>
      </c>
      <c r="Y2120">
        <v>26</v>
      </c>
      <c r="Z2120">
        <v>11</v>
      </c>
      <c r="AA2120">
        <v>142</v>
      </c>
      <c r="AB2120">
        <v>58</v>
      </c>
      <c r="AC2120">
        <v>111</v>
      </c>
      <c r="AD2120">
        <v>34</v>
      </c>
      <c r="AE2120">
        <v>120</v>
      </c>
      <c r="AF2120">
        <v>0</v>
      </c>
      <c r="AG2120">
        <v>50000</v>
      </c>
      <c r="AH2120">
        <v>50000</v>
      </c>
      <c r="AI2120">
        <v>0</v>
      </c>
      <c r="AJ2120">
        <v>0</v>
      </c>
      <c r="AK2120" t="s">
        <v>6</v>
      </c>
      <c r="AL2120">
        <v>0</v>
      </c>
      <c r="AM2120">
        <v>0</v>
      </c>
      <c r="AN2120">
        <v>0</v>
      </c>
      <c r="AO2120">
        <v>0</v>
      </c>
      <c r="AP2120">
        <v>0</v>
      </c>
      <c r="AQ2120">
        <v>0</v>
      </c>
      <c r="AR2120">
        <v>0</v>
      </c>
      <c r="AS2120">
        <v>0</v>
      </c>
      <c r="AT2120">
        <v>0</v>
      </c>
      <c r="AU2120">
        <v>0</v>
      </c>
      <c r="AV2120">
        <v>0</v>
      </c>
      <c r="AW2120">
        <v>0</v>
      </c>
      <c r="AX2120">
        <v>0</v>
      </c>
      <c r="AY2120">
        <v>0</v>
      </c>
      <c r="AZ2120">
        <v>0</v>
      </c>
      <c r="BA2120">
        <v>0</v>
      </c>
    </row>
    <row r="2121" spans="1:53" x14ac:dyDescent="0.4">
      <c r="A2121">
        <v>2165</v>
      </c>
      <c r="B2121" s="1">
        <v>43505</v>
      </c>
      <c r="C2121">
        <v>2</v>
      </c>
      <c r="D2121" s="1">
        <v>43505.401388888888</v>
      </c>
      <c r="E2121" s="1">
        <v>43505.741666666669</v>
      </c>
      <c r="F2121">
        <v>40500</v>
      </c>
      <c r="G2121">
        <v>2920</v>
      </c>
      <c r="H2121">
        <v>0</v>
      </c>
      <c r="I2121">
        <v>0</v>
      </c>
      <c r="J2121">
        <v>0</v>
      </c>
      <c r="K2121">
        <v>0</v>
      </c>
      <c r="L2121">
        <v>0</v>
      </c>
      <c r="M2121">
        <v>3473</v>
      </c>
      <c r="N2121">
        <v>0</v>
      </c>
      <c r="O2121">
        <v>0</v>
      </c>
      <c r="P2121">
        <v>17280</v>
      </c>
      <c r="Q2121">
        <v>0</v>
      </c>
      <c r="R2121">
        <v>64173</v>
      </c>
      <c r="S2121">
        <v>0</v>
      </c>
      <c r="T2121">
        <v>0</v>
      </c>
      <c r="U2121">
        <v>0</v>
      </c>
      <c r="V2121">
        <v>2</v>
      </c>
      <c r="W2121">
        <v>1</v>
      </c>
      <c r="X2121">
        <v>0</v>
      </c>
      <c r="Y2121">
        <v>64</v>
      </c>
      <c r="Z2121">
        <v>19</v>
      </c>
      <c r="AA2121">
        <v>111</v>
      </c>
      <c r="AB2121">
        <v>57</v>
      </c>
      <c r="AC2121">
        <v>145</v>
      </c>
      <c r="AD2121">
        <v>31</v>
      </c>
      <c r="AE2121">
        <v>118</v>
      </c>
      <c r="AF2121">
        <v>0</v>
      </c>
      <c r="AG2121">
        <v>114173</v>
      </c>
      <c r="AH2121">
        <v>50000</v>
      </c>
      <c r="AI2121">
        <v>0</v>
      </c>
      <c r="AJ2121">
        <v>74</v>
      </c>
      <c r="AL2121">
        <v>0</v>
      </c>
      <c r="AM2121">
        <v>0</v>
      </c>
      <c r="AN2121">
        <v>0</v>
      </c>
      <c r="AO2121">
        <v>0</v>
      </c>
      <c r="AP2121">
        <v>0</v>
      </c>
      <c r="AQ2121">
        <v>0</v>
      </c>
      <c r="AR2121">
        <v>0</v>
      </c>
      <c r="AS2121">
        <v>0</v>
      </c>
      <c r="AT2121">
        <v>0</v>
      </c>
      <c r="AU2121">
        <v>0</v>
      </c>
      <c r="AV2121">
        <v>0</v>
      </c>
      <c r="AW2121">
        <v>0</v>
      </c>
      <c r="AX2121">
        <v>4125</v>
      </c>
      <c r="AY2121">
        <v>51</v>
      </c>
      <c r="AZ2121">
        <v>108</v>
      </c>
      <c r="BA2121">
        <v>7596</v>
      </c>
    </row>
    <row r="2122" spans="1:53" x14ac:dyDescent="0.4">
      <c r="A2122">
        <v>2166</v>
      </c>
      <c r="B2122" s="1">
        <v>43505</v>
      </c>
      <c r="C2122">
        <v>3</v>
      </c>
      <c r="D2122" s="1">
        <v>43505.741666666669</v>
      </c>
      <c r="E2122" s="1">
        <v>43506.099305555559</v>
      </c>
      <c r="F2122">
        <v>165280</v>
      </c>
      <c r="G2122">
        <v>11610</v>
      </c>
      <c r="H2122">
        <v>0</v>
      </c>
      <c r="I2122">
        <v>0</v>
      </c>
      <c r="J2122">
        <v>0</v>
      </c>
      <c r="K2122">
        <v>0</v>
      </c>
      <c r="L2122">
        <v>0</v>
      </c>
      <c r="M2122">
        <v>14150</v>
      </c>
      <c r="N2122">
        <v>0</v>
      </c>
      <c r="O2122">
        <v>0</v>
      </c>
      <c r="P2122">
        <v>46440</v>
      </c>
      <c r="Q2122">
        <v>0</v>
      </c>
      <c r="R2122">
        <v>237480</v>
      </c>
      <c r="S2122">
        <v>0</v>
      </c>
      <c r="T2122">
        <v>0</v>
      </c>
      <c r="U2122">
        <v>0</v>
      </c>
      <c r="V2122">
        <v>20</v>
      </c>
      <c r="W2122">
        <v>8</v>
      </c>
      <c r="X2122">
        <v>0</v>
      </c>
      <c r="Y2122">
        <v>85</v>
      </c>
      <c r="Z2122">
        <v>17</v>
      </c>
      <c r="AA2122">
        <v>107</v>
      </c>
      <c r="AB2122">
        <v>49</v>
      </c>
      <c r="AC2122">
        <v>110</v>
      </c>
      <c r="AD2122">
        <v>26</v>
      </c>
      <c r="AE2122">
        <v>123</v>
      </c>
      <c r="AF2122">
        <v>3650</v>
      </c>
      <c r="AG2122">
        <v>351653</v>
      </c>
      <c r="AH2122">
        <v>50000</v>
      </c>
      <c r="AI2122">
        <v>0</v>
      </c>
      <c r="AJ2122">
        <v>102</v>
      </c>
      <c r="AK2122" t="s">
        <v>8</v>
      </c>
      <c r="AL2122">
        <v>0</v>
      </c>
      <c r="AM2122">
        <v>0</v>
      </c>
      <c r="AN2122">
        <v>0</v>
      </c>
      <c r="AO2122">
        <v>0</v>
      </c>
      <c r="AP2122">
        <v>0</v>
      </c>
      <c r="AQ2122">
        <v>0</v>
      </c>
      <c r="AR2122">
        <v>0</v>
      </c>
      <c r="AS2122">
        <v>0</v>
      </c>
      <c r="AT2122">
        <v>0</v>
      </c>
      <c r="AU2122">
        <v>0</v>
      </c>
      <c r="AV2122">
        <v>0</v>
      </c>
      <c r="AW2122">
        <v>0</v>
      </c>
      <c r="AX2122">
        <v>51892</v>
      </c>
      <c r="AY2122">
        <v>35</v>
      </c>
      <c r="AZ2122">
        <v>137</v>
      </c>
      <c r="BA2122">
        <v>6200</v>
      </c>
    </row>
    <row r="2123" spans="1:53" x14ac:dyDescent="0.4">
      <c r="A2123">
        <v>2167</v>
      </c>
      <c r="B2123" s="1">
        <v>43506</v>
      </c>
      <c r="C2123">
        <v>1</v>
      </c>
      <c r="D2123" s="1">
        <v>43506.291666666664</v>
      </c>
      <c r="E2123" s="1">
        <v>43506.408333333333</v>
      </c>
      <c r="F2123">
        <v>0</v>
      </c>
      <c r="G2123">
        <v>0</v>
      </c>
      <c r="H2123">
        <v>0</v>
      </c>
      <c r="I2123">
        <v>0</v>
      </c>
      <c r="J2123">
        <v>0</v>
      </c>
      <c r="K2123">
        <v>0</v>
      </c>
      <c r="L2123">
        <v>0</v>
      </c>
      <c r="M2123">
        <v>0</v>
      </c>
      <c r="N2123">
        <v>0</v>
      </c>
      <c r="O2123">
        <v>0</v>
      </c>
      <c r="P2123">
        <v>0</v>
      </c>
      <c r="Q2123">
        <v>0</v>
      </c>
      <c r="R2123">
        <v>0</v>
      </c>
      <c r="S2123">
        <v>0</v>
      </c>
      <c r="T2123">
        <v>0</v>
      </c>
      <c r="U2123">
        <v>0</v>
      </c>
      <c r="V2123">
        <v>0</v>
      </c>
      <c r="W2123">
        <v>0</v>
      </c>
      <c r="X2123">
        <v>0</v>
      </c>
      <c r="Y2123">
        <v>31</v>
      </c>
      <c r="Z2123">
        <v>12</v>
      </c>
      <c r="AA2123">
        <v>93</v>
      </c>
      <c r="AB2123">
        <v>48</v>
      </c>
      <c r="AC2123">
        <v>107</v>
      </c>
      <c r="AD2123">
        <v>22</v>
      </c>
      <c r="AE2123">
        <v>120</v>
      </c>
      <c r="AF2123">
        <v>0</v>
      </c>
      <c r="AG2123">
        <v>50000</v>
      </c>
      <c r="AH2123">
        <v>50000</v>
      </c>
      <c r="AI2123">
        <v>0</v>
      </c>
      <c r="AJ2123">
        <v>0</v>
      </c>
      <c r="AK2123" t="s">
        <v>6</v>
      </c>
      <c r="AL2123">
        <v>0</v>
      </c>
      <c r="AM2123">
        <v>0</v>
      </c>
      <c r="AN2123">
        <v>0</v>
      </c>
      <c r="AO2123">
        <v>0</v>
      </c>
      <c r="AP2123">
        <v>0</v>
      </c>
      <c r="AQ2123">
        <v>0</v>
      </c>
      <c r="AR2123">
        <v>0</v>
      </c>
      <c r="AS2123">
        <v>0</v>
      </c>
      <c r="AT2123">
        <v>0</v>
      </c>
      <c r="AU2123">
        <v>0</v>
      </c>
      <c r="AV2123">
        <v>0</v>
      </c>
      <c r="AW2123">
        <v>0</v>
      </c>
      <c r="AX2123">
        <v>0</v>
      </c>
      <c r="AY2123">
        <v>0</v>
      </c>
      <c r="AZ2123">
        <v>0</v>
      </c>
      <c r="BA2123">
        <v>0</v>
      </c>
    </row>
    <row r="2124" spans="1:53" x14ac:dyDescent="0.4">
      <c r="A2124">
        <v>2168</v>
      </c>
      <c r="B2124" s="1">
        <v>43506</v>
      </c>
      <c r="C2124">
        <v>2</v>
      </c>
      <c r="D2124" s="1">
        <v>43506.408333333333</v>
      </c>
      <c r="E2124" s="1">
        <v>43506.736111111109</v>
      </c>
      <c r="F2124">
        <v>45000</v>
      </c>
      <c r="G2124">
        <v>14310</v>
      </c>
      <c r="H2124">
        <v>0</v>
      </c>
      <c r="I2124">
        <v>0</v>
      </c>
      <c r="J2124">
        <v>0</v>
      </c>
      <c r="K2124">
        <v>0</v>
      </c>
      <c r="L2124">
        <v>0</v>
      </c>
      <c r="M2124">
        <v>4744</v>
      </c>
      <c r="N2124">
        <v>0</v>
      </c>
      <c r="O2124">
        <v>0</v>
      </c>
      <c r="P2124">
        <v>22140</v>
      </c>
      <c r="Q2124">
        <v>0</v>
      </c>
      <c r="R2124">
        <v>86194</v>
      </c>
      <c r="S2124">
        <v>0</v>
      </c>
      <c r="T2124">
        <v>0</v>
      </c>
      <c r="U2124">
        <v>0</v>
      </c>
      <c r="V2124">
        <v>1</v>
      </c>
      <c r="W2124">
        <v>0</v>
      </c>
      <c r="X2124">
        <v>0</v>
      </c>
      <c r="Y2124">
        <v>38</v>
      </c>
      <c r="Z2124">
        <v>31</v>
      </c>
      <c r="AA2124">
        <v>145</v>
      </c>
      <c r="AB2124">
        <v>50</v>
      </c>
      <c r="AC2124">
        <v>168</v>
      </c>
      <c r="AD2124">
        <v>22</v>
      </c>
      <c r="AE2124">
        <v>120</v>
      </c>
      <c r="AF2124">
        <v>53784</v>
      </c>
      <c r="AG2124">
        <v>136194</v>
      </c>
      <c r="AH2124">
        <v>50000</v>
      </c>
      <c r="AI2124">
        <v>0</v>
      </c>
      <c r="AJ2124">
        <v>90</v>
      </c>
      <c r="AK2124" t="s">
        <v>24</v>
      </c>
      <c r="AL2124">
        <v>0</v>
      </c>
      <c r="AM2124">
        <v>0</v>
      </c>
      <c r="AN2124">
        <v>0</v>
      </c>
      <c r="AO2124">
        <v>0</v>
      </c>
      <c r="AP2124">
        <v>0</v>
      </c>
      <c r="AQ2124">
        <v>0</v>
      </c>
      <c r="AR2124">
        <v>0</v>
      </c>
      <c r="AS2124">
        <v>0</v>
      </c>
      <c r="AT2124">
        <v>0</v>
      </c>
      <c r="AU2124">
        <v>0</v>
      </c>
      <c r="AV2124">
        <v>0</v>
      </c>
      <c r="AW2124">
        <v>0</v>
      </c>
      <c r="AX2124">
        <v>0</v>
      </c>
      <c r="AY2124">
        <v>50</v>
      </c>
      <c r="AZ2124">
        <v>125</v>
      </c>
      <c r="BA2124">
        <v>7324</v>
      </c>
    </row>
    <row r="2125" spans="1:53" x14ac:dyDescent="0.4">
      <c r="A2125">
        <v>2169</v>
      </c>
      <c r="B2125" s="1">
        <v>43506</v>
      </c>
      <c r="C2125">
        <v>3</v>
      </c>
      <c r="D2125" s="1">
        <v>43506.736111111109</v>
      </c>
      <c r="E2125" s="1">
        <v>43506.974305555559</v>
      </c>
      <c r="F2125">
        <v>59500</v>
      </c>
      <c r="G2125">
        <v>2200</v>
      </c>
      <c r="H2125">
        <v>200</v>
      </c>
      <c r="I2125">
        <v>0</v>
      </c>
      <c r="J2125">
        <v>800</v>
      </c>
      <c r="K2125">
        <v>0</v>
      </c>
      <c r="L2125">
        <v>0</v>
      </c>
      <c r="M2125">
        <v>4887</v>
      </c>
      <c r="N2125">
        <v>0</v>
      </c>
      <c r="O2125">
        <v>0</v>
      </c>
      <c r="P2125">
        <v>-22140</v>
      </c>
      <c r="Q2125">
        <v>0</v>
      </c>
      <c r="R2125">
        <v>43847</v>
      </c>
      <c r="S2125">
        <v>0</v>
      </c>
      <c r="T2125">
        <v>0</v>
      </c>
      <c r="U2125">
        <v>0</v>
      </c>
      <c r="V2125">
        <v>3</v>
      </c>
      <c r="W2125">
        <v>1</v>
      </c>
      <c r="X2125">
        <v>0</v>
      </c>
      <c r="Y2125">
        <v>56</v>
      </c>
      <c r="Z2125">
        <v>34</v>
      </c>
      <c r="AA2125">
        <v>138</v>
      </c>
      <c r="AB2125">
        <v>50</v>
      </c>
      <c r="AC2125">
        <v>173</v>
      </c>
      <c r="AD2125">
        <v>19</v>
      </c>
      <c r="AE2125">
        <v>132</v>
      </c>
      <c r="AF2125">
        <v>53784</v>
      </c>
      <c r="AG2125">
        <v>180041</v>
      </c>
      <c r="AH2125">
        <v>50000</v>
      </c>
      <c r="AI2125">
        <v>0</v>
      </c>
      <c r="AJ2125">
        <v>102</v>
      </c>
      <c r="AK2125" t="s">
        <v>8</v>
      </c>
      <c r="AL2125">
        <v>0</v>
      </c>
      <c r="AM2125">
        <v>0</v>
      </c>
      <c r="AN2125">
        <v>0</v>
      </c>
      <c r="AO2125">
        <v>0</v>
      </c>
      <c r="AP2125">
        <v>0</v>
      </c>
      <c r="AQ2125">
        <v>0</v>
      </c>
      <c r="AR2125">
        <v>0</v>
      </c>
      <c r="AS2125">
        <v>0</v>
      </c>
      <c r="AT2125">
        <v>0</v>
      </c>
      <c r="AU2125">
        <v>0</v>
      </c>
      <c r="AV2125">
        <v>0</v>
      </c>
      <c r="AW2125">
        <v>0</v>
      </c>
      <c r="AX2125">
        <v>33534</v>
      </c>
      <c r="AY2125">
        <v>17</v>
      </c>
      <c r="AZ2125">
        <v>49</v>
      </c>
      <c r="BA2125">
        <v>3311</v>
      </c>
    </row>
    <row r="2126" spans="1:53" x14ac:dyDescent="0.4">
      <c r="A2126">
        <v>2170</v>
      </c>
      <c r="B2126" s="1">
        <v>43506</v>
      </c>
      <c r="C2126">
        <v>4</v>
      </c>
      <c r="D2126" s="1">
        <v>43506.974305555559</v>
      </c>
      <c r="E2126" s="1">
        <v>43507.074305555558</v>
      </c>
      <c r="F2126">
        <v>24000</v>
      </c>
      <c r="G2126">
        <v>420</v>
      </c>
      <c r="H2126">
        <v>200</v>
      </c>
      <c r="I2126">
        <v>0</v>
      </c>
      <c r="J2126">
        <v>0</v>
      </c>
      <c r="K2126">
        <v>0</v>
      </c>
      <c r="L2126">
        <v>0</v>
      </c>
      <c r="M2126">
        <v>1970</v>
      </c>
      <c r="N2126">
        <v>0</v>
      </c>
      <c r="O2126">
        <v>0</v>
      </c>
      <c r="P2126">
        <v>15984</v>
      </c>
      <c r="Q2126">
        <v>0</v>
      </c>
      <c r="R2126">
        <v>42574</v>
      </c>
      <c r="S2126">
        <v>0</v>
      </c>
      <c r="T2126">
        <v>0</v>
      </c>
      <c r="U2126">
        <v>0</v>
      </c>
      <c r="V2126">
        <v>7</v>
      </c>
      <c r="W2126">
        <v>0</v>
      </c>
      <c r="X2126">
        <v>0</v>
      </c>
      <c r="Y2126">
        <v>51</v>
      </c>
      <c r="Z2126">
        <v>35</v>
      </c>
      <c r="AA2126">
        <v>141</v>
      </c>
      <c r="AB2126">
        <v>50</v>
      </c>
      <c r="AC2126">
        <v>184</v>
      </c>
      <c r="AD2126">
        <v>18</v>
      </c>
      <c r="AE2126">
        <v>137</v>
      </c>
      <c r="AF2126">
        <v>65448</v>
      </c>
      <c r="AG2126">
        <v>222615</v>
      </c>
      <c r="AH2126">
        <v>50000</v>
      </c>
      <c r="AI2126">
        <v>0</v>
      </c>
      <c r="AJ2126">
        <v>99</v>
      </c>
      <c r="AK2126" t="s">
        <v>9</v>
      </c>
      <c r="AL2126">
        <v>0</v>
      </c>
      <c r="AM2126">
        <v>0</v>
      </c>
      <c r="AN2126">
        <v>0</v>
      </c>
      <c r="AO2126">
        <v>0</v>
      </c>
      <c r="AP2126">
        <v>0</v>
      </c>
      <c r="AQ2126">
        <v>0</v>
      </c>
      <c r="AR2126">
        <v>0</v>
      </c>
      <c r="AS2126">
        <v>0</v>
      </c>
      <c r="AT2126">
        <v>0</v>
      </c>
      <c r="AU2126">
        <v>0</v>
      </c>
      <c r="AV2126">
        <v>0</v>
      </c>
      <c r="AW2126">
        <v>0</v>
      </c>
      <c r="AX2126">
        <v>42120</v>
      </c>
      <c r="AY2126">
        <v>2</v>
      </c>
      <c r="AZ2126">
        <v>11</v>
      </c>
      <c r="BA2126">
        <v>659</v>
      </c>
    </row>
    <row r="2127" spans="1:53" x14ac:dyDescent="0.4">
      <c r="A2127">
        <v>2171</v>
      </c>
      <c r="B2127" s="1">
        <v>43507</v>
      </c>
      <c r="C2127">
        <v>1</v>
      </c>
      <c r="D2127" s="1">
        <v>43507.291666666664</v>
      </c>
      <c r="E2127" s="1">
        <v>43507.411111111112</v>
      </c>
      <c r="F2127">
        <v>0</v>
      </c>
      <c r="G2127">
        <v>0</v>
      </c>
      <c r="H2127">
        <v>0</v>
      </c>
      <c r="I2127">
        <v>0</v>
      </c>
      <c r="J2127">
        <v>0</v>
      </c>
      <c r="K2127">
        <v>0</v>
      </c>
      <c r="L2127">
        <v>0</v>
      </c>
      <c r="M2127">
        <v>0</v>
      </c>
      <c r="N2127">
        <v>0</v>
      </c>
      <c r="O2127">
        <v>0</v>
      </c>
      <c r="P2127">
        <v>0</v>
      </c>
      <c r="Q2127">
        <v>0</v>
      </c>
      <c r="R2127">
        <v>0</v>
      </c>
      <c r="S2127">
        <v>0</v>
      </c>
      <c r="T2127">
        <v>0</v>
      </c>
      <c r="U2127">
        <v>0</v>
      </c>
      <c r="V2127">
        <v>0</v>
      </c>
      <c r="W2127">
        <v>0</v>
      </c>
      <c r="X2127">
        <v>0</v>
      </c>
      <c r="Y2127">
        <v>27</v>
      </c>
      <c r="Z2127">
        <v>11</v>
      </c>
      <c r="AA2127">
        <v>137</v>
      </c>
      <c r="AB2127">
        <v>47</v>
      </c>
      <c r="AC2127">
        <v>124</v>
      </c>
      <c r="AD2127">
        <v>16</v>
      </c>
      <c r="AE2127">
        <v>130</v>
      </c>
      <c r="AF2127">
        <v>0</v>
      </c>
      <c r="AG2127">
        <v>50000</v>
      </c>
      <c r="AH2127">
        <v>0</v>
      </c>
      <c r="AI2127">
        <v>50000</v>
      </c>
      <c r="AJ2127">
        <v>0</v>
      </c>
      <c r="AK2127" t="s">
        <v>6</v>
      </c>
      <c r="AL2127">
        <v>0</v>
      </c>
      <c r="AM2127">
        <v>0</v>
      </c>
      <c r="AN2127">
        <v>0</v>
      </c>
      <c r="AO2127">
        <v>0</v>
      </c>
      <c r="AP2127">
        <v>0</v>
      </c>
      <c r="AQ2127">
        <v>0</v>
      </c>
      <c r="AR2127">
        <v>0</v>
      </c>
      <c r="AS2127">
        <v>0</v>
      </c>
      <c r="AT2127">
        <v>0</v>
      </c>
      <c r="AU2127">
        <v>0</v>
      </c>
      <c r="AV2127">
        <v>0</v>
      </c>
      <c r="AW2127">
        <v>0</v>
      </c>
      <c r="AX2127">
        <v>0</v>
      </c>
      <c r="AY2127">
        <v>0</v>
      </c>
      <c r="AZ2127">
        <v>0</v>
      </c>
      <c r="BA2127">
        <v>0</v>
      </c>
    </row>
    <row r="2128" spans="1:53" x14ac:dyDescent="0.4">
      <c r="A2128">
        <v>2172</v>
      </c>
      <c r="B2128" s="1">
        <v>43507</v>
      </c>
      <c r="C2128">
        <v>2</v>
      </c>
      <c r="D2128" s="1">
        <v>43507.411111111112</v>
      </c>
      <c r="E2128" s="1">
        <v>43507.728472222225</v>
      </c>
      <c r="F2128">
        <v>44500</v>
      </c>
      <c r="G2128">
        <v>3400</v>
      </c>
      <c r="H2128">
        <v>0</v>
      </c>
      <c r="I2128">
        <v>0</v>
      </c>
      <c r="J2128">
        <v>0</v>
      </c>
      <c r="K2128">
        <v>0</v>
      </c>
      <c r="L2128">
        <v>0</v>
      </c>
      <c r="M2128">
        <v>3831</v>
      </c>
      <c r="N2128">
        <v>0</v>
      </c>
      <c r="O2128">
        <v>0</v>
      </c>
      <c r="P2128">
        <v>21600</v>
      </c>
      <c r="Q2128">
        <v>0</v>
      </c>
      <c r="R2128">
        <v>73331</v>
      </c>
      <c r="S2128">
        <v>0</v>
      </c>
      <c r="T2128">
        <v>0</v>
      </c>
      <c r="U2128">
        <v>0</v>
      </c>
      <c r="V2128">
        <v>4</v>
      </c>
      <c r="W2128">
        <v>2</v>
      </c>
      <c r="X2128">
        <v>0</v>
      </c>
      <c r="Y2128">
        <v>32</v>
      </c>
      <c r="Z2128">
        <v>46</v>
      </c>
      <c r="AA2128">
        <v>140</v>
      </c>
      <c r="AB2128">
        <v>38</v>
      </c>
      <c r="AC2128">
        <v>219</v>
      </c>
      <c r="AD2128">
        <v>22</v>
      </c>
      <c r="AE2128">
        <v>131</v>
      </c>
      <c r="AF2128">
        <v>0</v>
      </c>
      <c r="AG2128">
        <v>123331</v>
      </c>
      <c r="AH2128">
        <v>50000</v>
      </c>
      <c r="AI2128">
        <v>0</v>
      </c>
      <c r="AJ2128">
        <v>96</v>
      </c>
      <c r="AK2128" t="s">
        <v>4</v>
      </c>
      <c r="AL2128">
        <v>0</v>
      </c>
      <c r="AM2128">
        <v>0</v>
      </c>
      <c r="AN2128">
        <v>0</v>
      </c>
      <c r="AO2128">
        <v>0</v>
      </c>
      <c r="AP2128">
        <v>0</v>
      </c>
      <c r="AQ2128">
        <v>0</v>
      </c>
      <c r="AR2128">
        <v>0</v>
      </c>
      <c r="AS2128">
        <v>0</v>
      </c>
      <c r="AT2128">
        <v>0</v>
      </c>
      <c r="AU2128">
        <v>0</v>
      </c>
      <c r="AV2128">
        <v>0</v>
      </c>
      <c r="AW2128">
        <v>0</v>
      </c>
      <c r="AX2128">
        <v>734</v>
      </c>
      <c r="AY2128">
        <v>50</v>
      </c>
      <c r="AZ2128">
        <v>122</v>
      </c>
      <c r="BA2128">
        <v>7380</v>
      </c>
    </row>
    <row r="2129" spans="1:53" x14ac:dyDescent="0.4">
      <c r="A2129">
        <v>2173</v>
      </c>
      <c r="B2129" s="1">
        <v>43507</v>
      </c>
      <c r="C2129">
        <v>3</v>
      </c>
      <c r="D2129" s="1">
        <v>43507.728472222225</v>
      </c>
      <c r="E2129" s="1">
        <v>43507.948611111111</v>
      </c>
      <c r="F2129">
        <v>26250</v>
      </c>
      <c r="G2129">
        <v>2020</v>
      </c>
      <c r="H2129">
        <v>0</v>
      </c>
      <c r="I2129">
        <v>0</v>
      </c>
      <c r="J2129">
        <v>0</v>
      </c>
      <c r="K2129">
        <v>0</v>
      </c>
      <c r="L2129">
        <v>0</v>
      </c>
      <c r="M2129">
        <v>2261</v>
      </c>
      <c r="N2129">
        <v>0</v>
      </c>
      <c r="O2129">
        <v>0</v>
      </c>
      <c r="P2129">
        <v>-17712</v>
      </c>
      <c r="Q2129">
        <v>0</v>
      </c>
      <c r="R2129">
        <v>12819</v>
      </c>
      <c r="S2129">
        <v>0</v>
      </c>
      <c r="T2129">
        <v>0</v>
      </c>
      <c r="U2129">
        <v>0</v>
      </c>
      <c r="V2129">
        <v>4</v>
      </c>
      <c r="W2129">
        <v>2</v>
      </c>
      <c r="X2129">
        <v>0</v>
      </c>
      <c r="Y2129">
        <v>45</v>
      </c>
      <c r="Z2129">
        <v>45</v>
      </c>
      <c r="AA2129">
        <v>143</v>
      </c>
      <c r="AB2129">
        <v>38</v>
      </c>
      <c r="AC2129">
        <v>223</v>
      </c>
      <c r="AD2129">
        <v>19</v>
      </c>
      <c r="AE2129">
        <v>124</v>
      </c>
      <c r="AF2129">
        <v>0</v>
      </c>
      <c r="AG2129">
        <v>136149</v>
      </c>
      <c r="AH2129">
        <v>50000</v>
      </c>
      <c r="AI2129">
        <v>-1</v>
      </c>
      <c r="AJ2129">
        <v>99</v>
      </c>
      <c r="AK2129" t="s">
        <v>9</v>
      </c>
      <c r="AL2129">
        <v>0</v>
      </c>
      <c r="AM2129">
        <v>0</v>
      </c>
      <c r="AN2129">
        <v>0</v>
      </c>
      <c r="AO2129">
        <v>0</v>
      </c>
      <c r="AP2129">
        <v>0</v>
      </c>
      <c r="AQ2129">
        <v>0</v>
      </c>
      <c r="AR2129">
        <v>0</v>
      </c>
      <c r="AS2129">
        <v>0</v>
      </c>
      <c r="AT2129">
        <v>0</v>
      </c>
      <c r="AU2129">
        <v>0</v>
      </c>
      <c r="AV2129">
        <v>0</v>
      </c>
      <c r="AW2129">
        <v>0</v>
      </c>
      <c r="AX2129">
        <v>27346</v>
      </c>
      <c r="AY2129">
        <v>12</v>
      </c>
      <c r="AZ2129">
        <v>33</v>
      </c>
      <c r="BA2129">
        <v>3188</v>
      </c>
    </row>
    <row r="2130" spans="1:53" x14ac:dyDescent="0.4">
      <c r="A2130">
        <v>2174</v>
      </c>
      <c r="B2130" s="1">
        <v>43508</v>
      </c>
      <c r="C2130">
        <v>1</v>
      </c>
      <c r="D2130" s="1">
        <v>43508.291666666664</v>
      </c>
      <c r="E2130" s="1">
        <v>43508.436805555553</v>
      </c>
      <c r="F2130">
        <v>0</v>
      </c>
      <c r="G2130">
        <v>0</v>
      </c>
      <c r="H2130">
        <v>0</v>
      </c>
      <c r="I2130">
        <v>0</v>
      </c>
      <c r="J2130">
        <v>0</v>
      </c>
      <c r="K2130">
        <v>0</v>
      </c>
      <c r="L2130">
        <v>0</v>
      </c>
      <c r="M2130">
        <v>0</v>
      </c>
      <c r="N2130">
        <v>0</v>
      </c>
      <c r="O2130">
        <v>0</v>
      </c>
      <c r="P2130">
        <v>0</v>
      </c>
      <c r="Q2130">
        <v>0</v>
      </c>
      <c r="R2130">
        <v>0</v>
      </c>
      <c r="S2130">
        <v>0</v>
      </c>
      <c r="T2130">
        <v>0</v>
      </c>
      <c r="U2130">
        <v>0</v>
      </c>
      <c r="V2130">
        <v>0</v>
      </c>
      <c r="W2130">
        <v>0</v>
      </c>
      <c r="X2130">
        <v>0</v>
      </c>
      <c r="Y2130">
        <v>30</v>
      </c>
      <c r="Z2130">
        <v>12</v>
      </c>
      <c r="AA2130">
        <v>107</v>
      </c>
      <c r="AB2130">
        <v>40</v>
      </c>
      <c r="AC2130">
        <v>110</v>
      </c>
      <c r="AD2130">
        <v>16</v>
      </c>
      <c r="AE2130">
        <v>120</v>
      </c>
      <c r="AF2130">
        <v>0</v>
      </c>
      <c r="AG2130">
        <v>50000</v>
      </c>
      <c r="AH2130">
        <v>50000</v>
      </c>
      <c r="AI2130">
        <v>0</v>
      </c>
      <c r="AJ2130">
        <v>0</v>
      </c>
      <c r="AK2130" t="s">
        <v>6</v>
      </c>
      <c r="AL2130">
        <v>0</v>
      </c>
      <c r="AM2130">
        <v>0</v>
      </c>
      <c r="AN2130">
        <v>0</v>
      </c>
      <c r="AO2130">
        <v>0</v>
      </c>
      <c r="AP2130">
        <v>0</v>
      </c>
      <c r="AQ2130">
        <v>0</v>
      </c>
      <c r="AR2130">
        <v>0</v>
      </c>
      <c r="AS2130">
        <v>0</v>
      </c>
      <c r="AT2130">
        <v>0</v>
      </c>
      <c r="AU2130">
        <v>0</v>
      </c>
      <c r="AV2130">
        <v>0</v>
      </c>
      <c r="AW2130">
        <v>0</v>
      </c>
      <c r="AX2130">
        <v>0</v>
      </c>
      <c r="AY2130">
        <v>0</v>
      </c>
      <c r="AZ2130">
        <v>0</v>
      </c>
      <c r="BA2130">
        <v>0</v>
      </c>
    </row>
    <row r="2131" spans="1:53" x14ac:dyDescent="0.4">
      <c r="A2131">
        <v>2175</v>
      </c>
      <c r="B2131" s="1">
        <v>43508</v>
      </c>
      <c r="C2131">
        <v>2</v>
      </c>
      <c r="D2131" s="1">
        <v>43508.436805555553</v>
      </c>
      <c r="E2131" s="1">
        <v>43508.736111111109</v>
      </c>
      <c r="F2131">
        <v>16000</v>
      </c>
      <c r="G2131">
        <v>730</v>
      </c>
      <c r="H2131">
        <v>200</v>
      </c>
      <c r="I2131">
        <v>0</v>
      </c>
      <c r="J2131">
        <v>0</v>
      </c>
      <c r="K2131">
        <v>0</v>
      </c>
      <c r="L2131">
        <v>0</v>
      </c>
      <c r="M2131">
        <v>1354</v>
      </c>
      <c r="N2131">
        <v>0</v>
      </c>
      <c r="O2131">
        <v>0</v>
      </c>
      <c r="P2131">
        <v>21470</v>
      </c>
      <c r="Q2131">
        <v>0</v>
      </c>
      <c r="R2131">
        <v>39754</v>
      </c>
      <c r="S2131">
        <v>0</v>
      </c>
      <c r="T2131">
        <v>0</v>
      </c>
      <c r="U2131">
        <v>0</v>
      </c>
      <c r="V2131">
        <v>1</v>
      </c>
      <c r="W2131">
        <v>1</v>
      </c>
      <c r="X2131">
        <v>0</v>
      </c>
      <c r="Y2131">
        <v>48</v>
      </c>
      <c r="Z2131">
        <v>24</v>
      </c>
      <c r="AA2131">
        <v>104</v>
      </c>
      <c r="AB2131">
        <v>44</v>
      </c>
      <c r="AC2131">
        <v>141</v>
      </c>
      <c r="AD2131">
        <v>17</v>
      </c>
      <c r="AE2131">
        <v>119</v>
      </c>
      <c r="AF2131">
        <v>540</v>
      </c>
      <c r="AG2131">
        <v>89754</v>
      </c>
      <c r="AH2131">
        <v>50000</v>
      </c>
      <c r="AI2131">
        <v>0</v>
      </c>
      <c r="AJ2131">
        <v>35</v>
      </c>
      <c r="AL2131">
        <v>0</v>
      </c>
      <c r="AM2131">
        <v>0</v>
      </c>
      <c r="AN2131">
        <v>0</v>
      </c>
      <c r="AO2131">
        <v>0</v>
      </c>
      <c r="AP2131">
        <v>0</v>
      </c>
      <c r="AQ2131">
        <v>0</v>
      </c>
      <c r="AR2131">
        <v>0</v>
      </c>
      <c r="AS2131">
        <v>0</v>
      </c>
      <c r="AT2131">
        <v>0</v>
      </c>
      <c r="AU2131">
        <v>0</v>
      </c>
      <c r="AV2131">
        <v>0</v>
      </c>
      <c r="AW2131">
        <v>0</v>
      </c>
      <c r="AX2131">
        <v>-130</v>
      </c>
      <c r="AY2131">
        <v>38</v>
      </c>
      <c r="AZ2131">
        <v>71</v>
      </c>
      <c r="BA2131">
        <v>4790</v>
      </c>
    </row>
    <row r="2132" spans="1:53" x14ac:dyDescent="0.4">
      <c r="A2132">
        <v>2176</v>
      </c>
      <c r="B2132" s="1">
        <v>43508</v>
      </c>
      <c r="C2132">
        <v>3</v>
      </c>
      <c r="D2132" s="1">
        <v>43508.736111111109</v>
      </c>
      <c r="E2132" s="1">
        <v>43508.95208333333</v>
      </c>
      <c r="F2132">
        <v>45000</v>
      </c>
      <c r="G2132">
        <v>1440</v>
      </c>
      <c r="H2132">
        <v>0</v>
      </c>
      <c r="I2132">
        <v>0</v>
      </c>
      <c r="J2132">
        <v>0</v>
      </c>
      <c r="K2132">
        <v>0</v>
      </c>
      <c r="L2132">
        <v>0</v>
      </c>
      <c r="M2132">
        <v>3714</v>
      </c>
      <c r="N2132">
        <v>0</v>
      </c>
      <c r="O2132">
        <v>0</v>
      </c>
      <c r="P2132">
        <v>-18878</v>
      </c>
      <c r="Q2132">
        <v>0</v>
      </c>
      <c r="R2132">
        <v>31276</v>
      </c>
      <c r="S2132">
        <v>0</v>
      </c>
      <c r="T2132">
        <v>0</v>
      </c>
      <c r="U2132">
        <v>0</v>
      </c>
      <c r="V2132">
        <v>1</v>
      </c>
      <c r="W2132">
        <v>1</v>
      </c>
      <c r="X2132">
        <v>0</v>
      </c>
      <c r="Y2132">
        <v>61</v>
      </c>
      <c r="Z2132">
        <v>25</v>
      </c>
      <c r="AA2132">
        <v>119</v>
      </c>
      <c r="AB2132">
        <v>44</v>
      </c>
      <c r="AC2132">
        <v>149</v>
      </c>
      <c r="AD2132">
        <v>16</v>
      </c>
      <c r="AE2132">
        <v>120</v>
      </c>
      <c r="AF2132">
        <v>16740</v>
      </c>
      <c r="AG2132">
        <v>121030</v>
      </c>
      <c r="AH2132">
        <v>50000</v>
      </c>
      <c r="AI2132">
        <v>0</v>
      </c>
      <c r="AJ2132">
        <v>106</v>
      </c>
      <c r="AK2132" t="s">
        <v>29</v>
      </c>
      <c r="AL2132">
        <v>0</v>
      </c>
      <c r="AM2132">
        <v>0</v>
      </c>
      <c r="AN2132">
        <v>0</v>
      </c>
      <c r="AO2132">
        <v>0</v>
      </c>
      <c r="AP2132">
        <v>0</v>
      </c>
      <c r="AQ2132">
        <v>0</v>
      </c>
      <c r="AR2132">
        <v>0</v>
      </c>
      <c r="AS2132">
        <v>0</v>
      </c>
      <c r="AT2132">
        <v>0</v>
      </c>
      <c r="AU2132">
        <v>0</v>
      </c>
      <c r="AV2132">
        <v>0</v>
      </c>
      <c r="AW2132">
        <v>0</v>
      </c>
      <c r="AX2132">
        <v>4860</v>
      </c>
      <c r="AY2132">
        <v>11</v>
      </c>
      <c r="AZ2132">
        <v>35</v>
      </c>
      <c r="BA2132">
        <v>2723</v>
      </c>
    </row>
    <row r="2133" spans="1:53" x14ac:dyDescent="0.4">
      <c r="A2133">
        <v>2177</v>
      </c>
      <c r="B2133" s="1">
        <v>43509</v>
      </c>
      <c r="C2133">
        <v>1</v>
      </c>
      <c r="D2133" s="1">
        <v>43509.291666666664</v>
      </c>
      <c r="E2133" s="1">
        <v>43509.447916666664</v>
      </c>
      <c r="F2133">
        <v>0</v>
      </c>
      <c r="G2133">
        <v>0</v>
      </c>
      <c r="H2133">
        <v>0</v>
      </c>
      <c r="I2133">
        <v>0</v>
      </c>
      <c r="J2133">
        <v>0</v>
      </c>
      <c r="K2133">
        <v>0</v>
      </c>
      <c r="L2133">
        <v>0</v>
      </c>
      <c r="M2133">
        <v>0</v>
      </c>
      <c r="N2133">
        <v>0</v>
      </c>
      <c r="O2133">
        <v>0</v>
      </c>
      <c r="P2133">
        <v>0</v>
      </c>
      <c r="Q2133">
        <v>0</v>
      </c>
      <c r="R2133">
        <v>0</v>
      </c>
      <c r="S2133">
        <v>0</v>
      </c>
      <c r="T2133">
        <v>0</v>
      </c>
      <c r="U2133">
        <v>0</v>
      </c>
      <c r="V2133">
        <v>0</v>
      </c>
      <c r="W2133">
        <v>0</v>
      </c>
      <c r="X2133">
        <v>0</v>
      </c>
      <c r="Y2133">
        <v>20</v>
      </c>
      <c r="Z2133">
        <v>28</v>
      </c>
      <c r="AA2133">
        <v>119</v>
      </c>
      <c r="AB2133">
        <v>45</v>
      </c>
      <c r="AC2133">
        <v>164</v>
      </c>
      <c r="AD2133">
        <v>18</v>
      </c>
      <c r="AE2133">
        <v>120</v>
      </c>
      <c r="AF2133">
        <v>0</v>
      </c>
      <c r="AG2133">
        <v>50000</v>
      </c>
      <c r="AH2133">
        <v>50000</v>
      </c>
      <c r="AI2133">
        <v>0</v>
      </c>
      <c r="AJ2133">
        <v>0</v>
      </c>
      <c r="AK2133" t="s">
        <v>6</v>
      </c>
      <c r="AL2133">
        <v>0</v>
      </c>
      <c r="AM2133">
        <v>0</v>
      </c>
      <c r="AN2133">
        <v>0</v>
      </c>
      <c r="AO2133">
        <v>0</v>
      </c>
      <c r="AP2133">
        <v>0</v>
      </c>
      <c r="AQ2133">
        <v>0</v>
      </c>
      <c r="AR2133">
        <v>0</v>
      </c>
      <c r="AS2133">
        <v>0</v>
      </c>
      <c r="AT2133">
        <v>0</v>
      </c>
      <c r="AU2133">
        <v>0</v>
      </c>
      <c r="AV2133">
        <v>0</v>
      </c>
      <c r="AW2133">
        <v>0</v>
      </c>
      <c r="AX2133">
        <v>0</v>
      </c>
      <c r="AY2133">
        <v>0</v>
      </c>
      <c r="AZ2133">
        <v>0</v>
      </c>
      <c r="BA2133">
        <v>0</v>
      </c>
    </row>
    <row r="2134" spans="1:53" x14ac:dyDescent="0.4">
      <c r="A2134">
        <v>2178</v>
      </c>
      <c r="B2134" s="1">
        <v>43509</v>
      </c>
      <c r="C2134">
        <v>2</v>
      </c>
      <c r="D2134" s="1">
        <v>43509.447916666664</v>
      </c>
      <c r="E2134" s="1">
        <v>43509.731249999997</v>
      </c>
      <c r="F2134">
        <v>12500</v>
      </c>
      <c r="G2134">
        <v>680</v>
      </c>
      <c r="H2134">
        <v>0</v>
      </c>
      <c r="I2134">
        <v>0</v>
      </c>
      <c r="J2134">
        <v>0</v>
      </c>
      <c r="K2134">
        <v>0</v>
      </c>
      <c r="L2134">
        <v>0</v>
      </c>
      <c r="M2134">
        <v>1054</v>
      </c>
      <c r="N2134">
        <v>0</v>
      </c>
      <c r="O2134">
        <v>0</v>
      </c>
      <c r="P2134">
        <v>17820</v>
      </c>
      <c r="Q2134">
        <v>0</v>
      </c>
      <c r="R2134">
        <v>32054</v>
      </c>
      <c r="S2134">
        <v>0</v>
      </c>
      <c r="T2134">
        <v>0</v>
      </c>
      <c r="U2134">
        <v>0</v>
      </c>
      <c r="V2134">
        <v>1</v>
      </c>
      <c r="W2134">
        <v>0</v>
      </c>
      <c r="X2134">
        <v>0</v>
      </c>
      <c r="Y2134">
        <v>33</v>
      </c>
      <c r="Z2134">
        <v>40</v>
      </c>
      <c r="AA2134">
        <v>145</v>
      </c>
      <c r="AB2134">
        <v>45</v>
      </c>
      <c r="AC2134">
        <v>208</v>
      </c>
      <c r="AD2134">
        <v>21</v>
      </c>
      <c r="AE2134">
        <v>119</v>
      </c>
      <c r="AF2134">
        <v>0</v>
      </c>
      <c r="AG2134">
        <v>82054</v>
      </c>
      <c r="AH2134">
        <v>50000</v>
      </c>
      <c r="AI2134">
        <v>0</v>
      </c>
      <c r="AJ2134">
        <v>74</v>
      </c>
      <c r="AL2134">
        <v>0</v>
      </c>
      <c r="AM2134">
        <v>0</v>
      </c>
      <c r="AN2134">
        <v>0</v>
      </c>
      <c r="AO2134">
        <v>0</v>
      </c>
      <c r="AP2134">
        <v>0</v>
      </c>
      <c r="AQ2134">
        <v>0</v>
      </c>
      <c r="AR2134">
        <v>0</v>
      </c>
      <c r="AS2134">
        <v>0</v>
      </c>
      <c r="AT2134">
        <v>0</v>
      </c>
      <c r="AU2134">
        <v>0</v>
      </c>
      <c r="AV2134">
        <v>0</v>
      </c>
      <c r="AW2134">
        <v>0</v>
      </c>
      <c r="AX2134">
        <v>-1080</v>
      </c>
      <c r="AY2134">
        <v>29</v>
      </c>
      <c r="AZ2134">
        <v>56</v>
      </c>
      <c r="BA2134">
        <v>3933</v>
      </c>
    </row>
    <row r="2135" spans="1:53" x14ac:dyDescent="0.4">
      <c r="A2135">
        <v>2179</v>
      </c>
      <c r="B2135" s="1">
        <v>43509</v>
      </c>
      <c r="C2135">
        <v>3</v>
      </c>
      <c r="D2135" s="1">
        <v>43509.731249999997</v>
      </c>
      <c r="E2135" s="1">
        <v>43509.953472222223</v>
      </c>
      <c r="F2135">
        <v>46620</v>
      </c>
      <c r="G2135">
        <v>4060</v>
      </c>
      <c r="H2135">
        <v>0</v>
      </c>
      <c r="I2135">
        <v>0</v>
      </c>
      <c r="J2135">
        <v>0</v>
      </c>
      <c r="K2135">
        <v>0</v>
      </c>
      <c r="L2135">
        <v>0</v>
      </c>
      <c r="M2135">
        <v>4055</v>
      </c>
      <c r="N2135">
        <v>0</v>
      </c>
      <c r="O2135">
        <v>0</v>
      </c>
      <c r="P2135">
        <v>-17820</v>
      </c>
      <c r="Q2135">
        <v>0</v>
      </c>
      <c r="R2135">
        <v>36915</v>
      </c>
      <c r="S2135">
        <v>0</v>
      </c>
      <c r="T2135">
        <v>0</v>
      </c>
      <c r="U2135">
        <v>0</v>
      </c>
      <c r="V2135">
        <v>5</v>
      </c>
      <c r="W2135">
        <v>1</v>
      </c>
      <c r="X2135">
        <v>0</v>
      </c>
      <c r="Y2135">
        <v>16</v>
      </c>
      <c r="Z2135">
        <v>42</v>
      </c>
      <c r="AA2135">
        <v>154</v>
      </c>
      <c r="AB2135">
        <v>53</v>
      </c>
      <c r="AC2135">
        <v>207</v>
      </c>
      <c r="AD2135">
        <v>22</v>
      </c>
      <c r="AE2135">
        <v>111</v>
      </c>
      <c r="AF2135">
        <v>6628</v>
      </c>
      <c r="AG2135">
        <v>118969</v>
      </c>
      <c r="AH2135">
        <v>50000</v>
      </c>
      <c r="AI2135">
        <v>0</v>
      </c>
      <c r="AJ2135">
        <v>108</v>
      </c>
      <c r="AK2135" t="s">
        <v>30</v>
      </c>
      <c r="AL2135">
        <v>0</v>
      </c>
      <c r="AM2135">
        <v>0</v>
      </c>
      <c r="AN2135">
        <v>0</v>
      </c>
      <c r="AO2135">
        <v>0</v>
      </c>
      <c r="AP2135">
        <v>0</v>
      </c>
      <c r="AQ2135">
        <v>0</v>
      </c>
      <c r="AR2135">
        <v>0</v>
      </c>
      <c r="AS2135">
        <v>0</v>
      </c>
      <c r="AT2135">
        <v>0</v>
      </c>
      <c r="AU2135">
        <v>0</v>
      </c>
      <c r="AV2135">
        <v>0</v>
      </c>
      <c r="AW2135">
        <v>0</v>
      </c>
      <c r="AX2135">
        <v>15422</v>
      </c>
      <c r="AY2135">
        <v>15</v>
      </c>
      <c r="AZ2135">
        <v>39</v>
      </c>
      <c r="BA2135">
        <v>3101</v>
      </c>
    </row>
    <row r="2136" spans="1:53" x14ac:dyDescent="0.4">
      <c r="A2136">
        <v>2180</v>
      </c>
      <c r="B2136" s="1">
        <v>43509</v>
      </c>
      <c r="C2136">
        <v>4</v>
      </c>
      <c r="D2136" s="1">
        <v>43509.953472222223</v>
      </c>
      <c r="E2136" s="1">
        <v>43510.077777777777</v>
      </c>
      <c r="F2136">
        <v>22680</v>
      </c>
      <c r="G2136">
        <v>0</v>
      </c>
      <c r="H2136">
        <v>200</v>
      </c>
      <c r="I2136">
        <v>0</v>
      </c>
      <c r="J2136">
        <v>0</v>
      </c>
      <c r="K2136">
        <v>0</v>
      </c>
      <c r="L2136">
        <v>0</v>
      </c>
      <c r="M2136">
        <v>1831</v>
      </c>
      <c r="N2136">
        <v>0</v>
      </c>
      <c r="O2136">
        <v>0</v>
      </c>
      <c r="P2136">
        <v>6264</v>
      </c>
      <c r="Q2136">
        <v>0</v>
      </c>
      <c r="R2136">
        <v>30975</v>
      </c>
      <c r="S2136">
        <v>0</v>
      </c>
      <c r="T2136">
        <v>0</v>
      </c>
      <c r="U2136">
        <v>0</v>
      </c>
      <c r="V2136">
        <v>6</v>
      </c>
      <c r="W2136">
        <v>0</v>
      </c>
      <c r="X2136">
        <v>0</v>
      </c>
      <c r="Y2136">
        <v>33</v>
      </c>
      <c r="Z2136">
        <v>43</v>
      </c>
      <c r="AA2136">
        <v>110</v>
      </c>
      <c r="AB2136">
        <v>53</v>
      </c>
      <c r="AC2136">
        <v>199</v>
      </c>
      <c r="AD2136">
        <v>22</v>
      </c>
      <c r="AE2136">
        <v>106</v>
      </c>
      <c r="AF2136">
        <v>19588</v>
      </c>
      <c r="AG2136">
        <v>149944</v>
      </c>
      <c r="AH2136">
        <v>50000</v>
      </c>
      <c r="AI2136">
        <v>0</v>
      </c>
      <c r="AJ2136">
        <v>108</v>
      </c>
      <c r="AK2136" t="s">
        <v>30</v>
      </c>
      <c r="AL2136">
        <v>0</v>
      </c>
      <c r="AM2136">
        <v>0</v>
      </c>
      <c r="AN2136">
        <v>0</v>
      </c>
      <c r="AO2136">
        <v>0</v>
      </c>
      <c r="AP2136">
        <v>0</v>
      </c>
      <c r="AQ2136">
        <v>0</v>
      </c>
      <c r="AR2136">
        <v>0</v>
      </c>
      <c r="AS2136">
        <v>0</v>
      </c>
      <c r="AT2136">
        <v>0</v>
      </c>
      <c r="AU2136">
        <v>0</v>
      </c>
      <c r="AV2136">
        <v>0</v>
      </c>
      <c r="AW2136">
        <v>0</v>
      </c>
      <c r="AX2136">
        <v>454</v>
      </c>
      <c r="AY2136">
        <v>4</v>
      </c>
      <c r="AZ2136">
        <v>7</v>
      </c>
      <c r="BA2136">
        <v>480</v>
      </c>
    </row>
    <row r="2137" spans="1:53" x14ac:dyDescent="0.4">
      <c r="A2137">
        <v>2181</v>
      </c>
      <c r="B2137" s="1">
        <v>43510</v>
      </c>
      <c r="C2137">
        <v>1</v>
      </c>
      <c r="D2137" s="1">
        <v>43510.291666666664</v>
      </c>
      <c r="E2137" s="1">
        <v>43510.457638888889</v>
      </c>
      <c r="F2137">
        <v>0</v>
      </c>
      <c r="G2137">
        <v>0</v>
      </c>
      <c r="H2137">
        <v>0</v>
      </c>
      <c r="I2137">
        <v>0</v>
      </c>
      <c r="J2137">
        <v>0</v>
      </c>
      <c r="K2137">
        <v>0</v>
      </c>
      <c r="L2137">
        <v>0</v>
      </c>
      <c r="M2137">
        <v>0</v>
      </c>
      <c r="N2137">
        <v>0</v>
      </c>
      <c r="O2137">
        <v>0</v>
      </c>
      <c r="P2137">
        <v>0</v>
      </c>
      <c r="Q2137">
        <v>0</v>
      </c>
      <c r="R2137">
        <v>0</v>
      </c>
      <c r="S2137">
        <v>0</v>
      </c>
      <c r="T2137">
        <v>0</v>
      </c>
      <c r="U2137">
        <v>0</v>
      </c>
      <c r="V2137">
        <v>0</v>
      </c>
      <c r="W2137">
        <v>0</v>
      </c>
      <c r="X2137">
        <v>0</v>
      </c>
      <c r="Y2137">
        <v>30</v>
      </c>
      <c r="Z2137">
        <v>8</v>
      </c>
      <c r="AA2137">
        <v>120</v>
      </c>
      <c r="AB2137">
        <v>55</v>
      </c>
      <c r="AC2137">
        <v>104</v>
      </c>
      <c r="AD2137">
        <v>22</v>
      </c>
      <c r="AE2137">
        <v>100</v>
      </c>
      <c r="AF2137">
        <v>0</v>
      </c>
      <c r="AG2137">
        <v>50000</v>
      </c>
      <c r="AH2137">
        <v>0</v>
      </c>
      <c r="AI2137">
        <v>50000</v>
      </c>
      <c r="AJ2137">
        <v>0</v>
      </c>
      <c r="AK2137" t="s">
        <v>6</v>
      </c>
      <c r="AL2137">
        <v>0</v>
      </c>
      <c r="AM2137">
        <v>0</v>
      </c>
      <c r="AN2137">
        <v>0</v>
      </c>
      <c r="AO2137">
        <v>0</v>
      </c>
      <c r="AP2137">
        <v>0</v>
      </c>
      <c r="AQ2137">
        <v>0</v>
      </c>
      <c r="AR2137">
        <v>0</v>
      </c>
      <c r="AS2137">
        <v>0</v>
      </c>
      <c r="AT2137">
        <v>0</v>
      </c>
      <c r="AU2137">
        <v>0</v>
      </c>
      <c r="AV2137">
        <v>0</v>
      </c>
      <c r="AW2137">
        <v>0</v>
      </c>
      <c r="AX2137">
        <v>0</v>
      </c>
      <c r="AY2137">
        <v>0</v>
      </c>
      <c r="AZ2137">
        <v>0</v>
      </c>
      <c r="BA2137">
        <v>0</v>
      </c>
    </row>
    <row r="2138" spans="1:53" x14ac:dyDescent="0.4">
      <c r="A2138">
        <v>2182</v>
      </c>
      <c r="B2138" s="1">
        <v>43510</v>
      </c>
      <c r="C2138">
        <v>2</v>
      </c>
      <c r="D2138" s="1">
        <v>43510.457638888889</v>
      </c>
      <c r="E2138" s="1">
        <v>43510.739583333336</v>
      </c>
      <c r="F2138">
        <v>20000</v>
      </c>
      <c r="G2138">
        <v>1180</v>
      </c>
      <c r="H2138">
        <v>200</v>
      </c>
      <c r="I2138">
        <v>0</v>
      </c>
      <c r="J2138">
        <v>0</v>
      </c>
      <c r="K2138">
        <v>0</v>
      </c>
      <c r="L2138">
        <v>0</v>
      </c>
      <c r="M2138">
        <v>1710</v>
      </c>
      <c r="N2138">
        <v>0</v>
      </c>
      <c r="O2138">
        <v>0</v>
      </c>
      <c r="P2138">
        <v>14580</v>
      </c>
      <c r="Q2138">
        <v>0</v>
      </c>
      <c r="R2138">
        <v>37670</v>
      </c>
      <c r="S2138">
        <v>0</v>
      </c>
      <c r="T2138">
        <v>0</v>
      </c>
      <c r="U2138">
        <v>0</v>
      </c>
      <c r="V2138">
        <v>0</v>
      </c>
      <c r="W2138">
        <v>3</v>
      </c>
      <c r="X2138">
        <v>0</v>
      </c>
      <c r="Y2138">
        <v>40</v>
      </c>
      <c r="Z2138">
        <v>24</v>
      </c>
      <c r="AA2138">
        <v>127</v>
      </c>
      <c r="AB2138">
        <v>56</v>
      </c>
      <c r="AC2138">
        <v>161</v>
      </c>
      <c r="AD2138">
        <v>22</v>
      </c>
      <c r="AE2138">
        <v>107</v>
      </c>
      <c r="AF2138">
        <v>3343</v>
      </c>
      <c r="AG2138">
        <v>87670</v>
      </c>
      <c r="AH2138">
        <v>50000</v>
      </c>
      <c r="AI2138">
        <v>0</v>
      </c>
      <c r="AJ2138">
        <v>96</v>
      </c>
      <c r="AK2138" t="s">
        <v>4</v>
      </c>
      <c r="AL2138">
        <v>0</v>
      </c>
      <c r="AM2138">
        <v>0</v>
      </c>
      <c r="AN2138">
        <v>0</v>
      </c>
      <c r="AO2138">
        <v>0</v>
      </c>
      <c r="AP2138">
        <v>0</v>
      </c>
      <c r="AQ2138">
        <v>0</v>
      </c>
      <c r="AR2138">
        <v>0</v>
      </c>
      <c r="AS2138">
        <v>0</v>
      </c>
      <c r="AT2138">
        <v>0</v>
      </c>
      <c r="AU2138">
        <v>0</v>
      </c>
      <c r="AV2138">
        <v>0</v>
      </c>
      <c r="AW2138">
        <v>0</v>
      </c>
      <c r="AX2138">
        <v>-346</v>
      </c>
      <c r="AY2138">
        <v>37</v>
      </c>
      <c r="AZ2138">
        <v>67</v>
      </c>
      <c r="BA2138">
        <v>5242</v>
      </c>
    </row>
    <row r="2139" spans="1:53" x14ac:dyDescent="0.4">
      <c r="A2139">
        <v>2183</v>
      </c>
      <c r="B2139" s="1">
        <v>43510</v>
      </c>
      <c r="C2139">
        <v>3</v>
      </c>
      <c r="D2139" s="1">
        <v>43510.739583333336</v>
      </c>
      <c r="E2139" s="1">
        <v>43510.95416666667</v>
      </c>
      <c r="F2139">
        <v>19900</v>
      </c>
      <c r="G2139">
        <v>1630</v>
      </c>
      <c r="H2139">
        <v>0</v>
      </c>
      <c r="I2139">
        <v>0</v>
      </c>
      <c r="J2139">
        <v>0</v>
      </c>
      <c r="K2139">
        <v>0</v>
      </c>
      <c r="L2139">
        <v>0</v>
      </c>
      <c r="M2139">
        <v>1722</v>
      </c>
      <c r="N2139">
        <v>0</v>
      </c>
      <c r="O2139">
        <v>0</v>
      </c>
      <c r="P2139">
        <v>-11988</v>
      </c>
      <c r="Q2139">
        <v>0</v>
      </c>
      <c r="R2139">
        <v>11264</v>
      </c>
      <c r="S2139">
        <v>0</v>
      </c>
      <c r="T2139">
        <v>0</v>
      </c>
      <c r="U2139">
        <v>0</v>
      </c>
      <c r="V2139">
        <v>0</v>
      </c>
      <c r="W2139">
        <v>3</v>
      </c>
      <c r="X2139">
        <v>0</v>
      </c>
      <c r="Y2139">
        <v>51</v>
      </c>
      <c r="Z2139">
        <v>23</v>
      </c>
      <c r="AA2139">
        <v>133</v>
      </c>
      <c r="AB2139">
        <v>59</v>
      </c>
      <c r="AC2139">
        <v>163</v>
      </c>
      <c r="AD2139">
        <v>22</v>
      </c>
      <c r="AE2139">
        <v>101</v>
      </c>
      <c r="AF2139">
        <v>3343</v>
      </c>
      <c r="AG2139">
        <v>98934</v>
      </c>
      <c r="AH2139">
        <v>50000</v>
      </c>
      <c r="AI2139">
        <v>0</v>
      </c>
      <c r="AJ2139">
        <v>30</v>
      </c>
      <c r="AL2139">
        <v>0</v>
      </c>
      <c r="AM2139">
        <v>0</v>
      </c>
      <c r="AN2139">
        <v>0</v>
      </c>
      <c r="AO2139">
        <v>0</v>
      </c>
      <c r="AP2139">
        <v>0</v>
      </c>
      <c r="AQ2139">
        <v>0</v>
      </c>
      <c r="AR2139">
        <v>0</v>
      </c>
      <c r="AS2139">
        <v>0</v>
      </c>
      <c r="AT2139">
        <v>0</v>
      </c>
      <c r="AU2139">
        <v>0</v>
      </c>
      <c r="AV2139">
        <v>0</v>
      </c>
      <c r="AW2139">
        <v>0</v>
      </c>
      <c r="AX2139">
        <v>1080</v>
      </c>
      <c r="AY2139">
        <v>7</v>
      </c>
      <c r="AZ2139">
        <v>11</v>
      </c>
      <c r="BA2139">
        <v>1604</v>
      </c>
    </row>
    <row r="2140" spans="1:53" x14ac:dyDescent="0.4">
      <c r="A2140">
        <v>2184</v>
      </c>
      <c r="B2140" s="1">
        <v>43510</v>
      </c>
      <c r="C2140">
        <v>4</v>
      </c>
      <c r="D2140" s="1">
        <v>43510.95416666667</v>
      </c>
      <c r="E2140" s="1">
        <v>43511.083333333336</v>
      </c>
      <c r="F2140">
        <v>12720</v>
      </c>
      <c r="G2140">
        <v>0</v>
      </c>
      <c r="H2140">
        <v>200</v>
      </c>
      <c r="I2140">
        <v>0</v>
      </c>
      <c r="J2140">
        <v>0</v>
      </c>
      <c r="K2140">
        <v>0</v>
      </c>
      <c r="L2140">
        <v>0</v>
      </c>
      <c r="M2140">
        <v>1034</v>
      </c>
      <c r="N2140">
        <v>0</v>
      </c>
      <c r="O2140">
        <v>0</v>
      </c>
      <c r="P2140">
        <v>11016</v>
      </c>
      <c r="Q2140">
        <v>0</v>
      </c>
      <c r="R2140">
        <v>24970</v>
      </c>
      <c r="S2140">
        <v>0</v>
      </c>
      <c r="T2140">
        <v>0</v>
      </c>
      <c r="U2140">
        <v>0</v>
      </c>
      <c r="V2140">
        <v>2</v>
      </c>
      <c r="W2140">
        <v>2</v>
      </c>
      <c r="X2140">
        <v>0</v>
      </c>
      <c r="Y2140">
        <v>59</v>
      </c>
      <c r="Z2140">
        <v>27</v>
      </c>
      <c r="AA2140">
        <v>133</v>
      </c>
      <c r="AB2140">
        <v>59</v>
      </c>
      <c r="AC2140">
        <v>159</v>
      </c>
      <c r="AD2140">
        <v>22</v>
      </c>
      <c r="AE2140">
        <v>101</v>
      </c>
      <c r="AF2140">
        <v>3343</v>
      </c>
      <c r="AG2140">
        <v>123894</v>
      </c>
      <c r="AH2140">
        <v>50000</v>
      </c>
      <c r="AI2140">
        <v>-10</v>
      </c>
      <c r="AJ2140">
        <v>100</v>
      </c>
      <c r="AK2140" t="s">
        <v>0</v>
      </c>
      <c r="AL2140">
        <v>0</v>
      </c>
      <c r="AM2140">
        <v>0</v>
      </c>
      <c r="AN2140">
        <v>0</v>
      </c>
      <c r="AO2140">
        <v>0</v>
      </c>
      <c r="AP2140">
        <v>0</v>
      </c>
      <c r="AQ2140">
        <v>0</v>
      </c>
      <c r="AR2140">
        <v>0</v>
      </c>
      <c r="AS2140">
        <v>0</v>
      </c>
      <c r="AT2140">
        <v>0</v>
      </c>
      <c r="AU2140">
        <v>0</v>
      </c>
      <c r="AV2140">
        <v>0</v>
      </c>
      <c r="AW2140">
        <v>0</v>
      </c>
      <c r="AX2140">
        <v>0</v>
      </c>
      <c r="AY2140">
        <v>5</v>
      </c>
      <c r="AZ2140">
        <v>16</v>
      </c>
      <c r="BA2140">
        <v>629</v>
      </c>
    </row>
    <row r="2141" spans="1:53" x14ac:dyDescent="0.4">
      <c r="A2141">
        <v>2185</v>
      </c>
      <c r="B2141" s="1">
        <v>43511</v>
      </c>
      <c r="C2141">
        <v>1</v>
      </c>
      <c r="D2141" s="1">
        <v>43511.291666666664</v>
      </c>
      <c r="E2141" s="1">
        <v>43511.45208333333</v>
      </c>
      <c r="F2141">
        <v>0</v>
      </c>
      <c r="G2141">
        <v>0</v>
      </c>
      <c r="H2141">
        <v>0</v>
      </c>
      <c r="I2141">
        <v>0</v>
      </c>
      <c r="J2141">
        <v>0</v>
      </c>
      <c r="K2141">
        <v>0</v>
      </c>
      <c r="L2141">
        <v>0</v>
      </c>
      <c r="M2141">
        <v>0</v>
      </c>
      <c r="N2141">
        <v>0</v>
      </c>
      <c r="O2141">
        <v>0</v>
      </c>
      <c r="P2141">
        <v>0</v>
      </c>
      <c r="Q2141">
        <v>0</v>
      </c>
      <c r="R2141">
        <v>0</v>
      </c>
      <c r="S2141">
        <v>0</v>
      </c>
      <c r="T2141">
        <v>0</v>
      </c>
      <c r="U2141">
        <v>0</v>
      </c>
      <c r="V2141">
        <v>0</v>
      </c>
      <c r="W2141">
        <v>0</v>
      </c>
      <c r="X2141">
        <v>0</v>
      </c>
      <c r="Y2141">
        <v>27</v>
      </c>
      <c r="Z2141">
        <v>11</v>
      </c>
      <c r="AA2141">
        <v>133</v>
      </c>
      <c r="AB2141">
        <v>58</v>
      </c>
      <c r="AC2141">
        <v>109</v>
      </c>
      <c r="AD2141">
        <v>21</v>
      </c>
      <c r="AE2141">
        <v>105</v>
      </c>
      <c r="AF2141">
        <v>0</v>
      </c>
      <c r="AG2141">
        <v>50000</v>
      </c>
      <c r="AH2141">
        <v>0</v>
      </c>
      <c r="AI2141">
        <v>50000</v>
      </c>
      <c r="AJ2141">
        <v>0</v>
      </c>
      <c r="AK2141" t="s">
        <v>6</v>
      </c>
      <c r="AL2141">
        <v>0</v>
      </c>
      <c r="AM2141">
        <v>0</v>
      </c>
      <c r="AN2141">
        <v>0</v>
      </c>
      <c r="AO2141">
        <v>0</v>
      </c>
      <c r="AP2141">
        <v>0</v>
      </c>
      <c r="AQ2141">
        <v>0</v>
      </c>
      <c r="AR2141">
        <v>0</v>
      </c>
      <c r="AS2141">
        <v>0</v>
      </c>
      <c r="AT2141">
        <v>0</v>
      </c>
      <c r="AU2141">
        <v>0</v>
      </c>
      <c r="AV2141">
        <v>0</v>
      </c>
      <c r="AW2141">
        <v>0</v>
      </c>
      <c r="AX2141">
        <v>0</v>
      </c>
      <c r="AY2141">
        <v>0</v>
      </c>
      <c r="AZ2141">
        <v>0</v>
      </c>
      <c r="BA2141">
        <v>0</v>
      </c>
    </row>
    <row r="2142" spans="1:53" x14ac:dyDescent="0.4">
      <c r="A2142">
        <v>2186</v>
      </c>
      <c r="B2142" s="1">
        <v>43511</v>
      </c>
      <c r="C2142">
        <v>2</v>
      </c>
      <c r="D2142" s="1">
        <v>43511.45208333333</v>
      </c>
      <c r="E2142" s="1">
        <v>43511.75277777778</v>
      </c>
      <c r="F2142">
        <v>26000</v>
      </c>
      <c r="G2142">
        <v>3580</v>
      </c>
      <c r="H2142">
        <v>0</v>
      </c>
      <c r="I2142">
        <v>0</v>
      </c>
      <c r="J2142">
        <v>0</v>
      </c>
      <c r="K2142">
        <v>0</v>
      </c>
      <c r="L2142">
        <v>0</v>
      </c>
      <c r="M2142">
        <v>2366</v>
      </c>
      <c r="N2142">
        <v>0</v>
      </c>
      <c r="O2142">
        <v>0</v>
      </c>
      <c r="P2142">
        <v>9180</v>
      </c>
      <c r="Q2142">
        <v>0</v>
      </c>
      <c r="R2142">
        <v>41126</v>
      </c>
      <c r="S2142">
        <v>0</v>
      </c>
      <c r="T2142">
        <v>0</v>
      </c>
      <c r="U2142">
        <v>0</v>
      </c>
      <c r="V2142">
        <v>1</v>
      </c>
      <c r="W2142">
        <v>3</v>
      </c>
      <c r="X2142">
        <v>0</v>
      </c>
      <c r="Y2142">
        <v>32</v>
      </c>
      <c r="Z2142">
        <v>24</v>
      </c>
      <c r="AA2142">
        <v>132</v>
      </c>
      <c r="AB2142">
        <v>58</v>
      </c>
      <c r="AC2142">
        <v>177</v>
      </c>
      <c r="AD2142">
        <v>22</v>
      </c>
      <c r="AE2142">
        <v>107</v>
      </c>
      <c r="AF2142">
        <v>4039</v>
      </c>
      <c r="AG2142">
        <v>91126</v>
      </c>
      <c r="AH2142">
        <v>50000</v>
      </c>
      <c r="AI2142">
        <v>0</v>
      </c>
      <c r="AJ2142">
        <v>106</v>
      </c>
      <c r="AK2142" t="s">
        <v>29</v>
      </c>
      <c r="AL2142">
        <v>0</v>
      </c>
      <c r="AM2142">
        <v>0</v>
      </c>
      <c r="AN2142">
        <v>0</v>
      </c>
      <c r="AO2142">
        <v>0</v>
      </c>
      <c r="AP2142">
        <v>0</v>
      </c>
      <c r="AQ2142">
        <v>0</v>
      </c>
      <c r="AR2142">
        <v>0</v>
      </c>
      <c r="AS2142">
        <v>0</v>
      </c>
      <c r="AT2142">
        <v>0</v>
      </c>
      <c r="AU2142">
        <v>0</v>
      </c>
      <c r="AV2142">
        <v>0</v>
      </c>
      <c r="AW2142">
        <v>0</v>
      </c>
      <c r="AX2142">
        <v>-540</v>
      </c>
      <c r="AY2142">
        <v>33</v>
      </c>
      <c r="AZ2142">
        <v>69</v>
      </c>
      <c r="BA2142">
        <v>4889</v>
      </c>
    </row>
    <row r="2143" spans="1:53" x14ac:dyDescent="0.4">
      <c r="A2143">
        <v>2187</v>
      </c>
      <c r="B2143" s="1">
        <v>43511</v>
      </c>
      <c r="C2143">
        <v>3</v>
      </c>
      <c r="D2143" s="1">
        <v>43511.75277777778</v>
      </c>
      <c r="E2143" s="1">
        <v>43512.106944444444</v>
      </c>
      <c r="F2143">
        <v>203700</v>
      </c>
      <c r="G2143">
        <v>6890</v>
      </c>
      <c r="H2143">
        <v>0</v>
      </c>
      <c r="I2143">
        <v>0</v>
      </c>
      <c r="J2143">
        <v>4800</v>
      </c>
      <c r="K2143">
        <v>1800</v>
      </c>
      <c r="L2143">
        <v>0</v>
      </c>
      <c r="M2143">
        <v>16606</v>
      </c>
      <c r="N2143">
        <v>0</v>
      </c>
      <c r="O2143">
        <v>0</v>
      </c>
      <c r="P2143">
        <v>46548</v>
      </c>
      <c r="Q2143">
        <v>0</v>
      </c>
      <c r="R2143">
        <v>270744</v>
      </c>
      <c r="S2143">
        <v>0</v>
      </c>
      <c r="T2143">
        <v>0</v>
      </c>
      <c r="U2143">
        <v>0</v>
      </c>
      <c r="V2143">
        <v>22</v>
      </c>
      <c r="W2143">
        <v>5</v>
      </c>
      <c r="X2143">
        <v>0</v>
      </c>
      <c r="Y2143">
        <v>51</v>
      </c>
      <c r="Z2143">
        <v>24</v>
      </c>
      <c r="AA2143">
        <v>119</v>
      </c>
      <c r="AB2143">
        <v>53</v>
      </c>
      <c r="AC2143">
        <v>160</v>
      </c>
      <c r="AD2143">
        <v>22</v>
      </c>
      <c r="AE2143">
        <v>91</v>
      </c>
      <c r="AF2143">
        <v>37519</v>
      </c>
      <c r="AG2143">
        <v>361870</v>
      </c>
      <c r="AH2143">
        <v>50000</v>
      </c>
      <c r="AI2143">
        <v>0</v>
      </c>
      <c r="AJ2143">
        <v>29</v>
      </c>
      <c r="AK2143" t="s">
        <v>28</v>
      </c>
      <c r="AL2143">
        <v>0</v>
      </c>
      <c r="AM2143">
        <v>0</v>
      </c>
      <c r="AN2143">
        <v>0</v>
      </c>
      <c r="AO2143">
        <v>0</v>
      </c>
      <c r="AP2143">
        <v>0</v>
      </c>
      <c r="AQ2143">
        <v>0</v>
      </c>
      <c r="AR2143">
        <v>0</v>
      </c>
      <c r="AS2143">
        <v>0</v>
      </c>
      <c r="AT2143">
        <v>0</v>
      </c>
      <c r="AU2143">
        <v>0</v>
      </c>
      <c r="AV2143">
        <v>0</v>
      </c>
      <c r="AW2143">
        <v>0</v>
      </c>
      <c r="AX2143">
        <v>75406</v>
      </c>
      <c r="AY2143">
        <v>39</v>
      </c>
      <c r="AZ2143">
        <v>165</v>
      </c>
      <c r="BA2143">
        <v>5443</v>
      </c>
    </row>
    <row r="2144" spans="1:53" x14ac:dyDescent="0.4">
      <c r="A2144">
        <v>2188</v>
      </c>
      <c r="B2144" s="1">
        <v>43512</v>
      </c>
      <c r="C2144">
        <v>1</v>
      </c>
      <c r="D2144" s="1">
        <v>43512.291666666664</v>
      </c>
      <c r="E2144" s="1">
        <v>43512.402083333334</v>
      </c>
      <c r="F2144">
        <v>0</v>
      </c>
      <c r="G2144">
        <v>0</v>
      </c>
      <c r="H2144">
        <v>0</v>
      </c>
      <c r="I2144">
        <v>0</v>
      </c>
      <c r="J2144">
        <v>0</v>
      </c>
      <c r="K2144">
        <v>0</v>
      </c>
      <c r="L2144">
        <v>0</v>
      </c>
      <c r="M2144">
        <v>0</v>
      </c>
      <c r="N2144">
        <v>0</v>
      </c>
      <c r="O2144">
        <v>0</v>
      </c>
      <c r="P2144">
        <v>0</v>
      </c>
      <c r="Q2144">
        <v>0</v>
      </c>
      <c r="R2144">
        <v>0</v>
      </c>
      <c r="S2144">
        <v>0</v>
      </c>
      <c r="T2144">
        <v>0</v>
      </c>
      <c r="U2144">
        <v>0</v>
      </c>
      <c r="V2144">
        <v>0</v>
      </c>
      <c r="W2144">
        <v>0</v>
      </c>
      <c r="X2144">
        <v>0</v>
      </c>
      <c r="Y2144">
        <v>30</v>
      </c>
      <c r="Z2144">
        <v>7</v>
      </c>
      <c r="AA2144">
        <v>125</v>
      </c>
      <c r="AB2144">
        <v>54</v>
      </c>
      <c r="AC2144">
        <v>111</v>
      </c>
      <c r="AD2144">
        <v>21</v>
      </c>
      <c r="AE2144">
        <v>85</v>
      </c>
      <c r="AF2144">
        <v>0</v>
      </c>
      <c r="AG2144">
        <v>50000</v>
      </c>
      <c r="AH2144">
        <v>50000</v>
      </c>
      <c r="AI2144">
        <v>0</v>
      </c>
      <c r="AJ2144">
        <v>0</v>
      </c>
      <c r="AK2144" t="s">
        <v>6</v>
      </c>
      <c r="AL2144">
        <v>0</v>
      </c>
      <c r="AM2144">
        <v>0</v>
      </c>
      <c r="AN2144">
        <v>0</v>
      </c>
      <c r="AO2144">
        <v>0</v>
      </c>
      <c r="AP2144">
        <v>0</v>
      </c>
      <c r="AQ2144">
        <v>0</v>
      </c>
      <c r="AR2144">
        <v>0</v>
      </c>
      <c r="AS2144">
        <v>0</v>
      </c>
      <c r="AT2144">
        <v>0</v>
      </c>
      <c r="AU2144">
        <v>0</v>
      </c>
      <c r="AV2144">
        <v>0</v>
      </c>
      <c r="AW2144">
        <v>0</v>
      </c>
      <c r="AX2144">
        <v>0</v>
      </c>
      <c r="AY2144">
        <v>0</v>
      </c>
      <c r="AZ2144">
        <v>0</v>
      </c>
      <c r="BA2144">
        <v>0</v>
      </c>
    </row>
    <row r="2145" spans="1:53" x14ac:dyDescent="0.4">
      <c r="A2145">
        <v>2189</v>
      </c>
      <c r="B2145" s="1">
        <v>43512</v>
      </c>
      <c r="C2145">
        <v>2</v>
      </c>
      <c r="D2145" s="1">
        <v>43512.402083333334</v>
      </c>
      <c r="E2145" s="1">
        <v>43512.730555555558</v>
      </c>
      <c r="F2145">
        <v>36500</v>
      </c>
      <c r="G2145">
        <v>680</v>
      </c>
      <c r="H2145">
        <v>0</v>
      </c>
      <c r="I2145">
        <v>0</v>
      </c>
      <c r="J2145">
        <v>0</v>
      </c>
      <c r="K2145">
        <v>0</v>
      </c>
      <c r="L2145">
        <v>0</v>
      </c>
      <c r="M2145">
        <v>2974</v>
      </c>
      <c r="N2145">
        <v>0</v>
      </c>
      <c r="O2145">
        <v>0</v>
      </c>
      <c r="P2145">
        <v>24300</v>
      </c>
      <c r="Q2145">
        <v>0</v>
      </c>
      <c r="R2145">
        <v>64454</v>
      </c>
      <c r="S2145">
        <v>0</v>
      </c>
      <c r="T2145">
        <v>0</v>
      </c>
      <c r="U2145">
        <v>0</v>
      </c>
      <c r="V2145">
        <v>2</v>
      </c>
      <c r="W2145">
        <v>0</v>
      </c>
      <c r="X2145">
        <v>0</v>
      </c>
      <c r="Y2145">
        <v>63</v>
      </c>
      <c r="Z2145">
        <v>28</v>
      </c>
      <c r="AA2145">
        <v>102</v>
      </c>
      <c r="AB2145">
        <v>54</v>
      </c>
      <c r="AC2145">
        <v>173</v>
      </c>
      <c r="AD2145">
        <v>17</v>
      </c>
      <c r="AE2145">
        <v>81</v>
      </c>
      <c r="AF2145">
        <v>2658</v>
      </c>
      <c r="AG2145">
        <v>114454</v>
      </c>
      <c r="AH2145">
        <v>50000</v>
      </c>
      <c r="AI2145">
        <v>0</v>
      </c>
      <c r="AJ2145">
        <v>74</v>
      </c>
      <c r="AL2145">
        <v>0</v>
      </c>
      <c r="AM2145">
        <v>0</v>
      </c>
      <c r="AN2145">
        <v>0</v>
      </c>
      <c r="AO2145">
        <v>0</v>
      </c>
      <c r="AP2145">
        <v>0</v>
      </c>
      <c r="AQ2145">
        <v>0</v>
      </c>
      <c r="AR2145">
        <v>0</v>
      </c>
      <c r="AS2145">
        <v>0</v>
      </c>
      <c r="AT2145">
        <v>0</v>
      </c>
      <c r="AU2145">
        <v>0</v>
      </c>
      <c r="AV2145">
        <v>0</v>
      </c>
      <c r="AW2145">
        <v>0</v>
      </c>
      <c r="AX2145">
        <v>1274</v>
      </c>
      <c r="AY2145">
        <v>57</v>
      </c>
      <c r="AZ2145">
        <v>115</v>
      </c>
      <c r="BA2145">
        <v>8001</v>
      </c>
    </row>
    <row r="2146" spans="1:53" x14ac:dyDescent="0.4">
      <c r="A2146">
        <v>2190</v>
      </c>
      <c r="B2146" s="1">
        <v>43512</v>
      </c>
      <c r="C2146">
        <v>3</v>
      </c>
      <c r="D2146" s="1">
        <v>43512.730555555558</v>
      </c>
      <c r="E2146" s="1">
        <v>43512.95416666667</v>
      </c>
      <c r="F2146">
        <v>59000</v>
      </c>
      <c r="G2146">
        <v>2810</v>
      </c>
      <c r="H2146">
        <v>400</v>
      </c>
      <c r="I2146">
        <v>0</v>
      </c>
      <c r="J2146">
        <v>0</v>
      </c>
      <c r="K2146">
        <v>0</v>
      </c>
      <c r="L2146">
        <v>0</v>
      </c>
      <c r="M2146">
        <v>4976</v>
      </c>
      <c r="N2146">
        <v>0</v>
      </c>
      <c r="O2146">
        <v>0</v>
      </c>
      <c r="P2146">
        <v>-16092</v>
      </c>
      <c r="Q2146">
        <v>0</v>
      </c>
      <c r="R2146">
        <v>51094</v>
      </c>
      <c r="S2146">
        <v>0</v>
      </c>
      <c r="T2146">
        <v>0</v>
      </c>
      <c r="U2146">
        <v>0</v>
      </c>
      <c r="V2146">
        <v>8</v>
      </c>
      <c r="W2146">
        <v>0</v>
      </c>
      <c r="X2146">
        <v>0</v>
      </c>
      <c r="Y2146">
        <v>54</v>
      </c>
      <c r="Z2146">
        <v>28</v>
      </c>
      <c r="AA2146">
        <v>102</v>
      </c>
      <c r="AB2146">
        <v>55</v>
      </c>
      <c r="AC2146">
        <v>177</v>
      </c>
      <c r="AD2146">
        <v>17</v>
      </c>
      <c r="AE2146">
        <v>86</v>
      </c>
      <c r="AF2146">
        <v>2658</v>
      </c>
      <c r="AG2146">
        <v>165549</v>
      </c>
      <c r="AH2146">
        <v>50000</v>
      </c>
      <c r="AI2146">
        <v>1</v>
      </c>
      <c r="AJ2146">
        <v>108</v>
      </c>
      <c r="AK2146" t="s">
        <v>30</v>
      </c>
      <c r="AL2146">
        <v>0</v>
      </c>
      <c r="AM2146">
        <v>0</v>
      </c>
      <c r="AN2146">
        <v>0</v>
      </c>
      <c r="AO2146">
        <v>0</v>
      </c>
      <c r="AP2146">
        <v>0</v>
      </c>
      <c r="AQ2146">
        <v>0</v>
      </c>
      <c r="AR2146">
        <v>0</v>
      </c>
      <c r="AS2146">
        <v>0</v>
      </c>
      <c r="AT2146">
        <v>0</v>
      </c>
      <c r="AU2146">
        <v>0</v>
      </c>
      <c r="AV2146">
        <v>0</v>
      </c>
      <c r="AW2146">
        <v>0</v>
      </c>
      <c r="AX2146">
        <v>123111</v>
      </c>
      <c r="AY2146">
        <v>27</v>
      </c>
      <c r="AZ2146">
        <v>121</v>
      </c>
      <c r="BA2146">
        <v>4525</v>
      </c>
    </row>
    <row r="2147" spans="1:53" x14ac:dyDescent="0.4">
      <c r="A2147">
        <v>2191</v>
      </c>
      <c r="B2147" s="1">
        <v>43512</v>
      </c>
      <c r="C2147">
        <v>4</v>
      </c>
      <c r="D2147" s="1">
        <v>43512.95416666667</v>
      </c>
      <c r="E2147" s="1">
        <v>43513.079861111109</v>
      </c>
      <c r="F2147">
        <v>199700</v>
      </c>
      <c r="G2147">
        <v>11330</v>
      </c>
      <c r="H2147">
        <v>200</v>
      </c>
      <c r="I2147">
        <v>0</v>
      </c>
      <c r="J2147">
        <v>0</v>
      </c>
      <c r="K2147">
        <v>0</v>
      </c>
      <c r="L2147">
        <v>0</v>
      </c>
      <c r="M2147">
        <v>16898</v>
      </c>
      <c r="N2147">
        <v>0</v>
      </c>
      <c r="O2147">
        <v>0</v>
      </c>
      <c r="P2147">
        <v>45792</v>
      </c>
      <c r="Q2147">
        <v>0</v>
      </c>
      <c r="R2147">
        <v>273920</v>
      </c>
      <c r="S2147">
        <v>0</v>
      </c>
      <c r="T2147">
        <v>0</v>
      </c>
      <c r="U2147">
        <v>0</v>
      </c>
      <c r="V2147">
        <v>26</v>
      </c>
      <c r="W2147">
        <v>5</v>
      </c>
      <c r="X2147">
        <v>0</v>
      </c>
      <c r="Y2147">
        <v>94</v>
      </c>
      <c r="Z2147">
        <v>30</v>
      </c>
      <c r="AA2147">
        <v>123</v>
      </c>
      <c r="AB2147">
        <v>52</v>
      </c>
      <c r="AC2147">
        <v>178</v>
      </c>
      <c r="AD2147">
        <v>15</v>
      </c>
      <c r="AE2147">
        <v>81</v>
      </c>
      <c r="AF2147">
        <v>28632</v>
      </c>
      <c r="AG2147">
        <v>439468</v>
      </c>
      <c r="AH2147">
        <v>50000</v>
      </c>
      <c r="AI2147">
        <v>0</v>
      </c>
      <c r="AJ2147">
        <v>108</v>
      </c>
      <c r="AK2147" t="s">
        <v>30</v>
      </c>
      <c r="AL2147">
        <v>0</v>
      </c>
      <c r="AM2147">
        <v>0</v>
      </c>
      <c r="AN2147">
        <v>0</v>
      </c>
      <c r="AO2147">
        <v>0</v>
      </c>
      <c r="AP2147">
        <v>0</v>
      </c>
      <c r="AQ2147">
        <v>0</v>
      </c>
      <c r="AR2147">
        <v>0</v>
      </c>
      <c r="AS2147">
        <v>0</v>
      </c>
      <c r="AT2147">
        <v>0</v>
      </c>
      <c r="AU2147">
        <v>0</v>
      </c>
      <c r="AV2147">
        <v>0</v>
      </c>
      <c r="AW2147">
        <v>0</v>
      </c>
      <c r="AX2147">
        <v>-7214</v>
      </c>
      <c r="AY2147">
        <v>11</v>
      </c>
      <c r="AZ2147">
        <v>35</v>
      </c>
      <c r="BA2147">
        <v>2142</v>
      </c>
    </row>
    <row r="2148" spans="1:53" x14ac:dyDescent="0.4">
      <c r="A2148">
        <v>2192</v>
      </c>
      <c r="B2148" s="1">
        <v>43513</v>
      </c>
      <c r="C2148">
        <v>1</v>
      </c>
      <c r="D2148" s="1">
        <v>43513.291666666664</v>
      </c>
      <c r="E2148" s="1">
        <v>43513.386805555558</v>
      </c>
      <c r="F2148">
        <v>0</v>
      </c>
      <c r="G2148">
        <v>0</v>
      </c>
      <c r="H2148">
        <v>0</v>
      </c>
      <c r="I2148">
        <v>0</v>
      </c>
      <c r="J2148">
        <v>0</v>
      </c>
      <c r="K2148">
        <v>0</v>
      </c>
      <c r="L2148">
        <v>0</v>
      </c>
      <c r="M2148">
        <v>0</v>
      </c>
      <c r="N2148">
        <v>0</v>
      </c>
      <c r="O2148">
        <v>0</v>
      </c>
      <c r="P2148">
        <v>0</v>
      </c>
      <c r="Q2148">
        <v>0</v>
      </c>
      <c r="R2148">
        <v>0</v>
      </c>
      <c r="S2148">
        <v>0</v>
      </c>
      <c r="T2148">
        <v>0</v>
      </c>
      <c r="U2148">
        <v>0</v>
      </c>
      <c r="V2148">
        <v>0</v>
      </c>
      <c r="W2148">
        <v>0</v>
      </c>
      <c r="X2148">
        <v>0</v>
      </c>
      <c r="Y2148">
        <v>30</v>
      </c>
      <c r="Z2148">
        <v>9</v>
      </c>
      <c r="AA2148">
        <v>116</v>
      </c>
      <c r="AB2148">
        <v>53</v>
      </c>
      <c r="AC2148">
        <v>109</v>
      </c>
      <c r="AD2148">
        <v>13</v>
      </c>
      <c r="AE2148">
        <v>95</v>
      </c>
      <c r="AF2148">
        <v>0</v>
      </c>
      <c r="AG2148">
        <v>50000</v>
      </c>
      <c r="AH2148">
        <v>50000</v>
      </c>
      <c r="AI2148">
        <v>0</v>
      </c>
      <c r="AJ2148">
        <v>0</v>
      </c>
      <c r="AK2148" t="s">
        <v>6</v>
      </c>
      <c r="AL2148">
        <v>0</v>
      </c>
      <c r="AM2148">
        <v>0</v>
      </c>
      <c r="AN2148">
        <v>0</v>
      </c>
      <c r="AO2148">
        <v>0</v>
      </c>
      <c r="AP2148">
        <v>0</v>
      </c>
      <c r="AQ2148">
        <v>0</v>
      </c>
      <c r="AR2148">
        <v>0</v>
      </c>
      <c r="AS2148">
        <v>0</v>
      </c>
      <c r="AT2148">
        <v>0</v>
      </c>
      <c r="AU2148">
        <v>0</v>
      </c>
      <c r="AV2148">
        <v>0</v>
      </c>
      <c r="AW2148">
        <v>0</v>
      </c>
      <c r="AX2148">
        <v>0</v>
      </c>
      <c r="AY2148">
        <v>0</v>
      </c>
      <c r="AZ2148">
        <v>0</v>
      </c>
      <c r="BA2148">
        <v>0</v>
      </c>
    </row>
    <row r="2149" spans="1:53" x14ac:dyDescent="0.4">
      <c r="A2149">
        <v>2193</v>
      </c>
      <c r="B2149" s="1">
        <v>43513</v>
      </c>
      <c r="C2149">
        <v>2</v>
      </c>
      <c r="D2149" s="1">
        <v>43513.386805555558</v>
      </c>
      <c r="E2149" s="1">
        <v>43513.745833333334</v>
      </c>
      <c r="F2149">
        <v>45750</v>
      </c>
      <c r="G2149">
        <v>3960</v>
      </c>
      <c r="H2149">
        <v>0</v>
      </c>
      <c r="I2149">
        <v>0</v>
      </c>
      <c r="J2149">
        <v>0</v>
      </c>
      <c r="K2149">
        <v>0</v>
      </c>
      <c r="L2149">
        <v>0</v>
      </c>
      <c r="M2149">
        <v>3975</v>
      </c>
      <c r="N2149">
        <v>0</v>
      </c>
      <c r="O2149">
        <v>0</v>
      </c>
      <c r="P2149">
        <v>23760</v>
      </c>
      <c r="Q2149">
        <v>0</v>
      </c>
      <c r="R2149">
        <v>77445</v>
      </c>
      <c r="S2149">
        <v>0</v>
      </c>
      <c r="T2149">
        <v>0</v>
      </c>
      <c r="U2149">
        <v>0</v>
      </c>
      <c r="V2149">
        <v>1</v>
      </c>
      <c r="W2149">
        <v>1</v>
      </c>
      <c r="X2149">
        <v>0</v>
      </c>
      <c r="Y2149">
        <v>74</v>
      </c>
      <c r="Z2149">
        <v>28</v>
      </c>
      <c r="AA2149">
        <v>179</v>
      </c>
      <c r="AB2149">
        <v>67</v>
      </c>
      <c r="AC2149">
        <v>194</v>
      </c>
      <c r="AD2149">
        <v>12</v>
      </c>
      <c r="AE2149">
        <v>105</v>
      </c>
      <c r="AF2149">
        <v>0</v>
      </c>
      <c r="AG2149">
        <v>126355</v>
      </c>
      <c r="AH2149">
        <v>50000</v>
      </c>
      <c r="AI2149">
        <v>-1090</v>
      </c>
      <c r="AJ2149">
        <v>45</v>
      </c>
      <c r="AL2149">
        <v>0</v>
      </c>
      <c r="AM2149">
        <v>0</v>
      </c>
      <c r="AN2149">
        <v>0</v>
      </c>
      <c r="AO2149">
        <v>0</v>
      </c>
      <c r="AP2149">
        <v>0</v>
      </c>
      <c r="AQ2149">
        <v>0</v>
      </c>
      <c r="AR2149">
        <v>0</v>
      </c>
      <c r="AS2149">
        <v>0</v>
      </c>
      <c r="AT2149">
        <v>0</v>
      </c>
      <c r="AU2149">
        <v>0</v>
      </c>
      <c r="AV2149">
        <v>0</v>
      </c>
      <c r="AW2149">
        <v>0</v>
      </c>
      <c r="AX2149">
        <v>2095</v>
      </c>
      <c r="AY2149">
        <v>58</v>
      </c>
      <c r="AZ2149">
        <v>137</v>
      </c>
      <c r="BA2149">
        <v>8340</v>
      </c>
    </row>
    <row r="2150" spans="1:53" x14ac:dyDescent="0.4">
      <c r="A2150">
        <v>2194</v>
      </c>
      <c r="B2150" s="1">
        <v>43514</v>
      </c>
      <c r="C2150">
        <v>1</v>
      </c>
      <c r="D2150" s="1">
        <v>43514.291666666664</v>
      </c>
      <c r="E2150" s="1">
        <v>43514.454861111109</v>
      </c>
      <c r="F2150">
        <v>0</v>
      </c>
      <c r="G2150">
        <v>0</v>
      </c>
      <c r="H2150">
        <v>0</v>
      </c>
      <c r="I2150">
        <v>0</v>
      </c>
      <c r="J2150">
        <v>0</v>
      </c>
      <c r="K2150">
        <v>0</v>
      </c>
      <c r="L2150">
        <v>0</v>
      </c>
      <c r="M2150">
        <v>0</v>
      </c>
      <c r="N2150">
        <v>0</v>
      </c>
      <c r="O2150">
        <v>0</v>
      </c>
      <c r="P2150">
        <v>0</v>
      </c>
      <c r="Q2150">
        <v>0</v>
      </c>
      <c r="R2150">
        <v>0</v>
      </c>
      <c r="S2150">
        <v>0</v>
      </c>
      <c r="T2150">
        <v>0</v>
      </c>
      <c r="U2150">
        <v>0</v>
      </c>
      <c r="V2150">
        <v>0</v>
      </c>
      <c r="W2150">
        <v>0</v>
      </c>
      <c r="X2150">
        <v>0</v>
      </c>
      <c r="Y2150">
        <v>28</v>
      </c>
      <c r="Z2150">
        <v>10</v>
      </c>
      <c r="AA2150">
        <v>126</v>
      </c>
      <c r="AB2150">
        <v>64</v>
      </c>
      <c r="AC2150">
        <v>107</v>
      </c>
      <c r="AD2150">
        <v>7</v>
      </c>
      <c r="AE2150">
        <v>95</v>
      </c>
      <c r="AF2150">
        <v>0</v>
      </c>
      <c r="AG2150">
        <v>50000</v>
      </c>
      <c r="AH2150">
        <v>0</v>
      </c>
      <c r="AI2150">
        <v>50000</v>
      </c>
      <c r="AJ2150">
        <v>0</v>
      </c>
      <c r="AK2150" t="s">
        <v>6</v>
      </c>
      <c r="AL2150">
        <v>0</v>
      </c>
      <c r="AM2150">
        <v>0</v>
      </c>
      <c r="AN2150">
        <v>0</v>
      </c>
      <c r="AO2150">
        <v>0</v>
      </c>
      <c r="AP2150">
        <v>0</v>
      </c>
      <c r="AQ2150">
        <v>0</v>
      </c>
      <c r="AR2150">
        <v>0</v>
      </c>
      <c r="AS2150">
        <v>0</v>
      </c>
      <c r="AT2150">
        <v>0</v>
      </c>
      <c r="AU2150">
        <v>0</v>
      </c>
      <c r="AV2150">
        <v>0</v>
      </c>
      <c r="AW2150">
        <v>0</v>
      </c>
      <c r="AX2150">
        <v>0</v>
      </c>
      <c r="AY2150">
        <v>0</v>
      </c>
      <c r="AZ2150">
        <v>0</v>
      </c>
      <c r="BA2150">
        <v>0</v>
      </c>
    </row>
    <row r="2151" spans="1:53" x14ac:dyDescent="0.4">
      <c r="A2151">
        <v>2195</v>
      </c>
      <c r="B2151" s="1">
        <v>43514</v>
      </c>
      <c r="C2151">
        <v>2</v>
      </c>
      <c r="D2151" s="1">
        <v>43514.454861111109</v>
      </c>
      <c r="E2151" s="1">
        <v>43514.75</v>
      </c>
      <c r="F2151">
        <v>24000</v>
      </c>
      <c r="G2151">
        <v>1600</v>
      </c>
      <c r="H2151">
        <v>0</v>
      </c>
      <c r="I2151">
        <v>0</v>
      </c>
      <c r="J2151">
        <v>0</v>
      </c>
      <c r="K2151">
        <v>0</v>
      </c>
      <c r="L2151">
        <v>0</v>
      </c>
      <c r="M2151">
        <v>2047</v>
      </c>
      <c r="N2151">
        <v>0</v>
      </c>
      <c r="O2151">
        <v>0</v>
      </c>
      <c r="P2151">
        <v>14580</v>
      </c>
      <c r="Q2151">
        <v>0</v>
      </c>
      <c r="R2151">
        <v>42227</v>
      </c>
      <c r="S2151">
        <v>0</v>
      </c>
      <c r="T2151">
        <v>0</v>
      </c>
      <c r="U2151">
        <v>0</v>
      </c>
      <c r="V2151">
        <v>0</v>
      </c>
      <c r="W2151">
        <v>1</v>
      </c>
      <c r="X2151">
        <v>0</v>
      </c>
      <c r="Y2151">
        <v>48</v>
      </c>
      <c r="Z2151">
        <v>29</v>
      </c>
      <c r="AA2151">
        <v>174</v>
      </c>
      <c r="AB2151">
        <v>70</v>
      </c>
      <c r="AC2151">
        <v>166</v>
      </c>
      <c r="AD2151">
        <v>12</v>
      </c>
      <c r="AE2151">
        <v>103</v>
      </c>
      <c r="AF2151">
        <v>2004</v>
      </c>
      <c r="AG2151">
        <v>92227</v>
      </c>
      <c r="AH2151">
        <v>50000</v>
      </c>
      <c r="AI2151">
        <v>0</v>
      </c>
      <c r="AJ2151">
        <v>96</v>
      </c>
      <c r="AK2151" t="s">
        <v>4</v>
      </c>
      <c r="AL2151">
        <v>0</v>
      </c>
      <c r="AM2151">
        <v>0</v>
      </c>
      <c r="AN2151">
        <v>0</v>
      </c>
      <c r="AO2151">
        <v>0</v>
      </c>
      <c r="AP2151">
        <v>0</v>
      </c>
      <c r="AQ2151">
        <v>0</v>
      </c>
      <c r="AR2151">
        <v>0</v>
      </c>
      <c r="AS2151">
        <v>0</v>
      </c>
      <c r="AT2151">
        <v>0</v>
      </c>
      <c r="AU2151">
        <v>0</v>
      </c>
      <c r="AV2151">
        <v>0</v>
      </c>
      <c r="AW2151">
        <v>0</v>
      </c>
      <c r="AX2151">
        <v>540</v>
      </c>
      <c r="AY2151">
        <v>37</v>
      </c>
      <c r="AZ2151">
        <v>71</v>
      </c>
      <c r="BA2151">
        <v>5595</v>
      </c>
    </row>
    <row r="2152" spans="1:53" x14ac:dyDescent="0.4">
      <c r="A2152">
        <v>2196</v>
      </c>
      <c r="B2152" s="1">
        <v>43514</v>
      </c>
      <c r="C2152">
        <v>3</v>
      </c>
      <c r="D2152" s="1">
        <v>43514.75</v>
      </c>
      <c r="E2152" s="1">
        <v>43514.966666666667</v>
      </c>
      <c r="F2152">
        <v>21400</v>
      </c>
      <c r="G2152">
        <v>500</v>
      </c>
      <c r="H2152">
        <v>0</v>
      </c>
      <c r="I2152">
        <v>0</v>
      </c>
      <c r="J2152">
        <v>0</v>
      </c>
      <c r="K2152">
        <v>0</v>
      </c>
      <c r="L2152">
        <v>0</v>
      </c>
      <c r="M2152">
        <v>1752</v>
      </c>
      <c r="N2152">
        <v>0</v>
      </c>
      <c r="O2152">
        <v>0</v>
      </c>
      <c r="P2152">
        <v>-8100</v>
      </c>
      <c r="Q2152">
        <v>0</v>
      </c>
      <c r="R2152">
        <v>15552</v>
      </c>
      <c r="S2152">
        <v>0</v>
      </c>
      <c r="T2152">
        <v>0</v>
      </c>
      <c r="U2152">
        <v>0</v>
      </c>
      <c r="V2152">
        <v>0</v>
      </c>
      <c r="W2152">
        <v>2</v>
      </c>
      <c r="X2152">
        <v>0</v>
      </c>
      <c r="Y2152">
        <v>52</v>
      </c>
      <c r="Z2152">
        <v>27</v>
      </c>
      <c r="AA2152">
        <v>184</v>
      </c>
      <c r="AB2152">
        <v>71</v>
      </c>
      <c r="AC2152">
        <v>169</v>
      </c>
      <c r="AD2152">
        <v>12</v>
      </c>
      <c r="AE2152">
        <v>95</v>
      </c>
      <c r="AF2152">
        <v>8484</v>
      </c>
      <c r="AG2152">
        <v>107779</v>
      </c>
      <c r="AH2152">
        <v>50000</v>
      </c>
      <c r="AI2152">
        <v>0</v>
      </c>
      <c r="AJ2152">
        <v>30</v>
      </c>
      <c r="AL2152">
        <v>0</v>
      </c>
      <c r="AM2152">
        <v>0</v>
      </c>
      <c r="AN2152">
        <v>0</v>
      </c>
      <c r="AO2152">
        <v>0</v>
      </c>
      <c r="AP2152">
        <v>0</v>
      </c>
      <c r="AQ2152">
        <v>0</v>
      </c>
      <c r="AR2152">
        <v>0</v>
      </c>
      <c r="AS2152">
        <v>0</v>
      </c>
      <c r="AT2152">
        <v>0</v>
      </c>
      <c r="AU2152">
        <v>0</v>
      </c>
      <c r="AV2152">
        <v>0</v>
      </c>
      <c r="AW2152">
        <v>0</v>
      </c>
      <c r="AX2152">
        <v>4050</v>
      </c>
      <c r="AY2152">
        <v>6</v>
      </c>
      <c r="AZ2152">
        <v>19</v>
      </c>
      <c r="BA2152">
        <v>1634</v>
      </c>
    </row>
    <row r="2153" spans="1:53" x14ac:dyDescent="0.4">
      <c r="A2153">
        <v>2197</v>
      </c>
      <c r="B2153" s="1">
        <v>43515</v>
      </c>
      <c r="C2153">
        <v>1</v>
      </c>
      <c r="D2153" s="1">
        <v>43515.291666666664</v>
      </c>
      <c r="E2153" s="1">
        <v>43515.444444444445</v>
      </c>
      <c r="F2153">
        <v>0</v>
      </c>
      <c r="G2153">
        <v>0</v>
      </c>
      <c r="H2153">
        <v>0</v>
      </c>
      <c r="I2153">
        <v>0</v>
      </c>
      <c r="J2153">
        <v>0</v>
      </c>
      <c r="K2153">
        <v>0</v>
      </c>
      <c r="L2153">
        <v>0</v>
      </c>
      <c r="M2153">
        <v>0</v>
      </c>
      <c r="N2153">
        <v>0</v>
      </c>
      <c r="O2153">
        <v>0</v>
      </c>
      <c r="P2153">
        <v>0</v>
      </c>
      <c r="Q2153">
        <v>0</v>
      </c>
      <c r="R2153">
        <v>0</v>
      </c>
      <c r="S2153">
        <v>0</v>
      </c>
      <c r="T2153">
        <v>0</v>
      </c>
      <c r="U2153">
        <v>0</v>
      </c>
      <c r="V2153">
        <v>0</v>
      </c>
      <c r="W2153">
        <v>0</v>
      </c>
      <c r="X2153">
        <v>0</v>
      </c>
      <c r="Y2153">
        <v>30</v>
      </c>
      <c r="Z2153">
        <v>12</v>
      </c>
      <c r="AA2153">
        <v>90</v>
      </c>
      <c r="AB2153">
        <v>71</v>
      </c>
      <c r="AC2153">
        <v>129</v>
      </c>
      <c r="AD2153">
        <v>12</v>
      </c>
      <c r="AE2153">
        <v>100</v>
      </c>
      <c r="AF2153">
        <v>0</v>
      </c>
      <c r="AG2153">
        <v>50000</v>
      </c>
      <c r="AH2153">
        <v>50000</v>
      </c>
      <c r="AI2153">
        <v>0</v>
      </c>
      <c r="AJ2153">
        <v>0</v>
      </c>
      <c r="AK2153" t="s">
        <v>6</v>
      </c>
      <c r="AL2153">
        <v>0</v>
      </c>
      <c r="AM2153">
        <v>0</v>
      </c>
      <c r="AN2153">
        <v>0</v>
      </c>
      <c r="AO2153">
        <v>0</v>
      </c>
      <c r="AP2153">
        <v>0</v>
      </c>
      <c r="AQ2153">
        <v>0</v>
      </c>
      <c r="AR2153">
        <v>0</v>
      </c>
      <c r="AS2153">
        <v>0</v>
      </c>
      <c r="AT2153">
        <v>0</v>
      </c>
      <c r="AU2153">
        <v>0</v>
      </c>
      <c r="AV2153">
        <v>0</v>
      </c>
      <c r="AW2153">
        <v>0</v>
      </c>
      <c r="AX2153">
        <v>0</v>
      </c>
      <c r="AY2153">
        <v>0</v>
      </c>
      <c r="AZ2153">
        <v>0</v>
      </c>
      <c r="BA2153">
        <v>0</v>
      </c>
    </row>
    <row r="2154" spans="1:53" x14ac:dyDescent="0.4">
      <c r="A2154">
        <v>2198</v>
      </c>
      <c r="B2154" s="1">
        <v>43515</v>
      </c>
      <c r="C2154">
        <v>2</v>
      </c>
      <c r="D2154" s="1">
        <v>43515.444444444445</v>
      </c>
      <c r="E2154" s="1">
        <v>43515.743055555555</v>
      </c>
      <c r="F2154">
        <v>22500</v>
      </c>
      <c r="G2154">
        <v>1260</v>
      </c>
      <c r="H2154">
        <v>0</v>
      </c>
      <c r="I2154">
        <v>0</v>
      </c>
      <c r="J2154">
        <v>0</v>
      </c>
      <c r="K2154">
        <v>0</v>
      </c>
      <c r="L2154">
        <v>0</v>
      </c>
      <c r="M2154">
        <v>1900</v>
      </c>
      <c r="N2154">
        <v>0</v>
      </c>
      <c r="O2154">
        <v>0</v>
      </c>
      <c r="P2154">
        <v>17820</v>
      </c>
      <c r="Q2154">
        <v>0</v>
      </c>
      <c r="R2154">
        <v>43480</v>
      </c>
      <c r="S2154">
        <v>0</v>
      </c>
      <c r="T2154">
        <v>0</v>
      </c>
      <c r="U2154">
        <v>0</v>
      </c>
      <c r="V2154">
        <v>2</v>
      </c>
      <c r="W2154">
        <v>0</v>
      </c>
      <c r="X2154">
        <v>0</v>
      </c>
      <c r="Y2154">
        <v>45</v>
      </c>
      <c r="Z2154">
        <v>23</v>
      </c>
      <c r="AA2154">
        <v>116</v>
      </c>
      <c r="AB2154">
        <v>71</v>
      </c>
      <c r="AC2154">
        <v>165</v>
      </c>
      <c r="AD2154">
        <v>20</v>
      </c>
      <c r="AE2154">
        <v>100</v>
      </c>
      <c r="AF2154">
        <v>0</v>
      </c>
      <c r="AG2154">
        <v>93500</v>
      </c>
      <c r="AH2154">
        <v>50000</v>
      </c>
      <c r="AI2154">
        <v>20</v>
      </c>
      <c r="AJ2154">
        <v>35</v>
      </c>
      <c r="AL2154">
        <v>0</v>
      </c>
      <c r="AM2154">
        <v>0</v>
      </c>
      <c r="AN2154">
        <v>0</v>
      </c>
      <c r="AO2154">
        <v>0</v>
      </c>
      <c r="AP2154">
        <v>0</v>
      </c>
      <c r="AQ2154">
        <v>0</v>
      </c>
      <c r="AR2154">
        <v>0</v>
      </c>
      <c r="AS2154">
        <v>0</v>
      </c>
      <c r="AT2154">
        <v>0</v>
      </c>
      <c r="AU2154">
        <v>0</v>
      </c>
      <c r="AV2154">
        <v>0</v>
      </c>
      <c r="AW2154">
        <v>0</v>
      </c>
      <c r="AX2154">
        <v>-778</v>
      </c>
      <c r="AY2154">
        <v>39</v>
      </c>
      <c r="AZ2154">
        <v>76</v>
      </c>
      <c r="BA2154">
        <v>5194</v>
      </c>
    </row>
    <row r="2155" spans="1:53" x14ac:dyDescent="0.4">
      <c r="A2155">
        <v>2199</v>
      </c>
      <c r="B2155" s="1">
        <v>43515</v>
      </c>
      <c r="C2155">
        <v>3</v>
      </c>
      <c r="D2155" s="1">
        <v>43515.743055555555</v>
      </c>
      <c r="E2155" s="1">
        <v>43515.956250000003</v>
      </c>
      <c r="F2155">
        <v>29100</v>
      </c>
      <c r="G2155">
        <v>2550</v>
      </c>
      <c r="H2155">
        <v>0</v>
      </c>
      <c r="I2155">
        <v>0</v>
      </c>
      <c r="J2155">
        <v>0</v>
      </c>
      <c r="K2155">
        <v>0</v>
      </c>
      <c r="L2155">
        <v>0</v>
      </c>
      <c r="M2155">
        <v>2532</v>
      </c>
      <c r="N2155">
        <v>0</v>
      </c>
      <c r="O2155">
        <v>0</v>
      </c>
      <c r="P2155">
        <v>-12204</v>
      </c>
      <c r="Q2155">
        <v>0</v>
      </c>
      <c r="R2155">
        <v>21978</v>
      </c>
      <c r="S2155">
        <v>0</v>
      </c>
      <c r="T2155">
        <v>0</v>
      </c>
      <c r="U2155">
        <v>0</v>
      </c>
      <c r="V2155">
        <v>2</v>
      </c>
      <c r="W2155">
        <v>2</v>
      </c>
      <c r="X2155">
        <v>0</v>
      </c>
      <c r="Y2155">
        <v>50</v>
      </c>
      <c r="Z2155">
        <v>23</v>
      </c>
      <c r="AA2155">
        <v>120</v>
      </c>
      <c r="AB2155">
        <v>72</v>
      </c>
      <c r="AC2155">
        <v>167</v>
      </c>
      <c r="AD2155">
        <v>21</v>
      </c>
      <c r="AE2155">
        <v>103</v>
      </c>
      <c r="AF2155">
        <v>6480</v>
      </c>
      <c r="AG2155">
        <v>115458</v>
      </c>
      <c r="AH2155">
        <v>50000</v>
      </c>
      <c r="AI2155">
        <v>0</v>
      </c>
      <c r="AJ2155">
        <v>106</v>
      </c>
      <c r="AK2155" t="s">
        <v>29</v>
      </c>
      <c r="AL2155">
        <v>0</v>
      </c>
      <c r="AM2155">
        <v>0</v>
      </c>
      <c r="AN2155">
        <v>0</v>
      </c>
      <c r="AO2155">
        <v>0</v>
      </c>
      <c r="AP2155">
        <v>0</v>
      </c>
      <c r="AQ2155">
        <v>0</v>
      </c>
      <c r="AR2155">
        <v>0</v>
      </c>
      <c r="AS2155">
        <v>0</v>
      </c>
      <c r="AT2155">
        <v>0</v>
      </c>
      <c r="AU2155">
        <v>0</v>
      </c>
      <c r="AV2155">
        <v>0</v>
      </c>
      <c r="AW2155">
        <v>0</v>
      </c>
      <c r="AX2155">
        <v>392</v>
      </c>
      <c r="AY2155">
        <v>7</v>
      </c>
      <c r="AZ2155">
        <v>21</v>
      </c>
      <c r="BA2155">
        <v>2011</v>
      </c>
    </row>
    <row r="2156" spans="1:53" x14ac:dyDescent="0.4">
      <c r="A2156">
        <v>2200</v>
      </c>
      <c r="B2156" s="1">
        <v>43516</v>
      </c>
      <c r="C2156">
        <v>1</v>
      </c>
      <c r="D2156" s="1">
        <v>43516.291666666664</v>
      </c>
      <c r="E2156" s="1">
        <v>43516.455555555556</v>
      </c>
      <c r="F2156">
        <v>0</v>
      </c>
      <c r="G2156">
        <v>0</v>
      </c>
      <c r="H2156">
        <v>0</v>
      </c>
      <c r="I2156">
        <v>0</v>
      </c>
      <c r="J2156">
        <v>0</v>
      </c>
      <c r="K2156">
        <v>0</v>
      </c>
      <c r="L2156">
        <v>0</v>
      </c>
      <c r="M2156">
        <v>0</v>
      </c>
      <c r="N2156">
        <v>0</v>
      </c>
      <c r="O2156">
        <v>0</v>
      </c>
      <c r="P2156">
        <v>0</v>
      </c>
      <c r="Q2156">
        <v>0</v>
      </c>
      <c r="R2156">
        <v>0</v>
      </c>
      <c r="S2156">
        <v>0</v>
      </c>
      <c r="T2156">
        <v>0</v>
      </c>
      <c r="U2156">
        <v>0</v>
      </c>
      <c r="V2156">
        <v>0</v>
      </c>
      <c r="W2156">
        <v>0</v>
      </c>
      <c r="X2156">
        <v>0</v>
      </c>
      <c r="Y2156">
        <v>27</v>
      </c>
      <c r="Z2156">
        <v>11</v>
      </c>
      <c r="AA2156">
        <v>122</v>
      </c>
      <c r="AB2156">
        <v>68</v>
      </c>
      <c r="AC2156">
        <v>169</v>
      </c>
      <c r="AD2156">
        <v>21</v>
      </c>
      <c r="AE2156">
        <v>105</v>
      </c>
      <c r="AF2156">
        <v>0</v>
      </c>
      <c r="AG2156">
        <v>50000</v>
      </c>
      <c r="AH2156">
        <v>0</v>
      </c>
      <c r="AI2156">
        <v>50000</v>
      </c>
      <c r="AJ2156">
        <v>0</v>
      </c>
      <c r="AK2156" t="s">
        <v>6</v>
      </c>
      <c r="AL2156">
        <v>0</v>
      </c>
      <c r="AM2156">
        <v>0</v>
      </c>
      <c r="AN2156">
        <v>0</v>
      </c>
      <c r="AO2156">
        <v>0</v>
      </c>
      <c r="AP2156">
        <v>0</v>
      </c>
      <c r="AQ2156">
        <v>0</v>
      </c>
      <c r="AR2156">
        <v>0</v>
      </c>
      <c r="AS2156">
        <v>0</v>
      </c>
      <c r="AT2156">
        <v>0</v>
      </c>
      <c r="AU2156">
        <v>0</v>
      </c>
      <c r="AV2156">
        <v>0</v>
      </c>
      <c r="AW2156">
        <v>0</v>
      </c>
      <c r="AX2156">
        <v>0</v>
      </c>
      <c r="AY2156">
        <v>0</v>
      </c>
      <c r="AZ2156">
        <v>0</v>
      </c>
      <c r="BA2156">
        <v>0</v>
      </c>
    </row>
    <row r="2157" spans="1:53" x14ac:dyDescent="0.4">
      <c r="A2157">
        <v>2201</v>
      </c>
      <c r="B2157" s="1">
        <v>43516</v>
      </c>
      <c r="C2157">
        <v>2</v>
      </c>
      <c r="D2157" s="1">
        <v>43516.455555555556</v>
      </c>
      <c r="E2157" s="1">
        <v>43516.729861111111</v>
      </c>
      <c r="F2157">
        <v>23000</v>
      </c>
      <c r="G2157">
        <v>320</v>
      </c>
      <c r="H2157">
        <v>0</v>
      </c>
      <c r="I2157">
        <v>0</v>
      </c>
      <c r="J2157">
        <v>0</v>
      </c>
      <c r="K2157">
        <v>0</v>
      </c>
      <c r="L2157">
        <v>0</v>
      </c>
      <c r="M2157">
        <v>1866</v>
      </c>
      <c r="N2157">
        <v>0</v>
      </c>
      <c r="O2157">
        <v>0</v>
      </c>
      <c r="P2157">
        <v>21060</v>
      </c>
      <c r="Q2157">
        <v>0</v>
      </c>
      <c r="R2157">
        <v>46246</v>
      </c>
      <c r="S2157">
        <v>0</v>
      </c>
      <c r="T2157">
        <v>0</v>
      </c>
      <c r="U2157">
        <v>0</v>
      </c>
      <c r="V2157">
        <v>0</v>
      </c>
      <c r="W2157">
        <v>0</v>
      </c>
      <c r="X2157">
        <v>0</v>
      </c>
      <c r="Y2157">
        <v>65</v>
      </c>
      <c r="Z2157">
        <v>19</v>
      </c>
      <c r="AA2157">
        <v>160</v>
      </c>
      <c r="AB2157">
        <v>67</v>
      </c>
      <c r="AC2157">
        <v>219</v>
      </c>
      <c r="AD2157">
        <v>21</v>
      </c>
      <c r="AE2157">
        <v>101</v>
      </c>
      <c r="AF2157">
        <v>0</v>
      </c>
      <c r="AG2157">
        <v>96246</v>
      </c>
      <c r="AH2157">
        <v>50000</v>
      </c>
      <c r="AI2157">
        <v>0</v>
      </c>
      <c r="AJ2157">
        <v>96</v>
      </c>
      <c r="AK2157" t="s">
        <v>4</v>
      </c>
      <c r="AL2157">
        <v>0</v>
      </c>
      <c r="AM2157">
        <v>0</v>
      </c>
      <c r="AN2157">
        <v>0</v>
      </c>
      <c r="AO2157">
        <v>0</v>
      </c>
      <c r="AP2157">
        <v>0</v>
      </c>
      <c r="AQ2157">
        <v>0</v>
      </c>
      <c r="AR2157">
        <v>0</v>
      </c>
      <c r="AS2157">
        <v>0</v>
      </c>
      <c r="AT2157">
        <v>0</v>
      </c>
      <c r="AU2157">
        <v>0</v>
      </c>
      <c r="AV2157">
        <v>0</v>
      </c>
      <c r="AW2157">
        <v>0</v>
      </c>
      <c r="AX2157">
        <v>-130</v>
      </c>
      <c r="AY2157">
        <v>40</v>
      </c>
      <c r="AZ2157">
        <v>83</v>
      </c>
      <c r="BA2157">
        <v>6008</v>
      </c>
    </row>
    <row r="2158" spans="1:53" x14ac:dyDescent="0.4">
      <c r="A2158">
        <v>2202</v>
      </c>
      <c r="B2158" s="1">
        <v>43516</v>
      </c>
      <c r="C2158">
        <v>3</v>
      </c>
      <c r="D2158" s="1">
        <v>43516.729861111111</v>
      </c>
      <c r="E2158" s="1">
        <v>43516.76458333333</v>
      </c>
      <c r="F2158">
        <v>9500</v>
      </c>
      <c r="G2158">
        <v>880</v>
      </c>
      <c r="H2158">
        <v>0</v>
      </c>
      <c r="I2158">
        <v>0</v>
      </c>
      <c r="J2158">
        <v>0</v>
      </c>
      <c r="K2158">
        <v>0</v>
      </c>
      <c r="L2158">
        <v>0</v>
      </c>
      <c r="M2158">
        <v>830</v>
      </c>
      <c r="N2158">
        <v>0</v>
      </c>
      <c r="O2158">
        <v>0</v>
      </c>
      <c r="P2158">
        <v>-7020</v>
      </c>
      <c r="Q2158">
        <v>0</v>
      </c>
      <c r="R2158">
        <v>4190</v>
      </c>
      <c r="S2158">
        <v>0</v>
      </c>
      <c r="T2158">
        <v>0</v>
      </c>
      <c r="U2158">
        <v>0</v>
      </c>
      <c r="V2158">
        <v>1</v>
      </c>
      <c r="W2158">
        <v>1</v>
      </c>
      <c r="X2158">
        <v>0</v>
      </c>
      <c r="Y2158">
        <v>54</v>
      </c>
      <c r="Z2158">
        <v>19</v>
      </c>
      <c r="AA2158">
        <v>160</v>
      </c>
      <c r="AB2158">
        <v>70</v>
      </c>
      <c r="AC2158">
        <v>222</v>
      </c>
      <c r="AD2158">
        <v>23</v>
      </c>
      <c r="AE2158">
        <v>101</v>
      </c>
      <c r="AF2158">
        <v>0</v>
      </c>
      <c r="AG2158">
        <v>100436</v>
      </c>
      <c r="AH2158">
        <v>50000</v>
      </c>
      <c r="AI2158">
        <v>0</v>
      </c>
      <c r="AJ2158">
        <v>29</v>
      </c>
      <c r="AK2158" t="s">
        <v>28</v>
      </c>
      <c r="AL2158">
        <v>0</v>
      </c>
      <c r="AM2158">
        <v>0</v>
      </c>
      <c r="AN2158">
        <v>0</v>
      </c>
      <c r="AO2158">
        <v>0</v>
      </c>
      <c r="AP2158">
        <v>0</v>
      </c>
      <c r="AQ2158">
        <v>0</v>
      </c>
      <c r="AR2158">
        <v>0</v>
      </c>
      <c r="AS2158">
        <v>0</v>
      </c>
      <c r="AT2158">
        <v>0</v>
      </c>
      <c r="AU2158">
        <v>0</v>
      </c>
      <c r="AV2158">
        <v>0</v>
      </c>
      <c r="AW2158">
        <v>0</v>
      </c>
      <c r="AX2158">
        <v>0</v>
      </c>
      <c r="AY2158">
        <v>3</v>
      </c>
      <c r="AZ2158">
        <v>6</v>
      </c>
      <c r="BA2158">
        <v>852</v>
      </c>
    </row>
    <row r="2159" spans="1:53" x14ac:dyDescent="0.4">
      <c r="A2159">
        <v>2203</v>
      </c>
      <c r="B2159" s="1">
        <v>43516</v>
      </c>
      <c r="C2159">
        <v>4</v>
      </c>
      <c r="D2159" s="1">
        <v>43516.76458333333</v>
      </c>
      <c r="E2159" s="1">
        <v>43516.95208333333</v>
      </c>
      <c r="F2159">
        <v>32660</v>
      </c>
      <c r="G2159">
        <v>0</v>
      </c>
      <c r="H2159">
        <v>200</v>
      </c>
      <c r="I2159">
        <v>0</v>
      </c>
      <c r="J2159">
        <v>0</v>
      </c>
      <c r="K2159">
        <v>0</v>
      </c>
      <c r="L2159">
        <v>0</v>
      </c>
      <c r="M2159">
        <v>2628</v>
      </c>
      <c r="N2159">
        <v>0</v>
      </c>
      <c r="O2159">
        <v>0</v>
      </c>
      <c r="P2159">
        <v>2808</v>
      </c>
      <c r="Q2159">
        <v>0</v>
      </c>
      <c r="R2159">
        <v>38296</v>
      </c>
      <c r="S2159">
        <v>0</v>
      </c>
      <c r="T2159">
        <v>0</v>
      </c>
      <c r="U2159">
        <v>0</v>
      </c>
      <c r="V2159">
        <v>3</v>
      </c>
      <c r="W2159">
        <v>3</v>
      </c>
      <c r="X2159">
        <v>0</v>
      </c>
      <c r="Y2159">
        <v>62</v>
      </c>
      <c r="Z2159">
        <v>19</v>
      </c>
      <c r="AA2159">
        <v>164</v>
      </c>
      <c r="AB2159">
        <v>21</v>
      </c>
      <c r="AC2159">
        <v>206</v>
      </c>
      <c r="AD2159">
        <v>74</v>
      </c>
      <c r="AE2159">
        <v>102</v>
      </c>
      <c r="AF2159">
        <v>0</v>
      </c>
      <c r="AG2159">
        <v>136482</v>
      </c>
      <c r="AH2159">
        <v>50000</v>
      </c>
      <c r="AI2159">
        <v>-2250</v>
      </c>
      <c r="AJ2159">
        <v>108</v>
      </c>
      <c r="AK2159" t="s">
        <v>30</v>
      </c>
      <c r="AL2159">
        <v>0</v>
      </c>
      <c r="AM2159">
        <v>0</v>
      </c>
      <c r="AN2159">
        <v>0</v>
      </c>
      <c r="AO2159">
        <v>0</v>
      </c>
      <c r="AP2159">
        <v>0</v>
      </c>
      <c r="AQ2159">
        <v>0</v>
      </c>
      <c r="AR2159">
        <v>0</v>
      </c>
      <c r="AS2159">
        <v>0</v>
      </c>
      <c r="AT2159">
        <v>0</v>
      </c>
      <c r="AU2159">
        <v>0</v>
      </c>
      <c r="AV2159">
        <v>0</v>
      </c>
      <c r="AW2159">
        <v>0</v>
      </c>
      <c r="AX2159">
        <v>1306</v>
      </c>
      <c r="AY2159">
        <v>13</v>
      </c>
      <c r="AZ2159">
        <v>34</v>
      </c>
      <c r="BA2159">
        <v>1775</v>
      </c>
    </row>
    <row r="2160" spans="1:53" x14ac:dyDescent="0.4">
      <c r="A2160">
        <v>2204</v>
      </c>
      <c r="B2160" s="1">
        <v>43516</v>
      </c>
      <c r="C2160">
        <v>5</v>
      </c>
      <c r="D2160" s="1">
        <v>43516.95208333333</v>
      </c>
      <c r="E2160" s="1">
        <v>43516.953472222223</v>
      </c>
      <c r="F2160">
        <v>0</v>
      </c>
      <c r="G2160">
        <v>0</v>
      </c>
      <c r="H2160">
        <v>0</v>
      </c>
      <c r="I2160">
        <v>0</v>
      </c>
      <c r="J2160">
        <v>0</v>
      </c>
      <c r="K2160">
        <v>0</v>
      </c>
      <c r="L2160">
        <v>0</v>
      </c>
      <c r="M2160">
        <v>0</v>
      </c>
      <c r="N2160">
        <v>0</v>
      </c>
      <c r="O2160">
        <v>0</v>
      </c>
      <c r="P2160">
        <v>0</v>
      </c>
      <c r="Q2160">
        <v>0</v>
      </c>
      <c r="R2160">
        <v>0</v>
      </c>
      <c r="S2160">
        <v>0</v>
      </c>
      <c r="T2160">
        <v>0</v>
      </c>
      <c r="U2160">
        <v>0</v>
      </c>
      <c r="V2160">
        <v>3</v>
      </c>
      <c r="W2160">
        <v>3</v>
      </c>
      <c r="X2160">
        <v>0</v>
      </c>
      <c r="Y2160">
        <v>62</v>
      </c>
      <c r="Z2160">
        <v>19</v>
      </c>
      <c r="AA2160">
        <v>164</v>
      </c>
      <c r="AB2160">
        <v>71</v>
      </c>
      <c r="AC2160">
        <v>206</v>
      </c>
      <c r="AD2160">
        <v>24</v>
      </c>
      <c r="AE2160">
        <v>102</v>
      </c>
      <c r="AF2160">
        <v>0</v>
      </c>
      <c r="AG2160">
        <v>138732</v>
      </c>
      <c r="AH2160">
        <v>50000</v>
      </c>
      <c r="AI2160">
        <v>0</v>
      </c>
      <c r="AJ2160">
        <v>108</v>
      </c>
      <c r="AK2160" t="s">
        <v>30</v>
      </c>
      <c r="AL2160">
        <v>0</v>
      </c>
      <c r="AM2160">
        <v>0</v>
      </c>
      <c r="AN2160">
        <v>0</v>
      </c>
      <c r="AO2160">
        <v>0</v>
      </c>
      <c r="AP2160">
        <v>0</v>
      </c>
      <c r="AQ2160">
        <v>0</v>
      </c>
      <c r="AR2160">
        <v>0</v>
      </c>
      <c r="AS2160">
        <v>0</v>
      </c>
      <c r="AT2160">
        <v>0</v>
      </c>
      <c r="AU2160">
        <v>0</v>
      </c>
      <c r="AV2160">
        <v>0</v>
      </c>
      <c r="AW2160">
        <v>0</v>
      </c>
      <c r="AX2160">
        <v>1306</v>
      </c>
      <c r="AY2160">
        <v>0</v>
      </c>
      <c r="AZ2160">
        <v>0</v>
      </c>
      <c r="BA2160">
        <v>6</v>
      </c>
    </row>
    <row r="2161" spans="1:53" x14ac:dyDescent="0.4">
      <c r="A2161">
        <v>2205</v>
      </c>
      <c r="B2161" s="1">
        <v>43516</v>
      </c>
      <c r="C2161">
        <v>6</v>
      </c>
      <c r="D2161" s="1">
        <v>43516.953472222223</v>
      </c>
      <c r="E2161" s="1">
        <v>43517.088194444441</v>
      </c>
      <c r="F2161">
        <v>29600</v>
      </c>
      <c r="G2161">
        <v>380</v>
      </c>
      <c r="H2161">
        <v>200</v>
      </c>
      <c r="I2161">
        <v>0</v>
      </c>
      <c r="J2161">
        <v>380</v>
      </c>
      <c r="K2161">
        <v>0</v>
      </c>
      <c r="L2161">
        <v>0</v>
      </c>
      <c r="M2161">
        <v>2384</v>
      </c>
      <c r="N2161">
        <v>0</v>
      </c>
      <c r="O2161">
        <v>0</v>
      </c>
      <c r="P2161">
        <v>-9504</v>
      </c>
      <c r="Q2161">
        <v>0</v>
      </c>
      <c r="R2161">
        <v>22680</v>
      </c>
      <c r="S2161">
        <v>0</v>
      </c>
      <c r="T2161">
        <v>0</v>
      </c>
      <c r="U2161">
        <v>0</v>
      </c>
      <c r="V2161">
        <v>4</v>
      </c>
      <c r="W2161">
        <v>4</v>
      </c>
      <c r="X2161">
        <v>0</v>
      </c>
      <c r="Y2161">
        <v>66</v>
      </c>
      <c r="Z2161">
        <v>17</v>
      </c>
      <c r="AA2161">
        <v>161</v>
      </c>
      <c r="AB2161">
        <v>71</v>
      </c>
      <c r="AC2161">
        <v>205</v>
      </c>
      <c r="AD2161">
        <v>26</v>
      </c>
      <c r="AE2161">
        <v>104</v>
      </c>
      <c r="AF2161">
        <v>4968</v>
      </c>
      <c r="AG2161">
        <v>161402</v>
      </c>
      <c r="AH2161">
        <v>50000</v>
      </c>
      <c r="AI2161">
        <v>-10</v>
      </c>
      <c r="AJ2161">
        <v>108</v>
      </c>
      <c r="AK2161" t="s">
        <v>30</v>
      </c>
      <c r="AL2161">
        <v>0</v>
      </c>
      <c r="AM2161">
        <v>0</v>
      </c>
      <c r="AN2161">
        <v>0</v>
      </c>
      <c r="AO2161">
        <v>0</v>
      </c>
      <c r="AP2161">
        <v>0</v>
      </c>
      <c r="AQ2161">
        <v>0</v>
      </c>
      <c r="AR2161">
        <v>0</v>
      </c>
      <c r="AS2161">
        <v>0</v>
      </c>
      <c r="AT2161">
        <v>0</v>
      </c>
      <c r="AU2161">
        <v>0</v>
      </c>
      <c r="AV2161">
        <v>0</v>
      </c>
      <c r="AW2161">
        <v>0</v>
      </c>
      <c r="AX2161">
        <v>5238</v>
      </c>
      <c r="AY2161">
        <v>3</v>
      </c>
      <c r="AZ2161">
        <v>11</v>
      </c>
      <c r="BA2161">
        <v>671</v>
      </c>
    </row>
    <row r="2162" spans="1:53" x14ac:dyDescent="0.4">
      <c r="A2162">
        <v>2206</v>
      </c>
      <c r="B2162" s="1">
        <v>43517</v>
      </c>
      <c r="C2162">
        <v>1</v>
      </c>
      <c r="D2162" s="1">
        <v>43517.291666666664</v>
      </c>
      <c r="E2162" s="1">
        <v>43517.456250000003</v>
      </c>
      <c r="F2162">
        <v>0</v>
      </c>
      <c r="G2162">
        <v>0</v>
      </c>
      <c r="H2162">
        <v>0</v>
      </c>
      <c r="I2162">
        <v>0</v>
      </c>
      <c r="J2162">
        <v>0</v>
      </c>
      <c r="K2162">
        <v>0</v>
      </c>
      <c r="L2162">
        <v>0</v>
      </c>
      <c r="M2162">
        <v>0</v>
      </c>
      <c r="N2162">
        <v>0</v>
      </c>
      <c r="O2162">
        <v>0</v>
      </c>
      <c r="P2162">
        <v>0</v>
      </c>
      <c r="Q2162">
        <v>0</v>
      </c>
      <c r="R2162">
        <v>0</v>
      </c>
      <c r="S2162">
        <v>0</v>
      </c>
      <c r="T2162">
        <v>0</v>
      </c>
      <c r="U2162">
        <v>0</v>
      </c>
      <c r="V2162">
        <v>0</v>
      </c>
      <c r="W2162">
        <v>0</v>
      </c>
      <c r="X2162">
        <v>0</v>
      </c>
      <c r="Y2162">
        <v>30</v>
      </c>
      <c r="Z2162">
        <v>8</v>
      </c>
      <c r="AA2162">
        <v>111</v>
      </c>
      <c r="AB2162">
        <v>71</v>
      </c>
      <c r="AC2162">
        <v>112</v>
      </c>
      <c r="AD2162">
        <v>26</v>
      </c>
      <c r="AE2162">
        <v>100</v>
      </c>
      <c r="AF2162">
        <v>0</v>
      </c>
      <c r="AG2162">
        <v>50000</v>
      </c>
      <c r="AH2162">
        <v>0</v>
      </c>
      <c r="AI2162">
        <v>50000</v>
      </c>
      <c r="AJ2162">
        <v>0</v>
      </c>
      <c r="AK2162" t="s">
        <v>6</v>
      </c>
      <c r="AL2162">
        <v>0</v>
      </c>
      <c r="AM2162">
        <v>0</v>
      </c>
      <c r="AN2162">
        <v>0</v>
      </c>
      <c r="AO2162">
        <v>0</v>
      </c>
      <c r="AP2162">
        <v>0</v>
      </c>
      <c r="AQ2162">
        <v>0</v>
      </c>
      <c r="AR2162">
        <v>0</v>
      </c>
      <c r="AS2162">
        <v>0</v>
      </c>
      <c r="AT2162">
        <v>0</v>
      </c>
      <c r="AU2162">
        <v>0</v>
      </c>
      <c r="AV2162">
        <v>0</v>
      </c>
      <c r="AW2162">
        <v>0</v>
      </c>
      <c r="AX2162">
        <v>0</v>
      </c>
      <c r="AY2162">
        <v>0</v>
      </c>
      <c r="AZ2162">
        <v>0</v>
      </c>
      <c r="BA2162">
        <v>0</v>
      </c>
    </row>
    <row r="2163" spans="1:53" x14ac:dyDescent="0.4">
      <c r="A2163">
        <v>2207</v>
      </c>
      <c r="B2163" s="1">
        <v>43517</v>
      </c>
      <c r="C2163">
        <v>2</v>
      </c>
      <c r="D2163" s="1">
        <v>43517.456250000003</v>
      </c>
      <c r="E2163" s="1">
        <v>43517.739583333336</v>
      </c>
      <c r="F2163">
        <v>26500</v>
      </c>
      <c r="G2163">
        <v>1100</v>
      </c>
      <c r="H2163">
        <v>0</v>
      </c>
      <c r="I2163">
        <v>0</v>
      </c>
      <c r="J2163">
        <v>0</v>
      </c>
      <c r="K2163">
        <v>0</v>
      </c>
      <c r="L2163">
        <v>0</v>
      </c>
      <c r="M2163">
        <v>2208</v>
      </c>
      <c r="N2163">
        <v>0</v>
      </c>
      <c r="O2163">
        <v>0</v>
      </c>
      <c r="P2163">
        <v>10800</v>
      </c>
      <c r="Q2163">
        <v>0</v>
      </c>
      <c r="R2163">
        <v>40608</v>
      </c>
      <c r="S2163">
        <v>0</v>
      </c>
      <c r="T2163">
        <v>0</v>
      </c>
      <c r="U2163">
        <v>0</v>
      </c>
      <c r="V2163">
        <v>1</v>
      </c>
      <c r="W2163">
        <v>3</v>
      </c>
      <c r="X2163">
        <v>0</v>
      </c>
      <c r="Y2163">
        <v>39</v>
      </c>
      <c r="Z2163">
        <v>14</v>
      </c>
      <c r="AA2163">
        <v>137</v>
      </c>
      <c r="AB2163">
        <v>77</v>
      </c>
      <c r="AC2163">
        <v>177</v>
      </c>
      <c r="AD2163">
        <v>31</v>
      </c>
      <c r="AE2163">
        <v>133</v>
      </c>
      <c r="AF2163">
        <v>0</v>
      </c>
      <c r="AG2163">
        <v>90608</v>
      </c>
      <c r="AH2163">
        <v>50000</v>
      </c>
      <c r="AI2163">
        <v>0</v>
      </c>
      <c r="AJ2163">
        <v>96</v>
      </c>
      <c r="AK2163" t="s">
        <v>4</v>
      </c>
      <c r="AL2163">
        <v>0</v>
      </c>
      <c r="AM2163">
        <v>0</v>
      </c>
      <c r="AN2163">
        <v>0</v>
      </c>
      <c r="AO2163">
        <v>0</v>
      </c>
      <c r="AP2163">
        <v>0</v>
      </c>
      <c r="AQ2163">
        <v>0</v>
      </c>
      <c r="AR2163">
        <v>0</v>
      </c>
      <c r="AS2163">
        <v>0</v>
      </c>
      <c r="AT2163">
        <v>0</v>
      </c>
      <c r="AU2163">
        <v>0</v>
      </c>
      <c r="AV2163">
        <v>0</v>
      </c>
      <c r="AW2163">
        <v>0</v>
      </c>
      <c r="AX2163">
        <v>150</v>
      </c>
      <c r="AY2163">
        <v>38</v>
      </c>
      <c r="AZ2163">
        <v>71</v>
      </c>
      <c r="BA2163">
        <v>5795</v>
      </c>
    </row>
    <row r="2164" spans="1:53" x14ac:dyDescent="0.4">
      <c r="A2164">
        <v>2208</v>
      </c>
      <c r="B2164" s="1">
        <v>43517</v>
      </c>
      <c r="C2164">
        <v>3</v>
      </c>
      <c r="D2164" s="1">
        <v>43517.739583333336</v>
      </c>
      <c r="E2164" s="1">
        <v>43517.956250000003</v>
      </c>
      <c r="F2164">
        <v>30500</v>
      </c>
      <c r="G2164">
        <v>1140</v>
      </c>
      <c r="H2164">
        <v>0</v>
      </c>
      <c r="I2164">
        <v>0</v>
      </c>
      <c r="J2164">
        <v>0</v>
      </c>
      <c r="K2164">
        <v>0</v>
      </c>
      <c r="L2164">
        <v>0</v>
      </c>
      <c r="M2164">
        <v>2530</v>
      </c>
      <c r="N2164">
        <v>0</v>
      </c>
      <c r="O2164">
        <v>0</v>
      </c>
      <c r="P2164">
        <v>5400</v>
      </c>
      <c r="Q2164">
        <v>0</v>
      </c>
      <c r="R2164">
        <v>39570</v>
      </c>
      <c r="S2164">
        <v>0</v>
      </c>
      <c r="T2164">
        <v>0</v>
      </c>
      <c r="U2164">
        <v>0</v>
      </c>
      <c r="V2164">
        <v>1</v>
      </c>
      <c r="W2164">
        <v>4</v>
      </c>
      <c r="X2164">
        <v>0</v>
      </c>
      <c r="Y2164">
        <v>49</v>
      </c>
      <c r="Z2164">
        <v>16</v>
      </c>
      <c r="AA2164">
        <v>157</v>
      </c>
      <c r="AB2164">
        <v>81</v>
      </c>
      <c r="AC2164">
        <v>183</v>
      </c>
      <c r="AD2164">
        <v>32</v>
      </c>
      <c r="AE2164">
        <v>134</v>
      </c>
      <c r="AF2164">
        <v>21384</v>
      </c>
      <c r="AG2164">
        <v>130258</v>
      </c>
      <c r="AH2164">
        <v>50000</v>
      </c>
      <c r="AI2164">
        <v>80</v>
      </c>
      <c r="AJ2164">
        <v>108</v>
      </c>
      <c r="AK2164" t="s">
        <v>30</v>
      </c>
      <c r="AL2164">
        <v>0</v>
      </c>
      <c r="AM2164">
        <v>0</v>
      </c>
      <c r="AN2164">
        <v>0</v>
      </c>
      <c r="AO2164">
        <v>0</v>
      </c>
      <c r="AP2164">
        <v>0</v>
      </c>
      <c r="AQ2164">
        <v>0</v>
      </c>
      <c r="AR2164">
        <v>0</v>
      </c>
      <c r="AS2164">
        <v>0</v>
      </c>
      <c r="AT2164">
        <v>0</v>
      </c>
      <c r="AU2164">
        <v>0</v>
      </c>
      <c r="AV2164">
        <v>0</v>
      </c>
      <c r="AW2164">
        <v>0</v>
      </c>
      <c r="AX2164">
        <v>18885</v>
      </c>
      <c r="AY2164">
        <v>12</v>
      </c>
      <c r="AZ2164">
        <v>48</v>
      </c>
      <c r="BA2164">
        <v>1723</v>
      </c>
    </row>
    <row r="2165" spans="1:53" x14ac:dyDescent="0.4">
      <c r="A2165">
        <v>2209</v>
      </c>
      <c r="B2165" s="1">
        <v>43517</v>
      </c>
      <c r="C2165">
        <v>4</v>
      </c>
      <c r="D2165" s="1">
        <v>43517.956250000003</v>
      </c>
      <c r="E2165" s="1">
        <v>43518.082638888889</v>
      </c>
      <c r="F2165">
        <v>40480</v>
      </c>
      <c r="G2165">
        <v>2350</v>
      </c>
      <c r="H2165">
        <v>400</v>
      </c>
      <c r="I2165">
        <v>0</v>
      </c>
      <c r="J2165">
        <v>0</v>
      </c>
      <c r="K2165">
        <v>0</v>
      </c>
      <c r="L2165">
        <v>0</v>
      </c>
      <c r="M2165">
        <v>3458</v>
      </c>
      <c r="N2165">
        <v>0</v>
      </c>
      <c r="O2165">
        <v>0</v>
      </c>
      <c r="P2165">
        <v>14753</v>
      </c>
      <c r="Q2165">
        <v>0</v>
      </c>
      <c r="R2165">
        <v>61441</v>
      </c>
      <c r="S2165">
        <v>0</v>
      </c>
      <c r="T2165">
        <v>0</v>
      </c>
      <c r="U2165">
        <v>0</v>
      </c>
      <c r="V2165">
        <v>5</v>
      </c>
      <c r="W2165">
        <v>4</v>
      </c>
      <c r="X2165">
        <v>0</v>
      </c>
      <c r="Y2165">
        <v>61</v>
      </c>
      <c r="Z2165">
        <v>18</v>
      </c>
      <c r="AA2165">
        <v>160</v>
      </c>
      <c r="AB2165">
        <v>79</v>
      </c>
      <c r="AC2165">
        <v>170</v>
      </c>
      <c r="AD2165">
        <v>32</v>
      </c>
      <c r="AE2165">
        <v>131</v>
      </c>
      <c r="AF2165">
        <v>29668</v>
      </c>
      <c r="AG2165">
        <v>191609</v>
      </c>
      <c r="AH2165">
        <v>50000</v>
      </c>
      <c r="AI2165">
        <v>-10</v>
      </c>
      <c r="AJ2165">
        <v>100</v>
      </c>
      <c r="AK2165" t="s">
        <v>0</v>
      </c>
      <c r="AL2165">
        <v>0</v>
      </c>
      <c r="AM2165">
        <v>0</v>
      </c>
      <c r="AN2165">
        <v>0</v>
      </c>
      <c r="AO2165">
        <v>0</v>
      </c>
      <c r="AP2165">
        <v>0</v>
      </c>
      <c r="AQ2165">
        <v>0</v>
      </c>
      <c r="AR2165">
        <v>0</v>
      </c>
      <c r="AS2165">
        <v>0</v>
      </c>
      <c r="AT2165">
        <v>0</v>
      </c>
      <c r="AU2165">
        <v>0</v>
      </c>
      <c r="AV2165">
        <v>0</v>
      </c>
      <c r="AW2165">
        <v>0</v>
      </c>
      <c r="AX2165">
        <v>-3478</v>
      </c>
      <c r="AY2165">
        <v>5</v>
      </c>
      <c r="AZ2165">
        <v>14</v>
      </c>
      <c r="BA2165">
        <v>900</v>
      </c>
    </row>
    <row r="2166" spans="1:53" x14ac:dyDescent="0.4">
      <c r="A2166">
        <v>2210</v>
      </c>
      <c r="B2166" s="1">
        <v>43518</v>
      </c>
      <c r="C2166">
        <v>1</v>
      </c>
      <c r="D2166" s="1">
        <v>43518.291666666664</v>
      </c>
      <c r="E2166" s="1">
        <v>43518.456250000003</v>
      </c>
      <c r="F2166">
        <v>0</v>
      </c>
      <c r="G2166">
        <v>0</v>
      </c>
      <c r="H2166">
        <v>0</v>
      </c>
      <c r="I2166">
        <v>0</v>
      </c>
      <c r="J2166">
        <v>0</v>
      </c>
      <c r="K2166">
        <v>0</v>
      </c>
      <c r="L2166">
        <v>0</v>
      </c>
      <c r="M2166">
        <v>0</v>
      </c>
      <c r="N2166">
        <v>0</v>
      </c>
      <c r="O2166">
        <v>0</v>
      </c>
      <c r="P2166">
        <v>0</v>
      </c>
      <c r="Q2166">
        <v>0</v>
      </c>
      <c r="R2166">
        <v>0</v>
      </c>
      <c r="S2166">
        <v>0</v>
      </c>
      <c r="T2166">
        <v>0</v>
      </c>
      <c r="U2166">
        <v>0</v>
      </c>
      <c r="V2166">
        <v>0</v>
      </c>
      <c r="W2166">
        <v>0</v>
      </c>
      <c r="X2166">
        <v>0</v>
      </c>
      <c r="Y2166">
        <v>29</v>
      </c>
      <c r="Z2166">
        <v>11</v>
      </c>
      <c r="AA2166">
        <v>100</v>
      </c>
      <c r="AB2166">
        <v>80</v>
      </c>
      <c r="AC2166">
        <v>122</v>
      </c>
      <c r="AD2166">
        <v>30</v>
      </c>
      <c r="AE2166">
        <v>130</v>
      </c>
      <c r="AF2166">
        <v>0</v>
      </c>
      <c r="AG2166">
        <v>50000</v>
      </c>
      <c r="AH2166">
        <v>0</v>
      </c>
      <c r="AI2166">
        <v>50000</v>
      </c>
      <c r="AJ2166">
        <v>0</v>
      </c>
      <c r="AK2166" t="s">
        <v>6</v>
      </c>
      <c r="AL2166">
        <v>0</v>
      </c>
      <c r="AM2166">
        <v>0</v>
      </c>
      <c r="AN2166">
        <v>0</v>
      </c>
      <c r="AO2166">
        <v>0</v>
      </c>
      <c r="AP2166">
        <v>0</v>
      </c>
      <c r="AQ2166">
        <v>0</v>
      </c>
      <c r="AR2166">
        <v>0</v>
      </c>
      <c r="AS2166">
        <v>0</v>
      </c>
      <c r="AT2166">
        <v>0</v>
      </c>
      <c r="AU2166">
        <v>0</v>
      </c>
      <c r="AV2166">
        <v>0</v>
      </c>
      <c r="AW2166">
        <v>0</v>
      </c>
      <c r="AX2166">
        <v>0</v>
      </c>
      <c r="AY2166">
        <v>0</v>
      </c>
      <c r="AZ2166">
        <v>0</v>
      </c>
      <c r="BA2166">
        <v>0</v>
      </c>
    </row>
    <row r="2167" spans="1:53" x14ac:dyDescent="0.4">
      <c r="A2167">
        <v>2211</v>
      </c>
      <c r="B2167" s="1">
        <v>43518</v>
      </c>
      <c r="C2167">
        <v>2</v>
      </c>
      <c r="D2167" s="1">
        <v>43518.456250000003</v>
      </c>
      <c r="E2167" s="1">
        <v>43518.740277777775</v>
      </c>
      <c r="F2167">
        <v>22000</v>
      </c>
      <c r="G2167">
        <v>1060</v>
      </c>
      <c r="H2167">
        <v>0</v>
      </c>
      <c r="I2167">
        <v>0</v>
      </c>
      <c r="J2167">
        <v>0</v>
      </c>
      <c r="K2167">
        <v>0</v>
      </c>
      <c r="L2167">
        <v>0</v>
      </c>
      <c r="M2167">
        <v>1844</v>
      </c>
      <c r="N2167">
        <v>0</v>
      </c>
      <c r="O2167">
        <v>0</v>
      </c>
      <c r="P2167">
        <v>23760</v>
      </c>
      <c r="Q2167">
        <v>0</v>
      </c>
      <c r="R2167">
        <v>48664</v>
      </c>
      <c r="S2167">
        <v>0</v>
      </c>
      <c r="T2167">
        <v>0</v>
      </c>
      <c r="U2167">
        <v>0</v>
      </c>
      <c r="V2167">
        <v>1</v>
      </c>
      <c r="W2167">
        <v>1</v>
      </c>
      <c r="X2167">
        <v>0</v>
      </c>
      <c r="Y2167">
        <v>52</v>
      </c>
      <c r="Z2167">
        <v>32</v>
      </c>
      <c r="AA2167">
        <v>89</v>
      </c>
      <c r="AB2167">
        <v>76</v>
      </c>
      <c r="AC2167">
        <v>213</v>
      </c>
      <c r="AD2167">
        <v>29</v>
      </c>
      <c r="AE2167">
        <v>128</v>
      </c>
      <c r="AF2167">
        <v>561</v>
      </c>
      <c r="AG2167">
        <v>98664</v>
      </c>
      <c r="AH2167">
        <v>50000</v>
      </c>
      <c r="AI2167">
        <v>0</v>
      </c>
      <c r="AJ2167">
        <v>96</v>
      </c>
      <c r="AK2167" t="s">
        <v>4</v>
      </c>
      <c r="AL2167">
        <v>0</v>
      </c>
      <c r="AM2167">
        <v>0</v>
      </c>
      <c r="AN2167">
        <v>0</v>
      </c>
      <c r="AO2167">
        <v>0</v>
      </c>
      <c r="AP2167">
        <v>0</v>
      </c>
      <c r="AQ2167">
        <v>0</v>
      </c>
      <c r="AR2167">
        <v>0</v>
      </c>
      <c r="AS2167">
        <v>0</v>
      </c>
      <c r="AT2167">
        <v>0</v>
      </c>
      <c r="AU2167">
        <v>0</v>
      </c>
      <c r="AV2167">
        <v>0</v>
      </c>
      <c r="AW2167">
        <v>0</v>
      </c>
      <c r="AX2167">
        <v>0</v>
      </c>
      <c r="AY2167">
        <v>41</v>
      </c>
      <c r="AZ2167">
        <v>88</v>
      </c>
      <c r="BA2167">
        <v>6124</v>
      </c>
    </row>
    <row r="2168" spans="1:53" x14ac:dyDescent="0.4">
      <c r="A2168">
        <v>2212</v>
      </c>
      <c r="B2168" s="1">
        <v>43518</v>
      </c>
      <c r="C2168">
        <v>3</v>
      </c>
      <c r="D2168" s="1">
        <v>43518.740277777775</v>
      </c>
      <c r="E2168" s="1">
        <v>43518.956944444442</v>
      </c>
      <c r="F2168">
        <v>79740</v>
      </c>
      <c r="G2168">
        <v>3390</v>
      </c>
      <c r="H2168">
        <v>0</v>
      </c>
      <c r="I2168">
        <v>0</v>
      </c>
      <c r="J2168">
        <v>0</v>
      </c>
      <c r="K2168">
        <v>0</v>
      </c>
      <c r="L2168">
        <v>0</v>
      </c>
      <c r="M2168">
        <v>6650</v>
      </c>
      <c r="N2168">
        <v>0</v>
      </c>
      <c r="O2168">
        <v>0</v>
      </c>
      <c r="P2168">
        <v>-23760</v>
      </c>
      <c r="Q2168">
        <v>0</v>
      </c>
      <c r="R2168">
        <v>66020</v>
      </c>
      <c r="S2168">
        <v>0</v>
      </c>
      <c r="T2168">
        <v>0</v>
      </c>
      <c r="U2168">
        <v>0</v>
      </c>
      <c r="V2168">
        <v>5</v>
      </c>
      <c r="W2168">
        <v>1</v>
      </c>
      <c r="X2168">
        <v>0</v>
      </c>
      <c r="Y2168">
        <v>54</v>
      </c>
      <c r="Z2168">
        <v>31</v>
      </c>
      <c r="AA2168">
        <v>82</v>
      </c>
      <c r="AB2168">
        <v>75</v>
      </c>
      <c r="AC2168">
        <v>203</v>
      </c>
      <c r="AD2168">
        <v>29</v>
      </c>
      <c r="AE2168">
        <v>120</v>
      </c>
      <c r="AF2168">
        <v>25941</v>
      </c>
      <c r="AG2168">
        <v>164686</v>
      </c>
      <c r="AH2168">
        <v>50000</v>
      </c>
      <c r="AI2168">
        <v>2</v>
      </c>
      <c r="AJ2168">
        <v>108</v>
      </c>
      <c r="AK2168" t="s">
        <v>30</v>
      </c>
      <c r="AL2168">
        <v>0</v>
      </c>
      <c r="AM2168">
        <v>0</v>
      </c>
      <c r="AN2168">
        <v>0</v>
      </c>
      <c r="AO2168">
        <v>0</v>
      </c>
      <c r="AP2168">
        <v>0</v>
      </c>
      <c r="AQ2168">
        <v>0</v>
      </c>
      <c r="AR2168">
        <v>0</v>
      </c>
      <c r="AS2168">
        <v>0</v>
      </c>
      <c r="AT2168">
        <v>0</v>
      </c>
      <c r="AU2168">
        <v>0</v>
      </c>
      <c r="AV2168">
        <v>0</v>
      </c>
      <c r="AW2168">
        <v>0</v>
      </c>
      <c r="AX2168">
        <v>112460</v>
      </c>
      <c r="AY2168">
        <v>25</v>
      </c>
      <c r="AZ2168">
        <v>105</v>
      </c>
      <c r="BA2168">
        <v>3108</v>
      </c>
    </row>
    <row r="2169" spans="1:53" x14ac:dyDescent="0.4">
      <c r="A2169">
        <v>2213</v>
      </c>
      <c r="B2169" s="1">
        <v>43518</v>
      </c>
      <c r="C2169">
        <v>4</v>
      </c>
      <c r="D2169" s="1">
        <v>43518.956944444442</v>
      </c>
      <c r="E2169" s="1">
        <v>43519.079861111109</v>
      </c>
      <c r="F2169">
        <v>177700</v>
      </c>
      <c r="G2169">
        <v>4270</v>
      </c>
      <c r="H2169">
        <v>0</v>
      </c>
      <c r="I2169">
        <v>0</v>
      </c>
      <c r="J2169">
        <v>0</v>
      </c>
      <c r="K2169">
        <v>0</v>
      </c>
      <c r="L2169">
        <v>0</v>
      </c>
      <c r="M2169">
        <v>14556</v>
      </c>
      <c r="N2169">
        <v>0</v>
      </c>
      <c r="O2169">
        <v>0</v>
      </c>
      <c r="P2169">
        <v>14040</v>
      </c>
      <c r="Q2169">
        <v>0</v>
      </c>
      <c r="R2169">
        <v>210566</v>
      </c>
      <c r="S2169">
        <v>0</v>
      </c>
      <c r="T2169">
        <v>0</v>
      </c>
      <c r="U2169">
        <v>0</v>
      </c>
      <c r="V2169">
        <v>18</v>
      </c>
      <c r="W2169">
        <v>1</v>
      </c>
      <c r="X2169">
        <v>0</v>
      </c>
      <c r="Y2169">
        <v>66</v>
      </c>
      <c r="Z2169">
        <v>27</v>
      </c>
      <c r="AA2169">
        <v>67</v>
      </c>
      <c r="AB2169">
        <v>78</v>
      </c>
      <c r="AC2169">
        <v>189</v>
      </c>
      <c r="AD2169">
        <v>30</v>
      </c>
      <c r="AE2169">
        <v>112</v>
      </c>
      <c r="AF2169">
        <v>97998</v>
      </c>
      <c r="AG2169">
        <v>375250</v>
      </c>
      <c r="AH2169">
        <v>50000</v>
      </c>
      <c r="AI2169">
        <v>0</v>
      </c>
      <c r="AJ2169">
        <v>100</v>
      </c>
      <c r="AK2169" t="s">
        <v>0</v>
      </c>
      <c r="AL2169">
        <v>0</v>
      </c>
      <c r="AM2169">
        <v>0</v>
      </c>
      <c r="AN2169">
        <v>0</v>
      </c>
      <c r="AO2169">
        <v>0</v>
      </c>
      <c r="AP2169">
        <v>0</v>
      </c>
      <c r="AQ2169">
        <v>0</v>
      </c>
      <c r="AR2169">
        <v>0</v>
      </c>
      <c r="AS2169">
        <v>0</v>
      </c>
      <c r="AT2169">
        <v>0</v>
      </c>
      <c r="AU2169">
        <v>0</v>
      </c>
      <c r="AV2169">
        <v>0</v>
      </c>
      <c r="AW2169">
        <v>0</v>
      </c>
      <c r="AX2169">
        <v>16913</v>
      </c>
      <c r="AY2169">
        <v>12</v>
      </c>
      <c r="AZ2169">
        <v>46</v>
      </c>
      <c r="BA2169">
        <v>1753</v>
      </c>
    </row>
    <row r="2170" spans="1:53" x14ac:dyDescent="0.4">
      <c r="A2170">
        <v>2214</v>
      </c>
      <c r="B2170" s="1">
        <v>43519</v>
      </c>
      <c r="C2170">
        <v>1</v>
      </c>
      <c r="D2170" s="1">
        <v>43519.291666666664</v>
      </c>
      <c r="E2170" s="1">
        <v>43519.402083333334</v>
      </c>
      <c r="F2170">
        <v>0</v>
      </c>
      <c r="G2170">
        <v>0</v>
      </c>
      <c r="H2170">
        <v>0</v>
      </c>
      <c r="I2170">
        <v>0</v>
      </c>
      <c r="J2170">
        <v>0</v>
      </c>
      <c r="K2170">
        <v>0</v>
      </c>
      <c r="L2170">
        <v>0</v>
      </c>
      <c r="M2170">
        <v>0</v>
      </c>
      <c r="N2170">
        <v>0</v>
      </c>
      <c r="O2170">
        <v>0</v>
      </c>
      <c r="P2170">
        <v>0</v>
      </c>
      <c r="Q2170">
        <v>0</v>
      </c>
      <c r="R2170">
        <v>0</v>
      </c>
      <c r="S2170">
        <v>0</v>
      </c>
      <c r="T2170">
        <v>0</v>
      </c>
      <c r="U2170">
        <v>0</v>
      </c>
      <c r="V2170">
        <v>0</v>
      </c>
      <c r="W2170">
        <v>1</v>
      </c>
      <c r="X2170">
        <v>0</v>
      </c>
      <c r="Y2170">
        <v>20</v>
      </c>
      <c r="Z2170">
        <v>7</v>
      </c>
      <c r="AA2170">
        <v>161</v>
      </c>
      <c r="AB2170">
        <v>75</v>
      </c>
      <c r="AC2170">
        <v>139</v>
      </c>
      <c r="AD2170">
        <v>29</v>
      </c>
      <c r="AE2170">
        <v>115</v>
      </c>
      <c r="AF2170">
        <v>0</v>
      </c>
      <c r="AG2170">
        <v>50000</v>
      </c>
      <c r="AH2170">
        <v>50000</v>
      </c>
      <c r="AI2170">
        <v>0</v>
      </c>
      <c r="AJ2170">
        <v>0</v>
      </c>
      <c r="AK2170" t="s">
        <v>6</v>
      </c>
      <c r="AL2170">
        <v>0</v>
      </c>
      <c r="AM2170">
        <v>0</v>
      </c>
      <c r="AN2170">
        <v>0</v>
      </c>
      <c r="AO2170">
        <v>0</v>
      </c>
      <c r="AP2170">
        <v>0</v>
      </c>
      <c r="AQ2170">
        <v>0</v>
      </c>
      <c r="AR2170">
        <v>0</v>
      </c>
      <c r="AS2170">
        <v>0</v>
      </c>
      <c r="AT2170">
        <v>0</v>
      </c>
      <c r="AU2170">
        <v>0</v>
      </c>
      <c r="AV2170">
        <v>0</v>
      </c>
      <c r="AW2170">
        <v>0</v>
      </c>
      <c r="AX2170">
        <v>0</v>
      </c>
      <c r="AY2170">
        <v>0</v>
      </c>
      <c r="AZ2170">
        <v>0</v>
      </c>
      <c r="BA2170">
        <v>0</v>
      </c>
    </row>
    <row r="2171" spans="1:53" x14ac:dyDescent="0.4">
      <c r="A2171">
        <v>2215</v>
      </c>
      <c r="B2171" s="1">
        <v>43519</v>
      </c>
      <c r="C2171">
        <v>2</v>
      </c>
      <c r="D2171" s="1">
        <v>43519.402083333334</v>
      </c>
      <c r="E2171" s="1">
        <v>43519.718055555553</v>
      </c>
      <c r="F2171">
        <v>31000</v>
      </c>
      <c r="G2171">
        <v>4220</v>
      </c>
      <c r="H2171">
        <v>0</v>
      </c>
      <c r="I2171">
        <v>0</v>
      </c>
      <c r="J2171">
        <v>0</v>
      </c>
      <c r="K2171">
        <v>0</v>
      </c>
      <c r="L2171">
        <v>0</v>
      </c>
      <c r="M2171">
        <v>2816</v>
      </c>
      <c r="N2171">
        <v>0</v>
      </c>
      <c r="O2171">
        <v>0</v>
      </c>
      <c r="P2171">
        <v>19710</v>
      </c>
      <c r="Q2171">
        <v>0</v>
      </c>
      <c r="R2171">
        <v>57746</v>
      </c>
      <c r="S2171">
        <v>0</v>
      </c>
      <c r="T2171">
        <v>0</v>
      </c>
      <c r="U2171">
        <v>0</v>
      </c>
      <c r="V2171">
        <v>2</v>
      </c>
      <c r="W2171">
        <v>1</v>
      </c>
      <c r="X2171">
        <v>0</v>
      </c>
      <c r="Y2171">
        <v>47</v>
      </c>
      <c r="Z2171">
        <v>26</v>
      </c>
      <c r="AA2171">
        <v>167</v>
      </c>
      <c r="AB2171">
        <v>78</v>
      </c>
      <c r="AC2171">
        <v>184</v>
      </c>
      <c r="AD2171">
        <v>36</v>
      </c>
      <c r="AE2171">
        <v>116</v>
      </c>
      <c r="AF2171">
        <v>0</v>
      </c>
      <c r="AG2171">
        <v>107736</v>
      </c>
      <c r="AH2171">
        <v>50000</v>
      </c>
      <c r="AI2171">
        <v>-10</v>
      </c>
      <c r="AJ2171">
        <v>92</v>
      </c>
      <c r="AK2171" t="s">
        <v>22</v>
      </c>
      <c r="AL2171">
        <v>0</v>
      </c>
      <c r="AM2171">
        <v>0</v>
      </c>
      <c r="AN2171">
        <v>0</v>
      </c>
      <c r="AO2171">
        <v>0</v>
      </c>
      <c r="AP2171">
        <v>0</v>
      </c>
      <c r="AQ2171">
        <v>0</v>
      </c>
      <c r="AR2171">
        <v>0</v>
      </c>
      <c r="AS2171">
        <v>0</v>
      </c>
      <c r="AT2171">
        <v>0</v>
      </c>
      <c r="AU2171">
        <v>0</v>
      </c>
      <c r="AV2171">
        <v>0</v>
      </c>
      <c r="AW2171">
        <v>0</v>
      </c>
      <c r="AX2171">
        <v>994</v>
      </c>
      <c r="AY2171">
        <v>47</v>
      </c>
      <c r="AZ2171">
        <v>97</v>
      </c>
      <c r="BA2171">
        <v>6999</v>
      </c>
    </row>
    <row r="2172" spans="1:53" x14ac:dyDescent="0.4">
      <c r="A2172">
        <v>2216</v>
      </c>
      <c r="B2172" s="1">
        <v>43519</v>
      </c>
      <c r="C2172">
        <v>3</v>
      </c>
      <c r="D2172" s="1">
        <v>43519.718055555553</v>
      </c>
      <c r="E2172" s="1">
        <v>43519.720138888886</v>
      </c>
      <c r="F2172">
        <v>0</v>
      </c>
      <c r="G2172">
        <v>0</v>
      </c>
      <c r="H2172">
        <v>0</v>
      </c>
      <c r="I2172">
        <v>0</v>
      </c>
      <c r="J2172">
        <v>0</v>
      </c>
      <c r="K2172">
        <v>0</v>
      </c>
      <c r="L2172">
        <v>0</v>
      </c>
      <c r="M2172">
        <v>0</v>
      </c>
      <c r="N2172">
        <v>0</v>
      </c>
      <c r="O2172">
        <v>0</v>
      </c>
      <c r="P2172">
        <v>0</v>
      </c>
      <c r="Q2172">
        <v>0</v>
      </c>
      <c r="R2172">
        <v>0</v>
      </c>
      <c r="S2172">
        <v>0</v>
      </c>
      <c r="T2172">
        <v>0</v>
      </c>
      <c r="U2172">
        <v>0</v>
      </c>
      <c r="V2172">
        <v>2</v>
      </c>
      <c r="W2172">
        <v>1</v>
      </c>
      <c r="X2172">
        <v>0</v>
      </c>
      <c r="Y2172">
        <v>47</v>
      </c>
      <c r="Z2172">
        <v>26</v>
      </c>
      <c r="AA2172">
        <v>167</v>
      </c>
      <c r="AB2172">
        <v>78</v>
      </c>
      <c r="AC2172">
        <v>185</v>
      </c>
      <c r="AD2172">
        <v>36</v>
      </c>
      <c r="AE2172">
        <v>116</v>
      </c>
      <c r="AF2172">
        <v>0</v>
      </c>
      <c r="AG2172">
        <v>107746</v>
      </c>
      <c r="AH2172">
        <v>50000</v>
      </c>
      <c r="AI2172">
        <v>0</v>
      </c>
      <c r="AJ2172">
        <v>92</v>
      </c>
      <c r="AK2172" t="s">
        <v>22</v>
      </c>
      <c r="AL2172">
        <v>0</v>
      </c>
      <c r="AM2172">
        <v>0</v>
      </c>
      <c r="AN2172">
        <v>0</v>
      </c>
      <c r="AO2172">
        <v>0</v>
      </c>
      <c r="AP2172">
        <v>0</v>
      </c>
      <c r="AQ2172">
        <v>0</v>
      </c>
      <c r="AR2172">
        <v>0</v>
      </c>
      <c r="AS2172">
        <v>0</v>
      </c>
      <c r="AT2172">
        <v>0</v>
      </c>
      <c r="AU2172">
        <v>0</v>
      </c>
      <c r="AV2172">
        <v>0</v>
      </c>
      <c r="AW2172">
        <v>0</v>
      </c>
      <c r="AX2172">
        <v>994</v>
      </c>
      <c r="AY2172">
        <v>0</v>
      </c>
      <c r="AZ2172">
        <v>0</v>
      </c>
      <c r="BA2172">
        <v>54</v>
      </c>
    </row>
    <row r="2173" spans="1:53" x14ac:dyDescent="0.4">
      <c r="A2173">
        <v>2217</v>
      </c>
      <c r="B2173" s="1">
        <v>43519</v>
      </c>
      <c r="C2173">
        <v>4</v>
      </c>
      <c r="D2173" s="1">
        <v>43519.720138888886</v>
      </c>
      <c r="E2173" s="1">
        <v>43520.098611111112</v>
      </c>
      <c r="F2173">
        <v>296300</v>
      </c>
      <c r="G2173">
        <v>15030</v>
      </c>
      <c r="H2173">
        <v>0</v>
      </c>
      <c r="I2173">
        <v>0</v>
      </c>
      <c r="J2173">
        <v>500</v>
      </c>
      <c r="K2173">
        <v>0</v>
      </c>
      <c r="L2173">
        <v>0</v>
      </c>
      <c r="M2173">
        <v>24865</v>
      </c>
      <c r="N2173">
        <v>0</v>
      </c>
      <c r="O2173">
        <v>0</v>
      </c>
      <c r="P2173">
        <v>39042</v>
      </c>
      <c r="Q2173">
        <v>0</v>
      </c>
      <c r="R2173">
        <v>374737</v>
      </c>
      <c r="S2173">
        <v>0</v>
      </c>
      <c r="T2173">
        <v>0</v>
      </c>
      <c r="U2173">
        <v>0</v>
      </c>
      <c r="V2173">
        <v>26</v>
      </c>
      <c r="W2173">
        <v>7</v>
      </c>
      <c r="X2173">
        <v>0</v>
      </c>
      <c r="Y2173">
        <v>135</v>
      </c>
      <c r="Z2173">
        <v>29</v>
      </c>
      <c r="AA2173">
        <v>140</v>
      </c>
      <c r="AB2173">
        <v>75</v>
      </c>
      <c r="AC2173">
        <v>179</v>
      </c>
      <c r="AD2173">
        <v>36</v>
      </c>
      <c r="AE2173">
        <v>119</v>
      </c>
      <c r="AF2173">
        <v>18144</v>
      </c>
      <c r="AG2173">
        <v>482483</v>
      </c>
      <c r="AH2173">
        <v>50000</v>
      </c>
      <c r="AI2173">
        <v>0</v>
      </c>
      <c r="AJ2173">
        <v>108</v>
      </c>
      <c r="AK2173" t="s">
        <v>30</v>
      </c>
      <c r="AL2173">
        <v>0</v>
      </c>
      <c r="AM2173">
        <v>0</v>
      </c>
      <c r="AN2173">
        <v>0</v>
      </c>
      <c r="AO2173">
        <v>0</v>
      </c>
      <c r="AP2173">
        <v>0</v>
      </c>
      <c r="AQ2173">
        <v>0</v>
      </c>
      <c r="AR2173">
        <v>0</v>
      </c>
      <c r="AS2173">
        <v>0</v>
      </c>
      <c r="AT2173">
        <v>0</v>
      </c>
      <c r="AU2173">
        <v>0</v>
      </c>
      <c r="AV2173">
        <v>0</v>
      </c>
      <c r="AW2173">
        <v>0</v>
      </c>
      <c r="AX2173">
        <v>10994</v>
      </c>
      <c r="AY2173">
        <v>59</v>
      </c>
      <c r="AZ2173">
        <v>212</v>
      </c>
      <c r="BA2173">
        <v>8378</v>
      </c>
    </row>
    <row r="2174" spans="1:53" x14ac:dyDescent="0.4">
      <c r="A2174">
        <v>2218</v>
      </c>
      <c r="B2174" s="1">
        <v>43520</v>
      </c>
      <c r="C2174">
        <v>1</v>
      </c>
      <c r="D2174" s="1">
        <v>43520.291666666664</v>
      </c>
      <c r="E2174" s="1">
        <v>43520.354861111111</v>
      </c>
      <c r="F2174">
        <v>0</v>
      </c>
      <c r="G2174">
        <v>0</v>
      </c>
      <c r="H2174">
        <v>0</v>
      </c>
      <c r="I2174">
        <v>0</v>
      </c>
      <c r="J2174">
        <v>0</v>
      </c>
      <c r="K2174">
        <v>0</v>
      </c>
      <c r="L2174">
        <v>0</v>
      </c>
      <c r="M2174">
        <v>0</v>
      </c>
      <c r="N2174">
        <v>0</v>
      </c>
      <c r="O2174">
        <v>0</v>
      </c>
      <c r="P2174">
        <v>0</v>
      </c>
      <c r="Q2174">
        <v>0</v>
      </c>
      <c r="R2174">
        <v>0</v>
      </c>
      <c r="S2174">
        <v>0</v>
      </c>
      <c r="T2174">
        <v>0</v>
      </c>
      <c r="U2174">
        <v>0</v>
      </c>
      <c r="V2174">
        <v>0</v>
      </c>
      <c r="W2174">
        <v>0</v>
      </c>
      <c r="X2174">
        <v>0</v>
      </c>
      <c r="Y2174">
        <v>27</v>
      </c>
      <c r="Z2174">
        <v>9</v>
      </c>
      <c r="AA2174">
        <v>132</v>
      </c>
      <c r="AB2174">
        <v>75</v>
      </c>
      <c r="AC2174">
        <v>128</v>
      </c>
      <c r="AD2174">
        <v>32</v>
      </c>
      <c r="AE2174">
        <v>110</v>
      </c>
      <c r="AF2174">
        <v>0</v>
      </c>
      <c r="AG2174">
        <v>50000</v>
      </c>
      <c r="AH2174">
        <v>50000</v>
      </c>
      <c r="AI2174">
        <v>0</v>
      </c>
      <c r="AJ2174">
        <v>0</v>
      </c>
      <c r="AK2174" t="s">
        <v>6</v>
      </c>
      <c r="AL2174">
        <v>0</v>
      </c>
      <c r="AM2174">
        <v>0</v>
      </c>
      <c r="AN2174">
        <v>0</v>
      </c>
      <c r="AO2174">
        <v>0</v>
      </c>
      <c r="AP2174">
        <v>0</v>
      </c>
      <c r="AQ2174">
        <v>0</v>
      </c>
      <c r="AR2174">
        <v>0</v>
      </c>
      <c r="AS2174">
        <v>0</v>
      </c>
      <c r="AT2174">
        <v>0</v>
      </c>
      <c r="AU2174">
        <v>0</v>
      </c>
      <c r="AV2174">
        <v>0</v>
      </c>
      <c r="AW2174">
        <v>0</v>
      </c>
      <c r="AX2174">
        <v>0</v>
      </c>
      <c r="AY2174">
        <v>0</v>
      </c>
      <c r="AZ2174">
        <v>0</v>
      </c>
      <c r="BA2174">
        <v>0</v>
      </c>
    </row>
    <row r="2175" spans="1:53" x14ac:dyDescent="0.4">
      <c r="A2175">
        <v>2219</v>
      </c>
      <c r="B2175" s="1">
        <v>43520</v>
      </c>
      <c r="C2175">
        <v>2</v>
      </c>
      <c r="D2175" s="1">
        <v>43520.354861111111</v>
      </c>
      <c r="E2175" s="1">
        <v>43520.745138888888</v>
      </c>
      <c r="F2175">
        <v>41750</v>
      </c>
      <c r="G2175">
        <v>4520</v>
      </c>
      <c r="H2175">
        <v>0</v>
      </c>
      <c r="I2175">
        <v>0</v>
      </c>
      <c r="J2175">
        <v>0</v>
      </c>
      <c r="K2175">
        <v>0</v>
      </c>
      <c r="L2175">
        <v>0</v>
      </c>
      <c r="M2175">
        <v>3701</v>
      </c>
      <c r="N2175">
        <v>0</v>
      </c>
      <c r="O2175">
        <v>0</v>
      </c>
      <c r="P2175">
        <v>10800</v>
      </c>
      <c r="Q2175">
        <v>0</v>
      </c>
      <c r="R2175">
        <v>60771</v>
      </c>
      <c r="S2175">
        <v>0</v>
      </c>
      <c r="T2175">
        <v>0</v>
      </c>
      <c r="U2175">
        <v>0</v>
      </c>
      <c r="V2175">
        <v>2</v>
      </c>
      <c r="W2175">
        <v>3</v>
      </c>
      <c r="X2175">
        <v>0</v>
      </c>
      <c r="Y2175">
        <v>44</v>
      </c>
      <c r="Z2175">
        <v>24</v>
      </c>
      <c r="AA2175">
        <v>136</v>
      </c>
      <c r="AB2175">
        <v>83</v>
      </c>
      <c r="AC2175">
        <v>175</v>
      </c>
      <c r="AD2175">
        <v>32</v>
      </c>
      <c r="AE2175">
        <v>111</v>
      </c>
      <c r="AF2175">
        <v>0</v>
      </c>
      <c r="AG2175">
        <v>110771</v>
      </c>
      <c r="AH2175">
        <v>50000</v>
      </c>
      <c r="AI2175">
        <v>0</v>
      </c>
      <c r="AJ2175">
        <v>29</v>
      </c>
      <c r="AK2175" t="s">
        <v>28</v>
      </c>
      <c r="AL2175">
        <v>0</v>
      </c>
      <c r="AM2175">
        <v>0</v>
      </c>
      <c r="AN2175">
        <v>0</v>
      </c>
      <c r="AO2175">
        <v>0</v>
      </c>
      <c r="AP2175">
        <v>0</v>
      </c>
      <c r="AQ2175">
        <v>0</v>
      </c>
      <c r="AR2175">
        <v>0</v>
      </c>
      <c r="AS2175">
        <v>0</v>
      </c>
      <c r="AT2175">
        <v>0</v>
      </c>
      <c r="AU2175">
        <v>0</v>
      </c>
      <c r="AV2175">
        <v>0</v>
      </c>
      <c r="AW2175">
        <v>0</v>
      </c>
      <c r="AX2175">
        <v>540</v>
      </c>
      <c r="AY2175">
        <v>44</v>
      </c>
      <c r="AZ2175">
        <v>102</v>
      </c>
      <c r="BA2175">
        <v>7091</v>
      </c>
    </row>
    <row r="2176" spans="1:53" x14ac:dyDescent="0.4">
      <c r="A2176">
        <v>2220</v>
      </c>
      <c r="B2176" s="1">
        <v>43521</v>
      </c>
      <c r="C2176">
        <v>1</v>
      </c>
      <c r="D2176" s="1">
        <v>43521.291666666664</v>
      </c>
      <c r="E2176" s="1">
        <v>43521.462500000001</v>
      </c>
      <c r="F2176">
        <v>0</v>
      </c>
      <c r="G2176">
        <v>0</v>
      </c>
      <c r="H2176">
        <v>0</v>
      </c>
      <c r="I2176">
        <v>0</v>
      </c>
      <c r="J2176">
        <v>0</v>
      </c>
      <c r="K2176">
        <v>0</v>
      </c>
      <c r="L2176">
        <v>0</v>
      </c>
      <c r="M2176">
        <v>0</v>
      </c>
      <c r="N2176">
        <v>0</v>
      </c>
      <c r="O2176">
        <v>0</v>
      </c>
      <c r="P2176">
        <v>2160</v>
      </c>
      <c r="Q2176">
        <v>0</v>
      </c>
      <c r="R2176">
        <v>2160</v>
      </c>
      <c r="S2176">
        <v>0</v>
      </c>
      <c r="T2176">
        <v>0</v>
      </c>
      <c r="U2176">
        <v>0</v>
      </c>
      <c r="V2176">
        <v>0</v>
      </c>
      <c r="W2176">
        <v>0</v>
      </c>
      <c r="X2176">
        <v>0</v>
      </c>
      <c r="Y2176">
        <v>28</v>
      </c>
      <c r="Z2176">
        <v>9</v>
      </c>
      <c r="AA2176">
        <v>138</v>
      </c>
      <c r="AB2176">
        <v>87</v>
      </c>
      <c r="AC2176">
        <v>127</v>
      </c>
      <c r="AD2176">
        <v>27</v>
      </c>
      <c r="AE2176">
        <v>105</v>
      </c>
      <c r="AF2176">
        <v>0</v>
      </c>
      <c r="AG2176">
        <v>52160</v>
      </c>
      <c r="AH2176">
        <v>50000</v>
      </c>
      <c r="AI2176">
        <v>0</v>
      </c>
      <c r="AJ2176">
        <v>96</v>
      </c>
      <c r="AK2176" t="s">
        <v>4</v>
      </c>
      <c r="AL2176">
        <v>0</v>
      </c>
      <c r="AM2176">
        <v>0</v>
      </c>
      <c r="AN2176">
        <v>0</v>
      </c>
      <c r="AO2176">
        <v>0</v>
      </c>
      <c r="AP2176">
        <v>0</v>
      </c>
      <c r="AQ2176">
        <v>0</v>
      </c>
      <c r="AR2176">
        <v>0</v>
      </c>
      <c r="AS2176">
        <v>0</v>
      </c>
      <c r="AT2176">
        <v>0</v>
      </c>
      <c r="AU2176">
        <v>0</v>
      </c>
      <c r="AV2176">
        <v>0</v>
      </c>
      <c r="AW2176">
        <v>0</v>
      </c>
      <c r="AX2176">
        <v>-2160</v>
      </c>
      <c r="AY2176">
        <v>3</v>
      </c>
      <c r="AZ2176">
        <v>4</v>
      </c>
      <c r="BA2176">
        <v>22</v>
      </c>
    </row>
    <row r="2177" spans="1:53" x14ac:dyDescent="0.4">
      <c r="A2177">
        <v>2221</v>
      </c>
      <c r="B2177" s="1">
        <v>43521</v>
      </c>
      <c r="C2177">
        <v>2</v>
      </c>
      <c r="D2177" s="1">
        <v>43521.462500000001</v>
      </c>
      <c r="E2177" s="1">
        <v>43521.745138888888</v>
      </c>
      <c r="F2177">
        <v>22000</v>
      </c>
      <c r="G2177">
        <v>2020</v>
      </c>
      <c r="H2177">
        <v>0</v>
      </c>
      <c r="I2177">
        <v>0</v>
      </c>
      <c r="J2177">
        <v>0</v>
      </c>
      <c r="K2177">
        <v>0</v>
      </c>
      <c r="L2177">
        <v>0</v>
      </c>
      <c r="M2177">
        <v>1921</v>
      </c>
      <c r="N2177">
        <v>0</v>
      </c>
      <c r="O2177">
        <v>0</v>
      </c>
      <c r="P2177">
        <v>20520</v>
      </c>
      <c r="Q2177">
        <v>0</v>
      </c>
      <c r="R2177">
        <v>46461</v>
      </c>
      <c r="S2177">
        <v>0</v>
      </c>
      <c r="T2177">
        <v>0</v>
      </c>
      <c r="U2177">
        <v>0</v>
      </c>
      <c r="V2177">
        <v>0</v>
      </c>
      <c r="W2177">
        <v>3</v>
      </c>
      <c r="X2177">
        <v>0</v>
      </c>
      <c r="Y2177">
        <v>53</v>
      </c>
      <c r="Z2177">
        <v>14</v>
      </c>
      <c r="AA2177">
        <v>171</v>
      </c>
      <c r="AB2177">
        <v>80</v>
      </c>
      <c r="AC2177">
        <v>226</v>
      </c>
      <c r="AD2177">
        <v>31</v>
      </c>
      <c r="AE2177">
        <v>106</v>
      </c>
      <c r="AF2177">
        <v>0</v>
      </c>
      <c r="AG2177">
        <v>98621</v>
      </c>
      <c r="AH2177">
        <v>50000</v>
      </c>
      <c r="AI2177">
        <v>0</v>
      </c>
      <c r="AJ2177">
        <v>96</v>
      </c>
      <c r="AK2177" t="s">
        <v>4</v>
      </c>
      <c r="AL2177">
        <v>0</v>
      </c>
      <c r="AM2177">
        <v>0</v>
      </c>
      <c r="AN2177">
        <v>0</v>
      </c>
      <c r="AO2177">
        <v>0</v>
      </c>
      <c r="AP2177">
        <v>0</v>
      </c>
      <c r="AQ2177">
        <v>0</v>
      </c>
      <c r="AR2177">
        <v>0</v>
      </c>
      <c r="AS2177">
        <v>0</v>
      </c>
      <c r="AT2177">
        <v>0</v>
      </c>
      <c r="AU2177">
        <v>0</v>
      </c>
      <c r="AV2177">
        <v>0</v>
      </c>
      <c r="AW2177">
        <v>0</v>
      </c>
      <c r="AX2177">
        <v>-411</v>
      </c>
      <c r="AY2177">
        <v>42</v>
      </c>
      <c r="AZ2177">
        <v>80</v>
      </c>
      <c r="BA2177">
        <v>6183</v>
      </c>
    </row>
    <row r="2178" spans="1:53" x14ac:dyDescent="0.4">
      <c r="A2178">
        <v>2222</v>
      </c>
      <c r="B2178" s="1">
        <v>43521</v>
      </c>
      <c r="C2178">
        <v>3</v>
      </c>
      <c r="D2178" s="1">
        <v>43521.745138888888</v>
      </c>
      <c r="E2178" s="1">
        <v>43521.953472222223</v>
      </c>
      <c r="F2178">
        <v>31500</v>
      </c>
      <c r="G2178">
        <v>2620</v>
      </c>
      <c r="H2178">
        <v>200</v>
      </c>
      <c r="I2178">
        <v>0</v>
      </c>
      <c r="J2178">
        <v>0</v>
      </c>
      <c r="K2178">
        <v>0</v>
      </c>
      <c r="L2178">
        <v>0</v>
      </c>
      <c r="M2178">
        <v>2745</v>
      </c>
      <c r="N2178">
        <v>0</v>
      </c>
      <c r="O2178">
        <v>0</v>
      </c>
      <c r="P2178">
        <v>-22680</v>
      </c>
      <c r="Q2178">
        <v>0</v>
      </c>
      <c r="R2178">
        <v>14385</v>
      </c>
      <c r="S2178">
        <v>0</v>
      </c>
      <c r="T2178">
        <v>0</v>
      </c>
      <c r="U2178">
        <v>0</v>
      </c>
      <c r="V2178">
        <v>1</v>
      </c>
      <c r="W2178">
        <v>3</v>
      </c>
      <c r="X2178">
        <v>0</v>
      </c>
      <c r="Y2178">
        <v>59</v>
      </c>
      <c r="Z2178">
        <v>10</v>
      </c>
      <c r="AA2178">
        <v>175</v>
      </c>
      <c r="AB2178">
        <v>79</v>
      </c>
      <c r="AC2178">
        <v>230</v>
      </c>
      <c r="AD2178">
        <v>30</v>
      </c>
      <c r="AE2178">
        <v>106</v>
      </c>
      <c r="AF2178">
        <v>0</v>
      </c>
      <c r="AG2178">
        <v>113006</v>
      </c>
      <c r="AH2178">
        <v>50000</v>
      </c>
      <c r="AI2178">
        <v>0</v>
      </c>
      <c r="AJ2178">
        <v>108</v>
      </c>
      <c r="AK2178" t="s">
        <v>30</v>
      </c>
      <c r="AL2178">
        <v>0</v>
      </c>
      <c r="AM2178">
        <v>0</v>
      </c>
      <c r="AN2178">
        <v>0</v>
      </c>
      <c r="AO2178">
        <v>0</v>
      </c>
      <c r="AP2178">
        <v>0</v>
      </c>
      <c r="AQ2178">
        <v>0</v>
      </c>
      <c r="AR2178">
        <v>0</v>
      </c>
      <c r="AS2178">
        <v>0</v>
      </c>
      <c r="AT2178">
        <v>0</v>
      </c>
      <c r="AU2178">
        <v>0</v>
      </c>
      <c r="AV2178">
        <v>0</v>
      </c>
      <c r="AW2178">
        <v>0</v>
      </c>
      <c r="AX2178">
        <v>9936</v>
      </c>
      <c r="AY2178">
        <v>9</v>
      </c>
      <c r="AZ2178">
        <v>20</v>
      </c>
      <c r="BA2178">
        <v>2162</v>
      </c>
    </row>
    <row r="2179" spans="1:53" x14ac:dyDescent="0.4">
      <c r="A2179">
        <v>2223</v>
      </c>
      <c r="B2179" s="1">
        <v>43521</v>
      </c>
      <c r="C2179">
        <v>4</v>
      </c>
      <c r="D2179" s="1">
        <v>43521.953472222223</v>
      </c>
      <c r="E2179" s="1">
        <v>43522.082638888889</v>
      </c>
      <c r="F2179">
        <v>18800</v>
      </c>
      <c r="G2179">
        <v>200</v>
      </c>
      <c r="H2179">
        <v>0</v>
      </c>
      <c r="I2179">
        <v>0</v>
      </c>
      <c r="J2179">
        <v>0</v>
      </c>
      <c r="K2179">
        <v>0</v>
      </c>
      <c r="L2179">
        <v>0</v>
      </c>
      <c r="M2179">
        <v>1520</v>
      </c>
      <c r="N2179">
        <v>0</v>
      </c>
      <c r="O2179">
        <v>0</v>
      </c>
      <c r="P2179">
        <v>9828</v>
      </c>
      <c r="Q2179">
        <v>0</v>
      </c>
      <c r="R2179">
        <v>30348</v>
      </c>
      <c r="S2179">
        <v>0</v>
      </c>
      <c r="T2179">
        <v>0</v>
      </c>
      <c r="U2179">
        <v>0</v>
      </c>
      <c r="V2179">
        <v>3</v>
      </c>
      <c r="W2179">
        <v>3</v>
      </c>
      <c r="X2179">
        <v>0</v>
      </c>
      <c r="Y2179">
        <v>69</v>
      </c>
      <c r="Z2179">
        <v>9</v>
      </c>
      <c r="AA2179">
        <v>183</v>
      </c>
      <c r="AB2179">
        <v>80</v>
      </c>
      <c r="AC2179">
        <v>226</v>
      </c>
      <c r="AD2179">
        <v>31</v>
      </c>
      <c r="AE2179">
        <v>99</v>
      </c>
      <c r="AF2179">
        <v>0</v>
      </c>
      <c r="AG2179">
        <v>143314</v>
      </c>
      <c r="AH2179">
        <v>50000</v>
      </c>
      <c r="AI2179">
        <v>-40</v>
      </c>
      <c r="AJ2179">
        <v>108</v>
      </c>
      <c r="AK2179" t="s">
        <v>30</v>
      </c>
      <c r="AL2179">
        <v>0</v>
      </c>
      <c r="AM2179">
        <v>0</v>
      </c>
      <c r="AN2179">
        <v>0</v>
      </c>
      <c r="AO2179">
        <v>0</v>
      </c>
      <c r="AP2179">
        <v>0</v>
      </c>
      <c r="AQ2179">
        <v>0</v>
      </c>
      <c r="AR2179">
        <v>0</v>
      </c>
      <c r="AS2179">
        <v>0</v>
      </c>
      <c r="AT2179">
        <v>0</v>
      </c>
      <c r="AU2179">
        <v>0</v>
      </c>
      <c r="AV2179">
        <v>0</v>
      </c>
      <c r="AW2179">
        <v>0</v>
      </c>
      <c r="AX2179">
        <v>3618</v>
      </c>
      <c r="AY2179">
        <v>3</v>
      </c>
      <c r="AZ2179">
        <v>10</v>
      </c>
      <c r="BA2179">
        <v>602</v>
      </c>
    </row>
    <row r="2180" spans="1:53" x14ac:dyDescent="0.4">
      <c r="A2180">
        <v>2224</v>
      </c>
      <c r="B2180" s="1">
        <v>43522</v>
      </c>
      <c r="C2180">
        <v>1</v>
      </c>
      <c r="D2180" s="1">
        <v>43522.291666666664</v>
      </c>
      <c r="E2180" s="1">
        <v>43522.45416666667</v>
      </c>
      <c r="F2180">
        <v>0</v>
      </c>
      <c r="G2180">
        <v>0</v>
      </c>
      <c r="H2180">
        <v>0</v>
      </c>
      <c r="I2180">
        <v>0</v>
      </c>
      <c r="J2180">
        <v>0</v>
      </c>
      <c r="K2180">
        <v>0</v>
      </c>
      <c r="L2180">
        <v>0</v>
      </c>
      <c r="M2180">
        <v>0</v>
      </c>
      <c r="N2180">
        <v>0</v>
      </c>
      <c r="O2180">
        <v>0</v>
      </c>
      <c r="P2180">
        <v>0</v>
      </c>
      <c r="Q2180">
        <v>0</v>
      </c>
      <c r="R2180">
        <v>0</v>
      </c>
      <c r="S2180">
        <v>0</v>
      </c>
      <c r="T2180">
        <v>0</v>
      </c>
      <c r="U2180">
        <v>0</v>
      </c>
      <c r="V2180">
        <v>0</v>
      </c>
      <c r="W2180">
        <v>0</v>
      </c>
      <c r="X2180">
        <v>0</v>
      </c>
      <c r="Y2180">
        <v>28</v>
      </c>
      <c r="Z2180">
        <v>7</v>
      </c>
      <c r="AA2180">
        <v>131</v>
      </c>
      <c r="AB2180">
        <v>78</v>
      </c>
      <c r="AC2180">
        <v>126</v>
      </c>
      <c r="AD2180">
        <v>30</v>
      </c>
      <c r="AE2180">
        <v>90</v>
      </c>
      <c r="AF2180">
        <v>0</v>
      </c>
      <c r="AG2180">
        <v>50000</v>
      </c>
      <c r="AH2180">
        <v>0</v>
      </c>
      <c r="AI2180">
        <v>50000</v>
      </c>
      <c r="AJ2180">
        <v>0</v>
      </c>
      <c r="AK2180" t="s">
        <v>6</v>
      </c>
      <c r="AL2180">
        <v>0</v>
      </c>
      <c r="AM2180">
        <v>0</v>
      </c>
      <c r="AN2180">
        <v>0</v>
      </c>
      <c r="AO2180">
        <v>0</v>
      </c>
      <c r="AP2180">
        <v>0</v>
      </c>
      <c r="AQ2180">
        <v>0</v>
      </c>
      <c r="AR2180">
        <v>0</v>
      </c>
      <c r="AS2180">
        <v>0</v>
      </c>
      <c r="AT2180">
        <v>0</v>
      </c>
      <c r="AU2180">
        <v>0</v>
      </c>
      <c r="AV2180">
        <v>0</v>
      </c>
      <c r="AW2180">
        <v>0</v>
      </c>
      <c r="AX2180">
        <v>0</v>
      </c>
      <c r="AY2180">
        <v>0</v>
      </c>
      <c r="AZ2180">
        <v>0</v>
      </c>
      <c r="BA2180">
        <v>0</v>
      </c>
    </row>
    <row r="2181" spans="1:53" x14ac:dyDescent="0.4">
      <c r="A2181">
        <v>2225</v>
      </c>
      <c r="B2181" s="1">
        <v>43522</v>
      </c>
      <c r="C2181">
        <v>2</v>
      </c>
      <c r="D2181" s="1">
        <v>43522.45416666667</v>
      </c>
      <c r="E2181" s="1">
        <v>43522.749305555553</v>
      </c>
      <c r="F2181">
        <v>27500</v>
      </c>
      <c r="G2181">
        <v>1880</v>
      </c>
      <c r="H2181">
        <v>0</v>
      </c>
      <c r="I2181">
        <v>0</v>
      </c>
      <c r="J2181">
        <v>0</v>
      </c>
      <c r="K2181">
        <v>0</v>
      </c>
      <c r="L2181">
        <v>0</v>
      </c>
      <c r="M2181">
        <v>2350</v>
      </c>
      <c r="N2181">
        <v>0</v>
      </c>
      <c r="O2181">
        <v>0</v>
      </c>
      <c r="P2181">
        <v>19980</v>
      </c>
      <c r="Q2181">
        <v>0</v>
      </c>
      <c r="R2181">
        <v>51710</v>
      </c>
      <c r="S2181">
        <v>0</v>
      </c>
      <c r="T2181">
        <v>0</v>
      </c>
      <c r="U2181">
        <v>0</v>
      </c>
      <c r="V2181">
        <v>1</v>
      </c>
      <c r="W2181">
        <v>1</v>
      </c>
      <c r="X2181">
        <v>0</v>
      </c>
      <c r="Y2181">
        <v>52</v>
      </c>
      <c r="Z2181">
        <v>23</v>
      </c>
      <c r="AA2181">
        <v>141</v>
      </c>
      <c r="AB2181">
        <v>73</v>
      </c>
      <c r="AC2181">
        <v>181</v>
      </c>
      <c r="AD2181">
        <v>33</v>
      </c>
      <c r="AE2181">
        <v>99</v>
      </c>
      <c r="AF2181">
        <v>3386</v>
      </c>
      <c r="AG2181">
        <v>101710</v>
      </c>
      <c r="AH2181">
        <v>50000</v>
      </c>
      <c r="AI2181">
        <v>0</v>
      </c>
      <c r="AJ2181">
        <v>96</v>
      </c>
      <c r="AK2181" t="s">
        <v>4</v>
      </c>
      <c r="AL2181">
        <v>0</v>
      </c>
      <c r="AM2181">
        <v>0</v>
      </c>
      <c r="AN2181">
        <v>0</v>
      </c>
      <c r="AO2181">
        <v>0</v>
      </c>
      <c r="AP2181">
        <v>0</v>
      </c>
      <c r="AQ2181">
        <v>0</v>
      </c>
      <c r="AR2181">
        <v>0</v>
      </c>
      <c r="AS2181">
        <v>0</v>
      </c>
      <c r="AT2181">
        <v>0</v>
      </c>
      <c r="AU2181">
        <v>0</v>
      </c>
      <c r="AV2181">
        <v>0</v>
      </c>
      <c r="AW2181">
        <v>0</v>
      </c>
      <c r="AX2181">
        <v>-1620</v>
      </c>
      <c r="AY2181">
        <v>44</v>
      </c>
      <c r="AZ2181">
        <v>92</v>
      </c>
      <c r="BA2181">
        <v>6360</v>
      </c>
    </row>
    <row r="2182" spans="1:53" x14ac:dyDescent="0.4">
      <c r="A2182">
        <v>2226</v>
      </c>
      <c r="B2182" s="1">
        <v>43522</v>
      </c>
      <c r="C2182">
        <v>3</v>
      </c>
      <c r="D2182" s="1">
        <v>43522.749305555553</v>
      </c>
      <c r="E2182" s="1">
        <v>43522.952777777777</v>
      </c>
      <c r="F2182">
        <v>28400</v>
      </c>
      <c r="G2182">
        <v>1460</v>
      </c>
      <c r="H2182">
        <v>200</v>
      </c>
      <c r="I2182">
        <v>0</v>
      </c>
      <c r="J2182">
        <v>0</v>
      </c>
      <c r="K2182">
        <v>0</v>
      </c>
      <c r="L2182">
        <v>0</v>
      </c>
      <c r="M2182">
        <v>2404</v>
      </c>
      <c r="N2182">
        <v>0</v>
      </c>
      <c r="O2182">
        <v>0</v>
      </c>
      <c r="P2182">
        <v>-17388</v>
      </c>
      <c r="Q2182">
        <v>0</v>
      </c>
      <c r="R2182">
        <v>15076</v>
      </c>
      <c r="S2182">
        <v>0</v>
      </c>
      <c r="T2182">
        <v>0</v>
      </c>
      <c r="U2182">
        <v>0</v>
      </c>
      <c r="V2182">
        <v>1</v>
      </c>
      <c r="W2182">
        <v>1</v>
      </c>
      <c r="X2182">
        <v>0</v>
      </c>
      <c r="Y2182">
        <v>67</v>
      </c>
      <c r="Z2182">
        <v>23</v>
      </c>
      <c r="AA2182">
        <v>140</v>
      </c>
      <c r="AB2182">
        <v>74</v>
      </c>
      <c r="AC2182">
        <v>195</v>
      </c>
      <c r="AD2182">
        <v>31</v>
      </c>
      <c r="AE2182">
        <v>95</v>
      </c>
      <c r="AF2182">
        <v>3386</v>
      </c>
      <c r="AG2182">
        <v>116786</v>
      </c>
      <c r="AH2182">
        <v>50000</v>
      </c>
      <c r="AI2182">
        <v>0</v>
      </c>
      <c r="AJ2182">
        <v>100</v>
      </c>
      <c r="AK2182" t="s">
        <v>0</v>
      </c>
      <c r="AL2182">
        <v>0</v>
      </c>
      <c r="AM2182">
        <v>0</v>
      </c>
      <c r="AN2182">
        <v>0</v>
      </c>
      <c r="AO2182">
        <v>0</v>
      </c>
      <c r="AP2182">
        <v>0</v>
      </c>
      <c r="AQ2182">
        <v>0</v>
      </c>
      <c r="AR2182">
        <v>0</v>
      </c>
      <c r="AS2182">
        <v>0</v>
      </c>
      <c r="AT2182">
        <v>0</v>
      </c>
      <c r="AU2182">
        <v>0</v>
      </c>
      <c r="AV2182">
        <v>0</v>
      </c>
      <c r="AW2182">
        <v>0</v>
      </c>
      <c r="AX2182">
        <v>18251</v>
      </c>
      <c r="AY2182">
        <v>11</v>
      </c>
      <c r="AZ2182">
        <v>26</v>
      </c>
      <c r="BA2182">
        <v>2331</v>
      </c>
    </row>
    <row r="2183" spans="1:53" x14ac:dyDescent="0.4">
      <c r="A2183">
        <v>2227</v>
      </c>
      <c r="B2183" s="1">
        <v>43523</v>
      </c>
      <c r="C2183">
        <v>1</v>
      </c>
      <c r="D2183" s="1">
        <v>43523.291666666664</v>
      </c>
      <c r="E2183" s="1">
        <v>43523.452777777777</v>
      </c>
      <c r="F2183">
        <v>0</v>
      </c>
      <c r="G2183">
        <v>0</v>
      </c>
      <c r="H2183">
        <v>0</v>
      </c>
      <c r="I2183">
        <v>0</v>
      </c>
      <c r="J2183">
        <v>0</v>
      </c>
      <c r="K2183">
        <v>0</v>
      </c>
      <c r="L2183">
        <v>0</v>
      </c>
      <c r="M2183">
        <v>0</v>
      </c>
      <c r="N2183">
        <v>0</v>
      </c>
      <c r="O2183">
        <v>0</v>
      </c>
      <c r="P2183">
        <v>0</v>
      </c>
      <c r="Q2183">
        <v>0</v>
      </c>
      <c r="R2183">
        <v>0</v>
      </c>
      <c r="S2183">
        <v>0</v>
      </c>
      <c r="T2183">
        <v>0</v>
      </c>
      <c r="U2183">
        <v>0</v>
      </c>
      <c r="V2183">
        <v>0</v>
      </c>
      <c r="W2183">
        <v>0</v>
      </c>
      <c r="X2183">
        <v>0</v>
      </c>
      <c r="Y2183">
        <v>38</v>
      </c>
      <c r="Z2183">
        <v>4</v>
      </c>
      <c r="AA2183">
        <v>51</v>
      </c>
      <c r="AB2183">
        <v>76</v>
      </c>
      <c r="AC2183">
        <v>87</v>
      </c>
      <c r="AD2183">
        <v>29</v>
      </c>
      <c r="AE2183">
        <v>85</v>
      </c>
      <c r="AF2183">
        <v>0</v>
      </c>
      <c r="AG2183">
        <v>50000</v>
      </c>
      <c r="AH2183">
        <v>0</v>
      </c>
      <c r="AI2183">
        <v>50000</v>
      </c>
      <c r="AJ2183">
        <v>0</v>
      </c>
      <c r="AK2183" t="s">
        <v>6</v>
      </c>
      <c r="AL2183">
        <v>0</v>
      </c>
      <c r="AM2183">
        <v>0</v>
      </c>
      <c r="AN2183">
        <v>0</v>
      </c>
      <c r="AO2183">
        <v>0</v>
      </c>
      <c r="AP2183">
        <v>0</v>
      </c>
      <c r="AQ2183">
        <v>0</v>
      </c>
      <c r="AR2183">
        <v>0</v>
      </c>
      <c r="AS2183">
        <v>0</v>
      </c>
      <c r="AT2183">
        <v>0</v>
      </c>
      <c r="AU2183">
        <v>0</v>
      </c>
      <c r="AV2183">
        <v>0</v>
      </c>
      <c r="AW2183">
        <v>0</v>
      </c>
      <c r="AX2183">
        <v>0</v>
      </c>
      <c r="AY2183">
        <v>0</v>
      </c>
      <c r="AZ2183">
        <v>0</v>
      </c>
      <c r="BA2183">
        <v>0</v>
      </c>
    </row>
    <row r="2184" spans="1:53" x14ac:dyDescent="0.4">
      <c r="A2184">
        <v>2228</v>
      </c>
      <c r="B2184" s="1">
        <v>43523</v>
      </c>
      <c r="C2184">
        <v>2</v>
      </c>
      <c r="D2184" s="1">
        <v>43523.452777777777</v>
      </c>
      <c r="E2184" s="1">
        <v>43523.734722222223</v>
      </c>
      <c r="F2184">
        <v>22000</v>
      </c>
      <c r="G2184">
        <v>680</v>
      </c>
      <c r="H2184">
        <v>200</v>
      </c>
      <c r="I2184">
        <v>0</v>
      </c>
      <c r="J2184">
        <v>0</v>
      </c>
      <c r="K2184">
        <v>0</v>
      </c>
      <c r="L2184">
        <v>0</v>
      </c>
      <c r="M2184">
        <v>1830</v>
      </c>
      <c r="N2184">
        <v>0</v>
      </c>
      <c r="O2184">
        <v>0</v>
      </c>
      <c r="P2184">
        <v>18360</v>
      </c>
      <c r="Q2184">
        <v>0</v>
      </c>
      <c r="R2184">
        <v>43070</v>
      </c>
      <c r="S2184">
        <v>0</v>
      </c>
      <c r="T2184">
        <v>0</v>
      </c>
      <c r="U2184">
        <v>0</v>
      </c>
      <c r="V2184">
        <v>3</v>
      </c>
      <c r="W2184">
        <v>3</v>
      </c>
      <c r="X2184">
        <v>0</v>
      </c>
      <c r="Y2184">
        <v>27</v>
      </c>
      <c r="Z2184">
        <v>20</v>
      </c>
      <c r="AA2184">
        <v>50</v>
      </c>
      <c r="AB2184">
        <v>74</v>
      </c>
      <c r="AC2184">
        <v>106</v>
      </c>
      <c r="AD2184">
        <v>30</v>
      </c>
      <c r="AE2184">
        <v>80</v>
      </c>
      <c r="AF2184">
        <v>1080</v>
      </c>
      <c r="AG2184">
        <v>93070</v>
      </c>
      <c r="AH2184">
        <v>50000</v>
      </c>
      <c r="AI2184">
        <v>0</v>
      </c>
      <c r="AJ2184">
        <v>96</v>
      </c>
      <c r="AK2184" t="s">
        <v>4</v>
      </c>
      <c r="AL2184">
        <v>0</v>
      </c>
      <c r="AM2184">
        <v>0</v>
      </c>
      <c r="AN2184">
        <v>0</v>
      </c>
      <c r="AO2184">
        <v>0</v>
      </c>
      <c r="AP2184">
        <v>0</v>
      </c>
      <c r="AQ2184">
        <v>0</v>
      </c>
      <c r="AR2184">
        <v>0</v>
      </c>
      <c r="AS2184">
        <v>0</v>
      </c>
      <c r="AT2184">
        <v>0</v>
      </c>
      <c r="AU2184">
        <v>0</v>
      </c>
      <c r="AV2184">
        <v>0</v>
      </c>
      <c r="AW2184">
        <v>0</v>
      </c>
      <c r="AX2184">
        <v>0</v>
      </c>
      <c r="AY2184">
        <v>40</v>
      </c>
      <c r="AZ2184">
        <v>78</v>
      </c>
      <c r="BA2184">
        <v>5796</v>
      </c>
    </row>
    <row r="2185" spans="1:53" x14ac:dyDescent="0.4">
      <c r="A2185">
        <v>2229</v>
      </c>
      <c r="B2185" s="1">
        <v>43523</v>
      </c>
      <c r="C2185">
        <v>3</v>
      </c>
      <c r="D2185" s="1">
        <v>43523.734722222223</v>
      </c>
      <c r="E2185" s="1">
        <v>43523.945138888892</v>
      </c>
      <c r="F2185">
        <v>34100</v>
      </c>
      <c r="G2185">
        <v>760</v>
      </c>
      <c r="H2185">
        <v>0</v>
      </c>
      <c r="I2185">
        <v>0</v>
      </c>
      <c r="J2185">
        <v>0</v>
      </c>
      <c r="K2185">
        <v>0</v>
      </c>
      <c r="L2185">
        <v>0</v>
      </c>
      <c r="M2185">
        <v>2789</v>
      </c>
      <c r="N2185">
        <v>0</v>
      </c>
      <c r="O2185">
        <v>0</v>
      </c>
      <c r="P2185">
        <v>-15768</v>
      </c>
      <c r="Q2185">
        <v>0</v>
      </c>
      <c r="R2185">
        <v>21881</v>
      </c>
      <c r="S2185">
        <v>0</v>
      </c>
      <c r="T2185">
        <v>0</v>
      </c>
      <c r="U2185">
        <v>0</v>
      </c>
      <c r="V2185">
        <v>3</v>
      </c>
      <c r="W2185">
        <v>5</v>
      </c>
      <c r="X2185">
        <v>0</v>
      </c>
      <c r="Y2185">
        <v>38</v>
      </c>
      <c r="Z2185">
        <v>20</v>
      </c>
      <c r="AA2185">
        <v>56</v>
      </c>
      <c r="AB2185">
        <v>78</v>
      </c>
      <c r="AC2185">
        <v>114</v>
      </c>
      <c r="AD2185">
        <v>31</v>
      </c>
      <c r="AE2185">
        <v>76</v>
      </c>
      <c r="AF2185">
        <v>1080</v>
      </c>
      <c r="AG2185">
        <v>114951</v>
      </c>
      <c r="AH2185">
        <v>50000</v>
      </c>
      <c r="AI2185">
        <v>0</v>
      </c>
      <c r="AJ2185">
        <v>99</v>
      </c>
      <c r="AK2185" t="s">
        <v>9</v>
      </c>
      <c r="AL2185">
        <v>0</v>
      </c>
      <c r="AM2185">
        <v>0</v>
      </c>
      <c r="AN2185">
        <v>0</v>
      </c>
      <c r="AO2185">
        <v>0</v>
      </c>
      <c r="AP2185">
        <v>0</v>
      </c>
      <c r="AQ2185">
        <v>0</v>
      </c>
      <c r="AR2185">
        <v>0</v>
      </c>
      <c r="AS2185">
        <v>0</v>
      </c>
      <c r="AT2185">
        <v>0</v>
      </c>
      <c r="AU2185">
        <v>0</v>
      </c>
      <c r="AV2185">
        <v>0</v>
      </c>
      <c r="AW2185">
        <v>0</v>
      </c>
      <c r="AX2185">
        <v>25272</v>
      </c>
      <c r="AY2185">
        <v>15</v>
      </c>
      <c r="AZ2185">
        <v>41</v>
      </c>
      <c r="BA2185">
        <v>2507</v>
      </c>
    </row>
    <row r="2186" spans="1:53" x14ac:dyDescent="0.4">
      <c r="A2186">
        <v>2230</v>
      </c>
      <c r="B2186" s="1">
        <v>43523</v>
      </c>
      <c r="C2186">
        <v>4</v>
      </c>
      <c r="D2186" s="1">
        <v>43523.945138888892</v>
      </c>
      <c r="E2186" s="1">
        <v>43524.07916666667</v>
      </c>
      <c r="F2186">
        <v>33900</v>
      </c>
      <c r="G2186">
        <v>1800</v>
      </c>
      <c r="H2186">
        <v>200</v>
      </c>
      <c r="I2186">
        <v>0</v>
      </c>
      <c r="J2186">
        <v>0</v>
      </c>
      <c r="K2186">
        <v>0</v>
      </c>
      <c r="L2186">
        <v>0</v>
      </c>
      <c r="M2186">
        <v>2872</v>
      </c>
      <c r="N2186">
        <v>0</v>
      </c>
      <c r="O2186">
        <v>0</v>
      </c>
      <c r="P2186">
        <v>6912</v>
      </c>
      <c r="Q2186">
        <v>0</v>
      </c>
      <c r="R2186">
        <v>45684</v>
      </c>
      <c r="S2186">
        <v>0</v>
      </c>
      <c r="T2186">
        <v>0</v>
      </c>
      <c r="U2186">
        <v>0</v>
      </c>
      <c r="V2186">
        <v>5</v>
      </c>
      <c r="W2186">
        <v>7</v>
      </c>
      <c r="X2186">
        <v>0</v>
      </c>
      <c r="Y2186">
        <v>46</v>
      </c>
      <c r="Z2186">
        <v>20</v>
      </c>
      <c r="AA2186">
        <v>59</v>
      </c>
      <c r="AB2186">
        <v>79</v>
      </c>
      <c r="AC2186">
        <v>124</v>
      </c>
      <c r="AD2186">
        <v>30</v>
      </c>
      <c r="AE2186">
        <v>79</v>
      </c>
      <c r="AF2186">
        <v>8316</v>
      </c>
      <c r="AG2186">
        <v>160635</v>
      </c>
      <c r="AH2186">
        <v>50000</v>
      </c>
      <c r="AI2186">
        <v>0</v>
      </c>
      <c r="AJ2186">
        <v>100</v>
      </c>
      <c r="AK2186" t="s">
        <v>0</v>
      </c>
      <c r="AL2186">
        <v>0</v>
      </c>
      <c r="AM2186">
        <v>0</v>
      </c>
      <c r="AN2186">
        <v>0</v>
      </c>
      <c r="AO2186">
        <v>0</v>
      </c>
      <c r="AP2186">
        <v>0</v>
      </c>
      <c r="AQ2186">
        <v>0</v>
      </c>
      <c r="AR2186">
        <v>0</v>
      </c>
      <c r="AS2186">
        <v>0</v>
      </c>
      <c r="AT2186">
        <v>0</v>
      </c>
      <c r="AU2186">
        <v>0</v>
      </c>
      <c r="AV2186">
        <v>0</v>
      </c>
      <c r="AW2186">
        <v>0</v>
      </c>
      <c r="AX2186">
        <v>2376</v>
      </c>
      <c r="AY2186">
        <v>3</v>
      </c>
      <c r="AZ2186">
        <v>10</v>
      </c>
      <c r="BA2186">
        <v>540</v>
      </c>
    </row>
    <row r="2187" spans="1:53" x14ac:dyDescent="0.4">
      <c r="A2187">
        <v>2231</v>
      </c>
      <c r="B2187" s="1">
        <v>43524</v>
      </c>
      <c r="C2187">
        <v>1</v>
      </c>
      <c r="D2187" s="1">
        <v>43524.291666666664</v>
      </c>
      <c r="E2187" s="1">
        <v>43524.452777777777</v>
      </c>
      <c r="F2187">
        <v>0</v>
      </c>
      <c r="G2187">
        <v>0</v>
      </c>
      <c r="H2187">
        <v>0</v>
      </c>
      <c r="I2187">
        <v>0</v>
      </c>
      <c r="J2187">
        <v>0</v>
      </c>
      <c r="K2187">
        <v>0</v>
      </c>
      <c r="L2187">
        <v>0</v>
      </c>
      <c r="M2187">
        <v>0</v>
      </c>
      <c r="N2187">
        <v>0</v>
      </c>
      <c r="O2187">
        <v>0</v>
      </c>
      <c r="P2187">
        <v>0</v>
      </c>
      <c r="Q2187">
        <v>0</v>
      </c>
      <c r="R2187">
        <v>0</v>
      </c>
      <c r="S2187">
        <v>0</v>
      </c>
      <c r="T2187">
        <v>0</v>
      </c>
      <c r="U2187">
        <v>0</v>
      </c>
      <c r="V2187">
        <v>0</v>
      </c>
      <c r="W2187">
        <v>1</v>
      </c>
      <c r="X2187">
        <v>0</v>
      </c>
      <c r="Y2187">
        <v>24</v>
      </c>
      <c r="Z2187">
        <v>10</v>
      </c>
      <c r="AA2187">
        <v>110</v>
      </c>
      <c r="AB2187">
        <v>72</v>
      </c>
      <c r="AC2187">
        <v>117</v>
      </c>
      <c r="AD2187">
        <v>31</v>
      </c>
      <c r="AE2187">
        <v>75</v>
      </c>
      <c r="AF2187">
        <v>0</v>
      </c>
      <c r="AG2187">
        <v>50000</v>
      </c>
      <c r="AH2187">
        <v>0</v>
      </c>
      <c r="AI2187">
        <v>50000</v>
      </c>
      <c r="AJ2187">
        <v>0</v>
      </c>
      <c r="AK2187" t="s">
        <v>6</v>
      </c>
      <c r="AL2187">
        <v>0</v>
      </c>
      <c r="AM2187">
        <v>0</v>
      </c>
      <c r="AN2187">
        <v>0</v>
      </c>
      <c r="AO2187">
        <v>0</v>
      </c>
      <c r="AP2187">
        <v>0</v>
      </c>
      <c r="AQ2187">
        <v>0</v>
      </c>
      <c r="AR2187">
        <v>0</v>
      </c>
      <c r="AS2187">
        <v>0</v>
      </c>
      <c r="AT2187">
        <v>0</v>
      </c>
      <c r="AU2187">
        <v>0</v>
      </c>
      <c r="AV2187">
        <v>0</v>
      </c>
      <c r="AW2187">
        <v>0</v>
      </c>
      <c r="AX2187">
        <v>0</v>
      </c>
      <c r="AY2187">
        <v>0</v>
      </c>
      <c r="AZ2187">
        <v>0</v>
      </c>
      <c r="BA2187">
        <v>0</v>
      </c>
    </row>
    <row r="2188" spans="1:53" x14ac:dyDescent="0.4">
      <c r="A2188">
        <v>2232</v>
      </c>
      <c r="B2188" s="1">
        <v>43524</v>
      </c>
      <c r="C2188">
        <v>2</v>
      </c>
      <c r="D2188" s="1">
        <v>43524.452777777777</v>
      </c>
      <c r="E2188" s="1">
        <v>43524.746527777781</v>
      </c>
      <c r="F2188">
        <v>22000</v>
      </c>
      <c r="G2188">
        <v>0</v>
      </c>
      <c r="H2188">
        <v>200</v>
      </c>
      <c r="I2188">
        <v>0</v>
      </c>
      <c r="J2188">
        <v>0</v>
      </c>
      <c r="K2188">
        <v>0</v>
      </c>
      <c r="L2188">
        <v>0</v>
      </c>
      <c r="M2188">
        <v>1776</v>
      </c>
      <c r="N2188">
        <v>0</v>
      </c>
      <c r="O2188">
        <v>0</v>
      </c>
      <c r="P2188">
        <v>21600</v>
      </c>
      <c r="Q2188">
        <v>0</v>
      </c>
      <c r="R2188">
        <v>45576</v>
      </c>
      <c r="S2188">
        <v>0</v>
      </c>
      <c r="T2188">
        <v>0</v>
      </c>
      <c r="U2188">
        <v>0</v>
      </c>
      <c r="V2188">
        <v>2</v>
      </c>
      <c r="W2188">
        <v>1</v>
      </c>
      <c r="X2188">
        <v>0</v>
      </c>
      <c r="Y2188">
        <v>42</v>
      </c>
      <c r="Z2188">
        <v>20</v>
      </c>
      <c r="AA2188">
        <v>105</v>
      </c>
      <c r="AB2188">
        <v>63</v>
      </c>
      <c r="AC2188">
        <v>158</v>
      </c>
      <c r="AD2188">
        <v>33</v>
      </c>
      <c r="AE2188">
        <v>76</v>
      </c>
      <c r="AF2188">
        <v>3105</v>
      </c>
      <c r="AG2188">
        <v>95576</v>
      </c>
      <c r="AH2188">
        <v>50000</v>
      </c>
      <c r="AI2188">
        <v>0</v>
      </c>
      <c r="AJ2188">
        <v>96</v>
      </c>
      <c r="AK2188" t="s">
        <v>4</v>
      </c>
      <c r="AL2188">
        <v>0</v>
      </c>
      <c r="AM2188">
        <v>0</v>
      </c>
      <c r="AN2188">
        <v>0</v>
      </c>
      <c r="AO2188">
        <v>0</v>
      </c>
      <c r="AP2188">
        <v>0</v>
      </c>
      <c r="AQ2188">
        <v>0</v>
      </c>
      <c r="AR2188">
        <v>0</v>
      </c>
      <c r="AS2188">
        <v>0</v>
      </c>
      <c r="AT2188">
        <v>0</v>
      </c>
      <c r="AU2188">
        <v>0</v>
      </c>
      <c r="AV2188">
        <v>0</v>
      </c>
      <c r="AW2188">
        <v>0</v>
      </c>
      <c r="AX2188">
        <v>64</v>
      </c>
      <c r="AY2188">
        <v>38</v>
      </c>
      <c r="AZ2188">
        <v>83</v>
      </c>
      <c r="BA2188">
        <v>5304</v>
      </c>
    </row>
    <row r="2189" spans="1:53" x14ac:dyDescent="0.4">
      <c r="A2189">
        <v>2233</v>
      </c>
      <c r="B2189" s="1">
        <v>43524</v>
      </c>
      <c r="C2189">
        <v>3</v>
      </c>
      <c r="D2189" s="1">
        <v>43524.746527777781</v>
      </c>
      <c r="E2189" s="1">
        <v>43524.956944444442</v>
      </c>
      <c r="F2189">
        <v>45300</v>
      </c>
      <c r="G2189">
        <v>2340</v>
      </c>
      <c r="H2189">
        <v>0</v>
      </c>
      <c r="I2189">
        <v>0</v>
      </c>
      <c r="J2189">
        <v>0</v>
      </c>
      <c r="K2189">
        <v>0</v>
      </c>
      <c r="L2189">
        <v>0</v>
      </c>
      <c r="M2189">
        <v>3811</v>
      </c>
      <c r="N2189">
        <v>0</v>
      </c>
      <c r="O2189">
        <v>0</v>
      </c>
      <c r="P2189">
        <v>-8575</v>
      </c>
      <c r="Q2189">
        <v>0</v>
      </c>
      <c r="R2189">
        <v>42876</v>
      </c>
      <c r="S2189">
        <v>0</v>
      </c>
      <c r="T2189">
        <v>0</v>
      </c>
      <c r="U2189">
        <v>0</v>
      </c>
      <c r="V2189">
        <v>5</v>
      </c>
      <c r="W2189">
        <v>0</v>
      </c>
      <c r="X2189">
        <v>0</v>
      </c>
      <c r="Y2189">
        <v>55</v>
      </c>
      <c r="Z2189">
        <v>21</v>
      </c>
      <c r="AA2189">
        <v>123</v>
      </c>
      <c r="AB2189">
        <v>64</v>
      </c>
      <c r="AC2189">
        <v>155</v>
      </c>
      <c r="AD2189">
        <v>28</v>
      </c>
      <c r="AE2189">
        <v>65</v>
      </c>
      <c r="AF2189">
        <v>5697</v>
      </c>
      <c r="AG2189">
        <v>138452</v>
      </c>
      <c r="AH2189">
        <v>50000</v>
      </c>
      <c r="AI2189">
        <v>0</v>
      </c>
      <c r="AJ2189">
        <v>108</v>
      </c>
      <c r="AK2189" t="s">
        <v>30</v>
      </c>
      <c r="AL2189">
        <v>0</v>
      </c>
      <c r="AM2189">
        <v>0</v>
      </c>
      <c r="AN2189">
        <v>0</v>
      </c>
      <c r="AO2189">
        <v>0</v>
      </c>
      <c r="AP2189">
        <v>0</v>
      </c>
      <c r="AQ2189">
        <v>0</v>
      </c>
      <c r="AR2189">
        <v>0</v>
      </c>
      <c r="AS2189">
        <v>0</v>
      </c>
      <c r="AT2189">
        <v>0</v>
      </c>
      <c r="AU2189">
        <v>0</v>
      </c>
      <c r="AV2189">
        <v>0</v>
      </c>
      <c r="AW2189">
        <v>0</v>
      </c>
      <c r="AX2189">
        <v>0</v>
      </c>
      <c r="AY2189">
        <v>16</v>
      </c>
      <c r="AZ2189">
        <v>38</v>
      </c>
      <c r="BA2189">
        <v>2997</v>
      </c>
    </row>
    <row r="2190" spans="1:53" x14ac:dyDescent="0.4">
      <c r="A2190">
        <v>2234</v>
      </c>
      <c r="B2190" s="1">
        <v>43524</v>
      </c>
      <c r="C2190">
        <v>4</v>
      </c>
      <c r="D2190" s="1">
        <v>43524.956944444442</v>
      </c>
      <c r="E2190" s="1">
        <v>43525.111805555556</v>
      </c>
      <c r="F2190">
        <v>11800</v>
      </c>
      <c r="G2190">
        <v>1260</v>
      </c>
      <c r="H2190">
        <v>200</v>
      </c>
      <c r="I2190">
        <v>0</v>
      </c>
      <c r="J2190">
        <v>0</v>
      </c>
      <c r="K2190">
        <v>0</v>
      </c>
      <c r="L2190">
        <v>0</v>
      </c>
      <c r="M2190">
        <v>1061</v>
      </c>
      <c r="N2190">
        <v>0</v>
      </c>
      <c r="O2190">
        <v>0</v>
      </c>
      <c r="P2190">
        <v>-13025</v>
      </c>
      <c r="Q2190">
        <v>0</v>
      </c>
      <c r="R2190">
        <v>1296</v>
      </c>
      <c r="S2190">
        <v>0</v>
      </c>
      <c r="T2190">
        <v>0</v>
      </c>
      <c r="U2190">
        <v>0</v>
      </c>
      <c r="V2190">
        <v>5</v>
      </c>
      <c r="W2190">
        <v>0</v>
      </c>
      <c r="X2190">
        <v>0</v>
      </c>
      <c r="Y2190">
        <v>56</v>
      </c>
      <c r="Z2190">
        <v>21</v>
      </c>
      <c r="AA2190">
        <v>124</v>
      </c>
      <c r="AB2190">
        <v>64</v>
      </c>
      <c r="AC2190">
        <v>154</v>
      </c>
      <c r="AD2190">
        <v>27</v>
      </c>
      <c r="AE2190">
        <v>60</v>
      </c>
      <c r="AF2190">
        <v>5913</v>
      </c>
      <c r="AG2190">
        <v>139748</v>
      </c>
      <c r="AH2190">
        <v>50000</v>
      </c>
      <c r="AI2190">
        <v>0</v>
      </c>
      <c r="AJ2190">
        <v>108</v>
      </c>
      <c r="AK2190" t="s">
        <v>30</v>
      </c>
      <c r="AL2190">
        <v>0</v>
      </c>
      <c r="AM2190">
        <v>0</v>
      </c>
      <c r="AN2190">
        <v>0</v>
      </c>
      <c r="AO2190">
        <v>0</v>
      </c>
      <c r="AP2190">
        <v>0</v>
      </c>
      <c r="AQ2190">
        <v>0</v>
      </c>
      <c r="AR2190">
        <v>0</v>
      </c>
      <c r="AS2190">
        <v>0</v>
      </c>
      <c r="AT2190">
        <v>0</v>
      </c>
      <c r="AU2190">
        <v>0</v>
      </c>
      <c r="AV2190">
        <v>0</v>
      </c>
      <c r="AW2190">
        <v>0</v>
      </c>
      <c r="AX2190">
        <v>0</v>
      </c>
      <c r="AY2190">
        <v>1</v>
      </c>
      <c r="AZ2190">
        <v>2</v>
      </c>
      <c r="BA2190">
        <v>304</v>
      </c>
    </row>
    <row r="2191" spans="1:53" x14ac:dyDescent="0.4">
      <c r="A2191">
        <v>2235</v>
      </c>
      <c r="B2191" s="1">
        <v>43525</v>
      </c>
      <c r="C2191">
        <v>1</v>
      </c>
      <c r="D2191" s="1">
        <v>43525.291666666664</v>
      </c>
      <c r="E2191" s="1">
        <v>43525.449305555558</v>
      </c>
      <c r="F2191">
        <v>0</v>
      </c>
      <c r="G2191">
        <v>0</v>
      </c>
      <c r="H2191">
        <v>0</v>
      </c>
      <c r="I2191">
        <v>0</v>
      </c>
      <c r="J2191">
        <v>0</v>
      </c>
      <c r="K2191">
        <v>0</v>
      </c>
      <c r="L2191">
        <v>0</v>
      </c>
      <c r="M2191">
        <v>0</v>
      </c>
      <c r="N2191">
        <v>0</v>
      </c>
      <c r="O2191">
        <v>0</v>
      </c>
      <c r="P2191">
        <v>0</v>
      </c>
      <c r="Q2191">
        <v>0</v>
      </c>
      <c r="R2191">
        <v>0</v>
      </c>
      <c r="S2191">
        <v>0</v>
      </c>
      <c r="T2191">
        <v>0</v>
      </c>
      <c r="U2191">
        <v>0</v>
      </c>
      <c r="V2191">
        <v>0</v>
      </c>
      <c r="W2191">
        <v>0</v>
      </c>
      <c r="X2191">
        <v>0</v>
      </c>
      <c r="Y2191">
        <v>27</v>
      </c>
      <c r="Z2191">
        <v>13</v>
      </c>
      <c r="AA2191">
        <v>121</v>
      </c>
      <c r="AB2191">
        <v>64</v>
      </c>
      <c r="AC2191">
        <v>101</v>
      </c>
      <c r="AD2191">
        <v>26</v>
      </c>
      <c r="AE2191">
        <v>60</v>
      </c>
      <c r="AF2191">
        <v>0</v>
      </c>
      <c r="AG2191">
        <v>50000</v>
      </c>
      <c r="AH2191">
        <v>0</v>
      </c>
      <c r="AI2191">
        <v>50000</v>
      </c>
      <c r="AJ2191">
        <v>0</v>
      </c>
      <c r="AK2191" t="s">
        <v>6</v>
      </c>
      <c r="AL2191">
        <v>0</v>
      </c>
      <c r="AM2191">
        <v>0</v>
      </c>
      <c r="AN2191">
        <v>0</v>
      </c>
      <c r="AO2191">
        <v>0</v>
      </c>
      <c r="AP2191">
        <v>0</v>
      </c>
      <c r="AQ2191">
        <v>0</v>
      </c>
      <c r="AR2191">
        <v>0</v>
      </c>
      <c r="AS2191">
        <v>0</v>
      </c>
      <c r="AT2191">
        <v>0</v>
      </c>
      <c r="AU2191">
        <v>0</v>
      </c>
      <c r="AV2191">
        <v>0</v>
      </c>
      <c r="AW2191">
        <v>0</v>
      </c>
      <c r="AX2191">
        <v>0</v>
      </c>
      <c r="AY2191">
        <v>0</v>
      </c>
      <c r="AZ2191">
        <v>0</v>
      </c>
      <c r="BA2191">
        <v>0</v>
      </c>
    </row>
    <row r="2192" spans="1:53" x14ac:dyDescent="0.4">
      <c r="A2192">
        <v>2236</v>
      </c>
      <c r="B2192" s="1">
        <v>43525</v>
      </c>
      <c r="C2192">
        <v>2</v>
      </c>
      <c r="D2192" s="1">
        <v>43525.449305555558</v>
      </c>
      <c r="E2192" s="1">
        <v>43525.75</v>
      </c>
      <c r="F2192">
        <v>29000</v>
      </c>
      <c r="G2192">
        <v>500</v>
      </c>
      <c r="H2192">
        <v>400</v>
      </c>
      <c r="I2192">
        <v>0</v>
      </c>
      <c r="J2192">
        <v>0</v>
      </c>
      <c r="K2192">
        <v>0</v>
      </c>
      <c r="L2192">
        <v>0</v>
      </c>
      <c r="M2192">
        <v>2392</v>
      </c>
      <c r="N2192">
        <v>0</v>
      </c>
      <c r="O2192">
        <v>0</v>
      </c>
      <c r="P2192">
        <v>21600</v>
      </c>
      <c r="Q2192">
        <v>0</v>
      </c>
      <c r="R2192">
        <v>53892</v>
      </c>
      <c r="S2192">
        <v>0</v>
      </c>
      <c r="T2192">
        <v>0</v>
      </c>
      <c r="U2192">
        <v>0</v>
      </c>
      <c r="V2192">
        <v>0</v>
      </c>
      <c r="W2192">
        <v>2</v>
      </c>
      <c r="X2192">
        <v>0</v>
      </c>
      <c r="Y2192">
        <v>61</v>
      </c>
      <c r="Z2192">
        <v>29</v>
      </c>
      <c r="AA2192">
        <v>130</v>
      </c>
      <c r="AB2192">
        <v>58</v>
      </c>
      <c r="AC2192">
        <v>229</v>
      </c>
      <c r="AD2192">
        <v>28</v>
      </c>
      <c r="AE2192">
        <v>62</v>
      </c>
      <c r="AF2192">
        <v>0</v>
      </c>
      <c r="AG2192">
        <v>103892</v>
      </c>
      <c r="AH2192">
        <v>50000</v>
      </c>
      <c r="AI2192">
        <v>0</v>
      </c>
      <c r="AJ2192">
        <v>102</v>
      </c>
      <c r="AK2192" t="s">
        <v>8</v>
      </c>
      <c r="AL2192">
        <v>0</v>
      </c>
      <c r="AM2192">
        <v>0</v>
      </c>
      <c r="AN2192">
        <v>0</v>
      </c>
      <c r="AO2192">
        <v>0</v>
      </c>
      <c r="AP2192">
        <v>0</v>
      </c>
      <c r="AQ2192">
        <v>0</v>
      </c>
      <c r="AR2192">
        <v>0</v>
      </c>
      <c r="AS2192">
        <v>0</v>
      </c>
      <c r="AT2192">
        <v>0</v>
      </c>
      <c r="AU2192">
        <v>0</v>
      </c>
      <c r="AV2192">
        <v>0</v>
      </c>
      <c r="AW2192">
        <v>0</v>
      </c>
      <c r="AX2192">
        <v>-1620</v>
      </c>
      <c r="AY2192">
        <v>45</v>
      </c>
      <c r="AZ2192">
        <v>98</v>
      </c>
      <c r="BA2192">
        <v>6565</v>
      </c>
    </row>
    <row r="2193" spans="1:53" x14ac:dyDescent="0.4">
      <c r="A2193">
        <v>2237</v>
      </c>
      <c r="B2193" s="1">
        <v>43526</v>
      </c>
      <c r="C2193">
        <v>1</v>
      </c>
      <c r="D2193" s="1">
        <v>43526.291666666664</v>
      </c>
      <c r="E2193" s="1">
        <v>43526.40625</v>
      </c>
      <c r="F2193">
        <v>0</v>
      </c>
      <c r="G2193">
        <v>0</v>
      </c>
      <c r="H2193">
        <v>0</v>
      </c>
      <c r="I2193">
        <v>0</v>
      </c>
      <c r="J2193">
        <v>0</v>
      </c>
      <c r="K2193">
        <v>0</v>
      </c>
      <c r="L2193">
        <v>0</v>
      </c>
      <c r="M2193">
        <v>0</v>
      </c>
      <c r="N2193">
        <v>0</v>
      </c>
      <c r="O2193">
        <v>0</v>
      </c>
      <c r="P2193">
        <v>0</v>
      </c>
      <c r="Q2193">
        <v>0</v>
      </c>
      <c r="R2193">
        <v>0</v>
      </c>
      <c r="S2193">
        <v>0</v>
      </c>
      <c r="T2193">
        <v>0</v>
      </c>
      <c r="U2193">
        <v>0</v>
      </c>
      <c r="V2193">
        <v>0</v>
      </c>
      <c r="W2193">
        <v>1</v>
      </c>
      <c r="X2193">
        <v>0</v>
      </c>
      <c r="Y2193">
        <v>26</v>
      </c>
      <c r="Z2193">
        <v>8</v>
      </c>
      <c r="AA2193">
        <v>103</v>
      </c>
      <c r="AB2193">
        <v>62</v>
      </c>
      <c r="AC2193">
        <v>140</v>
      </c>
      <c r="AD2193">
        <v>25</v>
      </c>
      <c r="AE2193">
        <v>75</v>
      </c>
      <c r="AF2193">
        <v>0</v>
      </c>
      <c r="AG2193">
        <v>50000</v>
      </c>
      <c r="AH2193">
        <v>50000</v>
      </c>
      <c r="AI2193">
        <v>0</v>
      </c>
      <c r="AJ2193">
        <v>0</v>
      </c>
      <c r="AK2193" t="s">
        <v>6</v>
      </c>
      <c r="AL2193">
        <v>0</v>
      </c>
      <c r="AM2193">
        <v>0</v>
      </c>
      <c r="AN2193">
        <v>0</v>
      </c>
      <c r="AO2193">
        <v>0</v>
      </c>
      <c r="AP2193">
        <v>0</v>
      </c>
      <c r="AQ2193">
        <v>0</v>
      </c>
      <c r="AR2193">
        <v>0</v>
      </c>
      <c r="AS2193">
        <v>0</v>
      </c>
      <c r="AT2193">
        <v>0</v>
      </c>
      <c r="AU2193">
        <v>0</v>
      </c>
      <c r="AV2193">
        <v>0</v>
      </c>
      <c r="AW2193">
        <v>0</v>
      </c>
      <c r="AX2193">
        <v>0</v>
      </c>
      <c r="AY2193">
        <v>0</v>
      </c>
      <c r="AZ2193">
        <v>0</v>
      </c>
      <c r="BA2193">
        <v>0</v>
      </c>
    </row>
    <row r="2194" spans="1:53" x14ac:dyDescent="0.4">
      <c r="A2194">
        <v>2238</v>
      </c>
      <c r="B2194" s="1">
        <v>43526</v>
      </c>
      <c r="C2194">
        <v>2</v>
      </c>
      <c r="D2194" s="1">
        <v>43526.40625</v>
      </c>
      <c r="E2194" s="1">
        <v>43526.730555555558</v>
      </c>
      <c r="F2194">
        <v>46000</v>
      </c>
      <c r="G2194">
        <v>1060</v>
      </c>
      <c r="H2194">
        <v>0</v>
      </c>
      <c r="I2194">
        <v>0</v>
      </c>
      <c r="J2194">
        <v>0</v>
      </c>
      <c r="K2194">
        <v>0</v>
      </c>
      <c r="L2194">
        <v>0</v>
      </c>
      <c r="M2194">
        <v>3764</v>
      </c>
      <c r="N2194">
        <v>0</v>
      </c>
      <c r="O2194">
        <v>0</v>
      </c>
      <c r="P2194">
        <v>21060</v>
      </c>
      <c r="Q2194">
        <v>0</v>
      </c>
      <c r="R2194">
        <v>71884</v>
      </c>
      <c r="S2194">
        <v>0</v>
      </c>
      <c r="T2194">
        <v>0</v>
      </c>
      <c r="U2194">
        <v>0</v>
      </c>
      <c r="V2194">
        <v>2</v>
      </c>
      <c r="W2194">
        <v>3</v>
      </c>
      <c r="X2194">
        <v>0</v>
      </c>
      <c r="Y2194">
        <v>54</v>
      </c>
      <c r="Z2194">
        <v>29</v>
      </c>
      <c r="AA2194">
        <v>127</v>
      </c>
      <c r="AB2194">
        <v>70</v>
      </c>
      <c r="AC2194">
        <v>197</v>
      </c>
      <c r="AD2194">
        <v>27</v>
      </c>
      <c r="AE2194">
        <v>79</v>
      </c>
      <c r="AF2194">
        <v>0</v>
      </c>
      <c r="AG2194">
        <v>121884</v>
      </c>
      <c r="AH2194">
        <v>50000</v>
      </c>
      <c r="AI2194">
        <v>0</v>
      </c>
      <c r="AJ2194">
        <v>93</v>
      </c>
      <c r="AK2194" t="s">
        <v>20</v>
      </c>
      <c r="AL2194">
        <v>0</v>
      </c>
      <c r="AM2194">
        <v>0</v>
      </c>
      <c r="AN2194">
        <v>0</v>
      </c>
      <c r="AO2194">
        <v>0</v>
      </c>
      <c r="AP2194">
        <v>0</v>
      </c>
      <c r="AQ2194">
        <v>0</v>
      </c>
      <c r="AR2194">
        <v>0</v>
      </c>
      <c r="AS2194">
        <v>0</v>
      </c>
      <c r="AT2194">
        <v>0</v>
      </c>
      <c r="AU2194">
        <v>0</v>
      </c>
      <c r="AV2194">
        <v>0</v>
      </c>
      <c r="AW2194">
        <v>0</v>
      </c>
      <c r="AX2194">
        <v>0</v>
      </c>
      <c r="AY2194">
        <v>54</v>
      </c>
      <c r="AZ2194">
        <v>126</v>
      </c>
      <c r="BA2194">
        <v>7961</v>
      </c>
    </row>
    <row r="2195" spans="1:53" x14ac:dyDescent="0.4">
      <c r="A2195">
        <v>2239</v>
      </c>
      <c r="B2195" s="1">
        <v>43527</v>
      </c>
      <c r="C2195">
        <v>1</v>
      </c>
      <c r="D2195" s="1">
        <v>43527.291666666664</v>
      </c>
      <c r="E2195" s="1">
        <v>43527.404166666667</v>
      </c>
      <c r="F2195">
        <v>0</v>
      </c>
      <c r="G2195">
        <v>0</v>
      </c>
      <c r="H2195">
        <v>0</v>
      </c>
      <c r="I2195">
        <v>0</v>
      </c>
      <c r="J2195">
        <v>0</v>
      </c>
      <c r="K2195">
        <v>0</v>
      </c>
      <c r="L2195">
        <v>0</v>
      </c>
      <c r="M2195">
        <v>0</v>
      </c>
      <c r="N2195">
        <v>0</v>
      </c>
      <c r="O2195">
        <v>0</v>
      </c>
      <c r="P2195">
        <v>0</v>
      </c>
      <c r="Q2195">
        <v>0</v>
      </c>
      <c r="R2195">
        <v>0</v>
      </c>
      <c r="S2195">
        <v>0</v>
      </c>
      <c r="T2195">
        <v>0</v>
      </c>
      <c r="U2195">
        <v>0</v>
      </c>
      <c r="V2195">
        <v>0</v>
      </c>
      <c r="W2195">
        <v>0</v>
      </c>
      <c r="X2195">
        <v>0</v>
      </c>
      <c r="Y2195">
        <v>28</v>
      </c>
      <c r="Z2195">
        <v>8</v>
      </c>
      <c r="AA2195">
        <v>133</v>
      </c>
      <c r="AB2195">
        <v>64</v>
      </c>
      <c r="AC2195">
        <v>139</v>
      </c>
      <c r="AD2195">
        <v>13</v>
      </c>
      <c r="AE2195">
        <v>45</v>
      </c>
      <c r="AF2195">
        <v>0</v>
      </c>
      <c r="AG2195">
        <v>50000</v>
      </c>
      <c r="AH2195">
        <v>50000</v>
      </c>
      <c r="AI2195">
        <v>0</v>
      </c>
      <c r="AJ2195">
        <v>0</v>
      </c>
      <c r="AK2195" t="s">
        <v>6</v>
      </c>
      <c r="AL2195">
        <v>0</v>
      </c>
      <c r="AM2195">
        <v>0</v>
      </c>
      <c r="AN2195">
        <v>0</v>
      </c>
      <c r="AO2195">
        <v>0</v>
      </c>
      <c r="AP2195">
        <v>0</v>
      </c>
      <c r="AQ2195">
        <v>0</v>
      </c>
      <c r="AR2195">
        <v>0</v>
      </c>
      <c r="AS2195">
        <v>0</v>
      </c>
      <c r="AT2195">
        <v>0</v>
      </c>
      <c r="AU2195">
        <v>0</v>
      </c>
      <c r="AV2195">
        <v>0</v>
      </c>
      <c r="AW2195">
        <v>0</v>
      </c>
      <c r="AX2195">
        <v>0</v>
      </c>
      <c r="AY2195">
        <v>0</v>
      </c>
      <c r="AZ2195">
        <v>0</v>
      </c>
      <c r="BA2195">
        <v>0</v>
      </c>
    </row>
    <row r="2196" spans="1:53" x14ac:dyDescent="0.4">
      <c r="A2196">
        <v>2240</v>
      </c>
      <c r="B2196" s="1">
        <v>43527</v>
      </c>
      <c r="C2196">
        <v>2</v>
      </c>
      <c r="D2196" s="1">
        <v>43527.404166666667</v>
      </c>
      <c r="E2196" s="1">
        <v>43527.727083333331</v>
      </c>
      <c r="F2196">
        <v>47000</v>
      </c>
      <c r="G2196">
        <v>3280</v>
      </c>
      <c r="H2196">
        <v>200</v>
      </c>
      <c r="I2196">
        <v>0</v>
      </c>
      <c r="J2196">
        <v>0</v>
      </c>
      <c r="K2196">
        <v>0</v>
      </c>
      <c r="L2196">
        <v>0</v>
      </c>
      <c r="M2196">
        <v>4038</v>
      </c>
      <c r="N2196">
        <v>0</v>
      </c>
      <c r="O2196">
        <v>0</v>
      </c>
      <c r="P2196">
        <v>26460</v>
      </c>
      <c r="Q2196">
        <v>0</v>
      </c>
      <c r="R2196">
        <v>80978</v>
      </c>
      <c r="S2196">
        <v>0</v>
      </c>
      <c r="T2196">
        <v>0</v>
      </c>
      <c r="U2196">
        <v>0</v>
      </c>
      <c r="V2196">
        <v>4</v>
      </c>
      <c r="W2196">
        <v>1</v>
      </c>
      <c r="X2196">
        <v>0</v>
      </c>
      <c r="Y2196">
        <v>56</v>
      </c>
      <c r="Z2196">
        <v>32</v>
      </c>
      <c r="AA2196">
        <v>95</v>
      </c>
      <c r="AB2196">
        <v>54</v>
      </c>
      <c r="AC2196">
        <v>165</v>
      </c>
      <c r="AD2196">
        <v>14</v>
      </c>
      <c r="AE2196">
        <v>58</v>
      </c>
      <c r="AF2196">
        <v>0</v>
      </c>
      <c r="AG2196">
        <v>130978</v>
      </c>
      <c r="AH2196">
        <v>50000</v>
      </c>
      <c r="AI2196">
        <v>0</v>
      </c>
      <c r="AJ2196">
        <v>92</v>
      </c>
      <c r="AK2196" t="s">
        <v>22</v>
      </c>
      <c r="AL2196">
        <v>0</v>
      </c>
      <c r="AM2196">
        <v>0</v>
      </c>
      <c r="AN2196">
        <v>0</v>
      </c>
      <c r="AO2196">
        <v>0</v>
      </c>
      <c r="AP2196">
        <v>0</v>
      </c>
      <c r="AQ2196">
        <v>0</v>
      </c>
      <c r="AR2196">
        <v>0</v>
      </c>
      <c r="AS2196">
        <v>0</v>
      </c>
      <c r="AT2196">
        <v>0</v>
      </c>
      <c r="AU2196">
        <v>0</v>
      </c>
      <c r="AV2196">
        <v>0</v>
      </c>
      <c r="AW2196">
        <v>0</v>
      </c>
      <c r="AX2196">
        <v>-1080</v>
      </c>
      <c r="AY2196">
        <v>57</v>
      </c>
      <c r="AZ2196">
        <v>138</v>
      </c>
      <c r="BA2196">
        <v>7880</v>
      </c>
    </row>
    <row r="2197" spans="1:53" x14ac:dyDescent="0.4">
      <c r="A2197">
        <v>2241</v>
      </c>
      <c r="B2197" s="1">
        <v>43527</v>
      </c>
      <c r="C2197">
        <v>3</v>
      </c>
      <c r="D2197" s="1">
        <v>43527.727083333331</v>
      </c>
      <c r="E2197" s="1">
        <v>43527.948611111111</v>
      </c>
      <c r="F2197">
        <v>28500</v>
      </c>
      <c r="G2197">
        <v>1080</v>
      </c>
      <c r="H2197">
        <v>0</v>
      </c>
      <c r="I2197">
        <v>0</v>
      </c>
      <c r="J2197">
        <v>0</v>
      </c>
      <c r="K2197">
        <v>0</v>
      </c>
      <c r="L2197">
        <v>0</v>
      </c>
      <c r="M2197">
        <v>2366</v>
      </c>
      <c r="N2197">
        <v>0</v>
      </c>
      <c r="O2197">
        <v>0</v>
      </c>
      <c r="P2197">
        <v>-13500</v>
      </c>
      <c r="Q2197">
        <v>0</v>
      </c>
      <c r="R2197">
        <v>18446</v>
      </c>
      <c r="S2197">
        <v>0</v>
      </c>
      <c r="T2197">
        <v>0</v>
      </c>
      <c r="U2197">
        <v>0</v>
      </c>
      <c r="V2197">
        <v>6</v>
      </c>
      <c r="W2197">
        <v>1</v>
      </c>
      <c r="X2197">
        <v>0</v>
      </c>
      <c r="Y2197">
        <v>55</v>
      </c>
      <c r="Z2197">
        <v>33</v>
      </c>
      <c r="AA2197">
        <v>86</v>
      </c>
      <c r="AB2197">
        <v>52</v>
      </c>
      <c r="AC2197">
        <v>160</v>
      </c>
      <c r="AD2197">
        <v>14</v>
      </c>
      <c r="AE2197">
        <v>54</v>
      </c>
      <c r="AF2197">
        <v>0</v>
      </c>
      <c r="AG2197">
        <v>149424</v>
      </c>
      <c r="AH2197">
        <v>50000</v>
      </c>
      <c r="AI2197">
        <v>0</v>
      </c>
      <c r="AJ2197">
        <v>99</v>
      </c>
      <c r="AK2197" t="s">
        <v>9</v>
      </c>
      <c r="AL2197">
        <v>0</v>
      </c>
      <c r="AM2197">
        <v>0</v>
      </c>
      <c r="AN2197">
        <v>0</v>
      </c>
      <c r="AO2197">
        <v>0</v>
      </c>
      <c r="AP2197">
        <v>0</v>
      </c>
      <c r="AQ2197">
        <v>0</v>
      </c>
      <c r="AR2197">
        <v>0</v>
      </c>
      <c r="AS2197">
        <v>0</v>
      </c>
      <c r="AT2197">
        <v>0</v>
      </c>
      <c r="AU2197">
        <v>0</v>
      </c>
      <c r="AV2197">
        <v>0</v>
      </c>
      <c r="AW2197">
        <v>0</v>
      </c>
      <c r="AX2197">
        <v>244</v>
      </c>
      <c r="AY2197">
        <v>5</v>
      </c>
      <c r="AZ2197">
        <v>12</v>
      </c>
      <c r="BA2197">
        <v>2931</v>
      </c>
    </row>
    <row r="2198" spans="1:53" x14ac:dyDescent="0.4">
      <c r="A2198">
        <v>2242</v>
      </c>
      <c r="B2198" s="1">
        <v>43527</v>
      </c>
      <c r="C2198">
        <v>4</v>
      </c>
      <c r="D2198" s="1">
        <v>43527.948611111111</v>
      </c>
      <c r="E2198" s="1">
        <v>43528.084722222222</v>
      </c>
      <c r="F2198">
        <v>12300</v>
      </c>
      <c r="G2198">
        <v>500</v>
      </c>
      <c r="H2198">
        <v>200</v>
      </c>
      <c r="I2198">
        <v>0</v>
      </c>
      <c r="J2198">
        <v>0</v>
      </c>
      <c r="K2198">
        <v>5500</v>
      </c>
      <c r="L2198">
        <v>0</v>
      </c>
      <c r="M2198">
        <v>1480</v>
      </c>
      <c r="N2198">
        <v>0</v>
      </c>
      <c r="O2198">
        <v>0</v>
      </c>
      <c r="P2198">
        <v>19224</v>
      </c>
      <c r="Q2198">
        <v>0</v>
      </c>
      <c r="R2198">
        <v>39204</v>
      </c>
      <c r="S2198">
        <v>0</v>
      </c>
      <c r="T2198">
        <v>0</v>
      </c>
      <c r="U2198">
        <v>0</v>
      </c>
      <c r="V2198">
        <v>8</v>
      </c>
      <c r="W2198">
        <v>4</v>
      </c>
      <c r="X2198">
        <v>0</v>
      </c>
      <c r="Y2198">
        <v>59</v>
      </c>
      <c r="Z2198">
        <v>32</v>
      </c>
      <c r="AA2198">
        <v>92</v>
      </c>
      <c r="AB2198">
        <v>52</v>
      </c>
      <c r="AC2198">
        <v>150</v>
      </c>
      <c r="AD2198">
        <v>12</v>
      </c>
      <c r="AE2198">
        <v>52</v>
      </c>
      <c r="AF2198">
        <v>216</v>
      </c>
      <c r="AG2198">
        <v>188628</v>
      </c>
      <c r="AH2198">
        <v>50000</v>
      </c>
      <c r="AI2198">
        <v>0</v>
      </c>
      <c r="AJ2198">
        <v>108</v>
      </c>
      <c r="AK2198" t="s">
        <v>30</v>
      </c>
      <c r="AL2198">
        <v>0</v>
      </c>
      <c r="AM2198">
        <v>0</v>
      </c>
      <c r="AN2198">
        <v>0</v>
      </c>
      <c r="AO2198">
        <v>0</v>
      </c>
      <c r="AP2198">
        <v>0</v>
      </c>
      <c r="AQ2198">
        <v>0</v>
      </c>
      <c r="AR2198">
        <v>0</v>
      </c>
      <c r="AS2198">
        <v>0</v>
      </c>
      <c r="AT2198">
        <v>0</v>
      </c>
      <c r="AU2198">
        <v>0</v>
      </c>
      <c r="AV2198">
        <v>0</v>
      </c>
      <c r="AW2198">
        <v>0</v>
      </c>
      <c r="AX2198">
        <v>929</v>
      </c>
      <c r="AY2198">
        <v>4</v>
      </c>
      <c r="AZ2198">
        <v>14</v>
      </c>
      <c r="BA2198">
        <v>880</v>
      </c>
    </row>
    <row r="2199" spans="1:53" x14ac:dyDescent="0.4">
      <c r="A2199">
        <v>2243</v>
      </c>
      <c r="B2199" s="1">
        <v>43528</v>
      </c>
      <c r="C2199">
        <v>1</v>
      </c>
      <c r="D2199" s="1">
        <v>43528.291666666664</v>
      </c>
      <c r="E2199" s="1">
        <v>43528.456250000003</v>
      </c>
      <c r="F2199">
        <v>0</v>
      </c>
      <c r="G2199">
        <v>0</v>
      </c>
      <c r="H2199">
        <v>0</v>
      </c>
      <c r="I2199">
        <v>0</v>
      </c>
      <c r="J2199">
        <v>0</v>
      </c>
      <c r="K2199">
        <v>0</v>
      </c>
      <c r="L2199">
        <v>0</v>
      </c>
      <c r="M2199">
        <v>0</v>
      </c>
      <c r="N2199">
        <v>0</v>
      </c>
      <c r="O2199">
        <v>0</v>
      </c>
      <c r="P2199">
        <v>0</v>
      </c>
      <c r="Q2199">
        <v>0</v>
      </c>
      <c r="R2199">
        <v>0</v>
      </c>
      <c r="S2199">
        <v>0</v>
      </c>
      <c r="T2199">
        <v>0</v>
      </c>
      <c r="U2199">
        <v>0</v>
      </c>
      <c r="V2199">
        <v>0</v>
      </c>
      <c r="W2199">
        <v>0</v>
      </c>
      <c r="X2199">
        <v>0</v>
      </c>
      <c r="Y2199">
        <v>27</v>
      </c>
      <c r="Z2199">
        <v>10</v>
      </c>
      <c r="AA2199">
        <v>142</v>
      </c>
      <c r="AB2199">
        <v>54</v>
      </c>
      <c r="AC2199">
        <v>97</v>
      </c>
      <c r="AD2199">
        <v>13</v>
      </c>
      <c r="AE2199">
        <v>65</v>
      </c>
      <c r="AF2199">
        <v>0</v>
      </c>
      <c r="AG2199">
        <v>50000</v>
      </c>
      <c r="AH2199">
        <v>0</v>
      </c>
      <c r="AI2199">
        <v>50000</v>
      </c>
      <c r="AJ2199">
        <v>0</v>
      </c>
      <c r="AK2199" t="s">
        <v>6</v>
      </c>
      <c r="AL2199">
        <v>0</v>
      </c>
      <c r="AM2199">
        <v>0</v>
      </c>
      <c r="AN2199">
        <v>0</v>
      </c>
      <c r="AO2199">
        <v>0</v>
      </c>
      <c r="AP2199">
        <v>0</v>
      </c>
      <c r="AQ2199">
        <v>0</v>
      </c>
      <c r="AR2199">
        <v>0</v>
      </c>
      <c r="AS2199">
        <v>0</v>
      </c>
      <c r="AT2199">
        <v>0</v>
      </c>
      <c r="AU2199">
        <v>0</v>
      </c>
      <c r="AV2199">
        <v>0</v>
      </c>
      <c r="AW2199">
        <v>0</v>
      </c>
      <c r="AX2199">
        <v>0</v>
      </c>
      <c r="AY2199">
        <v>0</v>
      </c>
      <c r="AZ2199">
        <v>0</v>
      </c>
      <c r="BA2199">
        <v>0</v>
      </c>
    </row>
    <row r="2200" spans="1:53" x14ac:dyDescent="0.4">
      <c r="A2200">
        <v>2244</v>
      </c>
      <c r="B2200" s="1">
        <v>43528</v>
      </c>
      <c r="C2200">
        <v>2</v>
      </c>
      <c r="D2200" s="1">
        <v>43528.456250000003</v>
      </c>
      <c r="E2200" s="1">
        <v>43528.747916666667</v>
      </c>
      <c r="F2200">
        <v>19500</v>
      </c>
      <c r="G2200">
        <v>680</v>
      </c>
      <c r="H2200">
        <v>200</v>
      </c>
      <c r="I2200">
        <v>0</v>
      </c>
      <c r="J2200">
        <v>0</v>
      </c>
      <c r="K2200">
        <v>0</v>
      </c>
      <c r="L2200">
        <v>0</v>
      </c>
      <c r="M2200">
        <v>1630</v>
      </c>
      <c r="N2200">
        <v>0</v>
      </c>
      <c r="O2200">
        <v>0</v>
      </c>
      <c r="P2200">
        <v>22680</v>
      </c>
      <c r="Q2200">
        <v>0</v>
      </c>
      <c r="R2200">
        <v>44690</v>
      </c>
      <c r="S2200">
        <v>0</v>
      </c>
      <c r="T2200">
        <v>0</v>
      </c>
      <c r="U2200">
        <v>0</v>
      </c>
      <c r="V2200">
        <v>1</v>
      </c>
      <c r="W2200">
        <v>2</v>
      </c>
      <c r="X2200">
        <v>0</v>
      </c>
      <c r="Y2200">
        <v>42</v>
      </c>
      <c r="Z2200">
        <v>26</v>
      </c>
      <c r="AA2200">
        <v>132</v>
      </c>
      <c r="AB2200">
        <v>54</v>
      </c>
      <c r="AC2200">
        <v>131</v>
      </c>
      <c r="AD2200">
        <v>13</v>
      </c>
      <c r="AE2200">
        <v>67</v>
      </c>
      <c r="AF2200">
        <v>2428</v>
      </c>
      <c r="AG2200">
        <v>94770</v>
      </c>
      <c r="AH2200">
        <v>50000</v>
      </c>
      <c r="AI2200">
        <v>80</v>
      </c>
      <c r="AJ2200">
        <v>96</v>
      </c>
      <c r="AK2200" t="s">
        <v>4</v>
      </c>
      <c r="AL2200">
        <v>0</v>
      </c>
      <c r="AM2200">
        <v>0</v>
      </c>
      <c r="AN2200">
        <v>0</v>
      </c>
      <c r="AO2200">
        <v>0</v>
      </c>
      <c r="AP2200">
        <v>0</v>
      </c>
      <c r="AQ2200">
        <v>0</v>
      </c>
      <c r="AR2200">
        <v>0</v>
      </c>
      <c r="AS2200">
        <v>0</v>
      </c>
      <c r="AT2200">
        <v>0</v>
      </c>
      <c r="AU2200">
        <v>0</v>
      </c>
      <c r="AV2200">
        <v>0</v>
      </c>
      <c r="AW2200">
        <v>0</v>
      </c>
      <c r="AX2200">
        <v>-3370</v>
      </c>
      <c r="AY2200">
        <v>42</v>
      </c>
      <c r="AZ2200">
        <v>79</v>
      </c>
      <c r="BA2200">
        <v>5685</v>
      </c>
    </row>
    <row r="2201" spans="1:53" x14ac:dyDescent="0.4">
      <c r="A2201">
        <v>2245</v>
      </c>
      <c r="B2201" s="1">
        <v>43528</v>
      </c>
      <c r="C2201">
        <v>3</v>
      </c>
      <c r="D2201" s="1">
        <v>43528.747916666667</v>
      </c>
      <c r="E2201" s="1">
        <v>43528.973611111112</v>
      </c>
      <c r="F2201">
        <v>48280</v>
      </c>
      <c r="G2201">
        <v>1180</v>
      </c>
      <c r="H2201">
        <v>0</v>
      </c>
      <c r="I2201">
        <v>0</v>
      </c>
      <c r="J2201">
        <v>0</v>
      </c>
      <c r="K2201">
        <v>0</v>
      </c>
      <c r="L2201">
        <v>0</v>
      </c>
      <c r="M2201">
        <v>3956</v>
      </c>
      <c r="N2201">
        <v>0</v>
      </c>
      <c r="O2201">
        <v>0</v>
      </c>
      <c r="P2201">
        <v>-18792</v>
      </c>
      <c r="Q2201">
        <v>0</v>
      </c>
      <c r="R2201">
        <v>34624</v>
      </c>
      <c r="S2201">
        <v>0</v>
      </c>
      <c r="T2201">
        <v>0</v>
      </c>
      <c r="U2201">
        <v>0</v>
      </c>
      <c r="V2201">
        <v>2</v>
      </c>
      <c r="W2201">
        <v>3</v>
      </c>
      <c r="X2201">
        <v>0</v>
      </c>
      <c r="Y2201">
        <v>61</v>
      </c>
      <c r="Z2201">
        <v>27</v>
      </c>
      <c r="AA2201">
        <v>134</v>
      </c>
      <c r="AB2201">
        <v>52</v>
      </c>
      <c r="AC2201">
        <v>126</v>
      </c>
      <c r="AD2201">
        <v>12</v>
      </c>
      <c r="AE2201">
        <v>66</v>
      </c>
      <c r="AF2201">
        <v>2428</v>
      </c>
      <c r="AG2201">
        <v>129314</v>
      </c>
      <c r="AH2201">
        <v>50000</v>
      </c>
      <c r="AI2201">
        <v>0</v>
      </c>
      <c r="AJ2201">
        <v>95</v>
      </c>
      <c r="AK2201" t="s">
        <v>21</v>
      </c>
      <c r="AL2201">
        <v>0</v>
      </c>
      <c r="AM2201">
        <v>0</v>
      </c>
      <c r="AN2201">
        <v>0</v>
      </c>
      <c r="AO2201">
        <v>0</v>
      </c>
      <c r="AP2201">
        <v>0</v>
      </c>
      <c r="AQ2201">
        <v>0</v>
      </c>
      <c r="AR2201">
        <v>0</v>
      </c>
      <c r="AS2201">
        <v>0</v>
      </c>
      <c r="AT2201">
        <v>0</v>
      </c>
      <c r="AU2201">
        <v>0</v>
      </c>
      <c r="AV2201">
        <v>0</v>
      </c>
      <c r="AW2201">
        <v>0</v>
      </c>
      <c r="AX2201">
        <v>12528</v>
      </c>
      <c r="AY2201">
        <v>12</v>
      </c>
      <c r="AZ2201">
        <v>39</v>
      </c>
      <c r="BA2201">
        <v>2615</v>
      </c>
    </row>
    <row r="2202" spans="1:53" x14ac:dyDescent="0.4">
      <c r="A2202">
        <v>2246</v>
      </c>
      <c r="B2202" s="1">
        <v>43528</v>
      </c>
      <c r="C2202">
        <v>4</v>
      </c>
      <c r="D2202" s="1">
        <v>43528.973611111112</v>
      </c>
      <c r="E2202" s="1">
        <v>43529.104166666664</v>
      </c>
      <c r="F2202">
        <v>22100</v>
      </c>
      <c r="G2202">
        <v>1500</v>
      </c>
      <c r="H2202">
        <v>0</v>
      </c>
      <c r="I2202">
        <v>0</v>
      </c>
      <c r="J2202">
        <v>0</v>
      </c>
      <c r="K2202">
        <v>0</v>
      </c>
      <c r="L2202">
        <v>0</v>
      </c>
      <c r="M2202">
        <v>1888</v>
      </c>
      <c r="N2202">
        <v>0</v>
      </c>
      <c r="O2202">
        <v>0</v>
      </c>
      <c r="P2202">
        <v>864</v>
      </c>
      <c r="Q2202">
        <v>0</v>
      </c>
      <c r="R2202">
        <v>26352</v>
      </c>
      <c r="S2202">
        <v>0</v>
      </c>
      <c r="T2202">
        <v>0</v>
      </c>
      <c r="U2202">
        <v>0</v>
      </c>
      <c r="V2202">
        <v>4</v>
      </c>
      <c r="W2202">
        <v>6</v>
      </c>
      <c r="X2202">
        <v>0</v>
      </c>
      <c r="Y2202">
        <v>52</v>
      </c>
      <c r="Z2202">
        <v>27</v>
      </c>
      <c r="AA2202">
        <v>124</v>
      </c>
      <c r="AB2202">
        <v>51</v>
      </c>
      <c r="AC2202">
        <v>121</v>
      </c>
      <c r="AD2202">
        <v>13</v>
      </c>
      <c r="AE2202">
        <v>55</v>
      </c>
      <c r="AF2202">
        <v>3886</v>
      </c>
      <c r="AG2202">
        <v>155666</v>
      </c>
      <c r="AH2202">
        <v>50000</v>
      </c>
      <c r="AI2202">
        <v>0</v>
      </c>
      <c r="AJ2202">
        <v>29</v>
      </c>
      <c r="AK2202" t="s">
        <v>28</v>
      </c>
      <c r="AL2202">
        <v>0</v>
      </c>
      <c r="AM2202">
        <v>0</v>
      </c>
      <c r="AN2202">
        <v>0</v>
      </c>
      <c r="AO2202">
        <v>0</v>
      </c>
      <c r="AP2202">
        <v>0</v>
      </c>
      <c r="AQ2202">
        <v>0</v>
      </c>
      <c r="AR2202">
        <v>0</v>
      </c>
      <c r="AS2202">
        <v>0</v>
      </c>
      <c r="AT2202">
        <v>0</v>
      </c>
      <c r="AU2202">
        <v>0</v>
      </c>
      <c r="AV2202">
        <v>0</v>
      </c>
      <c r="AW2202">
        <v>0</v>
      </c>
      <c r="AX2202">
        <v>0</v>
      </c>
      <c r="AY2202">
        <v>5</v>
      </c>
      <c r="AZ2202">
        <v>10</v>
      </c>
      <c r="BA2202">
        <v>697</v>
      </c>
    </row>
    <row r="2203" spans="1:53" x14ac:dyDescent="0.4">
      <c r="A2203">
        <v>2247</v>
      </c>
      <c r="B2203" s="1">
        <v>43529</v>
      </c>
      <c r="C2203">
        <v>1</v>
      </c>
      <c r="D2203" s="1">
        <v>43529.291666666664</v>
      </c>
      <c r="E2203" s="1">
        <v>43529.449305555558</v>
      </c>
      <c r="F2203">
        <v>0</v>
      </c>
      <c r="G2203">
        <v>0</v>
      </c>
      <c r="H2203">
        <v>0</v>
      </c>
      <c r="I2203">
        <v>0</v>
      </c>
      <c r="J2203">
        <v>0</v>
      </c>
      <c r="K2203">
        <v>0</v>
      </c>
      <c r="L2203">
        <v>0</v>
      </c>
      <c r="M2203">
        <v>0</v>
      </c>
      <c r="N2203">
        <v>0</v>
      </c>
      <c r="O2203">
        <v>0</v>
      </c>
      <c r="P2203">
        <v>0</v>
      </c>
      <c r="Q2203">
        <v>0</v>
      </c>
      <c r="R2203">
        <v>0</v>
      </c>
      <c r="S2203">
        <v>0</v>
      </c>
      <c r="T2203">
        <v>0</v>
      </c>
      <c r="U2203">
        <v>0</v>
      </c>
      <c r="V2203">
        <v>0</v>
      </c>
      <c r="W2203">
        <v>0</v>
      </c>
      <c r="X2203">
        <v>0</v>
      </c>
      <c r="Y2203">
        <v>30</v>
      </c>
      <c r="Z2203">
        <v>11</v>
      </c>
      <c r="AA2203">
        <v>112</v>
      </c>
      <c r="AB2203">
        <v>50</v>
      </c>
      <c r="AC2203">
        <v>68</v>
      </c>
      <c r="AD2203">
        <v>13</v>
      </c>
      <c r="AE2203">
        <v>55</v>
      </c>
      <c r="AF2203">
        <v>0</v>
      </c>
      <c r="AG2203">
        <v>50000</v>
      </c>
      <c r="AH2203">
        <v>50000</v>
      </c>
      <c r="AI2203">
        <v>0</v>
      </c>
      <c r="AJ2203">
        <v>0</v>
      </c>
      <c r="AK2203" t="s">
        <v>6</v>
      </c>
      <c r="AL2203">
        <v>0</v>
      </c>
      <c r="AM2203">
        <v>0</v>
      </c>
      <c r="AN2203">
        <v>0</v>
      </c>
      <c r="AO2203">
        <v>0</v>
      </c>
      <c r="AP2203">
        <v>0</v>
      </c>
      <c r="AQ2203">
        <v>0</v>
      </c>
      <c r="AR2203">
        <v>0</v>
      </c>
      <c r="AS2203">
        <v>0</v>
      </c>
      <c r="AT2203">
        <v>0</v>
      </c>
      <c r="AU2203">
        <v>0</v>
      </c>
      <c r="AV2203">
        <v>0</v>
      </c>
      <c r="AW2203">
        <v>0</v>
      </c>
      <c r="AX2203">
        <v>0</v>
      </c>
      <c r="AY2203">
        <v>0</v>
      </c>
      <c r="AZ2203">
        <v>0</v>
      </c>
      <c r="BA2203">
        <v>0</v>
      </c>
    </row>
    <row r="2204" spans="1:53" x14ac:dyDescent="0.4">
      <c r="A2204">
        <v>2248</v>
      </c>
      <c r="B2204" s="1">
        <v>43529</v>
      </c>
      <c r="C2204">
        <v>2</v>
      </c>
      <c r="D2204" s="1">
        <v>43529.449305555558</v>
      </c>
      <c r="E2204" s="1">
        <v>43529.730555555558</v>
      </c>
      <c r="F2204">
        <v>29500</v>
      </c>
      <c r="G2204">
        <v>3100</v>
      </c>
      <c r="H2204">
        <v>0</v>
      </c>
      <c r="I2204">
        <v>0</v>
      </c>
      <c r="J2204">
        <v>0</v>
      </c>
      <c r="K2204">
        <v>0</v>
      </c>
      <c r="L2204">
        <v>0</v>
      </c>
      <c r="M2204">
        <v>2608</v>
      </c>
      <c r="N2204">
        <v>0</v>
      </c>
      <c r="O2204">
        <v>0</v>
      </c>
      <c r="P2204">
        <v>13500</v>
      </c>
      <c r="Q2204">
        <v>0</v>
      </c>
      <c r="R2204">
        <v>48708</v>
      </c>
      <c r="S2204">
        <v>0</v>
      </c>
      <c r="T2204">
        <v>0</v>
      </c>
      <c r="U2204">
        <v>0</v>
      </c>
      <c r="V2204">
        <v>4</v>
      </c>
      <c r="W2204">
        <v>1</v>
      </c>
      <c r="X2204">
        <v>0</v>
      </c>
      <c r="Y2204">
        <v>29</v>
      </c>
      <c r="Z2204">
        <v>18</v>
      </c>
      <c r="AA2204">
        <v>129</v>
      </c>
      <c r="AB2204">
        <v>40</v>
      </c>
      <c r="AC2204">
        <v>67</v>
      </c>
      <c r="AD2204">
        <v>15</v>
      </c>
      <c r="AE2204">
        <v>61</v>
      </c>
      <c r="AF2204">
        <v>0</v>
      </c>
      <c r="AG2204">
        <v>98706</v>
      </c>
      <c r="AH2204">
        <v>50000</v>
      </c>
      <c r="AI2204">
        <v>-2</v>
      </c>
      <c r="AJ2204">
        <v>35</v>
      </c>
      <c r="AL2204">
        <v>0</v>
      </c>
      <c r="AM2204">
        <v>0</v>
      </c>
      <c r="AN2204">
        <v>0</v>
      </c>
      <c r="AO2204">
        <v>0</v>
      </c>
      <c r="AP2204">
        <v>0</v>
      </c>
      <c r="AQ2204">
        <v>0</v>
      </c>
      <c r="AR2204">
        <v>0</v>
      </c>
      <c r="AS2204">
        <v>0</v>
      </c>
      <c r="AT2204">
        <v>0</v>
      </c>
      <c r="AU2204">
        <v>0</v>
      </c>
      <c r="AV2204">
        <v>0</v>
      </c>
      <c r="AW2204">
        <v>0</v>
      </c>
      <c r="AX2204">
        <v>0</v>
      </c>
      <c r="AY2204">
        <v>37</v>
      </c>
      <c r="AZ2204">
        <v>80</v>
      </c>
      <c r="BA2204">
        <v>5480</v>
      </c>
    </row>
    <row r="2205" spans="1:53" x14ac:dyDescent="0.4">
      <c r="A2205">
        <v>2249</v>
      </c>
      <c r="B2205" s="1">
        <v>43530</v>
      </c>
      <c r="C2205">
        <v>1</v>
      </c>
      <c r="D2205" s="1">
        <v>43530.291666666664</v>
      </c>
      <c r="E2205" s="1">
        <v>43530.447222222225</v>
      </c>
      <c r="F2205">
        <v>0</v>
      </c>
      <c r="G2205">
        <v>0</v>
      </c>
      <c r="H2205">
        <v>0</v>
      </c>
      <c r="I2205">
        <v>0</v>
      </c>
      <c r="J2205">
        <v>0</v>
      </c>
      <c r="K2205">
        <v>0</v>
      </c>
      <c r="L2205">
        <v>0</v>
      </c>
      <c r="M2205">
        <v>0</v>
      </c>
      <c r="N2205">
        <v>0</v>
      </c>
      <c r="O2205">
        <v>0</v>
      </c>
      <c r="P2205">
        <v>0</v>
      </c>
      <c r="Q2205">
        <v>0</v>
      </c>
      <c r="R2205">
        <v>0</v>
      </c>
      <c r="S2205">
        <v>0</v>
      </c>
      <c r="T2205">
        <v>0</v>
      </c>
      <c r="U2205">
        <v>0</v>
      </c>
      <c r="V2205">
        <v>0</v>
      </c>
      <c r="W2205">
        <v>1</v>
      </c>
      <c r="X2205">
        <v>0</v>
      </c>
      <c r="Y2205">
        <v>25</v>
      </c>
      <c r="Z2205">
        <v>18</v>
      </c>
      <c r="AA2205">
        <v>80</v>
      </c>
      <c r="AB2205">
        <v>43</v>
      </c>
      <c r="AC2205">
        <v>74</v>
      </c>
      <c r="AD2205">
        <v>15</v>
      </c>
      <c r="AE2205">
        <v>35</v>
      </c>
      <c r="AF2205">
        <v>0</v>
      </c>
      <c r="AG2205">
        <v>50000</v>
      </c>
      <c r="AH2205">
        <v>50000</v>
      </c>
      <c r="AI2205">
        <v>0</v>
      </c>
      <c r="AJ2205">
        <v>0</v>
      </c>
      <c r="AK2205" t="s">
        <v>6</v>
      </c>
      <c r="AL2205">
        <v>0</v>
      </c>
      <c r="AM2205">
        <v>0</v>
      </c>
      <c r="AN2205">
        <v>0</v>
      </c>
      <c r="AO2205">
        <v>0</v>
      </c>
      <c r="AP2205">
        <v>0</v>
      </c>
      <c r="AQ2205">
        <v>0</v>
      </c>
      <c r="AR2205">
        <v>0</v>
      </c>
      <c r="AS2205">
        <v>0</v>
      </c>
      <c r="AT2205">
        <v>0</v>
      </c>
      <c r="AU2205">
        <v>0</v>
      </c>
      <c r="AV2205">
        <v>0</v>
      </c>
      <c r="AW2205">
        <v>0</v>
      </c>
      <c r="AX2205">
        <v>0</v>
      </c>
      <c r="AY2205">
        <v>0</v>
      </c>
      <c r="AZ2205">
        <v>0</v>
      </c>
      <c r="BA2205">
        <v>0</v>
      </c>
    </row>
    <row r="2206" spans="1:53" x14ac:dyDescent="0.4">
      <c r="A2206">
        <v>2250</v>
      </c>
      <c r="B2206" s="1">
        <v>43530</v>
      </c>
      <c r="C2206">
        <v>2</v>
      </c>
      <c r="D2206" s="1">
        <v>43530.447222222225</v>
      </c>
      <c r="E2206" s="1">
        <v>43530.787499999999</v>
      </c>
      <c r="F2206">
        <v>32000</v>
      </c>
      <c r="G2206">
        <v>3520</v>
      </c>
      <c r="H2206">
        <v>200</v>
      </c>
      <c r="I2206">
        <v>0</v>
      </c>
      <c r="J2206">
        <v>0</v>
      </c>
      <c r="K2206">
        <v>0</v>
      </c>
      <c r="L2206">
        <v>0</v>
      </c>
      <c r="M2206">
        <v>2857</v>
      </c>
      <c r="N2206">
        <v>0</v>
      </c>
      <c r="O2206">
        <v>0</v>
      </c>
      <c r="P2206">
        <v>9720</v>
      </c>
      <c r="Q2206">
        <v>0</v>
      </c>
      <c r="R2206">
        <v>48297</v>
      </c>
      <c r="S2206">
        <v>0</v>
      </c>
      <c r="T2206">
        <v>0</v>
      </c>
      <c r="U2206">
        <v>0</v>
      </c>
      <c r="V2206">
        <v>2</v>
      </c>
      <c r="W2206">
        <v>3</v>
      </c>
      <c r="X2206">
        <v>0</v>
      </c>
      <c r="Y2206">
        <v>40</v>
      </c>
      <c r="Z2206">
        <v>24</v>
      </c>
      <c r="AA2206">
        <v>71</v>
      </c>
      <c r="AB2206">
        <v>53</v>
      </c>
      <c r="AC2206">
        <v>143</v>
      </c>
      <c r="AD2206">
        <v>15</v>
      </c>
      <c r="AE2206">
        <v>42</v>
      </c>
      <c r="AF2206">
        <v>0</v>
      </c>
      <c r="AG2206">
        <v>98297</v>
      </c>
      <c r="AH2206">
        <v>50000</v>
      </c>
      <c r="AI2206">
        <v>0</v>
      </c>
      <c r="AJ2206">
        <v>84</v>
      </c>
      <c r="AK2206" t="s">
        <v>16</v>
      </c>
      <c r="AL2206">
        <v>0</v>
      </c>
      <c r="AM2206">
        <v>0</v>
      </c>
      <c r="AN2206">
        <v>0</v>
      </c>
      <c r="AO2206">
        <v>0</v>
      </c>
      <c r="AP2206">
        <v>0</v>
      </c>
      <c r="AQ2206">
        <v>0</v>
      </c>
      <c r="AR2206">
        <v>0</v>
      </c>
      <c r="AS2206">
        <v>0</v>
      </c>
      <c r="AT2206">
        <v>0</v>
      </c>
      <c r="AU2206">
        <v>0</v>
      </c>
      <c r="AV2206">
        <v>0</v>
      </c>
      <c r="AW2206">
        <v>0</v>
      </c>
      <c r="AX2206">
        <v>1080</v>
      </c>
      <c r="AY2206">
        <v>43</v>
      </c>
      <c r="AZ2206">
        <v>83</v>
      </c>
      <c r="BA2206">
        <v>6833</v>
      </c>
    </row>
    <row r="2207" spans="1:53" x14ac:dyDescent="0.4">
      <c r="A2207">
        <v>2251</v>
      </c>
      <c r="B2207" s="1">
        <v>43530</v>
      </c>
      <c r="C2207">
        <v>3</v>
      </c>
      <c r="D2207" s="1">
        <v>43530.787499999999</v>
      </c>
      <c r="E2207" s="1">
        <v>43530.946527777778</v>
      </c>
      <c r="F2207">
        <v>18100</v>
      </c>
      <c r="G2207">
        <v>680</v>
      </c>
      <c r="H2207">
        <v>0</v>
      </c>
      <c r="I2207">
        <v>0</v>
      </c>
      <c r="J2207">
        <v>0</v>
      </c>
      <c r="K2207">
        <v>0</v>
      </c>
      <c r="L2207">
        <v>0</v>
      </c>
      <c r="M2207">
        <v>1502</v>
      </c>
      <c r="N2207">
        <v>0</v>
      </c>
      <c r="O2207">
        <v>0</v>
      </c>
      <c r="P2207">
        <v>-5832</v>
      </c>
      <c r="Q2207">
        <v>0</v>
      </c>
      <c r="R2207">
        <v>14450</v>
      </c>
      <c r="S2207">
        <v>0</v>
      </c>
      <c r="T2207">
        <v>0</v>
      </c>
      <c r="U2207">
        <v>0</v>
      </c>
      <c r="V2207">
        <v>3</v>
      </c>
      <c r="W2207">
        <v>2</v>
      </c>
      <c r="X2207">
        <v>0</v>
      </c>
      <c r="Y2207">
        <v>49</v>
      </c>
      <c r="Z2207">
        <v>26</v>
      </c>
      <c r="AA2207">
        <v>67</v>
      </c>
      <c r="AB2207">
        <v>51</v>
      </c>
      <c r="AC2207">
        <v>137</v>
      </c>
      <c r="AD2207">
        <v>17</v>
      </c>
      <c r="AE2207">
        <v>42</v>
      </c>
      <c r="AF2207">
        <v>0</v>
      </c>
      <c r="AG2207">
        <v>112747</v>
      </c>
      <c r="AH2207">
        <v>50000</v>
      </c>
      <c r="AI2207">
        <v>0</v>
      </c>
      <c r="AJ2207">
        <v>99</v>
      </c>
      <c r="AK2207" t="s">
        <v>9</v>
      </c>
      <c r="AL2207">
        <v>0</v>
      </c>
      <c r="AM2207">
        <v>0</v>
      </c>
      <c r="AN2207">
        <v>0</v>
      </c>
      <c r="AO2207">
        <v>0</v>
      </c>
      <c r="AP2207">
        <v>0</v>
      </c>
      <c r="AQ2207">
        <v>0</v>
      </c>
      <c r="AR2207">
        <v>0</v>
      </c>
      <c r="AS2207">
        <v>0</v>
      </c>
      <c r="AT2207">
        <v>0</v>
      </c>
      <c r="AU2207">
        <v>0</v>
      </c>
      <c r="AV2207">
        <v>0</v>
      </c>
      <c r="AW2207">
        <v>0</v>
      </c>
      <c r="AX2207">
        <v>2938</v>
      </c>
      <c r="AY2207">
        <v>5</v>
      </c>
      <c r="AZ2207">
        <v>11</v>
      </c>
      <c r="BA2207">
        <v>1251</v>
      </c>
    </row>
    <row r="2208" spans="1:53" x14ac:dyDescent="0.4">
      <c r="A2208">
        <v>2252</v>
      </c>
      <c r="B2208" s="1">
        <v>43530</v>
      </c>
      <c r="C2208">
        <v>4</v>
      </c>
      <c r="D2208" s="1">
        <v>43530.946527777778</v>
      </c>
      <c r="E2208" s="1">
        <v>43531.072222222225</v>
      </c>
      <c r="F2208">
        <v>7100</v>
      </c>
      <c r="G2208">
        <v>1120</v>
      </c>
      <c r="H2208">
        <v>400</v>
      </c>
      <c r="I2208">
        <v>0</v>
      </c>
      <c r="J2208">
        <v>0</v>
      </c>
      <c r="K2208">
        <v>100</v>
      </c>
      <c r="L2208">
        <v>0</v>
      </c>
      <c r="M2208">
        <v>698</v>
      </c>
      <c r="N2208">
        <v>0</v>
      </c>
      <c r="O2208">
        <v>0</v>
      </c>
      <c r="P2208">
        <v>4428</v>
      </c>
      <c r="Q2208">
        <v>0</v>
      </c>
      <c r="R2208">
        <v>13846</v>
      </c>
      <c r="S2208">
        <v>0</v>
      </c>
      <c r="T2208">
        <v>0</v>
      </c>
      <c r="U2208">
        <v>0</v>
      </c>
      <c r="V2208">
        <v>4</v>
      </c>
      <c r="W2208">
        <v>1</v>
      </c>
      <c r="X2208">
        <v>0</v>
      </c>
      <c r="Y2208">
        <v>53</v>
      </c>
      <c r="Z2208">
        <v>27</v>
      </c>
      <c r="AA2208">
        <v>72</v>
      </c>
      <c r="AB2208">
        <v>52</v>
      </c>
      <c r="AC2208">
        <v>140</v>
      </c>
      <c r="AD2208">
        <v>16</v>
      </c>
      <c r="AE2208">
        <v>33</v>
      </c>
      <c r="AF2208">
        <v>3780</v>
      </c>
      <c r="AG2208">
        <v>126593</v>
      </c>
      <c r="AH2208">
        <v>50000</v>
      </c>
      <c r="AI2208">
        <v>0</v>
      </c>
      <c r="AJ2208">
        <v>108</v>
      </c>
      <c r="AK2208" t="s">
        <v>30</v>
      </c>
      <c r="AL2208">
        <v>0</v>
      </c>
      <c r="AM2208">
        <v>0</v>
      </c>
      <c r="AN2208">
        <v>0</v>
      </c>
      <c r="AO2208">
        <v>0</v>
      </c>
      <c r="AP2208">
        <v>0</v>
      </c>
      <c r="AQ2208">
        <v>0</v>
      </c>
      <c r="AR2208">
        <v>0</v>
      </c>
      <c r="AS2208">
        <v>0</v>
      </c>
      <c r="AT2208">
        <v>0</v>
      </c>
      <c r="AU2208">
        <v>0</v>
      </c>
      <c r="AV2208">
        <v>0</v>
      </c>
      <c r="AW2208">
        <v>0</v>
      </c>
      <c r="AX2208">
        <v>6576</v>
      </c>
      <c r="AY2208">
        <v>5</v>
      </c>
      <c r="AZ2208">
        <v>13</v>
      </c>
      <c r="BA2208">
        <v>576</v>
      </c>
    </row>
    <row r="2209" spans="1:53" x14ac:dyDescent="0.4">
      <c r="A2209">
        <v>2253</v>
      </c>
      <c r="B2209" s="1">
        <v>43531</v>
      </c>
      <c r="C2209">
        <v>1</v>
      </c>
      <c r="D2209" s="1">
        <v>43531.291666666664</v>
      </c>
      <c r="E2209" s="1">
        <v>43531.455555555556</v>
      </c>
      <c r="F2209">
        <v>0</v>
      </c>
      <c r="G2209">
        <v>0</v>
      </c>
      <c r="H2209">
        <v>0</v>
      </c>
      <c r="I2209">
        <v>0</v>
      </c>
      <c r="J2209">
        <v>0</v>
      </c>
      <c r="K2209">
        <v>0</v>
      </c>
      <c r="L2209">
        <v>0</v>
      </c>
      <c r="M2209">
        <v>0</v>
      </c>
      <c r="N2209">
        <v>0</v>
      </c>
      <c r="O2209">
        <v>0</v>
      </c>
      <c r="P2209">
        <v>0</v>
      </c>
      <c r="Q2209">
        <v>0</v>
      </c>
      <c r="R2209">
        <v>0</v>
      </c>
      <c r="S2209">
        <v>0</v>
      </c>
      <c r="T2209">
        <v>0</v>
      </c>
      <c r="U2209">
        <v>0</v>
      </c>
      <c r="V2209">
        <v>0</v>
      </c>
      <c r="W2209">
        <v>0</v>
      </c>
      <c r="X2209">
        <v>0</v>
      </c>
      <c r="Y2209">
        <v>29</v>
      </c>
      <c r="Z2209">
        <v>20</v>
      </c>
      <c r="AA2209">
        <v>74</v>
      </c>
      <c r="AB2209">
        <v>50</v>
      </c>
      <c r="AC2209">
        <v>100</v>
      </c>
      <c r="AD2209">
        <v>14</v>
      </c>
      <c r="AE2209">
        <v>30</v>
      </c>
      <c r="AF2209">
        <v>0</v>
      </c>
      <c r="AG2209">
        <v>50000</v>
      </c>
      <c r="AH2209">
        <v>0</v>
      </c>
      <c r="AI2209">
        <v>50000</v>
      </c>
      <c r="AJ2209">
        <v>0</v>
      </c>
      <c r="AK2209" t="s">
        <v>6</v>
      </c>
      <c r="AL2209">
        <v>0</v>
      </c>
      <c r="AM2209">
        <v>0</v>
      </c>
      <c r="AN2209">
        <v>0</v>
      </c>
      <c r="AO2209">
        <v>0</v>
      </c>
      <c r="AP2209">
        <v>0</v>
      </c>
      <c r="AQ2209">
        <v>0</v>
      </c>
      <c r="AR2209">
        <v>0</v>
      </c>
      <c r="AS2209">
        <v>0</v>
      </c>
      <c r="AT2209">
        <v>0</v>
      </c>
      <c r="AU2209">
        <v>0</v>
      </c>
      <c r="AV2209">
        <v>0</v>
      </c>
      <c r="AW2209">
        <v>0</v>
      </c>
      <c r="AX2209">
        <v>0</v>
      </c>
      <c r="AY2209">
        <v>0</v>
      </c>
      <c r="AZ2209">
        <v>0</v>
      </c>
      <c r="BA2209">
        <v>0</v>
      </c>
    </row>
    <row r="2210" spans="1:53" x14ac:dyDescent="0.4">
      <c r="A2210">
        <v>2254</v>
      </c>
      <c r="B2210" s="1">
        <v>43531</v>
      </c>
      <c r="C2210">
        <v>2</v>
      </c>
      <c r="D2210" s="1">
        <v>43531.455555555556</v>
      </c>
      <c r="E2210" s="1">
        <v>43531.746527777781</v>
      </c>
      <c r="F2210">
        <v>26500</v>
      </c>
      <c r="G2210">
        <v>7090</v>
      </c>
      <c r="H2210">
        <v>200</v>
      </c>
      <c r="I2210">
        <v>0</v>
      </c>
      <c r="J2210">
        <v>0</v>
      </c>
      <c r="K2210">
        <v>0</v>
      </c>
      <c r="L2210">
        <v>0</v>
      </c>
      <c r="M2210">
        <v>2703</v>
      </c>
      <c r="N2210">
        <v>0</v>
      </c>
      <c r="O2210">
        <v>0</v>
      </c>
      <c r="P2210">
        <v>24300</v>
      </c>
      <c r="Q2210">
        <v>0</v>
      </c>
      <c r="R2210">
        <v>60793</v>
      </c>
      <c r="S2210">
        <v>0</v>
      </c>
      <c r="T2210">
        <v>0</v>
      </c>
      <c r="U2210">
        <v>0</v>
      </c>
      <c r="V2210">
        <v>1</v>
      </c>
      <c r="W2210">
        <v>0</v>
      </c>
      <c r="X2210">
        <v>0</v>
      </c>
      <c r="Y2210">
        <v>67</v>
      </c>
      <c r="Z2210">
        <v>43</v>
      </c>
      <c r="AA2210">
        <v>80</v>
      </c>
      <c r="AB2210">
        <v>43</v>
      </c>
      <c r="AC2210">
        <v>203</v>
      </c>
      <c r="AD2210">
        <v>16</v>
      </c>
      <c r="AE2210">
        <v>38</v>
      </c>
      <c r="AF2210">
        <v>0</v>
      </c>
      <c r="AG2210">
        <v>110798</v>
      </c>
      <c r="AH2210">
        <v>50000</v>
      </c>
      <c r="AI2210">
        <v>5</v>
      </c>
      <c r="AJ2210">
        <v>96</v>
      </c>
      <c r="AK2210" t="s">
        <v>4</v>
      </c>
      <c r="AL2210">
        <v>0</v>
      </c>
      <c r="AM2210">
        <v>0</v>
      </c>
      <c r="AN2210">
        <v>0</v>
      </c>
      <c r="AO2210">
        <v>0</v>
      </c>
      <c r="AP2210">
        <v>0</v>
      </c>
      <c r="AQ2210">
        <v>0</v>
      </c>
      <c r="AR2210">
        <v>0</v>
      </c>
      <c r="AS2210">
        <v>0</v>
      </c>
      <c r="AT2210">
        <v>0</v>
      </c>
      <c r="AU2210">
        <v>0</v>
      </c>
      <c r="AV2210">
        <v>0</v>
      </c>
      <c r="AW2210">
        <v>0</v>
      </c>
      <c r="AX2210">
        <v>1080</v>
      </c>
      <c r="AY2210">
        <v>42</v>
      </c>
      <c r="AZ2210">
        <v>94</v>
      </c>
      <c r="BA2210">
        <v>6296</v>
      </c>
    </row>
    <row r="2211" spans="1:53" x14ac:dyDescent="0.4">
      <c r="A2211">
        <v>2255</v>
      </c>
      <c r="B2211" s="1">
        <v>43531</v>
      </c>
      <c r="C2211">
        <v>3</v>
      </c>
      <c r="D2211" s="1">
        <v>43531.746527777781</v>
      </c>
      <c r="E2211" s="1">
        <v>43531.954861111109</v>
      </c>
      <c r="F2211">
        <v>49000</v>
      </c>
      <c r="G2211">
        <v>3250</v>
      </c>
      <c r="H2211">
        <v>0</v>
      </c>
      <c r="I2211">
        <v>0</v>
      </c>
      <c r="J2211">
        <v>0</v>
      </c>
      <c r="K2211">
        <v>0</v>
      </c>
      <c r="L2211">
        <v>0</v>
      </c>
      <c r="M2211">
        <v>4180</v>
      </c>
      <c r="N2211">
        <v>0</v>
      </c>
      <c r="O2211">
        <v>0</v>
      </c>
      <c r="P2211">
        <v>-19548</v>
      </c>
      <c r="Q2211">
        <v>0</v>
      </c>
      <c r="R2211">
        <v>36882</v>
      </c>
      <c r="S2211">
        <v>0</v>
      </c>
      <c r="T2211">
        <v>0</v>
      </c>
      <c r="U2211">
        <v>0</v>
      </c>
      <c r="V2211">
        <v>3</v>
      </c>
      <c r="W2211">
        <v>3</v>
      </c>
      <c r="X2211">
        <v>0</v>
      </c>
      <c r="Y2211">
        <v>70</v>
      </c>
      <c r="Z2211">
        <v>39</v>
      </c>
      <c r="AA2211">
        <v>90</v>
      </c>
      <c r="AB2211">
        <v>42</v>
      </c>
      <c r="AC2211">
        <v>195</v>
      </c>
      <c r="AD2211">
        <v>16</v>
      </c>
      <c r="AE2211">
        <v>45</v>
      </c>
      <c r="AF2211">
        <v>0</v>
      </c>
      <c r="AG2211">
        <v>147675</v>
      </c>
      <c r="AH2211">
        <v>50000</v>
      </c>
      <c r="AI2211">
        <v>0</v>
      </c>
      <c r="AJ2211">
        <v>108</v>
      </c>
      <c r="AK2211" t="s">
        <v>30</v>
      </c>
      <c r="AL2211">
        <v>0</v>
      </c>
      <c r="AM2211">
        <v>0</v>
      </c>
      <c r="AN2211">
        <v>0</v>
      </c>
      <c r="AO2211">
        <v>0</v>
      </c>
      <c r="AP2211">
        <v>0</v>
      </c>
      <c r="AQ2211">
        <v>0</v>
      </c>
      <c r="AR2211">
        <v>0</v>
      </c>
      <c r="AS2211">
        <v>0</v>
      </c>
      <c r="AT2211">
        <v>0</v>
      </c>
      <c r="AU2211">
        <v>0</v>
      </c>
      <c r="AV2211">
        <v>0</v>
      </c>
      <c r="AW2211">
        <v>0</v>
      </c>
      <c r="AX2211">
        <v>12960</v>
      </c>
      <c r="AY2211">
        <v>14</v>
      </c>
      <c r="AZ2211">
        <v>40</v>
      </c>
      <c r="BA2211">
        <v>2401</v>
      </c>
    </row>
    <row r="2212" spans="1:53" x14ac:dyDescent="0.4">
      <c r="A2212">
        <v>2256</v>
      </c>
      <c r="B2212" s="1">
        <v>43531</v>
      </c>
      <c r="C2212">
        <v>4</v>
      </c>
      <c r="D2212" s="1">
        <v>43531.954861111109</v>
      </c>
      <c r="E2212" s="1">
        <v>43532.09652777778</v>
      </c>
      <c r="F2212">
        <v>21930</v>
      </c>
      <c r="G2212">
        <v>830</v>
      </c>
      <c r="H2212">
        <v>400</v>
      </c>
      <c r="I2212">
        <v>0</v>
      </c>
      <c r="J2212">
        <v>0</v>
      </c>
      <c r="K2212">
        <v>0</v>
      </c>
      <c r="L2212">
        <v>0</v>
      </c>
      <c r="M2212">
        <v>1853</v>
      </c>
      <c r="N2212">
        <v>0</v>
      </c>
      <c r="O2212">
        <v>0</v>
      </c>
      <c r="P2212">
        <v>1188</v>
      </c>
      <c r="Q2212">
        <v>0</v>
      </c>
      <c r="R2212">
        <v>26201</v>
      </c>
      <c r="S2212">
        <v>0</v>
      </c>
      <c r="T2212">
        <v>0</v>
      </c>
      <c r="U2212">
        <v>0</v>
      </c>
      <c r="V2212">
        <v>4</v>
      </c>
      <c r="W2212">
        <v>3</v>
      </c>
      <c r="X2212">
        <v>0</v>
      </c>
      <c r="Y2212">
        <v>73</v>
      </c>
      <c r="Z2212">
        <v>39</v>
      </c>
      <c r="AA2212">
        <v>87</v>
      </c>
      <c r="AB2212">
        <v>45</v>
      </c>
      <c r="AC2212">
        <v>191</v>
      </c>
      <c r="AD2212">
        <v>17</v>
      </c>
      <c r="AE2212">
        <v>39</v>
      </c>
      <c r="AF2212">
        <v>13392</v>
      </c>
      <c r="AG2212">
        <v>173876</v>
      </c>
      <c r="AH2212">
        <v>50000</v>
      </c>
      <c r="AI2212">
        <v>0</v>
      </c>
      <c r="AJ2212">
        <v>108</v>
      </c>
      <c r="AK2212" t="s">
        <v>30</v>
      </c>
      <c r="AL2212">
        <v>0</v>
      </c>
      <c r="AM2212">
        <v>0</v>
      </c>
      <c r="AN2212">
        <v>0</v>
      </c>
      <c r="AO2212">
        <v>0</v>
      </c>
      <c r="AP2212">
        <v>0</v>
      </c>
      <c r="AQ2212">
        <v>0</v>
      </c>
      <c r="AR2212">
        <v>0</v>
      </c>
      <c r="AS2212">
        <v>0</v>
      </c>
      <c r="AT2212">
        <v>0</v>
      </c>
      <c r="AU2212">
        <v>0</v>
      </c>
      <c r="AV2212">
        <v>0</v>
      </c>
      <c r="AW2212">
        <v>0</v>
      </c>
      <c r="AX2212">
        <v>2279</v>
      </c>
      <c r="AY2212">
        <v>5</v>
      </c>
      <c r="AZ2212">
        <v>11</v>
      </c>
      <c r="BA2212">
        <v>682</v>
      </c>
    </row>
    <row r="2213" spans="1:53" x14ac:dyDescent="0.4">
      <c r="A2213">
        <v>2257</v>
      </c>
      <c r="B2213" s="1">
        <v>43532</v>
      </c>
      <c r="C2213">
        <v>1</v>
      </c>
      <c r="D2213" s="1">
        <v>43532.291666666664</v>
      </c>
      <c r="E2213" s="1">
        <v>43532.45208333333</v>
      </c>
      <c r="F2213">
        <v>0</v>
      </c>
      <c r="G2213">
        <v>0</v>
      </c>
      <c r="H2213">
        <v>0</v>
      </c>
      <c r="I2213">
        <v>0</v>
      </c>
      <c r="J2213">
        <v>0</v>
      </c>
      <c r="K2213">
        <v>0</v>
      </c>
      <c r="L2213">
        <v>0</v>
      </c>
      <c r="M2213">
        <v>0</v>
      </c>
      <c r="N2213">
        <v>0</v>
      </c>
      <c r="O2213">
        <v>0</v>
      </c>
      <c r="P2213">
        <v>0</v>
      </c>
      <c r="Q2213">
        <v>0</v>
      </c>
      <c r="R2213">
        <v>0</v>
      </c>
      <c r="S2213">
        <v>0</v>
      </c>
      <c r="T2213">
        <v>0</v>
      </c>
      <c r="U2213">
        <v>0</v>
      </c>
      <c r="V2213">
        <v>0</v>
      </c>
      <c r="W2213">
        <v>0</v>
      </c>
      <c r="X2213">
        <v>0</v>
      </c>
      <c r="Y2213">
        <v>32</v>
      </c>
      <c r="Z2213">
        <v>11</v>
      </c>
      <c r="AA2213">
        <v>88</v>
      </c>
      <c r="AB2213">
        <v>44</v>
      </c>
      <c r="AC2213">
        <v>140</v>
      </c>
      <c r="AD2213">
        <v>13</v>
      </c>
      <c r="AE2213">
        <v>35</v>
      </c>
      <c r="AF2213">
        <v>0</v>
      </c>
      <c r="AG2213">
        <v>50000</v>
      </c>
      <c r="AH2213">
        <v>0</v>
      </c>
      <c r="AI2213">
        <v>50000</v>
      </c>
      <c r="AJ2213">
        <v>0</v>
      </c>
      <c r="AK2213" t="s">
        <v>6</v>
      </c>
      <c r="AL2213">
        <v>0</v>
      </c>
      <c r="AM2213">
        <v>0</v>
      </c>
      <c r="AN2213">
        <v>0</v>
      </c>
      <c r="AO2213">
        <v>0</v>
      </c>
      <c r="AP2213">
        <v>0</v>
      </c>
      <c r="AQ2213">
        <v>0</v>
      </c>
      <c r="AR2213">
        <v>0</v>
      </c>
      <c r="AS2213">
        <v>0</v>
      </c>
      <c r="AT2213">
        <v>0</v>
      </c>
      <c r="AU2213">
        <v>0</v>
      </c>
      <c r="AV2213">
        <v>0</v>
      </c>
      <c r="AW2213">
        <v>0</v>
      </c>
      <c r="AX2213">
        <v>0</v>
      </c>
      <c r="AY2213">
        <v>0</v>
      </c>
      <c r="AZ2213">
        <v>0</v>
      </c>
      <c r="BA2213">
        <v>0</v>
      </c>
    </row>
    <row r="2214" spans="1:53" x14ac:dyDescent="0.4">
      <c r="A2214">
        <v>2258</v>
      </c>
      <c r="B2214" s="1">
        <v>43532</v>
      </c>
      <c r="C2214">
        <v>2</v>
      </c>
      <c r="D2214" s="1">
        <v>43532.45208333333</v>
      </c>
      <c r="E2214" s="1">
        <v>43532.743750000001</v>
      </c>
      <c r="F2214">
        <v>27500</v>
      </c>
      <c r="G2214">
        <v>1900</v>
      </c>
      <c r="H2214">
        <v>200</v>
      </c>
      <c r="I2214">
        <v>0</v>
      </c>
      <c r="J2214">
        <v>0</v>
      </c>
      <c r="K2214">
        <v>0</v>
      </c>
      <c r="L2214">
        <v>0</v>
      </c>
      <c r="M2214">
        <v>2368</v>
      </c>
      <c r="N2214">
        <v>0</v>
      </c>
      <c r="O2214">
        <v>0</v>
      </c>
      <c r="P2214">
        <v>24840</v>
      </c>
      <c r="Q2214">
        <v>0</v>
      </c>
      <c r="R2214">
        <v>56808</v>
      </c>
      <c r="S2214">
        <v>0</v>
      </c>
      <c r="T2214">
        <v>0</v>
      </c>
      <c r="U2214">
        <v>0</v>
      </c>
      <c r="V2214">
        <v>1</v>
      </c>
      <c r="W2214">
        <v>0</v>
      </c>
      <c r="X2214">
        <v>0</v>
      </c>
      <c r="Y2214">
        <v>67</v>
      </c>
      <c r="Z2214">
        <v>32</v>
      </c>
      <c r="AA2214">
        <v>84</v>
      </c>
      <c r="AB2214">
        <v>35</v>
      </c>
      <c r="AC2214">
        <v>247</v>
      </c>
      <c r="AD2214">
        <v>15</v>
      </c>
      <c r="AE2214">
        <v>33</v>
      </c>
      <c r="AF2214">
        <v>1080</v>
      </c>
      <c r="AG2214">
        <v>106808</v>
      </c>
      <c r="AH2214">
        <v>50000</v>
      </c>
      <c r="AI2214">
        <v>0</v>
      </c>
      <c r="AJ2214">
        <v>96</v>
      </c>
      <c r="AK2214" t="s">
        <v>4</v>
      </c>
      <c r="AL2214">
        <v>0</v>
      </c>
      <c r="AM2214">
        <v>0</v>
      </c>
      <c r="AN2214">
        <v>0</v>
      </c>
      <c r="AO2214">
        <v>0</v>
      </c>
      <c r="AP2214">
        <v>0</v>
      </c>
      <c r="AQ2214">
        <v>0</v>
      </c>
      <c r="AR2214">
        <v>0</v>
      </c>
      <c r="AS2214">
        <v>0</v>
      </c>
      <c r="AT2214">
        <v>0</v>
      </c>
      <c r="AU2214">
        <v>0</v>
      </c>
      <c r="AV2214">
        <v>0</v>
      </c>
      <c r="AW2214">
        <v>0</v>
      </c>
      <c r="AX2214">
        <v>1856</v>
      </c>
      <c r="AY2214">
        <v>42</v>
      </c>
      <c r="AZ2214">
        <v>94</v>
      </c>
      <c r="BA2214">
        <v>6604</v>
      </c>
    </row>
    <row r="2215" spans="1:53" x14ac:dyDescent="0.4">
      <c r="A2215">
        <v>2259</v>
      </c>
      <c r="B2215" s="1">
        <v>43532</v>
      </c>
      <c r="C2215">
        <v>3</v>
      </c>
      <c r="D2215" s="1">
        <v>43532.743750000001</v>
      </c>
      <c r="E2215" s="1">
        <v>43532.95416666667</v>
      </c>
      <c r="F2215">
        <v>56350</v>
      </c>
      <c r="G2215">
        <v>5480</v>
      </c>
      <c r="H2215">
        <v>0</v>
      </c>
      <c r="I2215">
        <v>0</v>
      </c>
      <c r="J2215">
        <v>0</v>
      </c>
      <c r="K2215">
        <v>0</v>
      </c>
      <c r="L2215">
        <v>0</v>
      </c>
      <c r="M2215">
        <v>4944</v>
      </c>
      <c r="N2215">
        <v>0</v>
      </c>
      <c r="O2215">
        <v>0</v>
      </c>
      <c r="P2215">
        <v>-24840</v>
      </c>
      <c r="Q2215">
        <v>0</v>
      </c>
      <c r="R2215">
        <v>41934</v>
      </c>
      <c r="S2215">
        <v>0</v>
      </c>
      <c r="T2215">
        <v>0</v>
      </c>
      <c r="U2215">
        <v>0</v>
      </c>
      <c r="V2215">
        <v>4</v>
      </c>
      <c r="W2215">
        <v>1</v>
      </c>
      <c r="X2215">
        <v>0</v>
      </c>
      <c r="Y2215">
        <v>74</v>
      </c>
      <c r="Z2215">
        <v>30</v>
      </c>
      <c r="AA2215">
        <v>93</v>
      </c>
      <c r="AB2215">
        <v>35</v>
      </c>
      <c r="AC2215">
        <v>253</v>
      </c>
      <c r="AD2215">
        <v>11</v>
      </c>
      <c r="AE2215">
        <v>27</v>
      </c>
      <c r="AF2215">
        <v>1080</v>
      </c>
      <c r="AG2215">
        <v>148742</v>
      </c>
      <c r="AH2215">
        <v>50000</v>
      </c>
      <c r="AI2215">
        <v>0</v>
      </c>
      <c r="AJ2215">
        <v>108</v>
      </c>
      <c r="AK2215" t="s">
        <v>30</v>
      </c>
      <c r="AL2215">
        <v>0</v>
      </c>
      <c r="AM2215">
        <v>0</v>
      </c>
      <c r="AN2215">
        <v>0</v>
      </c>
      <c r="AO2215">
        <v>0</v>
      </c>
      <c r="AP2215">
        <v>0</v>
      </c>
      <c r="AQ2215">
        <v>0</v>
      </c>
      <c r="AR2215">
        <v>0</v>
      </c>
      <c r="AS2215">
        <v>0</v>
      </c>
      <c r="AT2215">
        <v>0</v>
      </c>
      <c r="AU2215">
        <v>0</v>
      </c>
      <c r="AV2215">
        <v>0</v>
      </c>
      <c r="AW2215">
        <v>0</v>
      </c>
      <c r="AX2215">
        <v>157992</v>
      </c>
      <c r="AY2215">
        <v>22</v>
      </c>
      <c r="AZ2215">
        <v>103</v>
      </c>
      <c r="BA2215">
        <v>3406</v>
      </c>
    </row>
    <row r="2216" spans="1:53" x14ac:dyDescent="0.4">
      <c r="A2216">
        <v>2260</v>
      </c>
      <c r="B2216" s="1">
        <v>43533</v>
      </c>
      <c r="C2216">
        <v>1</v>
      </c>
      <c r="D2216" s="1">
        <v>43533.291666666664</v>
      </c>
      <c r="E2216" s="1">
        <v>43533.407638888886</v>
      </c>
      <c r="F2216">
        <v>0</v>
      </c>
      <c r="G2216">
        <v>0</v>
      </c>
      <c r="H2216">
        <v>0</v>
      </c>
      <c r="I2216">
        <v>0</v>
      </c>
      <c r="J2216">
        <v>0</v>
      </c>
      <c r="K2216">
        <v>0</v>
      </c>
      <c r="L2216">
        <v>0</v>
      </c>
      <c r="M2216">
        <v>0</v>
      </c>
      <c r="N2216">
        <v>0</v>
      </c>
      <c r="O2216">
        <v>0</v>
      </c>
      <c r="P2216">
        <v>0</v>
      </c>
      <c r="Q2216">
        <v>0</v>
      </c>
      <c r="R2216">
        <v>0</v>
      </c>
      <c r="S2216">
        <v>0</v>
      </c>
      <c r="T2216">
        <v>0</v>
      </c>
      <c r="U2216">
        <v>0</v>
      </c>
      <c r="V2216">
        <v>0</v>
      </c>
      <c r="W2216">
        <v>0</v>
      </c>
      <c r="X2216">
        <v>0</v>
      </c>
      <c r="Y2216">
        <v>34</v>
      </c>
      <c r="Z2216">
        <v>10</v>
      </c>
      <c r="AA2216">
        <v>81</v>
      </c>
      <c r="AB2216">
        <v>38</v>
      </c>
      <c r="AC2216">
        <v>92</v>
      </c>
      <c r="AD2216">
        <v>11</v>
      </c>
      <c r="AE2216">
        <v>25</v>
      </c>
      <c r="AF2216">
        <v>0</v>
      </c>
      <c r="AG2216">
        <v>50000</v>
      </c>
      <c r="AH2216">
        <v>50000</v>
      </c>
      <c r="AI2216">
        <v>0</v>
      </c>
      <c r="AJ2216">
        <v>0</v>
      </c>
      <c r="AK2216" t="s">
        <v>6</v>
      </c>
      <c r="AL2216">
        <v>0</v>
      </c>
      <c r="AM2216">
        <v>0</v>
      </c>
      <c r="AN2216">
        <v>0</v>
      </c>
      <c r="AO2216">
        <v>0</v>
      </c>
      <c r="AP2216">
        <v>0</v>
      </c>
      <c r="AQ2216">
        <v>0</v>
      </c>
      <c r="AR2216">
        <v>0</v>
      </c>
      <c r="AS2216">
        <v>0</v>
      </c>
      <c r="AT2216">
        <v>0</v>
      </c>
      <c r="AU2216">
        <v>0</v>
      </c>
      <c r="AV2216">
        <v>0</v>
      </c>
      <c r="AW2216">
        <v>0</v>
      </c>
      <c r="AX2216">
        <v>0</v>
      </c>
      <c r="AY2216">
        <v>0</v>
      </c>
      <c r="AZ2216">
        <v>0</v>
      </c>
      <c r="BA2216">
        <v>0</v>
      </c>
    </row>
    <row r="2217" spans="1:53" x14ac:dyDescent="0.4">
      <c r="A2217">
        <v>2261</v>
      </c>
      <c r="B2217" s="1">
        <v>43533</v>
      </c>
      <c r="C2217">
        <v>2</v>
      </c>
      <c r="D2217" s="1">
        <v>43533.407638888886</v>
      </c>
      <c r="E2217" s="1">
        <v>43533.729166666664</v>
      </c>
      <c r="F2217">
        <v>43500</v>
      </c>
      <c r="G2217">
        <v>3000</v>
      </c>
      <c r="H2217">
        <v>200</v>
      </c>
      <c r="I2217">
        <v>0</v>
      </c>
      <c r="J2217">
        <v>0</v>
      </c>
      <c r="K2217">
        <v>0</v>
      </c>
      <c r="L2217">
        <v>0</v>
      </c>
      <c r="M2217">
        <v>3736</v>
      </c>
      <c r="N2217">
        <v>0</v>
      </c>
      <c r="O2217">
        <v>0</v>
      </c>
      <c r="P2217">
        <v>24300</v>
      </c>
      <c r="Q2217">
        <v>0</v>
      </c>
      <c r="R2217">
        <v>74736</v>
      </c>
      <c r="S2217">
        <v>0</v>
      </c>
      <c r="T2217">
        <v>0</v>
      </c>
      <c r="U2217">
        <v>0</v>
      </c>
      <c r="V2217">
        <v>5</v>
      </c>
      <c r="W2217">
        <v>0</v>
      </c>
      <c r="X2217">
        <v>0</v>
      </c>
      <c r="Y2217">
        <v>49</v>
      </c>
      <c r="Z2217">
        <v>20</v>
      </c>
      <c r="AA2217">
        <v>84</v>
      </c>
      <c r="AB2217">
        <v>43</v>
      </c>
      <c r="AC2217">
        <v>203</v>
      </c>
      <c r="AD2217">
        <v>12</v>
      </c>
      <c r="AE2217">
        <v>23</v>
      </c>
      <c r="AF2217">
        <v>3073</v>
      </c>
      <c r="AG2217">
        <v>124736</v>
      </c>
      <c r="AH2217">
        <v>50000</v>
      </c>
      <c r="AI2217">
        <v>0</v>
      </c>
      <c r="AJ2217">
        <v>30</v>
      </c>
      <c r="AL2217">
        <v>0</v>
      </c>
      <c r="AM2217">
        <v>0</v>
      </c>
      <c r="AN2217">
        <v>0</v>
      </c>
      <c r="AO2217">
        <v>0</v>
      </c>
      <c r="AP2217">
        <v>0</v>
      </c>
      <c r="AQ2217">
        <v>0</v>
      </c>
      <c r="AR2217">
        <v>0</v>
      </c>
      <c r="AS2217">
        <v>0</v>
      </c>
      <c r="AT2217">
        <v>0</v>
      </c>
      <c r="AU2217">
        <v>0</v>
      </c>
      <c r="AV2217">
        <v>0</v>
      </c>
      <c r="AW2217">
        <v>0</v>
      </c>
      <c r="AX2217">
        <v>-1750</v>
      </c>
      <c r="AY2217">
        <v>52</v>
      </c>
      <c r="AZ2217">
        <v>126</v>
      </c>
      <c r="BA2217">
        <v>7375</v>
      </c>
    </row>
    <row r="2218" spans="1:53" x14ac:dyDescent="0.4">
      <c r="A2218">
        <v>2262</v>
      </c>
      <c r="B2218" s="1">
        <v>43534</v>
      </c>
      <c r="C2218">
        <v>1</v>
      </c>
      <c r="D2218" s="1">
        <v>43534.291666666664</v>
      </c>
      <c r="E2218" s="1">
        <v>43534.402083333334</v>
      </c>
      <c r="F2218">
        <v>0</v>
      </c>
      <c r="G2218">
        <v>0</v>
      </c>
      <c r="H2218">
        <v>0</v>
      </c>
      <c r="I2218">
        <v>0</v>
      </c>
      <c r="J2218">
        <v>0</v>
      </c>
      <c r="K2218">
        <v>0</v>
      </c>
      <c r="L2218">
        <v>0</v>
      </c>
      <c r="M2218">
        <v>0</v>
      </c>
      <c r="N2218">
        <v>0</v>
      </c>
      <c r="O2218">
        <v>0</v>
      </c>
      <c r="P2218">
        <v>0</v>
      </c>
      <c r="Q2218">
        <v>0</v>
      </c>
      <c r="R2218">
        <v>0</v>
      </c>
      <c r="S2218">
        <v>0</v>
      </c>
      <c r="T2218">
        <v>0</v>
      </c>
      <c r="U2218">
        <v>0</v>
      </c>
      <c r="V2218">
        <v>0</v>
      </c>
      <c r="W2218">
        <v>0</v>
      </c>
      <c r="X2218">
        <v>0</v>
      </c>
      <c r="Y2218">
        <v>33</v>
      </c>
      <c r="Z2218">
        <v>10</v>
      </c>
      <c r="AA2218">
        <v>89</v>
      </c>
      <c r="AB2218">
        <v>42</v>
      </c>
      <c r="AC2218">
        <v>94</v>
      </c>
      <c r="AD2218">
        <v>7</v>
      </c>
      <c r="AE2218">
        <v>25</v>
      </c>
      <c r="AF2218">
        <v>0</v>
      </c>
      <c r="AG2218">
        <v>50000</v>
      </c>
      <c r="AH2218">
        <v>50000</v>
      </c>
      <c r="AI2218">
        <v>0</v>
      </c>
      <c r="AJ2218">
        <v>0</v>
      </c>
      <c r="AK2218" t="s">
        <v>6</v>
      </c>
      <c r="AL2218">
        <v>0</v>
      </c>
      <c r="AM2218">
        <v>0</v>
      </c>
      <c r="AN2218">
        <v>0</v>
      </c>
      <c r="AO2218">
        <v>0</v>
      </c>
      <c r="AP2218">
        <v>0</v>
      </c>
      <c r="AQ2218">
        <v>0</v>
      </c>
      <c r="AR2218">
        <v>0</v>
      </c>
      <c r="AS2218">
        <v>0</v>
      </c>
      <c r="AT2218">
        <v>0</v>
      </c>
      <c r="AU2218">
        <v>0</v>
      </c>
      <c r="AV2218">
        <v>0</v>
      </c>
      <c r="AW2218">
        <v>0</v>
      </c>
      <c r="AX2218">
        <v>0</v>
      </c>
      <c r="AY2218">
        <v>0</v>
      </c>
      <c r="AZ2218">
        <v>0</v>
      </c>
      <c r="BA2218">
        <v>0</v>
      </c>
    </row>
    <row r="2219" spans="1:53" x14ac:dyDescent="0.4">
      <c r="A2219">
        <v>2263</v>
      </c>
      <c r="B2219" s="1">
        <v>43534</v>
      </c>
      <c r="C2219">
        <v>2</v>
      </c>
      <c r="D2219" s="1">
        <v>43534.402083333334</v>
      </c>
      <c r="E2219" s="1">
        <v>43534.730555555558</v>
      </c>
      <c r="F2219">
        <v>46500</v>
      </c>
      <c r="G2219">
        <v>6180</v>
      </c>
      <c r="H2219">
        <v>0</v>
      </c>
      <c r="I2219">
        <v>0</v>
      </c>
      <c r="J2219">
        <v>0</v>
      </c>
      <c r="K2219">
        <v>0</v>
      </c>
      <c r="L2219">
        <v>0</v>
      </c>
      <c r="M2219">
        <v>4212</v>
      </c>
      <c r="N2219">
        <v>0</v>
      </c>
      <c r="O2219">
        <v>0</v>
      </c>
      <c r="P2219">
        <v>20250</v>
      </c>
      <c r="Q2219">
        <v>0</v>
      </c>
      <c r="R2219">
        <v>77142</v>
      </c>
      <c r="S2219">
        <v>0</v>
      </c>
      <c r="T2219">
        <v>0</v>
      </c>
      <c r="U2219">
        <v>0</v>
      </c>
      <c r="V2219">
        <v>2</v>
      </c>
      <c r="W2219">
        <v>1</v>
      </c>
      <c r="X2219">
        <v>0</v>
      </c>
      <c r="Y2219">
        <v>74</v>
      </c>
      <c r="Z2219">
        <v>24</v>
      </c>
      <c r="AA2219">
        <v>111</v>
      </c>
      <c r="AB2219">
        <v>45</v>
      </c>
      <c r="AC2219">
        <v>191</v>
      </c>
      <c r="AD2219">
        <v>9</v>
      </c>
      <c r="AE2219">
        <v>27</v>
      </c>
      <c r="AF2219">
        <v>810</v>
      </c>
      <c r="AG2219">
        <v>127142</v>
      </c>
      <c r="AH2219">
        <v>50000</v>
      </c>
      <c r="AI2219">
        <v>0</v>
      </c>
      <c r="AJ2219">
        <v>93</v>
      </c>
      <c r="AK2219" t="s">
        <v>20</v>
      </c>
      <c r="AL2219">
        <v>0</v>
      </c>
      <c r="AM2219">
        <v>0</v>
      </c>
      <c r="AN2219">
        <v>0</v>
      </c>
      <c r="AO2219">
        <v>0</v>
      </c>
      <c r="AP2219">
        <v>0</v>
      </c>
      <c r="AQ2219">
        <v>0</v>
      </c>
      <c r="AR2219">
        <v>0</v>
      </c>
      <c r="AS2219">
        <v>0</v>
      </c>
      <c r="AT2219">
        <v>0</v>
      </c>
      <c r="AU2219">
        <v>0</v>
      </c>
      <c r="AV2219">
        <v>0</v>
      </c>
      <c r="AW2219">
        <v>0</v>
      </c>
      <c r="AX2219">
        <v>1468</v>
      </c>
      <c r="AY2219">
        <v>54</v>
      </c>
      <c r="AZ2219">
        <v>120</v>
      </c>
      <c r="BA2219">
        <v>7970</v>
      </c>
    </row>
    <row r="2220" spans="1:53" x14ac:dyDescent="0.4">
      <c r="A2220">
        <v>2264</v>
      </c>
      <c r="B2220" s="1">
        <v>43534</v>
      </c>
      <c r="C2220">
        <v>3</v>
      </c>
      <c r="D2220" s="1">
        <v>43534.730555555558</v>
      </c>
      <c r="E2220" s="1">
        <v>43535.100694444445</v>
      </c>
      <c r="F2220">
        <v>79490</v>
      </c>
      <c r="G2220">
        <v>4490</v>
      </c>
      <c r="H2220">
        <v>400</v>
      </c>
      <c r="I2220">
        <v>0</v>
      </c>
      <c r="J2220">
        <v>2200</v>
      </c>
      <c r="K2220">
        <v>0</v>
      </c>
      <c r="L2220">
        <v>0</v>
      </c>
      <c r="M2220">
        <v>6574</v>
      </c>
      <c r="N2220">
        <v>0</v>
      </c>
      <c r="O2220">
        <v>0</v>
      </c>
      <c r="P2220">
        <v>-17874</v>
      </c>
      <c r="Q2220">
        <v>0</v>
      </c>
      <c r="R2220">
        <v>70880</v>
      </c>
      <c r="S2220">
        <v>0</v>
      </c>
      <c r="T2220">
        <v>0</v>
      </c>
      <c r="U2220">
        <v>0</v>
      </c>
      <c r="V2220">
        <v>8</v>
      </c>
      <c r="W2220">
        <v>0</v>
      </c>
      <c r="X2220">
        <v>0</v>
      </c>
      <c r="Y2220">
        <v>89</v>
      </c>
      <c r="Z2220">
        <v>23</v>
      </c>
      <c r="AA2220">
        <v>122</v>
      </c>
      <c r="AB2220">
        <v>44</v>
      </c>
      <c r="AC2220">
        <v>204</v>
      </c>
      <c r="AD2220">
        <v>7</v>
      </c>
      <c r="AE2220">
        <v>21</v>
      </c>
      <c r="AF2220">
        <v>1026</v>
      </c>
      <c r="AG2220">
        <v>198022</v>
      </c>
      <c r="AH2220">
        <v>50000</v>
      </c>
      <c r="AI2220">
        <v>0</v>
      </c>
      <c r="AJ2220">
        <v>108</v>
      </c>
      <c r="AK2220" t="s">
        <v>30</v>
      </c>
      <c r="AL2220">
        <v>0</v>
      </c>
      <c r="AM2220">
        <v>0</v>
      </c>
      <c r="AN2220">
        <v>0</v>
      </c>
      <c r="AO2220">
        <v>0</v>
      </c>
      <c r="AP2220">
        <v>0</v>
      </c>
      <c r="AQ2220">
        <v>0</v>
      </c>
      <c r="AR2220">
        <v>0</v>
      </c>
      <c r="AS2220">
        <v>0</v>
      </c>
      <c r="AT2220">
        <v>0</v>
      </c>
      <c r="AU2220">
        <v>0</v>
      </c>
      <c r="AV2220">
        <v>0</v>
      </c>
      <c r="AW2220">
        <v>0</v>
      </c>
      <c r="AX2220">
        <v>0</v>
      </c>
      <c r="AY2220">
        <v>18</v>
      </c>
      <c r="AZ2220">
        <v>46</v>
      </c>
      <c r="BA2220">
        <v>4111</v>
      </c>
    </row>
    <row r="2221" spans="1:53" x14ac:dyDescent="0.4">
      <c r="A2221">
        <v>2265</v>
      </c>
      <c r="B2221" s="1">
        <v>43535</v>
      </c>
      <c r="C2221">
        <v>1</v>
      </c>
      <c r="D2221" s="1">
        <v>43535.291666666664</v>
      </c>
      <c r="E2221" s="1">
        <v>43535.45208333333</v>
      </c>
      <c r="F2221">
        <v>0</v>
      </c>
      <c r="G2221">
        <v>0</v>
      </c>
      <c r="H2221">
        <v>0</v>
      </c>
      <c r="I2221">
        <v>0</v>
      </c>
      <c r="J2221">
        <v>0</v>
      </c>
      <c r="K2221">
        <v>0</v>
      </c>
      <c r="L2221">
        <v>0</v>
      </c>
      <c r="M2221">
        <v>0</v>
      </c>
      <c r="N2221">
        <v>0</v>
      </c>
      <c r="O2221">
        <v>0</v>
      </c>
      <c r="P2221">
        <v>0</v>
      </c>
      <c r="Q2221">
        <v>0</v>
      </c>
      <c r="R2221">
        <v>0</v>
      </c>
      <c r="S2221">
        <v>0</v>
      </c>
      <c r="T2221">
        <v>0</v>
      </c>
      <c r="U2221">
        <v>0</v>
      </c>
      <c r="V2221">
        <v>0</v>
      </c>
      <c r="W2221">
        <v>0</v>
      </c>
      <c r="X2221">
        <v>0</v>
      </c>
      <c r="Y2221">
        <v>28</v>
      </c>
      <c r="Z2221">
        <v>13</v>
      </c>
      <c r="AA2221">
        <v>122</v>
      </c>
      <c r="AB2221">
        <v>43</v>
      </c>
      <c r="AC2221">
        <v>110</v>
      </c>
      <c r="AD2221">
        <v>6</v>
      </c>
      <c r="AE2221">
        <v>20</v>
      </c>
      <c r="AF2221">
        <v>0</v>
      </c>
      <c r="AG2221">
        <v>50000</v>
      </c>
      <c r="AH2221">
        <v>0</v>
      </c>
      <c r="AI2221">
        <v>50000</v>
      </c>
      <c r="AJ2221">
        <v>0</v>
      </c>
      <c r="AK2221" t="s">
        <v>6</v>
      </c>
      <c r="AL2221">
        <v>0</v>
      </c>
      <c r="AM2221">
        <v>0</v>
      </c>
      <c r="AN2221">
        <v>0</v>
      </c>
      <c r="AO2221">
        <v>0</v>
      </c>
      <c r="AP2221">
        <v>0</v>
      </c>
      <c r="AQ2221">
        <v>0</v>
      </c>
      <c r="AR2221">
        <v>0</v>
      </c>
      <c r="AS2221">
        <v>0</v>
      </c>
      <c r="AT2221">
        <v>0</v>
      </c>
      <c r="AU2221">
        <v>0</v>
      </c>
      <c r="AV2221">
        <v>0</v>
      </c>
      <c r="AW2221">
        <v>0</v>
      </c>
      <c r="AX2221">
        <v>0</v>
      </c>
      <c r="AY2221">
        <v>0</v>
      </c>
      <c r="AZ2221">
        <v>0</v>
      </c>
      <c r="BA2221">
        <v>0</v>
      </c>
    </row>
    <row r="2222" spans="1:53" x14ac:dyDescent="0.4">
      <c r="A2222">
        <v>2266</v>
      </c>
      <c r="B2222" s="1">
        <v>43535</v>
      </c>
      <c r="C2222">
        <v>2</v>
      </c>
      <c r="D2222" s="1">
        <v>43535.45208333333</v>
      </c>
      <c r="E2222" s="1">
        <v>43535.746527777781</v>
      </c>
      <c r="F2222">
        <v>33000</v>
      </c>
      <c r="G2222">
        <v>2840</v>
      </c>
      <c r="H2222">
        <v>200</v>
      </c>
      <c r="I2222">
        <v>0</v>
      </c>
      <c r="J2222">
        <v>0</v>
      </c>
      <c r="K2222">
        <v>0</v>
      </c>
      <c r="L2222">
        <v>0</v>
      </c>
      <c r="M2222">
        <v>2883</v>
      </c>
      <c r="N2222">
        <v>0</v>
      </c>
      <c r="O2222">
        <v>0</v>
      </c>
      <c r="P2222">
        <v>15660</v>
      </c>
      <c r="Q2222">
        <v>0</v>
      </c>
      <c r="R2222">
        <v>54583</v>
      </c>
      <c r="S2222">
        <v>0</v>
      </c>
      <c r="T2222">
        <v>0</v>
      </c>
      <c r="U2222">
        <v>0</v>
      </c>
      <c r="V2222">
        <v>1</v>
      </c>
      <c r="W2222">
        <v>0</v>
      </c>
      <c r="X2222">
        <v>0</v>
      </c>
      <c r="Y2222">
        <v>63</v>
      </c>
      <c r="Z2222">
        <v>29</v>
      </c>
      <c r="AA2222">
        <v>125</v>
      </c>
      <c r="AB2222">
        <v>53</v>
      </c>
      <c r="AC2222">
        <v>187</v>
      </c>
      <c r="AD2222">
        <v>8</v>
      </c>
      <c r="AE2222">
        <v>23</v>
      </c>
      <c r="AF2222">
        <v>0</v>
      </c>
      <c r="AG2222">
        <v>104583</v>
      </c>
      <c r="AH2222">
        <v>50000</v>
      </c>
      <c r="AI2222">
        <v>0</v>
      </c>
      <c r="AJ2222">
        <v>96</v>
      </c>
      <c r="AK2222" t="s">
        <v>4</v>
      </c>
      <c r="AL2222">
        <v>0</v>
      </c>
      <c r="AM2222">
        <v>0</v>
      </c>
      <c r="AN2222">
        <v>0</v>
      </c>
      <c r="AO2222">
        <v>0</v>
      </c>
      <c r="AP2222">
        <v>0</v>
      </c>
      <c r="AQ2222">
        <v>0</v>
      </c>
      <c r="AR2222">
        <v>0</v>
      </c>
      <c r="AS2222">
        <v>0</v>
      </c>
      <c r="AT2222">
        <v>0</v>
      </c>
      <c r="AU2222">
        <v>0</v>
      </c>
      <c r="AV2222">
        <v>0</v>
      </c>
      <c r="AW2222">
        <v>0</v>
      </c>
      <c r="AX2222">
        <v>-540</v>
      </c>
      <c r="AY2222">
        <v>41</v>
      </c>
      <c r="AZ2222">
        <v>90</v>
      </c>
      <c r="BA2222">
        <v>6552</v>
      </c>
    </row>
    <row r="2223" spans="1:53" x14ac:dyDescent="0.4">
      <c r="A2223">
        <v>2267</v>
      </c>
      <c r="B2223" s="1">
        <v>43535</v>
      </c>
      <c r="C2223">
        <v>3</v>
      </c>
      <c r="D2223" s="1">
        <v>43535.746527777781</v>
      </c>
      <c r="E2223" s="1">
        <v>43535.95416666667</v>
      </c>
      <c r="F2223">
        <v>35360</v>
      </c>
      <c r="G2223">
        <v>4290</v>
      </c>
      <c r="H2223">
        <v>0</v>
      </c>
      <c r="I2223">
        <v>0</v>
      </c>
      <c r="J2223">
        <v>0</v>
      </c>
      <c r="K2223">
        <v>0</v>
      </c>
      <c r="L2223">
        <v>0</v>
      </c>
      <c r="M2223">
        <v>3173</v>
      </c>
      <c r="N2223">
        <v>0</v>
      </c>
      <c r="O2223">
        <v>0</v>
      </c>
      <c r="P2223">
        <v>-12204</v>
      </c>
      <c r="Q2223">
        <v>0</v>
      </c>
      <c r="R2223">
        <v>30619</v>
      </c>
      <c r="S2223">
        <v>0</v>
      </c>
      <c r="T2223">
        <v>0</v>
      </c>
      <c r="U2223">
        <v>0</v>
      </c>
      <c r="V2223">
        <v>4</v>
      </c>
      <c r="W2223">
        <v>0</v>
      </c>
      <c r="X2223">
        <v>0</v>
      </c>
      <c r="Y2223">
        <v>62</v>
      </c>
      <c r="Z2223">
        <v>28</v>
      </c>
      <c r="AA2223">
        <v>126</v>
      </c>
      <c r="AB2223">
        <v>51</v>
      </c>
      <c r="AC2223">
        <v>185</v>
      </c>
      <c r="AD2223">
        <v>8</v>
      </c>
      <c r="AE2223">
        <v>11</v>
      </c>
      <c r="AF2223">
        <v>2160</v>
      </c>
      <c r="AG2223">
        <v>135211</v>
      </c>
      <c r="AH2223">
        <v>50000</v>
      </c>
      <c r="AI2223">
        <v>9</v>
      </c>
      <c r="AJ2223">
        <v>30</v>
      </c>
      <c r="AL2223">
        <v>0</v>
      </c>
      <c r="AM2223">
        <v>0</v>
      </c>
      <c r="AN2223">
        <v>0</v>
      </c>
      <c r="AO2223">
        <v>0</v>
      </c>
      <c r="AP2223">
        <v>0</v>
      </c>
      <c r="AQ2223">
        <v>0</v>
      </c>
      <c r="AR2223">
        <v>0</v>
      </c>
      <c r="AS2223">
        <v>0</v>
      </c>
      <c r="AT2223">
        <v>0</v>
      </c>
      <c r="AU2223">
        <v>0</v>
      </c>
      <c r="AV2223">
        <v>0</v>
      </c>
      <c r="AW2223">
        <v>0</v>
      </c>
      <c r="AX2223">
        <v>2473</v>
      </c>
      <c r="AY2223">
        <v>11</v>
      </c>
      <c r="AZ2223">
        <v>28</v>
      </c>
      <c r="BA2223">
        <v>1780</v>
      </c>
    </row>
    <row r="2224" spans="1:53" x14ac:dyDescent="0.4">
      <c r="A2224">
        <v>2268</v>
      </c>
      <c r="B2224" s="1">
        <v>43535</v>
      </c>
      <c r="C2224">
        <v>4</v>
      </c>
      <c r="D2224" s="1">
        <v>43535.95416666667</v>
      </c>
      <c r="E2224" s="1">
        <v>43536.09097222222</v>
      </c>
      <c r="F2224">
        <v>7520</v>
      </c>
      <c r="G2224">
        <v>0</v>
      </c>
      <c r="H2224">
        <v>0</v>
      </c>
      <c r="I2224">
        <v>0</v>
      </c>
      <c r="J2224">
        <v>0</v>
      </c>
      <c r="K2224">
        <v>0</v>
      </c>
      <c r="L2224">
        <v>0</v>
      </c>
      <c r="M2224">
        <v>602</v>
      </c>
      <c r="N2224">
        <v>0</v>
      </c>
      <c r="O2224">
        <v>0</v>
      </c>
      <c r="P2224">
        <v>8208</v>
      </c>
      <c r="Q2224">
        <v>0</v>
      </c>
      <c r="R2224">
        <v>16330</v>
      </c>
      <c r="S2224">
        <v>0</v>
      </c>
      <c r="T2224">
        <v>0</v>
      </c>
      <c r="U2224">
        <v>0</v>
      </c>
      <c r="V2224">
        <v>6</v>
      </c>
      <c r="W2224">
        <v>0</v>
      </c>
      <c r="X2224">
        <v>0</v>
      </c>
      <c r="Y2224">
        <v>58</v>
      </c>
      <c r="Z2224">
        <v>29</v>
      </c>
      <c r="AA2224">
        <v>126</v>
      </c>
      <c r="AB2224">
        <v>48</v>
      </c>
      <c r="AC2224">
        <v>182</v>
      </c>
      <c r="AD2224">
        <v>8</v>
      </c>
      <c r="AE2224">
        <v>16</v>
      </c>
      <c r="AF2224">
        <v>2160</v>
      </c>
      <c r="AG2224">
        <v>151536</v>
      </c>
      <c r="AH2224">
        <v>50000</v>
      </c>
      <c r="AI2224">
        <v>4</v>
      </c>
      <c r="AJ2224">
        <v>108</v>
      </c>
      <c r="AK2224" t="s">
        <v>30</v>
      </c>
      <c r="AL2224">
        <v>0</v>
      </c>
      <c r="AM2224">
        <v>0</v>
      </c>
      <c r="AN2224">
        <v>0</v>
      </c>
      <c r="AO2224">
        <v>0</v>
      </c>
      <c r="AP2224">
        <v>0</v>
      </c>
      <c r="AQ2224">
        <v>0</v>
      </c>
      <c r="AR2224">
        <v>0</v>
      </c>
      <c r="AS2224">
        <v>0</v>
      </c>
      <c r="AT2224">
        <v>0</v>
      </c>
      <c r="AU2224">
        <v>0</v>
      </c>
      <c r="AV2224">
        <v>0</v>
      </c>
      <c r="AW2224">
        <v>0</v>
      </c>
      <c r="AX2224">
        <v>-2203</v>
      </c>
      <c r="AY2224">
        <v>2</v>
      </c>
      <c r="AZ2224">
        <v>6</v>
      </c>
      <c r="BA2224">
        <v>581</v>
      </c>
    </row>
    <row r="2225" spans="1:53" x14ac:dyDescent="0.4">
      <c r="A2225">
        <v>2269</v>
      </c>
      <c r="B2225" s="1">
        <v>43536</v>
      </c>
      <c r="C2225">
        <v>1</v>
      </c>
      <c r="D2225" s="1">
        <v>43536.291666666664</v>
      </c>
      <c r="E2225" s="1">
        <v>43536.45</v>
      </c>
      <c r="F2225">
        <v>0</v>
      </c>
      <c r="G2225">
        <v>0</v>
      </c>
      <c r="H2225">
        <v>0</v>
      </c>
      <c r="I2225">
        <v>0</v>
      </c>
      <c r="J2225">
        <v>0</v>
      </c>
      <c r="K2225">
        <v>0</v>
      </c>
      <c r="L2225">
        <v>0</v>
      </c>
      <c r="M2225">
        <v>0</v>
      </c>
      <c r="N2225">
        <v>0</v>
      </c>
      <c r="O2225">
        <v>0</v>
      </c>
      <c r="P2225">
        <v>0</v>
      </c>
      <c r="Q2225">
        <v>0</v>
      </c>
      <c r="R2225">
        <v>0</v>
      </c>
      <c r="S2225">
        <v>0</v>
      </c>
      <c r="T2225">
        <v>0</v>
      </c>
      <c r="U2225">
        <v>0</v>
      </c>
      <c r="V2225">
        <v>0</v>
      </c>
      <c r="W2225">
        <v>0</v>
      </c>
      <c r="X2225">
        <v>0</v>
      </c>
      <c r="Y2225">
        <v>28</v>
      </c>
      <c r="Z2225">
        <v>12</v>
      </c>
      <c r="AA2225">
        <v>125</v>
      </c>
      <c r="AB2225">
        <v>47</v>
      </c>
      <c r="AC2225">
        <v>109</v>
      </c>
      <c r="AD2225">
        <v>9</v>
      </c>
      <c r="AE2225">
        <v>15</v>
      </c>
      <c r="AF2225">
        <v>0</v>
      </c>
      <c r="AG2225">
        <v>50000</v>
      </c>
      <c r="AH2225">
        <v>50000</v>
      </c>
      <c r="AI2225">
        <v>0</v>
      </c>
      <c r="AJ2225">
        <v>0</v>
      </c>
      <c r="AK2225" t="s">
        <v>6</v>
      </c>
      <c r="AL2225">
        <v>0</v>
      </c>
      <c r="AM2225">
        <v>0</v>
      </c>
      <c r="AN2225">
        <v>0</v>
      </c>
      <c r="AO2225">
        <v>0</v>
      </c>
      <c r="AP2225">
        <v>0</v>
      </c>
      <c r="AQ2225">
        <v>0</v>
      </c>
      <c r="AR2225">
        <v>0</v>
      </c>
      <c r="AS2225">
        <v>0</v>
      </c>
      <c r="AT2225">
        <v>0</v>
      </c>
      <c r="AU2225">
        <v>0</v>
      </c>
      <c r="AV2225">
        <v>0</v>
      </c>
      <c r="AW2225">
        <v>0</v>
      </c>
      <c r="AX2225">
        <v>0</v>
      </c>
      <c r="AY2225">
        <v>0</v>
      </c>
      <c r="AZ2225">
        <v>0</v>
      </c>
      <c r="BA2225">
        <v>0</v>
      </c>
    </row>
    <row r="2226" spans="1:53" x14ac:dyDescent="0.4">
      <c r="A2226">
        <v>2270</v>
      </c>
      <c r="B2226" s="1">
        <v>43536</v>
      </c>
      <c r="C2226">
        <v>2</v>
      </c>
      <c r="D2226" s="1">
        <v>43536.45</v>
      </c>
      <c r="E2226" s="1">
        <v>43536.754861111112</v>
      </c>
      <c r="F2226">
        <v>42000</v>
      </c>
      <c r="G2226">
        <v>2440</v>
      </c>
      <c r="H2226">
        <v>0</v>
      </c>
      <c r="I2226">
        <v>0</v>
      </c>
      <c r="J2226">
        <v>0</v>
      </c>
      <c r="K2226">
        <v>0</v>
      </c>
      <c r="L2226">
        <v>0</v>
      </c>
      <c r="M2226">
        <v>3554</v>
      </c>
      <c r="N2226">
        <v>0</v>
      </c>
      <c r="O2226">
        <v>0</v>
      </c>
      <c r="P2226">
        <v>10800</v>
      </c>
      <c r="Q2226">
        <v>0</v>
      </c>
      <c r="R2226">
        <v>58794</v>
      </c>
      <c r="S2226">
        <v>0</v>
      </c>
      <c r="T2226">
        <v>0</v>
      </c>
      <c r="U2226">
        <v>0</v>
      </c>
      <c r="V2226">
        <v>3</v>
      </c>
      <c r="W2226">
        <v>1</v>
      </c>
      <c r="X2226">
        <v>0</v>
      </c>
      <c r="Y2226">
        <v>46</v>
      </c>
      <c r="Z2226">
        <v>22</v>
      </c>
      <c r="AA2226">
        <v>120</v>
      </c>
      <c r="AB2226">
        <v>61</v>
      </c>
      <c r="AC2226">
        <v>168</v>
      </c>
      <c r="AD2226">
        <v>10</v>
      </c>
      <c r="AE2226">
        <v>14</v>
      </c>
      <c r="AF2226">
        <v>0</v>
      </c>
      <c r="AG2226">
        <v>108794</v>
      </c>
      <c r="AH2226">
        <v>50000</v>
      </c>
      <c r="AI2226">
        <v>0</v>
      </c>
      <c r="AJ2226">
        <v>100</v>
      </c>
      <c r="AK2226" t="s">
        <v>0</v>
      </c>
      <c r="AL2226">
        <v>0</v>
      </c>
      <c r="AM2226">
        <v>0</v>
      </c>
      <c r="AN2226">
        <v>0</v>
      </c>
      <c r="AO2226">
        <v>0</v>
      </c>
      <c r="AP2226">
        <v>0</v>
      </c>
      <c r="AQ2226">
        <v>0</v>
      </c>
      <c r="AR2226">
        <v>0</v>
      </c>
      <c r="AS2226">
        <v>0</v>
      </c>
      <c r="AT2226">
        <v>0</v>
      </c>
      <c r="AU2226">
        <v>0</v>
      </c>
      <c r="AV2226">
        <v>0</v>
      </c>
      <c r="AW2226">
        <v>0</v>
      </c>
      <c r="AX2226">
        <v>-1080</v>
      </c>
      <c r="AY2226">
        <v>46</v>
      </c>
      <c r="AZ2226">
        <v>101</v>
      </c>
      <c r="BA2226">
        <v>7084</v>
      </c>
    </row>
    <row r="2227" spans="1:53" x14ac:dyDescent="0.4">
      <c r="A2227">
        <v>2271</v>
      </c>
      <c r="B2227" s="1">
        <v>43536</v>
      </c>
      <c r="C2227">
        <v>3</v>
      </c>
      <c r="D2227" s="1">
        <v>43536.754861111112</v>
      </c>
      <c r="E2227" s="1">
        <v>43536.96597222222</v>
      </c>
      <c r="F2227">
        <v>53820</v>
      </c>
      <c r="G2227">
        <v>1060</v>
      </c>
      <c r="H2227">
        <v>200</v>
      </c>
      <c r="I2227">
        <v>0</v>
      </c>
      <c r="J2227">
        <v>760</v>
      </c>
      <c r="K2227">
        <v>0</v>
      </c>
      <c r="L2227">
        <v>0</v>
      </c>
      <c r="M2227">
        <v>4345</v>
      </c>
      <c r="N2227">
        <v>0</v>
      </c>
      <c r="O2227">
        <v>0</v>
      </c>
      <c r="P2227">
        <v>-6804</v>
      </c>
      <c r="Q2227">
        <v>0</v>
      </c>
      <c r="R2227">
        <v>51861</v>
      </c>
      <c r="S2227">
        <v>0</v>
      </c>
      <c r="T2227">
        <v>0</v>
      </c>
      <c r="U2227">
        <v>0</v>
      </c>
      <c r="V2227">
        <v>6</v>
      </c>
      <c r="W2227">
        <v>5</v>
      </c>
      <c r="X2227">
        <v>0</v>
      </c>
      <c r="Y2227">
        <v>48</v>
      </c>
      <c r="Z2227">
        <v>23</v>
      </c>
      <c r="AA2227">
        <v>112</v>
      </c>
      <c r="AB2227">
        <v>58</v>
      </c>
      <c r="AC2227">
        <v>146</v>
      </c>
      <c r="AD2227">
        <v>9</v>
      </c>
      <c r="AE2227">
        <v>10</v>
      </c>
      <c r="AF2227">
        <v>540</v>
      </c>
      <c r="AG2227">
        <v>160655</v>
      </c>
      <c r="AH2227">
        <v>50000</v>
      </c>
      <c r="AI2227">
        <v>0</v>
      </c>
      <c r="AJ2227">
        <v>30</v>
      </c>
      <c r="AL2227">
        <v>0</v>
      </c>
      <c r="AM2227">
        <v>0</v>
      </c>
      <c r="AN2227">
        <v>0</v>
      </c>
      <c r="AO2227">
        <v>0</v>
      </c>
      <c r="AP2227">
        <v>0</v>
      </c>
      <c r="AQ2227">
        <v>0</v>
      </c>
      <c r="AR2227">
        <v>0</v>
      </c>
      <c r="AS2227">
        <v>0</v>
      </c>
      <c r="AT2227">
        <v>0</v>
      </c>
      <c r="AU2227">
        <v>0</v>
      </c>
      <c r="AV2227">
        <v>0</v>
      </c>
      <c r="AW2227">
        <v>0</v>
      </c>
      <c r="AX2227">
        <v>582</v>
      </c>
      <c r="AY2227">
        <v>14</v>
      </c>
      <c r="AZ2227">
        <v>45</v>
      </c>
      <c r="BA2227">
        <v>2340</v>
      </c>
    </row>
    <row r="2228" spans="1:53" x14ac:dyDescent="0.4">
      <c r="A2228">
        <v>2272</v>
      </c>
      <c r="B2228" s="1">
        <v>43536</v>
      </c>
      <c r="C2228">
        <v>4</v>
      </c>
      <c r="D2228" s="1">
        <v>43536.96597222222</v>
      </c>
      <c r="E2228" s="1">
        <v>43537.087500000001</v>
      </c>
      <c r="F2228">
        <v>2000</v>
      </c>
      <c r="G2228">
        <v>350</v>
      </c>
      <c r="H2228">
        <v>400</v>
      </c>
      <c r="I2228">
        <v>0</v>
      </c>
      <c r="J2228">
        <v>0</v>
      </c>
      <c r="K2228">
        <v>0</v>
      </c>
      <c r="L2228">
        <v>0</v>
      </c>
      <c r="M2228">
        <v>220</v>
      </c>
      <c r="N2228">
        <v>0</v>
      </c>
      <c r="O2228">
        <v>0</v>
      </c>
      <c r="P2228">
        <v>3456</v>
      </c>
      <c r="Q2228">
        <v>0</v>
      </c>
      <c r="R2228">
        <v>6426</v>
      </c>
      <c r="S2228">
        <v>0</v>
      </c>
      <c r="T2228">
        <v>0</v>
      </c>
      <c r="U2228">
        <v>0</v>
      </c>
      <c r="V2228">
        <v>6</v>
      </c>
      <c r="W2228">
        <v>7</v>
      </c>
      <c r="X2228">
        <v>0</v>
      </c>
      <c r="Y2228">
        <v>44</v>
      </c>
      <c r="Z2228">
        <v>23</v>
      </c>
      <c r="AA2228">
        <v>115</v>
      </c>
      <c r="AB2228">
        <v>59</v>
      </c>
      <c r="AC2228">
        <v>153</v>
      </c>
      <c r="AD2228">
        <v>10</v>
      </c>
      <c r="AE2228">
        <v>11</v>
      </c>
      <c r="AF2228">
        <v>540</v>
      </c>
      <c r="AG2228">
        <v>167081</v>
      </c>
      <c r="AH2228">
        <v>50000</v>
      </c>
      <c r="AI2228">
        <v>0</v>
      </c>
      <c r="AJ2228">
        <v>29</v>
      </c>
      <c r="AK2228" t="s">
        <v>28</v>
      </c>
      <c r="AL2228">
        <v>0</v>
      </c>
      <c r="AM2228">
        <v>0</v>
      </c>
      <c r="AN2228">
        <v>0</v>
      </c>
      <c r="AO2228">
        <v>0</v>
      </c>
      <c r="AP2228">
        <v>0</v>
      </c>
      <c r="AQ2228">
        <v>0</v>
      </c>
      <c r="AR2228">
        <v>0</v>
      </c>
      <c r="AS2228">
        <v>0</v>
      </c>
      <c r="AT2228">
        <v>0</v>
      </c>
      <c r="AU2228">
        <v>0</v>
      </c>
      <c r="AV2228">
        <v>0</v>
      </c>
      <c r="AW2228">
        <v>0</v>
      </c>
      <c r="AX2228">
        <v>540</v>
      </c>
      <c r="AY2228">
        <v>1</v>
      </c>
      <c r="AZ2228">
        <v>1</v>
      </c>
      <c r="BA2228">
        <v>389</v>
      </c>
    </row>
    <row r="2229" spans="1:53" x14ac:dyDescent="0.4">
      <c r="A2229">
        <v>2273</v>
      </c>
      <c r="B2229" s="1">
        <v>43537</v>
      </c>
      <c r="C2229">
        <v>1</v>
      </c>
      <c r="D2229" s="1">
        <v>43537.291666666664</v>
      </c>
      <c r="E2229" s="1">
        <v>43537.452777777777</v>
      </c>
      <c r="F2229">
        <v>0</v>
      </c>
      <c r="G2229">
        <v>0</v>
      </c>
      <c r="H2229">
        <v>0</v>
      </c>
      <c r="I2229">
        <v>0</v>
      </c>
      <c r="J2229">
        <v>0</v>
      </c>
      <c r="K2229">
        <v>0</v>
      </c>
      <c r="L2229">
        <v>0</v>
      </c>
      <c r="M2229">
        <v>0</v>
      </c>
      <c r="N2229">
        <v>0</v>
      </c>
      <c r="O2229">
        <v>0</v>
      </c>
      <c r="P2229">
        <v>0</v>
      </c>
      <c r="Q2229">
        <v>0</v>
      </c>
      <c r="R2229">
        <v>0</v>
      </c>
      <c r="S2229">
        <v>0</v>
      </c>
      <c r="T2229">
        <v>0</v>
      </c>
      <c r="U2229">
        <v>0</v>
      </c>
      <c r="V2229">
        <v>0</v>
      </c>
      <c r="W2229">
        <v>0</v>
      </c>
      <c r="X2229">
        <v>0</v>
      </c>
      <c r="Y2229">
        <v>22</v>
      </c>
      <c r="Z2229">
        <v>24</v>
      </c>
      <c r="AA2229">
        <v>115</v>
      </c>
      <c r="AB2229">
        <v>59</v>
      </c>
      <c r="AC2229">
        <v>149</v>
      </c>
      <c r="AD2229">
        <v>10</v>
      </c>
      <c r="AE2229">
        <v>10</v>
      </c>
      <c r="AF2229">
        <v>0</v>
      </c>
      <c r="AG2229">
        <v>50000</v>
      </c>
      <c r="AH2229">
        <v>0</v>
      </c>
      <c r="AI2229">
        <v>50000</v>
      </c>
      <c r="AJ2229">
        <v>0</v>
      </c>
      <c r="AK2229" t="s">
        <v>6</v>
      </c>
      <c r="AL2229">
        <v>0</v>
      </c>
      <c r="AM2229">
        <v>0</v>
      </c>
      <c r="AN2229">
        <v>0</v>
      </c>
      <c r="AO2229">
        <v>0</v>
      </c>
      <c r="AP2229">
        <v>0</v>
      </c>
      <c r="AQ2229">
        <v>0</v>
      </c>
      <c r="AR2229">
        <v>0</v>
      </c>
      <c r="AS2229">
        <v>0</v>
      </c>
      <c r="AT2229">
        <v>0</v>
      </c>
      <c r="AU2229">
        <v>0</v>
      </c>
      <c r="AV2229">
        <v>0</v>
      </c>
      <c r="AW2229">
        <v>0</v>
      </c>
      <c r="AX2229">
        <v>0</v>
      </c>
      <c r="AY2229">
        <v>0</v>
      </c>
      <c r="AZ2229">
        <v>0</v>
      </c>
      <c r="BA2229">
        <v>0</v>
      </c>
    </row>
    <row r="2230" spans="1:53" x14ac:dyDescent="0.4">
      <c r="A2230">
        <v>2274</v>
      </c>
      <c r="B2230" s="1">
        <v>43537</v>
      </c>
      <c r="C2230">
        <v>2</v>
      </c>
      <c r="D2230" s="1">
        <v>43537.452777777777</v>
      </c>
      <c r="E2230" s="1">
        <v>43537.730555555558</v>
      </c>
      <c r="F2230">
        <v>28500</v>
      </c>
      <c r="G2230">
        <v>500</v>
      </c>
      <c r="H2230">
        <v>0</v>
      </c>
      <c r="I2230">
        <v>0</v>
      </c>
      <c r="J2230">
        <v>0</v>
      </c>
      <c r="K2230">
        <v>0</v>
      </c>
      <c r="L2230">
        <v>0</v>
      </c>
      <c r="M2230">
        <v>2320</v>
      </c>
      <c r="N2230">
        <v>0</v>
      </c>
      <c r="O2230">
        <v>0</v>
      </c>
      <c r="P2230">
        <v>21060</v>
      </c>
      <c r="Q2230">
        <v>0</v>
      </c>
      <c r="R2230">
        <v>52380</v>
      </c>
      <c r="S2230">
        <v>0</v>
      </c>
      <c r="T2230">
        <v>0</v>
      </c>
      <c r="U2230">
        <v>0</v>
      </c>
      <c r="V2230">
        <v>0</v>
      </c>
      <c r="W2230">
        <v>1</v>
      </c>
      <c r="X2230">
        <v>0</v>
      </c>
      <c r="Y2230">
        <v>48</v>
      </c>
      <c r="Z2230">
        <v>48</v>
      </c>
      <c r="AA2230">
        <v>185</v>
      </c>
      <c r="AB2230">
        <v>64</v>
      </c>
      <c r="AC2230">
        <v>249</v>
      </c>
      <c r="AD2230">
        <v>12</v>
      </c>
      <c r="AE2230">
        <v>10</v>
      </c>
      <c r="AF2230">
        <v>1620</v>
      </c>
      <c r="AG2230">
        <v>102880</v>
      </c>
      <c r="AH2230">
        <v>50000</v>
      </c>
      <c r="AI2230">
        <v>500</v>
      </c>
      <c r="AJ2230">
        <v>96</v>
      </c>
      <c r="AK2230" t="s">
        <v>4</v>
      </c>
      <c r="AL2230">
        <v>0</v>
      </c>
      <c r="AM2230">
        <v>0</v>
      </c>
      <c r="AN2230">
        <v>0</v>
      </c>
      <c r="AO2230">
        <v>0</v>
      </c>
      <c r="AP2230">
        <v>0</v>
      </c>
      <c r="AQ2230">
        <v>0</v>
      </c>
      <c r="AR2230">
        <v>0</v>
      </c>
      <c r="AS2230">
        <v>0</v>
      </c>
      <c r="AT2230">
        <v>0</v>
      </c>
      <c r="AU2230">
        <v>0</v>
      </c>
      <c r="AV2230">
        <v>0</v>
      </c>
      <c r="AW2230">
        <v>0</v>
      </c>
      <c r="AX2230">
        <v>-1080</v>
      </c>
      <c r="AY2230">
        <v>41</v>
      </c>
      <c r="AZ2230">
        <v>94</v>
      </c>
      <c r="BA2230">
        <v>6394</v>
      </c>
    </row>
    <row r="2231" spans="1:53" x14ac:dyDescent="0.4">
      <c r="A2231">
        <v>2275</v>
      </c>
      <c r="B2231" s="1">
        <v>43537</v>
      </c>
      <c r="C2231">
        <v>3</v>
      </c>
      <c r="D2231" s="1">
        <v>43537.730555555558</v>
      </c>
      <c r="E2231" s="1">
        <v>43537.95416666667</v>
      </c>
      <c r="F2231">
        <v>37150</v>
      </c>
      <c r="G2231">
        <v>0</v>
      </c>
      <c r="H2231">
        <v>0</v>
      </c>
      <c r="I2231">
        <v>0</v>
      </c>
      <c r="J2231">
        <v>0</v>
      </c>
      <c r="K2231">
        <v>0</v>
      </c>
      <c r="L2231">
        <v>0</v>
      </c>
      <c r="M2231">
        <v>2972</v>
      </c>
      <c r="N2231">
        <v>0</v>
      </c>
      <c r="O2231">
        <v>0</v>
      </c>
      <c r="P2231">
        <v>-4428</v>
      </c>
      <c r="Q2231">
        <v>0</v>
      </c>
      <c r="R2231">
        <v>35694</v>
      </c>
      <c r="S2231">
        <v>0</v>
      </c>
      <c r="T2231">
        <v>0</v>
      </c>
      <c r="U2231">
        <v>0</v>
      </c>
      <c r="V2231">
        <v>3</v>
      </c>
      <c r="W2231">
        <v>1</v>
      </c>
      <c r="X2231">
        <v>0</v>
      </c>
      <c r="Y2231">
        <v>50</v>
      </c>
      <c r="Z2231">
        <v>52</v>
      </c>
      <c r="AA2231">
        <v>188</v>
      </c>
      <c r="AB2231">
        <v>61</v>
      </c>
      <c r="AC2231">
        <v>248</v>
      </c>
      <c r="AD2231">
        <v>12</v>
      </c>
      <c r="AE2231">
        <v>24</v>
      </c>
      <c r="AF2231">
        <v>2160</v>
      </c>
      <c r="AG2231">
        <v>137574</v>
      </c>
      <c r="AH2231">
        <v>50000</v>
      </c>
      <c r="AI2231">
        <v>-500</v>
      </c>
      <c r="AJ2231">
        <v>108</v>
      </c>
      <c r="AK2231" t="s">
        <v>30</v>
      </c>
      <c r="AL2231">
        <v>0</v>
      </c>
      <c r="AM2231">
        <v>0</v>
      </c>
      <c r="AN2231">
        <v>0</v>
      </c>
      <c r="AO2231">
        <v>0</v>
      </c>
      <c r="AP2231">
        <v>0</v>
      </c>
      <c r="AQ2231">
        <v>0</v>
      </c>
      <c r="AR2231">
        <v>0</v>
      </c>
      <c r="AS2231">
        <v>0</v>
      </c>
      <c r="AT2231">
        <v>0</v>
      </c>
      <c r="AU2231">
        <v>0</v>
      </c>
      <c r="AV2231">
        <v>0</v>
      </c>
      <c r="AW2231">
        <v>0</v>
      </c>
      <c r="AX2231">
        <v>13424</v>
      </c>
      <c r="AY2231">
        <v>11</v>
      </c>
      <c r="AZ2231">
        <v>34</v>
      </c>
      <c r="BA2231">
        <v>2286</v>
      </c>
    </row>
    <row r="2232" spans="1:53" x14ac:dyDescent="0.4">
      <c r="A2232">
        <v>2276</v>
      </c>
      <c r="B2232" s="1">
        <v>43537</v>
      </c>
      <c r="C2232">
        <v>4</v>
      </c>
      <c r="D2232" s="1">
        <v>43537.95416666667</v>
      </c>
      <c r="E2232" s="1">
        <v>43538.105555555558</v>
      </c>
      <c r="F2232">
        <v>32400</v>
      </c>
      <c r="G2232">
        <v>1430</v>
      </c>
      <c r="H2232">
        <v>400</v>
      </c>
      <c r="I2232">
        <v>0</v>
      </c>
      <c r="J2232">
        <v>0</v>
      </c>
      <c r="K2232">
        <v>0</v>
      </c>
      <c r="L2232">
        <v>0</v>
      </c>
      <c r="M2232">
        <v>2738</v>
      </c>
      <c r="N2232">
        <v>0</v>
      </c>
      <c r="O2232">
        <v>0</v>
      </c>
      <c r="P2232">
        <v>-4968</v>
      </c>
      <c r="Q2232">
        <v>0</v>
      </c>
      <c r="R2232">
        <v>32000</v>
      </c>
      <c r="S2232">
        <v>0</v>
      </c>
      <c r="T2232">
        <v>0</v>
      </c>
      <c r="U2232">
        <v>0</v>
      </c>
      <c r="V2232">
        <v>5</v>
      </c>
      <c r="W2232">
        <v>2</v>
      </c>
      <c r="X2232">
        <v>0</v>
      </c>
      <c r="Y2232">
        <v>58</v>
      </c>
      <c r="Z2232">
        <v>52</v>
      </c>
      <c r="AA2232">
        <v>181</v>
      </c>
      <c r="AB2232">
        <v>61</v>
      </c>
      <c r="AC2232">
        <v>247</v>
      </c>
      <c r="AD2232">
        <v>13</v>
      </c>
      <c r="AE2232">
        <v>13</v>
      </c>
      <c r="AF2232">
        <v>2376</v>
      </c>
      <c r="AG2232">
        <v>170074</v>
      </c>
      <c r="AH2232">
        <v>50000</v>
      </c>
      <c r="AI2232">
        <v>0</v>
      </c>
      <c r="AJ2232">
        <v>100</v>
      </c>
      <c r="AK2232" t="s">
        <v>0</v>
      </c>
      <c r="AL2232">
        <v>0</v>
      </c>
      <c r="AM2232">
        <v>0</v>
      </c>
      <c r="AN2232">
        <v>0</v>
      </c>
      <c r="AO2232">
        <v>0</v>
      </c>
      <c r="AP2232">
        <v>0</v>
      </c>
      <c r="AQ2232">
        <v>0</v>
      </c>
      <c r="AR2232">
        <v>0</v>
      </c>
      <c r="AS2232">
        <v>0</v>
      </c>
      <c r="AT2232">
        <v>0</v>
      </c>
      <c r="AU2232">
        <v>0</v>
      </c>
      <c r="AV2232">
        <v>0</v>
      </c>
      <c r="AW2232">
        <v>0</v>
      </c>
      <c r="AX2232">
        <v>896</v>
      </c>
      <c r="AY2232">
        <v>3</v>
      </c>
      <c r="AZ2232">
        <v>8</v>
      </c>
      <c r="BA2232">
        <v>657</v>
      </c>
    </row>
    <row r="2233" spans="1:53" x14ac:dyDescent="0.4">
      <c r="A2233">
        <v>2277</v>
      </c>
      <c r="B2233" s="1">
        <v>43538</v>
      </c>
      <c r="C2233">
        <v>1</v>
      </c>
      <c r="D2233" s="1">
        <v>43538.291666666664</v>
      </c>
      <c r="E2233" s="1">
        <v>43538.449305555558</v>
      </c>
      <c r="F2233">
        <v>0</v>
      </c>
      <c r="G2233">
        <v>0</v>
      </c>
      <c r="H2233">
        <v>0</v>
      </c>
      <c r="I2233">
        <v>0</v>
      </c>
      <c r="J2233">
        <v>0</v>
      </c>
      <c r="K2233">
        <v>0</v>
      </c>
      <c r="L2233">
        <v>0</v>
      </c>
      <c r="M2233">
        <v>0</v>
      </c>
      <c r="N2233">
        <v>0</v>
      </c>
      <c r="O2233">
        <v>0</v>
      </c>
      <c r="P2233">
        <v>0</v>
      </c>
      <c r="Q2233">
        <v>0</v>
      </c>
      <c r="R2233">
        <v>0</v>
      </c>
      <c r="S2233">
        <v>0</v>
      </c>
      <c r="T2233">
        <v>0</v>
      </c>
      <c r="U2233">
        <v>0</v>
      </c>
      <c r="V2233">
        <v>0</v>
      </c>
      <c r="W2233">
        <v>0</v>
      </c>
      <c r="X2233">
        <v>0</v>
      </c>
      <c r="Y2233">
        <v>27</v>
      </c>
      <c r="Z2233">
        <v>11</v>
      </c>
      <c r="AA2233">
        <v>130</v>
      </c>
      <c r="AB2233">
        <v>59</v>
      </c>
      <c r="AC2233">
        <v>148</v>
      </c>
      <c r="AD2233">
        <v>13</v>
      </c>
      <c r="AE2233">
        <v>5</v>
      </c>
      <c r="AF2233">
        <v>0</v>
      </c>
      <c r="AG2233">
        <v>50000</v>
      </c>
      <c r="AH2233">
        <v>0</v>
      </c>
      <c r="AI2233">
        <v>50000</v>
      </c>
      <c r="AJ2233">
        <v>0</v>
      </c>
      <c r="AK2233" t="s">
        <v>6</v>
      </c>
      <c r="AL2233">
        <v>0</v>
      </c>
      <c r="AM2233">
        <v>0</v>
      </c>
      <c r="AN2233">
        <v>0</v>
      </c>
      <c r="AO2233">
        <v>0</v>
      </c>
      <c r="AP2233">
        <v>0</v>
      </c>
      <c r="AQ2233">
        <v>0</v>
      </c>
      <c r="AR2233">
        <v>0</v>
      </c>
      <c r="AS2233">
        <v>0</v>
      </c>
      <c r="AT2233">
        <v>0</v>
      </c>
      <c r="AU2233">
        <v>0</v>
      </c>
      <c r="AV2233">
        <v>0</v>
      </c>
      <c r="AW2233">
        <v>0</v>
      </c>
      <c r="AX2233">
        <v>0</v>
      </c>
      <c r="AY2233">
        <v>0</v>
      </c>
      <c r="AZ2233">
        <v>0</v>
      </c>
      <c r="BA2233">
        <v>0</v>
      </c>
    </row>
    <row r="2234" spans="1:53" x14ac:dyDescent="0.4">
      <c r="A2234">
        <v>2278</v>
      </c>
      <c r="B2234" s="1">
        <v>43538</v>
      </c>
      <c r="C2234">
        <v>2</v>
      </c>
      <c r="D2234" s="1">
        <v>43538.449305555558</v>
      </c>
      <c r="E2234" s="1">
        <v>43538.751388888886</v>
      </c>
      <c r="F2234">
        <v>35500</v>
      </c>
      <c r="G2234">
        <v>3580</v>
      </c>
      <c r="H2234">
        <v>200</v>
      </c>
      <c r="I2234">
        <v>0</v>
      </c>
      <c r="J2234">
        <v>0</v>
      </c>
      <c r="K2234">
        <v>0</v>
      </c>
      <c r="L2234">
        <v>0</v>
      </c>
      <c r="M2234">
        <v>3142</v>
      </c>
      <c r="N2234">
        <v>0</v>
      </c>
      <c r="O2234">
        <v>0</v>
      </c>
      <c r="P2234">
        <v>14640</v>
      </c>
      <c r="Q2234">
        <v>0</v>
      </c>
      <c r="R2234">
        <v>57062</v>
      </c>
      <c r="S2234">
        <v>0</v>
      </c>
      <c r="T2234">
        <v>0</v>
      </c>
      <c r="U2234">
        <v>0</v>
      </c>
      <c r="V2234">
        <v>0</v>
      </c>
      <c r="W2234">
        <v>5</v>
      </c>
      <c r="X2234">
        <v>0</v>
      </c>
      <c r="Y2234">
        <v>35</v>
      </c>
      <c r="Z2234">
        <v>21</v>
      </c>
      <c r="AA2234">
        <v>160</v>
      </c>
      <c r="AB2234">
        <v>55</v>
      </c>
      <c r="AC2234">
        <v>328</v>
      </c>
      <c r="AD2234">
        <v>15</v>
      </c>
      <c r="AE2234">
        <v>11</v>
      </c>
      <c r="AF2234">
        <v>14446</v>
      </c>
      <c r="AG2234">
        <v>107062</v>
      </c>
      <c r="AH2234">
        <v>50000</v>
      </c>
      <c r="AI2234">
        <v>0</v>
      </c>
      <c r="AJ2234">
        <v>30</v>
      </c>
      <c r="AL2234">
        <v>0</v>
      </c>
      <c r="AM2234">
        <v>0</v>
      </c>
      <c r="AN2234">
        <v>0</v>
      </c>
      <c r="AO2234">
        <v>0</v>
      </c>
      <c r="AP2234">
        <v>0</v>
      </c>
      <c r="AQ2234">
        <v>0</v>
      </c>
      <c r="AR2234">
        <v>0</v>
      </c>
      <c r="AS2234">
        <v>0</v>
      </c>
      <c r="AT2234">
        <v>0</v>
      </c>
      <c r="AU2234">
        <v>0</v>
      </c>
      <c r="AV2234">
        <v>0</v>
      </c>
      <c r="AW2234">
        <v>0</v>
      </c>
      <c r="AX2234">
        <v>-2220</v>
      </c>
      <c r="AY2234">
        <v>52</v>
      </c>
      <c r="AZ2234">
        <v>97</v>
      </c>
      <c r="BA2234">
        <v>7212</v>
      </c>
    </row>
    <row r="2235" spans="1:53" x14ac:dyDescent="0.4">
      <c r="A2235">
        <v>2279</v>
      </c>
      <c r="B2235" s="1">
        <v>43538</v>
      </c>
      <c r="C2235">
        <v>3</v>
      </c>
      <c r="D2235" s="1">
        <v>43538.751388888886</v>
      </c>
      <c r="E2235" s="1">
        <v>43538.956250000003</v>
      </c>
      <c r="F2235">
        <v>36350</v>
      </c>
      <c r="G2235">
        <v>1080</v>
      </c>
      <c r="H2235">
        <v>0</v>
      </c>
      <c r="I2235">
        <v>0</v>
      </c>
      <c r="J2235">
        <v>0</v>
      </c>
      <c r="K2235">
        <v>0</v>
      </c>
      <c r="L2235">
        <v>0</v>
      </c>
      <c r="M2235">
        <v>2994</v>
      </c>
      <c r="N2235">
        <v>0</v>
      </c>
      <c r="O2235">
        <v>0</v>
      </c>
      <c r="P2235">
        <v>-12048</v>
      </c>
      <c r="Q2235">
        <v>0</v>
      </c>
      <c r="R2235">
        <v>28376</v>
      </c>
      <c r="S2235">
        <v>0</v>
      </c>
      <c r="T2235">
        <v>0</v>
      </c>
      <c r="U2235">
        <v>0</v>
      </c>
      <c r="V2235">
        <v>3</v>
      </c>
      <c r="W2235">
        <v>3</v>
      </c>
      <c r="X2235">
        <v>0</v>
      </c>
      <c r="Y2235">
        <v>43</v>
      </c>
      <c r="Z2235">
        <v>21</v>
      </c>
      <c r="AA2235">
        <v>163</v>
      </c>
      <c r="AB2235">
        <v>57</v>
      </c>
      <c r="AC2235">
        <v>283</v>
      </c>
      <c r="AD2235">
        <v>18</v>
      </c>
      <c r="AE2235">
        <v>2</v>
      </c>
      <c r="AF2235">
        <v>14446</v>
      </c>
      <c r="AG2235">
        <v>135018</v>
      </c>
      <c r="AH2235">
        <v>50000</v>
      </c>
      <c r="AI2235">
        <v>-420</v>
      </c>
      <c r="AJ2235">
        <v>108</v>
      </c>
      <c r="AK2235" t="s">
        <v>30</v>
      </c>
      <c r="AL2235">
        <v>0</v>
      </c>
      <c r="AM2235">
        <v>0</v>
      </c>
      <c r="AN2235">
        <v>0</v>
      </c>
      <c r="AO2235">
        <v>0</v>
      </c>
      <c r="AP2235">
        <v>0</v>
      </c>
      <c r="AQ2235">
        <v>0</v>
      </c>
      <c r="AR2235">
        <v>0</v>
      </c>
      <c r="AS2235">
        <v>0</v>
      </c>
      <c r="AT2235">
        <v>0</v>
      </c>
      <c r="AU2235">
        <v>0</v>
      </c>
      <c r="AV2235">
        <v>0</v>
      </c>
      <c r="AW2235">
        <v>0</v>
      </c>
      <c r="AX2235">
        <v>8586</v>
      </c>
      <c r="AY2235">
        <v>11</v>
      </c>
      <c r="AZ2235">
        <v>37</v>
      </c>
      <c r="BA2235">
        <v>3285</v>
      </c>
    </row>
    <row r="2236" spans="1:53" x14ac:dyDescent="0.4">
      <c r="A2236">
        <v>2280</v>
      </c>
      <c r="B2236" s="1">
        <v>43538</v>
      </c>
      <c r="C2236">
        <v>4</v>
      </c>
      <c r="D2236" s="1">
        <v>43538.956250000003</v>
      </c>
      <c r="E2236" s="1">
        <v>43539.080555555556</v>
      </c>
      <c r="F2236">
        <v>13420</v>
      </c>
      <c r="G2236">
        <v>2180</v>
      </c>
      <c r="H2236">
        <v>400</v>
      </c>
      <c r="I2236">
        <v>0</v>
      </c>
      <c r="J2236">
        <v>0</v>
      </c>
      <c r="K2236">
        <v>0</v>
      </c>
      <c r="L2236">
        <v>0</v>
      </c>
      <c r="M2236">
        <v>1280</v>
      </c>
      <c r="N2236">
        <v>0</v>
      </c>
      <c r="O2236">
        <v>0</v>
      </c>
      <c r="P2236">
        <v>6912</v>
      </c>
      <c r="Q2236">
        <v>0</v>
      </c>
      <c r="R2236">
        <v>24192</v>
      </c>
      <c r="S2236">
        <v>0</v>
      </c>
      <c r="T2236">
        <v>0</v>
      </c>
      <c r="U2236">
        <v>0</v>
      </c>
      <c r="V2236">
        <v>4</v>
      </c>
      <c r="W2236">
        <v>3</v>
      </c>
      <c r="X2236">
        <v>0</v>
      </c>
      <c r="Y2236">
        <v>57</v>
      </c>
      <c r="Z2236">
        <v>21</v>
      </c>
      <c r="AA2236">
        <v>152</v>
      </c>
      <c r="AB2236">
        <v>55</v>
      </c>
      <c r="AC2236">
        <v>331</v>
      </c>
      <c r="AD2236">
        <v>18</v>
      </c>
      <c r="AE2236">
        <v>10</v>
      </c>
      <c r="AF2236">
        <v>15850</v>
      </c>
      <c r="AG2236">
        <v>159710</v>
      </c>
      <c r="AH2236">
        <v>50000</v>
      </c>
      <c r="AI2236">
        <v>80</v>
      </c>
      <c r="AJ2236">
        <v>108</v>
      </c>
      <c r="AK2236" t="s">
        <v>30</v>
      </c>
      <c r="AL2236">
        <v>0</v>
      </c>
      <c r="AM2236">
        <v>0</v>
      </c>
      <c r="AN2236">
        <v>0</v>
      </c>
      <c r="AO2236">
        <v>0</v>
      </c>
      <c r="AP2236">
        <v>0</v>
      </c>
      <c r="AQ2236">
        <v>0</v>
      </c>
      <c r="AR2236">
        <v>0</v>
      </c>
      <c r="AS2236">
        <v>0</v>
      </c>
      <c r="AT2236">
        <v>0</v>
      </c>
      <c r="AU2236">
        <v>0</v>
      </c>
      <c r="AV2236">
        <v>0</v>
      </c>
      <c r="AW2236">
        <v>0</v>
      </c>
      <c r="AX2236">
        <v>4320</v>
      </c>
      <c r="AY2236">
        <v>5</v>
      </c>
      <c r="AZ2236">
        <v>15</v>
      </c>
      <c r="BA2236">
        <v>379</v>
      </c>
    </row>
    <row r="2237" spans="1:53" x14ac:dyDescent="0.4">
      <c r="A2237">
        <v>2281</v>
      </c>
      <c r="B2237" s="1">
        <v>43539</v>
      </c>
      <c r="C2237">
        <v>1</v>
      </c>
      <c r="D2237" s="1">
        <v>43539.291666666664</v>
      </c>
      <c r="E2237" s="1">
        <v>43539.454861111109</v>
      </c>
      <c r="F2237">
        <v>0</v>
      </c>
      <c r="G2237">
        <v>0</v>
      </c>
      <c r="H2237">
        <v>0</v>
      </c>
      <c r="I2237">
        <v>0</v>
      </c>
      <c r="J2237">
        <v>0</v>
      </c>
      <c r="K2237">
        <v>0</v>
      </c>
      <c r="L2237">
        <v>0</v>
      </c>
      <c r="M2237">
        <v>0</v>
      </c>
      <c r="N2237">
        <v>0</v>
      </c>
      <c r="O2237">
        <v>0</v>
      </c>
      <c r="P2237">
        <v>0</v>
      </c>
      <c r="Q2237">
        <v>0</v>
      </c>
      <c r="R2237">
        <v>0</v>
      </c>
      <c r="S2237">
        <v>0</v>
      </c>
      <c r="T2237">
        <v>0</v>
      </c>
      <c r="U2237">
        <v>0</v>
      </c>
      <c r="V2237">
        <v>0</v>
      </c>
      <c r="W2237">
        <v>0</v>
      </c>
      <c r="X2237">
        <v>0</v>
      </c>
      <c r="Y2237">
        <v>27</v>
      </c>
      <c r="Z2237">
        <v>9</v>
      </c>
      <c r="AA2237">
        <v>145</v>
      </c>
      <c r="AB2237">
        <v>55</v>
      </c>
      <c r="AC2237">
        <v>116</v>
      </c>
      <c r="AD2237">
        <v>16</v>
      </c>
      <c r="AE2237">
        <v>10</v>
      </c>
      <c r="AF2237">
        <v>0</v>
      </c>
      <c r="AG2237">
        <v>50000</v>
      </c>
      <c r="AH2237">
        <v>0</v>
      </c>
      <c r="AI2237">
        <v>50000</v>
      </c>
      <c r="AJ2237">
        <v>0</v>
      </c>
      <c r="AK2237" t="s">
        <v>6</v>
      </c>
      <c r="AL2237">
        <v>0</v>
      </c>
      <c r="AM2237">
        <v>0</v>
      </c>
      <c r="AN2237">
        <v>0</v>
      </c>
      <c r="AO2237">
        <v>0</v>
      </c>
      <c r="AP2237">
        <v>0</v>
      </c>
      <c r="AQ2237">
        <v>0</v>
      </c>
      <c r="AR2237">
        <v>0</v>
      </c>
      <c r="AS2237">
        <v>0</v>
      </c>
      <c r="AT2237">
        <v>0</v>
      </c>
      <c r="AU2237">
        <v>0</v>
      </c>
      <c r="AV2237">
        <v>0</v>
      </c>
      <c r="AW2237">
        <v>0</v>
      </c>
      <c r="AX2237">
        <v>0</v>
      </c>
      <c r="AY2237">
        <v>0</v>
      </c>
      <c r="AZ2237">
        <v>0</v>
      </c>
      <c r="BA2237">
        <v>0</v>
      </c>
    </row>
    <row r="2238" spans="1:53" x14ac:dyDescent="0.4">
      <c r="A2238">
        <v>2282</v>
      </c>
      <c r="B2238" s="1">
        <v>43539</v>
      </c>
      <c r="C2238">
        <v>2</v>
      </c>
      <c r="D2238" s="1">
        <v>43539.454861111109</v>
      </c>
      <c r="E2238" s="1">
        <v>43539.740972222222</v>
      </c>
      <c r="F2238">
        <v>27000</v>
      </c>
      <c r="G2238">
        <v>700</v>
      </c>
      <c r="H2238">
        <v>0</v>
      </c>
      <c r="I2238">
        <v>0</v>
      </c>
      <c r="J2238">
        <v>0</v>
      </c>
      <c r="K2238">
        <v>0</v>
      </c>
      <c r="L2238">
        <v>0</v>
      </c>
      <c r="M2238">
        <v>2216</v>
      </c>
      <c r="N2238">
        <v>0</v>
      </c>
      <c r="O2238">
        <v>0</v>
      </c>
      <c r="P2238">
        <v>16740</v>
      </c>
      <c r="Q2238">
        <v>0</v>
      </c>
      <c r="R2238">
        <v>46656</v>
      </c>
      <c r="S2238">
        <v>0</v>
      </c>
      <c r="T2238">
        <v>0</v>
      </c>
      <c r="U2238">
        <v>0</v>
      </c>
      <c r="V2238">
        <v>0</v>
      </c>
      <c r="W2238">
        <v>2</v>
      </c>
      <c r="X2238">
        <v>0</v>
      </c>
      <c r="Y2238">
        <v>54</v>
      </c>
      <c r="Z2238">
        <v>29</v>
      </c>
      <c r="AA2238">
        <v>129</v>
      </c>
      <c r="AB2238">
        <v>55</v>
      </c>
      <c r="AC2238">
        <v>237</v>
      </c>
      <c r="AD2238">
        <v>26</v>
      </c>
      <c r="AE2238">
        <v>6</v>
      </c>
      <c r="AF2238">
        <v>0</v>
      </c>
      <c r="AG2238">
        <v>96656</v>
      </c>
      <c r="AH2238">
        <v>50000</v>
      </c>
      <c r="AI2238">
        <v>0</v>
      </c>
      <c r="AJ2238">
        <v>96</v>
      </c>
      <c r="AK2238" t="s">
        <v>4</v>
      </c>
      <c r="AL2238">
        <v>0</v>
      </c>
      <c r="AM2238">
        <v>0</v>
      </c>
      <c r="AN2238">
        <v>0</v>
      </c>
      <c r="AO2238">
        <v>0</v>
      </c>
      <c r="AP2238">
        <v>0</v>
      </c>
      <c r="AQ2238">
        <v>0</v>
      </c>
      <c r="AR2238">
        <v>0</v>
      </c>
      <c r="AS2238">
        <v>0</v>
      </c>
      <c r="AT2238">
        <v>0</v>
      </c>
      <c r="AU2238">
        <v>0</v>
      </c>
      <c r="AV2238">
        <v>0</v>
      </c>
      <c r="AW2238">
        <v>0</v>
      </c>
      <c r="AX2238">
        <v>0</v>
      </c>
      <c r="AY2238">
        <v>40</v>
      </c>
      <c r="AZ2238">
        <v>80</v>
      </c>
      <c r="BA2238">
        <v>6389</v>
      </c>
    </row>
    <row r="2239" spans="1:53" x14ac:dyDescent="0.4">
      <c r="A2239">
        <v>2283</v>
      </c>
      <c r="B2239" s="1">
        <v>43539</v>
      </c>
      <c r="C2239">
        <v>3</v>
      </c>
      <c r="D2239" s="1">
        <v>43539.740972222222</v>
      </c>
      <c r="E2239" s="1">
        <v>43539.953472222223</v>
      </c>
      <c r="F2239">
        <v>36300</v>
      </c>
      <c r="G2239">
        <v>600</v>
      </c>
      <c r="H2239">
        <v>0</v>
      </c>
      <c r="I2239">
        <v>0</v>
      </c>
      <c r="J2239">
        <v>0</v>
      </c>
      <c r="K2239">
        <v>0</v>
      </c>
      <c r="L2239">
        <v>0</v>
      </c>
      <c r="M2239">
        <v>2952</v>
      </c>
      <c r="N2239">
        <v>0</v>
      </c>
      <c r="O2239">
        <v>0</v>
      </c>
      <c r="P2239">
        <v>-3780</v>
      </c>
      <c r="Q2239">
        <v>0</v>
      </c>
      <c r="R2239">
        <v>36072</v>
      </c>
      <c r="S2239">
        <v>0</v>
      </c>
      <c r="T2239">
        <v>0</v>
      </c>
      <c r="U2239">
        <v>0</v>
      </c>
      <c r="V2239">
        <v>2</v>
      </c>
      <c r="W2239">
        <v>3</v>
      </c>
      <c r="X2239">
        <v>0</v>
      </c>
      <c r="Y2239">
        <v>59</v>
      </c>
      <c r="Z2239">
        <v>32</v>
      </c>
      <c r="AA2239">
        <v>138</v>
      </c>
      <c r="AB2239">
        <v>57</v>
      </c>
      <c r="AC2239">
        <v>234</v>
      </c>
      <c r="AD2239">
        <v>28</v>
      </c>
      <c r="AE2239">
        <v>6</v>
      </c>
      <c r="AF2239">
        <v>2592</v>
      </c>
      <c r="AG2239">
        <v>131728</v>
      </c>
      <c r="AH2239">
        <v>50000</v>
      </c>
      <c r="AI2239">
        <v>-1000</v>
      </c>
      <c r="AJ2239">
        <v>100</v>
      </c>
      <c r="AK2239" t="s">
        <v>0</v>
      </c>
      <c r="AL2239">
        <v>0</v>
      </c>
      <c r="AM2239">
        <v>0</v>
      </c>
      <c r="AN2239">
        <v>0</v>
      </c>
      <c r="AO2239">
        <v>0</v>
      </c>
      <c r="AP2239">
        <v>0</v>
      </c>
      <c r="AQ2239">
        <v>0</v>
      </c>
      <c r="AR2239">
        <v>0</v>
      </c>
      <c r="AS2239">
        <v>0</v>
      </c>
      <c r="AT2239">
        <v>0</v>
      </c>
      <c r="AU2239">
        <v>0</v>
      </c>
      <c r="AV2239">
        <v>0</v>
      </c>
      <c r="AW2239">
        <v>0</v>
      </c>
      <c r="AX2239">
        <v>65837</v>
      </c>
      <c r="AY2239">
        <v>25</v>
      </c>
      <c r="AZ2239">
        <v>102</v>
      </c>
      <c r="BA2239">
        <v>2688</v>
      </c>
    </row>
    <row r="2240" spans="1:53" x14ac:dyDescent="0.4">
      <c r="A2240">
        <v>2284</v>
      </c>
      <c r="B2240" s="1">
        <v>43540</v>
      </c>
      <c r="C2240">
        <v>1</v>
      </c>
      <c r="D2240" s="1">
        <v>43540.291666666664</v>
      </c>
      <c r="E2240" s="1">
        <v>43540.406944444447</v>
      </c>
      <c r="F2240">
        <v>0</v>
      </c>
      <c r="G2240">
        <v>0</v>
      </c>
      <c r="H2240">
        <v>0</v>
      </c>
      <c r="I2240">
        <v>0</v>
      </c>
      <c r="J2240">
        <v>0</v>
      </c>
      <c r="K2240">
        <v>0</v>
      </c>
      <c r="L2240">
        <v>0</v>
      </c>
      <c r="M2240">
        <v>0</v>
      </c>
      <c r="N2240">
        <v>0</v>
      </c>
      <c r="O2240">
        <v>0</v>
      </c>
      <c r="P2240">
        <v>0</v>
      </c>
      <c r="Q2240">
        <v>0</v>
      </c>
      <c r="R2240">
        <v>0</v>
      </c>
      <c r="S2240">
        <v>0</v>
      </c>
      <c r="T2240">
        <v>0</v>
      </c>
      <c r="U2240">
        <v>0</v>
      </c>
      <c r="V2240">
        <v>0</v>
      </c>
      <c r="W2240">
        <v>0</v>
      </c>
      <c r="X2240">
        <v>0</v>
      </c>
      <c r="Y2240">
        <v>30</v>
      </c>
      <c r="Z2240">
        <v>11</v>
      </c>
      <c r="AA2240">
        <v>112</v>
      </c>
      <c r="AB2240">
        <v>38</v>
      </c>
      <c r="AC2240">
        <v>124</v>
      </c>
      <c r="AD2240">
        <v>18</v>
      </c>
      <c r="AE2240">
        <v>70</v>
      </c>
      <c r="AF2240">
        <v>0</v>
      </c>
      <c r="AG2240">
        <v>50000</v>
      </c>
      <c r="AH2240">
        <v>50000</v>
      </c>
      <c r="AI2240">
        <v>0</v>
      </c>
      <c r="AJ2240">
        <v>0</v>
      </c>
      <c r="AK2240" t="s">
        <v>6</v>
      </c>
      <c r="AL2240">
        <v>0</v>
      </c>
      <c r="AM2240">
        <v>0</v>
      </c>
      <c r="AN2240">
        <v>0</v>
      </c>
      <c r="AO2240">
        <v>0</v>
      </c>
      <c r="AP2240">
        <v>0</v>
      </c>
      <c r="AQ2240">
        <v>0</v>
      </c>
      <c r="AR2240">
        <v>0</v>
      </c>
      <c r="AS2240">
        <v>0</v>
      </c>
      <c r="AT2240">
        <v>0</v>
      </c>
      <c r="AU2240">
        <v>0</v>
      </c>
      <c r="AV2240">
        <v>0</v>
      </c>
      <c r="AW2240">
        <v>0</v>
      </c>
      <c r="AX2240">
        <v>0</v>
      </c>
      <c r="AY2240">
        <v>0</v>
      </c>
      <c r="AZ2240">
        <v>0</v>
      </c>
      <c r="BA2240">
        <v>0</v>
      </c>
    </row>
    <row r="2241" spans="1:53" x14ac:dyDescent="0.4">
      <c r="A2241">
        <v>2285</v>
      </c>
      <c r="B2241" s="1">
        <v>43540</v>
      </c>
      <c r="C2241">
        <v>2</v>
      </c>
      <c r="D2241" s="1">
        <v>43540.406944444447</v>
      </c>
      <c r="E2241" s="1">
        <v>43540.749305555553</v>
      </c>
      <c r="F2241">
        <v>40500</v>
      </c>
      <c r="G2241">
        <v>1260</v>
      </c>
      <c r="H2241">
        <v>200</v>
      </c>
      <c r="I2241">
        <v>0</v>
      </c>
      <c r="J2241">
        <v>0</v>
      </c>
      <c r="K2241">
        <v>0</v>
      </c>
      <c r="L2241">
        <v>0</v>
      </c>
      <c r="M2241">
        <v>3356</v>
      </c>
      <c r="N2241">
        <v>0</v>
      </c>
      <c r="O2241">
        <v>0</v>
      </c>
      <c r="P2241">
        <v>19980</v>
      </c>
      <c r="Q2241">
        <v>0</v>
      </c>
      <c r="R2241">
        <v>65296</v>
      </c>
      <c r="S2241">
        <v>0</v>
      </c>
      <c r="T2241">
        <v>0</v>
      </c>
      <c r="U2241">
        <v>0</v>
      </c>
      <c r="V2241">
        <v>1</v>
      </c>
      <c r="W2241">
        <v>4</v>
      </c>
      <c r="X2241">
        <v>0</v>
      </c>
      <c r="Y2241">
        <v>58</v>
      </c>
      <c r="Z2241">
        <v>16</v>
      </c>
      <c r="AA2241">
        <v>147</v>
      </c>
      <c r="AB2241">
        <v>46</v>
      </c>
      <c r="AC2241">
        <v>213</v>
      </c>
      <c r="AD2241">
        <v>19</v>
      </c>
      <c r="AE2241">
        <v>71</v>
      </c>
      <c r="AF2241">
        <v>0</v>
      </c>
      <c r="AG2241">
        <v>115296</v>
      </c>
      <c r="AH2241">
        <v>50000</v>
      </c>
      <c r="AI2241">
        <v>0</v>
      </c>
      <c r="AJ2241">
        <v>29</v>
      </c>
      <c r="AK2241" t="s">
        <v>28</v>
      </c>
      <c r="AL2241">
        <v>0</v>
      </c>
      <c r="AM2241">
        <v>0</v>
      </c>
      <c r="AN2241">
        <v>0</v>
      </c>
      <c r="AO2241">
        <v>0</v>
      </c>
      <c r="AP2241">
        <v>0</v>
      </c>
      <c r="AQ2241">
        <v>0</v>
      </c>
      <c r="AR2241">
        <v>0</v>
      </c>
      <c r="AS2241">
        <v>0</v>
      </c>
      <c r="AT2241">
        <v>0</v>
      </c>
      <c r="AU2241">
        <v>0</v>
      </c>
      <c r="AV2241">
        <v>0</v>
      </c>
      <c r="AW2241">
        <v>0</v>
      </c>
      <c r="AX2241">
        <v>0</v>
      </c>
      <c r="AY2241">
        <v>51</v>
      </c>
      <c r="AZ2241">
        <v>123</v>
      </c>
      <c r="BA2241">
        <v>7619</v>
      </c>
    </row>
    <row r="2242" spans="1:53" x14ac:dyDescent="0.4">
      <c r="A2242">
        <v>2286</v>
      </c>
      <c r="B2242" s="1">
        <v>43541</v>
      </c>
      <c r="C2242">
        <v>1</v>
      </c>
      <c r="D2242" s="1">
        <v>43541.291666666664</v>
      </c>
      <c r="E2242" s="1">
        <v>43541.377083333333</v>
      </c>
      <c r="F2242">
        <v>0</v>
      </c>
      <c r="G2242">
        <v>0</v>
      </c>
      <c r="H2242">
        <v>0</v>
      </c>
      <c r="I2242">
        <v>0</v>
      </c>
      <c r="J2242">
        <v>0</v>
      </c>
      <c r="K2242">
        <v>0</v>
      </c>
      <c r="L2242">
        <v>0</v>
      </c>
      <c r="M2242">
        <v>0</v>
      </c>
      <c r="N2242">
        <v>0</v>
      </c>
      <c r="O2242">
        <v>0</v>
      </c>
      <c r="P2242">
        <v>0</v>
      </c>
      <c r="Q2242">
        <v>0</v>
      </c>
      <c r="R2242">
        <v>0</v>
      </c>
      <c r="S2242">
        <v>0</v>
      </c>
      <c r="T2242">
        <v>0</v>
      </c>
      <c r="U2242">
        <v>0</v>
      </c>
      <c r="V2242">
        <v>0</v>
      </c>
      <c r="W2242">
        <v>0</v>
      </c>
      <c r="X2242">
        <v>0</v>
      </c>
      <c r="Y2242">
        <v>32</v>
      </c>
      <c r="Z2242">
        <v>8</v>
      </c>
      <c r="AA2242">
        <v>110</v>
      </c>
      <c r="AB2242">
        <v>35</v>
      </c>
      <c r="AC2242">
        <v>107</v>
      </c>
      <c r="AD2242">
        <v>9</v>
      </c>
      <c r="AE2242">
        <v>135</v>
      </c>
      <c r="AF2242">
        <v>0</v>
      </c>
      <c r="AG2242">
        <v>50000</v>
      </c>
      <c r="AH2242">
        <v>50000</v>
      </c>
      <c r="AI2242">
        <v>0</v>
      </c>
      <c r="AJ2242">
        <v>0</v>
      </c>
      <c r="AK2242" t="s">
        <v>6</v>
      </c>
      <c r="AL2242">
        <v>0</v>
      </c>
      <c r="AM2242">
        <v>0</v>
      </c>
      <c r="AN2242">
        <v>0</v>
      </c>
      <c r="AO2242">
        <v>0</v>
      </c>
      <c r="AP2242">
        <v>0</v>
      </c>
      <c r="AQ2242">
        <v>0</v>
      </c>
      <c r="AR2242">
        <v>0</v>
      </c>
      <c r="AS2242">
        <v>0</v>
      </c>
      <c r="AT2242">
        <v>0</v>
      </c>
      <c r="AU2242">
        <v>0</v>
      </c>
      <c r="AV2242">
        <v>0</v>
      </c>
      <c r="AW2242">
        <v>0</v>
      </c>
      <c r="AX2242">
        <v>0</v>
      </c>
      <c r="AY2242">
        <v>0</v>
      </c>
      <c r="AZ2242">
        <v>0</v>
      </c>
      <c r="BA2242">
        <v>0</v>
      </c>
    </row>
    <row r="2243" spans="1:53" x14ac:dyDescent="0.4">
      <c r="A2243">
        <v>2287</v>
      </c>
      <c r="B2243" s="1">
        <v>43541</v>
      </c>
      <c r="C2243">
        <v>2</v>
      </c>
      <c r="D2243" s="1">
        <v>43541.377083333333</v>
      </c>
      <c r="E2243" s="1">
        <v>43541.755555555559</v>
      </c>
      <c r="F2243">
        <v>43500</v>
      </c>
      <c r="G2243">
        <v>2780</v>
      </c>
      <c r="H2243">
        <v>0</v>
      </c>
      <c r="I2243">
        <v>0</v>
      </c>
      <c r="J2243">
        <v>0</v>
      </c>
      <c r="K2243">
        <v>0</v>
      </c>
      <c r="L2243">
        <v>0</v>
      </c>
      <c r="M2243">
        <v>3702</v>
      </c>
      <c r="N2243">
        <v>0</v>
      </c>
      <c r="O2243">
        <v>0</v>
      </c>
      <c r="P2243">
        <v>19710</v>
      </c>
      <c r="Q2243">
        <v>0</v>
      </c>
      <c r="R2243">
        <v>69692</v>
      </c>
      <c r="S2243">
        <v>0</v>
      </c>
      <c r="T2243">
        <v>0</v>
      </c>
      <c r="U2243">
        <v>0</v>
      </c>
      <c r="V2243">
        <v>1</v>
      </c>
      <c r="W2243">
        <v>2</v>
      </c>
      <c r="X2243">
        <v>0</v>
      </c>
      <c r="Y2243">
        <v>55</v>
      </c>
      <c r="Z2243">
        <v>50</v>
      </c>
      <c r="AA2243">
        <v>111</v>
      </c>
      <c r="AB2243">
        <v>46</v>
      </c>
      <c r="AC2243">
        <v>160</v>
      </c>
      <c r="AD2243">
        <v>14</v>
      </c>
      <c r="AE2243">
        <v>150</v>
      </c>
      <c r="AF2243">
        <v>4472</v>
      </c>
      <c r="AG2243">
        <v>119692</v>
      </c>
      <c r="AH2243">
        <v>50000</v>
      </c>
      <c r="AI2243">
        <v>0</v>
      </c>
      <c r="AJ2243">
        <v>29</v>
      </c>
      <c r="AK2243" t="s">
        <v>28</v>
      </c>
      <c r="AL2243">
        <v>0</v>
      </c>
      <c r="AM2243">
        <v>0</v>
      </c>
      <c r="AN2243">
        <v>0</v>
      </c>
      <c r="AO2243">
        <v>0</v>
      </c>
      <c r="AP2243">
        <v>0</v>
      </c>
      <c r="AQ2243">
        <v>0</v>
      </c>
      <c r="AR2243">
        <v>0</v>
      </c>
      <c r="AS2243">
        <v>0</v>
      </c>
      <c r="AT2243">
        <v>0</v>
      </c>
      <c r="AU2243">
        <v>0</v>
      </c>
      <c r="AV2243">
        <v>0</v>
      </c>
      <c r="AW2243">
        <v>0</v>
      </c>
      <c r="AX2243">
        <v>1230</v>
      </c>
      <c r="AY2243">
        <v>53</v>
      </c>
      <c r="AZ2243">
        <v>122</v>
      </c>
      <c r="BA2243">
        <v>7768</v>
      </c>
    </row>
    <row r="2244" spans="1:53" x14ac:dyDescent="0.4">
      <c r="A2244">
        <v>2288</v>
      </c>
      <c r="B2244" s="1">
        <v>43542</v>
      </c>
      <c r="C2244">
        <v>1</v>
      </c>
      <c r="D2244" s="1">
        <v>43542.291666666664</v>
      </c>
      <c r="E2244" s="1">
        <v>43542.455555555556</v>
      </c>
      <c r="F2244">
        <v>0</v>
      </c>
      <c r="G2244">
        <v>0</v>
      </c>
      <c r="H2244">
        <v>0</v>
      </c>
      <c r="I2244">
        <v>0</v>
      </c>
      <c r="J2244">
        <v>0</v>
      </c>
      <c r="K2244">
        <v>0</v>
      </c>
      <c r="L2244">
        <v>0</v>
      </c>
      <c r="M2244">
        <v>0</v>
      </c>
      <c r="N2244">
        <v>0</v>
      </c>
      <c r="O2244">
        <v>0</v>
      </c>
      <c r="P2244">
        <v>0</v>
      </c>
      <c r="Q2244">
        <v>0</v>
      </c>
      <c r="R2244">
        <v>0</v>
      </c>
      <c r="S2244">
        <v>0</v>
      </c>
      <c r="T2244">
        <v>0</v>
      </c>
      <c r="U2244">
        <v>0</v>
      </c>
      <c r="V2244">
        <v>0</v>
      </c>
      <c r="W2244">
        <v>0</v>
      </c>
      <c r="X2244">
        <v>0</v>
      </c>
      <c r="Y2244">
        <v>32</v>
      </c>
      <c r="Z2244">
        <v>8</v>
      </c>
      <c r="AA2244">
        <v>99</v>
      </c>
      <c r="AB2244">
        <v>48</v>
      </c>
      <c r="AC2244">
        <v>148</v>
      </c>
      <c r="AD2244">
        <v>15</v>
      </c>
      <c r="AE2244">
        <v>145</v>
      </c>
      <c r="AF2244">
        <v>0</v>
      </c>
      <c r="AG2244">
        <v>50000</v>
      </c>
      <c r="AH2244">
        <v>0</v>
      </c>
      <c r="AI2244">
        <v>50000</v>
      </c>
      <c r="AJ2244">
        <v>0</v>
      </c>
      <c r="AK2244" t="s">
        <v>6</v>
      </c>
      <c r="AL2244">
        <v>0</v>
      </c>
      <c r="AM2244">
        <v>0</v>
      </c>
      <c r="AN2244">
        <v>0</v>
      </c>
      <c r="AO2244">
        <v>0</v>
      </c>
      <c r="AP2244">
        <v>0</v>
      </c>
      <c r="AQ2244">
        <v>0</v>
      </c>
      <c r="AR2244">
        <v>0</v>
      </c>
      <c r="AS2244">
        <v>0</v>
      </c>
      <c r="AT2244">
        <v>0</v>
      </c>
      <c r="AU2244">
        <v>0</v>
      </c>
      <c r="AV2244">
        <v>0</v>
      </c>
      <c r="AW2244">
        <v>0</v>
      </c>
      <c r="AX2244">
        <v>0</v>
      </c>
      <c r="AY2244">
        <v>0</v>
      </c>
      <c r="AZ2244">
        <v>0</v>
      </c>
      <c r="BA2244">
        <v>0</v>
      </c>
    </row>
    <row r="2245" spans="1:53" x14ac:dyDescent="0.4">
      <c r="A2245">
        <v>2289</v>
      </c>
      <c r="B2245" s="1">
        <v>43542</v>
      </c>
      <c r="C2245">
        <v>2</v>
      </c>
      <c r="D2245" s="1">
        <v>43542.455555555556</v>
      </c>
      <c r="E2245" s="1">
        <v>43542.740277777775</v>
      </c>
      <c r="F2245">
        <v>37000</v>
      </c>
      <c r="G2245">
        <v>4860</v>
      </c>
      <c r="H2245">
        <v>200</v>
      </c>
      <c r="I2245">
        <v>0</v>
      </c>
      <c r="J2245">
        <v>0</v>
      </c>
      <c r="K2245">
        <v>0</v>
      </c>
      <c r="L2245">
        <v>0</v>
      </c>
      <c r="M2245">
        <v>3364</v>
      </c>
      <c r="N2245">
        <v>0</v>
      </c>
      <c r="O2245">
        <v>0</v>
      </c>
      <c r="P2245">
        <v>21600</v>
      </c>
      <c r="Q2245">
        <v>0</v>
      </c>
      <c r="R2245">
        <v>67024</v>
      </c>
      <c r="S2245">
        <v>0</v>
      </c>
      <c r="T2245">
        <v>0</v>
      </c>
      <c r="U2245">
        <v>0</v>
      </c>
      <c r="V2245">
        <v>1</v>
      </c>
      <c r="W2245">
        <v>4</v>
      </c>
      <c r="X2245">
        <v>0</v>
      </c>
      <c r="Y2245">
        <v>52</v>
      </c>
      <c r="Z2245">
        <v>31</v>
      </c>
      <c r="AA2245">
        <v>134</v>
      </c>
      <c r="AB2245">
        <v>55</v>
      </c>
      <c r="AC2245">
        <v>312</v>
      </c>
      <c r="AD2245">
        <v>20</v>
      </c>
      <c r="AE2245">
        <v>154</v>
      </c>
      <c r="AF2245">
        <v>0</v>
      </c>
      <c r="AG2245">
        <v>117024</v>
      </c>
      <c r="AH2245">
        <v>50000</v>
      </c>
      <c r="AI2245">
        <v>0</v>
      </c>
      <c r="AJ2245">
        <v>96</v>
      </c>
      <c r="AK2245" t="s">
        <v>4</v>
      </c>
      <c r="AL2245">
        <v>0</v>
      </c>
      <c r="AM2245">
        <v>0</v>
      </c>
      <c r="AN2245">
        <v>0</v>
      </c>
      <c r="AO2245">
        <v>0</v>
      </c>
      <c r="AP2245">
        <v>0</v>
      </c>
      <c r="AQ2245">
        <v>0</v>
      </c>
      <c r="AR2245">
        <v>0</v>
      </c>
      <c r="AS2245">
        <v>0</v>
      </c>
      <c r="AT2245">
        <v>0</v>
      </c>
      <c r="AU2245">
        <v>0</v>
      </c>
      <c r="AV2245">
        <v>0</v>
      </c>
      <c r="AW2245">
        <v>0</v>
      </c>
      <c r="AX2245">
        <v>-2160</v>
      </c>
      <c r="AY2245">
        <v>45</v>
      </c>
      <c r="AZ2245">
        <v>114</v>
      </c>
      <c r="BA2245">
        <v>6101</v>
      </c>
    </row>
    <row r="2246" spans="1:53" x14ac:dyDescent="0.4">
      <c r="A2246">
        <v>2290</v>
      </c>
      <c r="B2246" s="1">
        <v>43543</v>
      </c>
      <c r="C2246">
        <v>1</v>
      </c>
      <c r="D2246" s="1">
        <v>43543.291666666664</v>
      </c>
      <c r="E2246" s="1">
        <v>43543.451388888891</v>
      </c>
      <c r="F2246">
        <v>0</v>
      </c>
      <c r="G2246">
        <v>0</v>
      </c>
      <c r="H2246">
        <v>0</v>
      </c>
      <c r="I2246">
        <v>0</v>
      </c>
      <c r="J2246">
        <v>0</v>
      </c>
      <c r="K2246">
        <v>0</v>
      </c>
      <c r="L2246">
        <v>0</v>
      </c>
      <c r="M2246">
        <v>0</v>
      </c>
      <c r="N2246">
        <v>0</v>
      </c>
      <c r="O2246">
        <v>0</v>
      </c>
      <c r="P2246">
        <v>0</v>
      </c>
      <c r="Q2246">
        <v>0</v>
      </c>
      <c r="R2246">
        <v>0</v>
      </c>
      <c r="S2246">
        <v>0</v>
      </c>
      <c r="T2246">
        <v>0</v>
      </c>
      <c r="U2246">
        <v>0</v>
      </c>
      <c r="V2246">
        <v>0</v>
      </c>
      <c r="W2246">
        <v>0</v>
      </c>
      <c r="X2246">
        <v>0</v>
      </c>
      <c r="Y2246">
        <v>30</v>
      </c>
      <c r="Z2246">
        <v>14</v>
      </c>
      <c r="AA2246">
        <v>91</v>
      </c>
      <c r="AB2246">
        <v>52</v>
      </c>
      <c r="AC2246">
        <v>105</v>
      </c>
      <c r="AD2246">
        <v>20</v>
      </c>
      <c r="AE2246">
        <v>150</v>
      </c>
      <c r="AF2246">
        <v>0</v>
      </c>
      <c r="AG2246">
        <v>50000</v>
      </c>
      <c r="AH2246">
        <v>50000</v>
      </c>
      <c r="AI2246">
        <v>0</v>
      </c>
      <c r="AJ2246">
        <v>0</v>
      </c>
      <c r="AK2246" t="s">
        <v>6</v>
      </c>
      <c r="AL2246">
        <v>0</v>
      </c>
      <c r="AM2246">
        <v>0</v>
      </c>
      <c r="AN2246">
        <v>0</v>
      </c>
      <c r="AO2246">
        <v>0</v>
      </c>
      <c r="AP2246">
        <v>0</v>
      </c>
      <c r="AQ2246">
        <v>0</v>
      </c>
      <c r="AR2246">
        <v>0</v>
      </c>
      <c r="AS2246">
        <v>0</v>
      </c>
      <c r="AT2246">
        <v>0</v>
      </c>
      <c r="AU2246">
        <v>0</v>
      </c>
      <c r="AV2246">
        <v>0</v>
      </c>
      <c r="AW2246">
        <v>0</v>
      </c>
      <c r="AX2246">
        <v>0</v>
      </c>
      <c r="AY2246">
        <v>0</v>
      </c>
      <c r="AZ2246">
        <v>0</v>
      </c>
      <c r="BA2246">
        <v>0</v>
      </c>
    </row>
    <row r="2247" spans="1:53" x14ac:dyDescent="0.4">
      <c r="A2247">
        <v>2291</v>
      </c>
      <c r="B2247" s="1">
        <v>43543</v>
      </c>
      <c r="C2247">
        <v>2</v>
      </c>
      <c r="D2247" s="1">
        <v>43543.451388888891</v>
      </c>
      <c r="E2247" s="1">
        <v>43543.73333333333</v>
      </c>
      <c r="F2247">
        <v>22500</v>
      </c>
      <c r="G2247">
        <v>0</v>
      </c>
      <c r="H2247">
        <v>0</v>
      </c>
      <c r="I2247">
        <v>0</v>
      </c>
      <c r="J2247">
        <v>0</v>
      </c>
      <c r="K2247">
        <v>0</v>
      </c>
      <c r="L2247">
        <v>0</v>
      </c>
      <c r="M2247">
        <v>1800</v>
      </c>
      <c r="N2247">
        <v>0</v>
      </c>
      <c r="O2247">
        <v>0</v>
      </c>
      <c r="P2247">
        <v>17280</v>
      </c>
      <c r="Q2247">
        <v>0</v>
      </c>
      <c r="R2247">
        <v>41580</v>
      </c>
      <c r="S2247">
        <v>0</v>
      </c>
      <c r="T2247">
        <v>0</v>
      </c>
      <c r="U2247">
        <v>0</v>
      </c>
      <c r="V2247">
        <v>1</v>
      </c>
      <c r="W2247">
        <v>1</v>
      </c>
      <c r="X2247">
        <v>0</v>
      </c>
      <c r="Y2247">
        <v>56</v>
      </c>
      <c r="Z2247">
        <v>12</v>
      </c>
      <c r="AA2247">
        <v>100</v>
      </c>
      <c r="AB2247">
        <v>54</v>
      </c>
      <c r="AC2247">
        <v>112</v>
      </c>
      <c r="AD2247">
        <v>22</v>
      </c>
      <c r="AE2247">
        <v>150</v>
      </c>
      <c r="AF2247">
        <v>0</v>
      </c>
      <c r="AG2247">
        <v>91080</v>
      </c>
      <c r="AH2247">
        <v>50000</v>
      </c>
      <c r="AI2247">
        <v>-500</v>
      </c>
      <c r="AJ2247">
        <v>35</v>
      </c>
      <c r="AL2247">
        <v>0</v>
      </c>
      <c r="AM2247">
        <v>0</v>
      </c>
      <c r="AN2247">
        <v>0</v>
      </c>
      <c r="AO2247">
        <v>0</v>
      </c>
      <c r="AP2247">
        <v>0</v>
      </c>
      <c r="AQ2247">
        <v>0</v>
      </c>
      <c r="AR2247">
        <v>0</v>
      </c>
      <c r="AS2247">
        <v>0</v>
      </c>
      <c r="AT2247">
        <v>0</v>
      </c>
      <c r="AU2247">
        <v>0</v>
      </c>
      <c r="AV2247">
        <v>0</v>
      </c>
      <c r="AW2247">
        <v>0</v>
      </c>
      <c r="AX2247">
        <v>-1404</v>
      </c>
      <c r="AY2247">
        <v>39</v>
      </c>
      <c r="AZ2247">
        <v>75</v>
      </c>
      <c r="BA2247">
        <v>5211</v>
      </c>
    </row>
    <row r="2248" spans="1:53" x14ac:dyDescent="0.4">
      <c r="A2248">
        <v>2292</v>
      </c>
      <c r="B2248" s="1">
        <v>43543</v>
      </c>
      <c r="C2248">
        <v>3</v>
      </c>
      <c r="D2248" s="1">
        <v>43543.73333333333</v>
      </c>
      <c r="E2248" s="1">
        <v>43543.837500000001</v>
      </c>
      <c r="F2248">
        <v>14000</v>
      </c>
      <c r="G2248">
        <v>0</v>
      </c>
      <c r="H2248">
        <v>0</v>
      </c>
      <c r="I2248">
        <v>0</v>
      </c>
      <c r="J2248">
        <v>0</v>
      </c>
      <c r="K2248">
        <v>200</v>
      </c>
      <c r="L2248">
        <v>0</v>
      </c>
      <c r="M2248">
        <v>1136</v>
      </c>
      <c r="N2248">
        <v>0</v>
      </c>
      <c r="O2248">
        <v>0</v>
      </c>
      <c r="P2248">
        <v>-10800</v>
      </c>
      <c r="Q2248">
        <v>0</v>
      </c>
      <c r="R2248">
        <v>4536</v>
      </c>
      <c r="S2248">
        <v>0</v>
      </c>
      <c r="T2248">
        <v>0</v>
      </c>
      <c r="U2248">
        <v>0</v>
      </c>
      <c r="V2248">
        <v>1</v>
      </c>
      <c r="W2248">
        <v>2</v>
      </c>
      <c r="X2248">
        <v>0</v>
      </c>
      <c r="Y2248">
        <v>55</v>
      </c>
      <c r="Z2248">
        <v>11</v>
      </c>
      <c r="AA2248">
        <v>113</v>
      </c>
      <c r="AB2248">
        <v>57</v>
      </c>
      <c r="AC2248">
        <v>119</v>
      </c>
      <c r="AD2248">
        <v>25</v>
      </c>
      <c r="AE2248">
        <v>151</v>
      </c>
      <c r="AF2248">
        <v>0</v>
      </c>
      <c r="AG2248">
        <v>96116</v>
      </c>
      <c r="AH2248">
        <v>50000</v>
      </c>
      <c r="AI2248">
        <v>0</v>
      </c>
      <c r="AJ2248">
        <v>30</v>
      </c>
      <c r="AL2248">
        <v>0</v>
      </c>
      <c r="AM2248">
        <v>0</v>
      </c>
      <c r="AN2248">
        <v>0</v>
      </c>
      <c r="AO2248">
        <v>0</v>
      </c>
      <c r="AP2248">
        <v>0</v>
      </c>
      <c r="AQ2248">
        <v>0</v>
      </c>
      <c r="AR2248">
        <v>0</v>
      </c>
      <c r="AS2248">
        <v>0</v>
      </c>
      <c r="AT2248">
        <v>0</v>
      </c>
      <c r="AU2248">
        <v>0</v>
      </c>
      <c r="AV2248">
        <v>0</v>
      </c>
      <c r="AW2248">
        <v>0</v>
      </c>
      <c r="AX2248">
        <v>0</v>
      </c>
      <c r="AY2248">
        <v>5</v>
      </c>
      <c r="AZ2248">
        <v>8</v>
      </c>
      <c r="BA2248">
        <v>2011</v>
      </c>
    </row>
    <row r="2249" spans="1:53" x14ac:dyDescent="0.4">
      <c r="A2249">
        <v>2293</v>
      </c>
      <c r="B2249" s="1">
        <v>43543</v>
      </c>
      <c r="C2249">
        <v>4</v>
      </c>
      <c r="D2249" s="1">
        <v>43543.837500000001</v>
      </c>
      <c r="E2249" s="1">
        <v>43543.950694444444</v>
      </c>
      <c r="F2249">
        <v>8500</v>
      </c>
      <c r="G2249">
        <v>0</v>
      </c>
      <c r="H2249">
        <v>0</v>
      </c>
      <c r="I2249">
        <v>0</v>
      </c>
      <c r="J2249">
        <v>0</v>
      </c>
      <c r="K2249">
        <v>0</v>
      </c>
      <c r="L2249">
        <v>0</v>
      </c>
      <c r="M2249">
        <v>680</v>
      </c>
      <c r="N2249">
        <v>0</v>
      </c>
      <c r="O2249">
        <v>0</v>
      </c>
      <c r="P2249">
        <v>6912</v>
      </c>
      <c r="Q2249">
        <v>0</v>
      </c>
      <c r="R2249">
        <v>16092</v>
      </c>
      <c r="S2249">
        <v>0</v>
      </c>
      <c r="T2249">
        <v>0</v>
      </c>
      <c r="U2249">
        <v>0</v>
      </c>
      <c r="V2249">
        <v>3</v>
      </c>
      <c r="W2249">
        <v>2</v>
      </c>
      <c r="X2249">
        <v>0</v>
      </c>
      <c r="Y2249">
        <v>51</v>
      </c>
      <c r="Z2249">
        <v>12</v>
      </c>
      <c r="AA2249">
        <v>110</v>
      </c>
      <c r="AB2249">
        <v>56</v>
      </c>
      <c r="AC2249">
        <v>114</v>
      </c>
      <c r="AD2249">
        <v>24</v>
      </c>
      <c r="AE2249">
        <v>148</v>
      </c>
      <c r="AF2249">
        <v>0</v>
      </c>
      <c r="AG2249">
        <v>112208</v>
      </c>
      <c r="AH2249">
        <v>50000</v>
      </c>
      <c r="AI2249">
        <v>0</v>
      </c>
      <c r="AJ2249">
        <v>84</v>
      </c>
      <c r="AK2249" t="s">
        <v>16</v>
      </c>
      <c r="AL2249">
        <v>0</v>
      </c>
      <c r="AM2249">
        <v>0</v>
      </c>
      <c r="AN2249">
        <v>0</v>
      </c>
      <c r="AO2249">
        <v>0</v>
      </c>
      <c r="AP2249">
        <v>0</v>
      </c>
      <c r="AQ2249">
        <v>0</v>
      </c>
      <c r="AR2249">
        <v>0</v>
      </c>
      <c r="AS2249">
        <v>0</v>
      </c>
      <c r="AT2249">
        <v>0</v>
      </c>
      <c r="AU2249">
        <v>0</v>
      </c>
      <c r="AV2249">
        <v>0</v>
      </c>
      <c r="AW2249">
        <v>0</v>
      </c>
      <c r="AX2249">
        <v>42811</v>
      </c>
      <c r="AY2249">
        <v>9</v>
      </c>
      <c r="AZ2249">
        <v>43</v>
      </c>
      <c r="BA2249">
        <v>789</v>
      </c>
    </row>
    <row r="2250" spans="1:53" x14ac:dyDescent="0.4">
      <c r="A2250">
        <v>2294</v>
      </c>
      <c r="B2250" s="1">
        <v>43544</v>
      </c>
      <c r="C2250">
        <v>1</v>
      </c>
      <c r="D2250" s="1">
        <v>43544.291666666664</v>
      </c>
      <c r="E2250" s="1">
        <v>43544.45</v>
      </c>
      <c r="F2250">
        <v>0</v>
      </c>
      <c r="G2250">
        <v>0</v>
      </c>
      <c r="H2250">
        <v>0</v>
      </c>
      <c r="I2250">
        <v>0</v>
      </c>
      <c r="J2250">
        <v>0</v>
      </c>
      <c r="K2250">
        <v>0</v>
      </c>
      <c r="L2250">
        <v>0</v>
      </c>
      <c r="M2250">
        <v>0</v>
      </c>
      <c r="N2250">
        <v>0</v>
      </c>
      <c r="O2250">
        <v>0</v>
      </c>
      <c r="P2250">
        <v>0</v>
      </c>
      <c r="Q2250">
        <v>0</v>
      </c>
      <c r="R2250">
        <v>0</v>
      </c>
      <c r="S2250">
        <v>0</v>
      </c>
      <c r="T2250">
        <v>0</v>
      </c>
      <c r="U2250">
        <v>0</v>
      </c>
      <c r="V2250">
        <v>0</v>
      </c>
      <c r="W2250">
        <v>0</v>
      </c>
      <c r="X2250">
        <v>0</v>
      </c>
      <c r="Y2250">
        <v>29</v>
      </c>
      <c r="Z2250">
        <v>11</v>
      </c>
      <c r="AA2250">
        <v>111</v>
      </c>
      <c r="AB2250">
        <v>60</v>
      </c>
      <c r="AC2250">
        <v>113</v>
      </c>
      <c r="AD2250">
        <v>25</v>
      </c>
      <c r="AE2250">
        <v>145</v>
      </c>
      <c r="AF2250">
        <v>0</v>
      </c>
      <c r="AG2250">
        <v>50000</v>
      </c>
      <c r="AH2250">
        <v>0</v>
      </c>
      <c r="AI2250">
        <v>50000</v>
      </c>
      <c r="AJ2250">
        <v>0</v>
      </c>
      <c r="AK2250" t="s">
        <v>6</v>
      </c>
      <c r="AL2250">
        <v>0</v>
      </c>
      <c r="AM2250">
        <v>0</v>
      </c>
      <c r="AN2250">
        <v>0</v>
      </c>
      <c r="AO2250">
        <v>0</v>
      </c>
      <c r="AP2250">
        <v>0</v>
      </c>
      <c r="AQ2250">
        <v>0</v>
      </c>
      <c r="AR2250">
        <v>0</v>
      </c>
      <c r="AS2250">
        <v>0</v>
      </c>
      <c r="AT2250">
        <v>0</v>
      </c>
      <c r="AU2250">
        <v>0</v>
      </c>
      <c r="AV2250">
        <v>0</v>
      </c>
      <c r="AW2250">
        <v>0</v>
      </c>
      <c r="AX2250">
        <v>0</v>
      </c>
      <c r="AY2250">
        <v>0</v>
      </c>
      <c r="AZ2250">
        <v>0</v>
      </c>
      <c r="BA2250">
        <v>0</v>
      </c>
    </row>
    <row r="2251" spans="1:53" x14ac:dyDescent="0.4">
      <c r="A2251">
        <v>2295</v>
      </c>
      <c r="B2251" s="1">
        <v>43544</v>
      </c>
      <c r="C2251">
        <v>2</v>
      </c>
      <c r="D2251" s="1">
        <v>43544.45</v>
      </c>
      <c r="E2251" s="1">
        <v>43544.759027777778</v>
      </c>
      <c r="F2251">
        <v>39500</v>
      </c>
      <c r="G2251">
        <v>2600</v>
      </c>
      <c r="H2251">
        <v>0</v>
      </c>
      <c r="I2251">
        <v>0</v>
      </c>
      <c r="J2251">
        <v>0</v>
      </c>
      <c r="K2251">
        <v>0</v>
      </c>
      <c r="L2251">
        <v>0</v>
      </c>
      <c r="M2251">
        <v>3367</v>
      </c>
      <c r="N2251">
        <v>0</v>
      </c>
      <c r="O2251">
        <v>0</v>
      </c>
      <c r="P2251">
        <v>19980</v>
      </c>
      <c r="Q2251">
        <v>0</v>
      </c>
      <c r="R2251">
        <v>65447</v>
      </c>
      <c r="S2251">
        <v>0</v>
      </c>
      <c r="T2251">
        <v>0</v>
      </c>
      <c r="U2251">
        <v>0</v>
      </c>
      <c r="V2251">
        <v>6</v>
      </c>
      <c r="W2251">
        <v>0</v>
      </c>
      <c r="X2251">
        <v>0</v>
      </c>
      <c r="Y2251">
        <v>29</v>
      </c>
      <c r="Z2251">
        <v>18</v>
      </c>
      <c r="AA2251">
        <v>112</v>
      </c>
      <c r="AB2251">
        <v>66</v>
      </c>
      <c r="AC2251">
        <v>160</v>
      </c>
      <c r="AD2251">
        <v>24</v>
      </c>
      <c r="AE2251">
        <v>146</v>
      </c>
      <c r="AF2251">
        <v>1080</v>
      </c>
      <c r="AG2251">
        <v>115446</v>
      </c>
      <c r="AH2251">
        <v>50000</v>
      </c>
      <c r="AI2251">
        <v>-1</v>
      </c>
      <c r="AJ2251">
        <v>36</v>
      </c>
      <c r="AL2251">
        <v>0</v>
      </c>
      <c r="AM2251">
        <v>0</v>
      </c>
      <c r="AN2251">
        <v>0</v>
      </c>
      <c r="AO2251">
        <v>0</v>
      </c>
      <c r="AP2251">
        <v>0</v>
      </c>
      <c r="AQ2251">
        <v>0</v>
      </c>
      <c r="AR2251">
        <v>0</v>
      </c>
      <c r="AS2251">
        <v>0</v>
      </c>
      <c r="AT2251">
        <v>0</v>
      </c>
      <c r="AU2251">
        <v>0</v>
      </c>
      <c r="AV2251">
        <v>0</v>
      </c>
      <c r="AW2251">
        <v>0</v>
      </c>
      <c r="AX2251">
        <v>0</v>
      </c>
      <c r="AY2251">
        <v>44</v>
      </c>
      <c r="AZ2251">
        <v>113</v>
      </c>
      <c r="BA2251">
        <v>6559</v>
      </c>
    </row>
    <row r="2252" spans="1:53" x14ac:dyDescent="0.4">
      <c r="A2252">
        <v>2296</v>
      </c>
      <c r="B2252" s="1">
        <v>43544</v>
      </c>
      <c r="C2252">
        <v>3</v>
      </c>
      <c r="D2252" s="1">
        <v>43544.759027777778</v>
      </c>
      <c r="E2252" s="1">
        <v>43544.975694444445</v>
      </c>
      <c r="F2252">
        <v>61040</v>
      </c>
      <c r="G2252">
        <v>2300</v>
      </c>
      <c r="H2252">
        <v>0</v>
      </c>
      <c r="I2252">
        <v>0</v>
      </c>
      <c r="J2252">
        <v>0</v>
      </c>
      <c r="K2252">
        <v>0</v>
      </c>
      <c r="L2252">
        <v>0</v>
      </c>
      <c r="M2252">
        <v>5066</v>
      </c>
      <c r="N2252">
        <v>0</v>
      </c>
      <c r="O2252">
        <v>0</v>
      </c>
      <c r="P2252">
        <v>-19980</v>
      </c>
      <c r="Q2252">
        <v>0</v>
      </c>
      <c r="R2252">
        <v>48426</v>
      </c>
      <c r="S2252">
        <v>0</v>
      </c>
      <c r="T2252">
        <v>0</v>
      </c>
      <c r="U2252">
        <v>0</v>
      </c>
      <c r="V2252">
        <v>9</v>
      </c>
      <c r="W2252">
        <v>1</v>
      </c>
      <c r="X2252">
        <v>0</v>
      </c>
      <c r="Y2252">
        <v>34</v>
      </c>
      <c r="Z2252">
        <v>19</v>
      </c>
      <c r="AA2252">
        <v>135</v>
      </c>
      <c r="AB2252">
        <v>63</v>
      </c>
      <c r="AC2252">
        <v>155</v>
      </c>
      <c r="AD2252">
        <v>24</v>
      </c>
      <c r="AE2252">
        <v>141</v>
      </c>
      <c r="AF2252">
        <v>6912</v>
      </c>
      <c r="AG2252">
        <v>163873</v>
      </c>
      <c r="AH2252">
        <v>50000</v>
      </c>
      <c r="AI2252">
        <v>0</v>
      </c>
      <c r="AJ2252">
        <v>108</v>
      </c>
      <c r="AK2252" t="s">
        <v>30</v>
      </c>
      <c r="AL2252">
        <v>0</v>
      </c>
      <c r="AM2252">
        <v>0</v>
      </c>
      <c r="AN2252">
        <v>0</v>
      </c>
      <c r="AO2252">
        <v>0</v>
      </c>
      <c r="AP2252">
        <v>0</v>
      </c>
      <c r="AQ2252">
        <v>0</v>
      </c>
      <c r="AR2252">
        <v>0</v>
      </c>
      <c r="AS2252">
        <v>0</v>
      </c>
      <c r="AT2252">
        <v>0</v>
      </c>
      <c r="AU2252">
        <v>0</v>
      </c>
      <c r="AV2252">
        <v>0</v>
      </c>
      <c r="AW2252">
        <v>0</v>
      </c>
      <c r="AX2252">
        <v>31990</v>
      </c>
      <c r="AY2252">
        <v>19</v>
      </c>
      <c r="AZ2252">
        <v>72</v>
      </c>
      <c r="BA2252">
        <v>2901</v>
      </c>
    </row>
    <row r="2253" spans="1:53" x14ac:dyDescent="0.4">
      <c r="A2253">
        <v>2297</v>
      </c>
      <c r="B2253" s="1">
        <v>43545</v>
      </c>
      <c r="C2253">
        <v>1</v>
      </c>
      <c r="D2253" s="1">
        <v>43545.291666666664</v>
      </c>
      <c r="E2253" s="1">
        <v>43545.40902777778</v>
      </c>
      <c r="F2253">
        <v>0</v>
      </c>
      <c r="G2253">
        <v>0</v>
      </c>
      <c r="H2253">
        <v>0</v>
      </c>
      <c r="I2253">
        <v>0</v>
      </c>
      <c r="J2253">
        <v>0</v>
      </c>
      <c r="K2253">
        <v>0</v>
      </c>
      <c r="L2253">
        <v>0</v>
      </c>
      <c r="M2253">
        <v>0</v>
      </c>
      <c r="N2253">
        <v>0</v>
      </c>
      <c r="O2253">
        <v>0</v>
      </c>
      <c r="P2253">
        <v>0</v>
      </c>
      <c r="Q2253">
        <v>0</v>
      </c>
      <c r="R2253">
        <v>0</v>
      </c>
      <c r="S2253">
        <v>0</v>
      </c>
      <c r="T2253">
        <v>0</v>
      </c>
      <c r="U2253">
        <v>0</v>
      </c>
      <c r="V2253">
        <v>0</v>
      </c>
      <c r="W2253">
        <v>0</v>
      </c>
      <c r="X2253">
        <v>0</v>
      </c>
      <c r="Y2253">
        <v>25</v>
      </c>
      <c r="Z2253">
        <v>12</v>
      </c>
      <c r="AA2253">
        <v>144</v>
      </c>
      <c r="AB2253">
        <v>58</v>
      </c>
      <c r="AC2253">
        <v>143</v>
      </c>
      <c r="AD2253">
        <v>27</v>
      </c>
      <c r="AE2253">
        <v>135</v>
      </c>
      <c r="AF2253">
        <v>0</v>
      </c>
      <c r="AG2253">
        <v>50000</v>
      </c>
      <c r="AH2253">
        <v>0</v>
      </c>
      <c r="AI2253">
        <v>50000</v>
      </c>
      <c r="AJ2253">
        <v>0</v>
      </c>
      <c r="AK2253" t="s">
        <v>6</v>
      </c>
      <c r="AL2253">
        <v>0</v>
      </c>
      <c r="AM2253">
        <v>0</v>
      </c>
      <c r="AN2253">
        <v>0</v>
      </c>
      <c r="AO2253">
        <v>0</v>
      </c>
      <c r="AP2253">
        <v>0</v>
      </c>
      <c r="AQ2253">
        <v>0</v>
      </c>
      <c r="AR2253">
        <v>0</v>
      </c>
      <c r="AS2253">
        <v>0</v>
      </c>
      <c r="AT2253">
        <v>0</v>
      </c>
      <c r="AU2253">
        <v>0</v>
      </c>
      <c r="AV2253">
        <v>0</v>
      </c>
      <c r="AW2253">
        <v>0</v>
      </c>
      <c r="AX2253">
        <v>0</v>
      </c>
      <c r="AY2253">
        <v>0</v>
      </c>
      <c r="AZ2253">
        <v>0</v>
      </c>
      <c r="BA2253">
        <v>0</v>
      </c>
    </row>
    <row r="2254" spans="1:53" x14ac:dyDescent="0.4">
      <c r="A2254">
        <v>2298</v>
      </c>
      <c r="B2254" s="1">
        <v>43545</v>
      </c>
      <c r="C2254">
        <v>2</v>
      </c>
      <c r="D2254" s="1">
        <v>43545.40902777778</v>
      </c>
      <c r="E2254" s="1">
        <v>43545.742361111108</v>
      </c>
      <c r="F2254">
        <v>51750</v>
      </c>
      <c r="G2254">
        <v>5840</v>
      </c>
      <c r="H2254">
        <v>200</v>
      </c>
      <c r="I2254">
        <v>0</v>
      </c>
      <c r="J2254">
        <v>0</v>
      </c>
      <c r="K2254">
        <v>0</v>
      </c>
      <c r="L2254">
        <v>0</v>
      </c>
      <c r="M2254">
        <v>4621</v>
      </c>
      <c r="N2254">
        <v>0</v>
      </c>
      <c r="O2254">
        <v>0</v>
      </c>
      <c r="P2254">
        <v>19440</v>
      </c>
      <c r="Q2254">
        <v>0</v>
      </c>
      <c r="R2254">
        <v>81851</v>
      </c>
      <c r="S2254">
        <v>0</v>
      </c>
      <c r="T2254">
        <v>0</v>
      </c>
      <c r="U2254">
        <v>0</v>
      </c>
      <c r="V2254">
        <v>1</v>
      </c>
      <c r="W2254">
        <v>3</v>
      </c>
      <c r="X2254">
        <v>0</v>
      </c>
      <c r="Y2254">
        <v>64</v>
      </c>
      <c r="Z2254">
        <v>28</v>
      </c>
      <c r="AA2254">
        <v>221</v>
      </c>
      <c r="AB2254">
        <v>70</v>
      </c>
      <c r="AC2254">
        <v>296</v>
      </c>
      <c r="AD2254">
        <v>36</v>
      </c>
      <c r="AE2254">
        <v>131</v>
      </c>
      <c r="AF2254">
        <v>0</v>
      </c>
      <c r="AG2254">
        <v>131871</v>
      </c>
      <c r="AH2254">
        <v>50000</v>
      </c>
      <c r="AI2254">
        <v>20</v>
      </c>
      <c r="AJ2254">
        <v>30</v>
      </c>
      <c r="AL2254">
        <v>0</v>
      </c>
      <c r="AM2254">
        <v>0</v>
      </c>
      <c r="AN2254">
        <v>0</v>
      </c>
      <c r="AO2254">
        <v>0</v>
      </c>
      <c r="AP2254">
        <v>0</v>
      </c>
      <c r="AQ2254">
        <v>0</v>
      </c>
      <c r="AR2254">
        <v>0</v>
      </c>
      <c r="AS2254">
        <v>0</v>
      </c>
      <c r="AT2254">
        <v>0</v>
      </c>
      <c r="AU2254">
        <v>0</v>
      </c>
      <c r="AV2254">
        <v>0</v>
      </c>
      <c r="AW2254">
        <v>0</v>
      </c>
      <c r="AX2254">
        <v>-1426</v>
      </c>
      <c r="AY2254">
        <v>51</v>
      </c>
      <c r="AZ2254">
        <v>133</v>
      </c>
      <c r="BA2254">
        <v>7720</v>
      </c>
    </row>
    <row r="2255" spans="1:53" x14ac:dyDescent="0.4">
      <c r="A2255">
        <v>2299</v>
      </c>
      <c r="B2255" s="1">
        <v>43545</v>
      </c>
      <c r="C2255">
        <v>3</v>
      </c>
      <c r="D2255" s="1">
        <v>43545.742361111108</v>
      </c>
      <c r="E2255" s="1">
        <v>43545.952777777777</v>
      </c>
      <c r="F2255">
        <v>35250</v>
      </c>
      <c r="G2255">
        <v>1340</v>
      </c>
      <c r="H2255">
        <v>0</v>
      </c>
      <c r="I2255">
        <v>0</v>
      </c>
      <c r="J2255">
        <v>0</v>
      </c>
      <c r="K2255">
        <v>0</v>
      </c>
      <c r="L2255">
        <v>0</v>
      </c>
      <c r="M2255">
        <v>2927</v>
      </c>
      <c r="N2255">
        <v>0</v>
      </c>
      <c r="O2255">
        <v>0</v>
      </c>
      <c r="P2255">
        <v>-19440</v>
      </c>
      <c r="Q2255">
        <v>0</v>
      </c>
      <c r="R2255">
        <v>20077</v>
      </c>
      <c r="S2255">
        <v>0</v>
      </c>
      <c r="T2255">
        <v>0</v>
      </c>
      <c r="U2255">
        <v>0</v>
      </c>
      <c r="V2255">
        <v>1</v>
      </c>
      <c r="W2255">
        <v>3</v>
      </c>
      <c r="X2255">
        <v>0</v>
      </c>
      <c r="Y2255">
        <v>72</v>
      </c>
      <c r="Z2255">
        <v>27</v>
      </c>
      <c r="AA2255">
        <v>239</v>
      </c>
      <c r="AB2255">
        <v>70</v>
      </c>
      <c r="AC2255">
        <v>292</v>
      </c>
      <c r="AD2255">
        <v>36</v>
      </c>
      <c r="AE2255">
        <v>128</v>
      </c>
      <c r="AF2255">
        <v>10800</v>
      </c>
      <c r="AG2255">
        <v>151928</v>
      </c>
      <c r="AH2255">
        <v>50000</v>
      </c>
      <c r="AI2255">
        <v>0</v>
      </c>
      <c r="AJ2255">
        <v>108</v>
      </c>
      <c r="AK2255" t="s">
        <v>30</v>
      </c>
      <c r="AL2255">
        <v>0</v>
      </c>
      <c r="AM2255">
        <v>0</v>
      </c>
      <c r="AN2255">
        <v>0</v>
      </c>
      <c r="AO2255">
        <v>0</v>
      </c>
      <c r="AP2255">
        <v>0</v>
      </c>
      <c r="AQ2255">
        <v>0</v>
      </c>
      <c r="AR2255">
        <v>0</v>
      </c>
      <c r="AS2255">
        <v>0</v>
      </c>
      <c r="AT2255">
        <v>0</v>
      </c>
      <c r="AU2255">
        <v>0</v>
      </c>
      <c r="AV2255">
        <v>0</v>
      </c>
      <c r="AW2255">
        <v>0</v>
      </c>
      <c r="AX2255">
        <v>14526</v>
      </c>
      <c r="AY2255">
        <v>12</v>
      </c>
      <c r="AZ2255">
        <v>29</v>
      </c>
      <c r="BA2255">
        <v>2778</v>
      </c>
    </row>
    <row r="2256" spans="1:53" x14ac:dyDescent="0.4">
      <c r="A2256">
        <v>2300</v>
      </c>
      <c r="B2256" s="1">
        <v>43546</v>
      </c>
      <c r="C2256">
        <v>1</v>
      </c>
      <c r="D2256" s="1">
        <v>43546.291666666664</v>
      </c>
      <c r="E2256" s="1">
        <v>43546.407638888886</v>
      </c>
      <c r="F2256">
        <v>0</v>
      </c>
      <c r="G2256">
        <v>0</v>
      </c>
      <c r="H2256">
        <v>0</v>
      </c>
      <c r="I2256">
        <v>0</v>
      </c>
      <c r="J2256">
        <v>0</v>
      </c>
      <c r="K2256">
        <v>0</v>
      </c>
      <c r="L2256">
        <v>0</v>
      </c>
      <c r="M2256">
        <v>0</v>
      </c>
      <c r="N2256">
        <v>0</v>
      </c>
      <c r="O2256">
        <v>0</v>
      </c>
      <c r="P2256">
        <v>0</v>
      </c>
      <c r="Q2256">
        <v>0</v>
      </c>
      <c r="R2256">
        <v>0</v>
      </c>
      <c r="S2256">
        <v>0</v>
      </c>
      <c r="T2256">
        <v>0</v>
      </c>
      <c r="U2256">
        <v>0</v>
      </c>
      <c r="V2256">
        <v>0</v>
      </c>
      <c r="W2256">
        <v>0</v>
      </c>
      <c r="X2256">
        <v>0</v>
      </c>
      <c r="Y2256">
        <v>27</v>
      </c>
      <c r="Z2256">
        <v>10</v>
      </c>
      <c r="AA2256">
        <v>128</v>
      </c>
      <c r="AB2256">
        <v>71</v>
      </c>
      <c r="AC2256">
        <v>137</v>
      </c>
      <c r="AD2256">
        <v>35</v>
      </c>
      <c r="AE2256">
        <v>105</v>
      </c>
      <c r="AF2256">
        <v>0</v>
      </c>
      <c r="AG2256">
        <v>50000</v>
      </c>
      <c r="AH2256">
        <v>0</v>
      </c>
      <c r="AI2256">
        <v>50000</v>
      </c>
      <c r="AJ2256">
        <v>0</v>
      </c>
      <c r="AK2256" t="s">
        <v>6</v>
      </c>
      <c r="AL2256">
        <v>0</v>
      </c>
      <c r="AM2256">
        <v>0</v>
      </c>
      <c r="AN2256">
        <v>0</v>
      </c>
      <c r="AO2256">
        <v>0</v>
      </c>
      <c r="AP2256">
        <v>0</v>
      </c>
      <c r="AQ2256">
        <v>0</v>
      </c>
      <c r="AR2256">
        <v>0</v>
      </c>
      <c r="AS2256">
        <v>0</v>
      </c>
      <c r="AT2256">
        <v>0</v>
      </c>
      <c r="AU2256">
        <v>0</v>
      </c>
      <c r="AV2256">
        <v>0</v>
      </c>
      <c r="AW2256">
        <v>0</v>
      </c>
      <c r="AX2256">
        <v>0</v>
      </c>
      <c r="AY2256">
        <v>0</v>
      </c>
      <c r="AZ2256">
        <v>0</v>
      </c>
      <c r="BA2256">
        <v>0</v>
      </c>
    </row>
    <row r="2257" spans="1:53" x14ac:dyDescent="0.4">
      <c r="A2257">
        <v>2301</v>
      </c>
      <c r="B2257" s="1">
        <v>43546</v>
      </c>
      <c r="C2257">
        <v>2</v>
      </c>
      <c r="D2257" s="1">
        <v>43546.407638888886</v>
      </c>
      <c r="E2257" s="1">
        <v>43546.73541666667</v>
      </c>
      <c r="F2257">
        <v>42000</v>
      </c>
      <c r="G2257">
        <v>2520</v>
      </c>
      <c r="H2257">
        <v>400</v>
      </c>
      <c r="I2257">
        <v>0</v>
      </c>
      <c r="J2257">
        <v>0</v>
      </c>
      <c r="K2257">
        <v>0</v>
      </c>
      <c r="L2257">
        <v>0</v>
      </c>
      <c r="M2257">
        <v>3594</v>
      </c>
      <c r="N2257">
        <v>0</v>
      </c>
      <c r="O2257">
        <v>0</v>
      </c>
      <c r="P2257">
        <v>16740</v>
      </c>
      <c r="Q2257">
        <v>0</v>
      </c>
      <c r="R2257">
        <v>65254</v>
      </c>
      <c r="S2257">
        <v>0</v>
      </c>
      <c r="T2257">
        <v>0</v>
      </c>
      <c r="U2257">
        <v>0</v>
      </c>
      <c r="V2257">
        <v>0</v>
      </c>
      <c r="W2257">
        <v>3</v>
      </c>
      <c r="X2257">
        <v>0</v>
      </c>
      <c r="Y2257">
        <v>67</v>
      </c>
      <c r="Z2257">
        <v>21</v>
      </c>
      <c r="AA2257">
        <v>144</v>
      </c>
      <c r="AB2257">
        <v>71</v>
      </c>
      <c r="AC2257">
        <v>213</v>
      </c>
      <c r="AD2257">
        <v>36</v>
      </c>
      <c r="AE2257">
        <v>114</v>
      </c>
      <c r="AF2257">
        <v>2380</v>
      </c>
      <c r="AG2257">
        <v>115254</v>
      </c>
      <c r="AH2257">
        <v>50000</v>
      </c>
      <c r="AI2257">
        <v>0</v>
      </c>
      <c r="AJ2257">
        <v>96</v>
      </c>
      <c r="AK2257" t="s">
        <v>4</v>
      </c>
      <c r="AL2257">
        <v>0</v>
      </c>
      <c r="AM2257">
        <v>0</v>
      </c>
      <c r="AN2257">
        <v>0</v>
      </c>
      <c r="AO2257">
        <v>0</v>
      </c>
      <c r="AP2257">
        <v>0</v>
      </c>
      <c r="AQ2257">
        <v>0</v>
      </c>
      <c r="AR2257">
        <v>0</v>
      </c>
      <c r="AS2257">
        <v>0</v>
      </c>
      <c r="AT2257">
        <v>0</v>
      </c>
      <c r="AU2257">
        <v>0</v>
      </c>
      <c r="AV2257">
        <v>0</v>
      </c>
      <c r="AW2257">
        <v>0</v>
      </c>
      <c r="AX2257">
        <v>0</v>
      </c>
      <c r="AY2257">
        <v>46</v>
      </c>
      <c r="AZ2257">
        <v>107</v>
      </c>
      <c r="BA2257">
        <v>7243</v>
      </c>
    </row>
    <row r="2258" spans="1:53" x14ac:dyDescent="0.4">
      <c r="A2258">
        <v>2302</v>
      </c>
      <c r="B2258" s="1">
        <v>43546</v>
      </c>
      <c r="C2258">
        <v>3</v>
      </c>
      <c r="D2258" s="1">
        <v>43546.73541666667</v>
      </c>
      <c r="E2258" s="1">
        <v>43546.958333333336</v>
      </c>
      <c r="F2258">
        <v>104100</v>
      </c>
      <c r="G2258">
        <v>6730</v>
      </c>
      <c r="H2258">
        <v>0</v>
      </c>
      <c r="I2258">
        <v>0</v>
      </c>
      <c r="J2258">
        <v>0</v>
      </c>
      <c r="K2258">
        <v>0</v>
      </c>
      <c r="L2258">
        <v>0</v>
      </c>
      <c r="M2258">
        <v>8866</v>
      </c>
      <c r="N2258">
        <v>0</v>
      </c>
      <c r="O2258">
        <v>0</v>
      </c>
      <c r="P2258">
        <v>-16740</v>
      </c>
      <c r="Q2258">
        <v>0</v>
      </c>
      <c r="R2258">
        <v>102956</v>
      </c>
      <c r="S2258">
        <v>0</v>
      </c>
      <c r="T2258">
        <v>0</v>
      </c>
      <c r="U2258">
        <v>0</v>
      </c>
      <c r="V2258">
        <v>5</v>
      </c>
      <c r="W2258">
        <v>9</v>
      </c>
      <c r="X2258">
        <v>0</v>
      </c>
      <c r="Y2258">
        <v>89</v>
      </c>
      <c r="Z2258">
        <v>24</v>
      </c>
      <c r="AA2258">
        <v>136</v>
      </c>
      <c r="AB2258">
        <v>75</v>
      </c>
      <c r="AC2258">
        <v>220</v>
      </c>
      <c r="AD2258">
        <v>35</v>
      </c>
      <c r="AE2258">
        <v>105</v>
      </c>
      <c r="AF2258">
        <v>2380</v>
      </c>
      <c r="AG2258">
        <v>218210</v>
      </c>
      <c r="AH2258">
        <v>50000</v>
      </c>
      <c r="AI2258">
        <v>0</v>
      </c>
      <c r="AJ2258">
        <v>108</v>
      </c>
      <c r="AK2258" t="s">
        <v>30</v>
      </c>
      <c r="AL2258">
        <v>0</v>
      </c>
      <c r="AM2258">
        <v>0</v>
      </c>
      <c r="AN2258">
        <v>0</v>
      </c>
      <c r="AO2258">
        <v>0</v>
      </c>
      <c r="AP2258">
        <v>0</v>
      </c>
      <c r="AQ2258">
        <v>0</v>
      </c>
      <c r="AR2258">
        <v>0</v>
      </c>
      <c r="AS2258">
        <v>0</v>
      </c>
      <c r="AT2258">
        <v>0</v>
      </c>
      <c r="AU2258">
        <v>0</v>
      </c>
      <c r="AV2258">
        <v>0</v>
      </c>
      <c r="AW2258">
        <v>0</v>
      </c>
      <c r="AX2258">
        <v>99662</v>
      </c>
      <c r="AY2258">
        <v>22</v>
      </c>
      <c r="AZ2258">
        <v>115</v>
      </c>
      <c r="BA2258">
        <v>3445</v>
      </c>
    </row>
    <row r="2259" spans="1:53" x14ac:dyDescent="0.4">
      <c r="A2259">
        <v>2303</v>
      </c>
      <c r="B2259" s="1">
        <v>43547</v>
      </c>
      <c r="C2259">
        <v>1</v>
      </c>
      <c r="D2259" s="1">
        <v>43547.291666666664</v>
      </c>
      <c r="E2259" s="1">
        <v>43547.750694444447</v>
      </c>
      <c r="F2259">
        <v>44000</v>
      </c>
      <c r="G2259">
        <v>1060</v>
      </c>
      <c r="H2259">
        <v>0</v>
      </c>
      <c r="I2259">
        <v>0</v>
      </c>
      <c r="J2259">
        <v>0</v>
      </c>
      <c r="K2259">
        <v>0</v>
      </c>
      <c r="L2259">
        <v>0</v>
      </c>
      <c r="M2259">
        <v>3604</v>
      </c>
      <c r="N2259">
        <v>0</v>
      </c>
      <c r="O2259">
        <v>0</v>
      </c>
      <c r="P2259">
        <v>13500</v>
      </c>
      <c r="Q2259">
        <v>0</v>
      </c>
      <c r="R2259">
        <v>62164</v>
      </c>
      <c r="S2259">
        <v>0</v>
      </c>
      <c r="T2259">
        <v>0</v>
      </c>
      <c r="U2259">
        <v>0</v>
      </c>
      <c r="V2259">
        <v>0</v>
      </c>
      <c r="W2259">
        <v>2</v>
      </c>
      <c r="X2259">
        <v>0</v>
      </c>
      <c r="Y2259">
        <v>73</v>
      </c>
      <c r="Z2259">
        <v>24</v>
      </c>
      <c r="AA2259">
        <v>118</v>
      </c>
      <c r="AB2259">
        <v>73</v>
      </c>
      <c r="AC2259">
        <v>145</v>
      </c>
      <c r="AD2259">
        <v>34</v>
      </c>
      <c r="AE2259">
        <v>94</v>
      </c>
      <c r="AF2259">
        <v>0</v>
      </c>
      <c r="AG2259">
        <v>112164</v>
      </c>
      <c r="AH2259">
        <v>50000</v>
      </c>
      <c r="AI2259">
        <v>0</v>
      </c>
      <c r="AJ2259">
        <v>99</v>
      </c>
      <c r="AK2259" t="s">
        <v>9</v>
      </c>
      <c r="AL2259">
        <v>0</v>
      </c>
      <c r="AM2259">
        <v>0</v>
      </c>
      <c r="AN2259">
        <v>0</v>
      </c>
      <c r="AO2259">
        <v>0</v>
      </c>
      <c r="AP2259">
        <v>0</v>
      </c>
      <c r="AQ2259">
        <v>0</v>
      </c>
      <c r="AR2259">
        <v>0</v>
      </c>
      <c r="AS2259">
        <v>0</v>
      </c>
      <c r="AT2259">
        <v>0</v>
      </c>
      <c r="AU2259">
        <v>0</v>
      </c>
      <c r="AV2259">
        <v>0</v>
      </c>
      <c r="AW2259">
        <v>0</v>
      </c>
      <c r="AX2259">
        <v>410</v>
      </c>
      <c r="AY2259">
        <v>51</v>
      </c>
      <c r="AZ2259">
        <v>110</v>
      </c>
      <c r="BA2259">
        <v>7949</v>
      </c>
    </row>
    <row r="2260" spans="1:53" x14ac:dyDescent="0.4">
      <c r="A2260">
        <v>2304</v>
      </c>
      <c r="B2260" s="1">
        <v>43548</v>
      </c>
      <c r="C2260">
        <v>1</v>
      </c>
      <c r="D2260" s="1">
        <v>43548.291666666664</v>
      </c>
      <c r="E2260" s="1">
        <v>43548.40625</v>
      </c>
      <c r="F2260">
        <v>0</v>
      </c>
      <c r="G2260">
        <v>0</v>
      </c>
      <c r="H2260">
        <v>0</v>
      </c>
      <c r="I2260">
        <v>0</v>
      </c>
      <c r="J2260">
        <v>0</v>
      </c>
      <c r="K2260">
        <v>0</v>
      </c>
      <c r="L2260">
        <v>0</v>
      </c>
      <c r="M2260">
        <v>0</v>
      </c>
      <c r="N2260">
        <v>0</v>
      </c>
      <c r="O2260">
        <v>0</v>
      </c>
      <c r="P2260">
        <v>0</v>
      </c>
      <c r="Q2260">
        <v>0</v>
      </c>
      <c r="R2260">
        <v>0</v>
      </c>
      <c r="S2260">
        <v>0</v>
      </c>
      <c r="T2260">
        <v>0</v>
      </c>
      <c r="U2260">
        <v>0</v>
      </c>
      <c r="V2260">
        <v>0</v>
      </c>
      <c r="W2260">
        <v>0</v>
      </c>
      <c r="X2260">
        <v>0</v>
      </c>
      <c r="Y2260">
        <v>28</v>
      </c>
      <c r="Z2260">
        <v>11</v>
      </c>
      <c r="AA2260">
        <v>118</v>
      </c>
      <c r="AB2260">
        <v>69</v>
      </c>
      <c r="AC2260">
        <v>107</v>
      </c>
      <c r="AD2260">
        <v>24</v>
      </c>
      <c r="AE2260">
        <v>60</v>
      </c>
      <c r="AF2260">
        <v>0</v>
      </c>
      <c r="AG2260">
        <v>50000</v>
      </c>
      <c r="AH2260">
        <v>50000</v>
      </c>
      <c r="AI2260">
        <v>0</v>
      </c>
      <c r="AJ2260">
        <v>0</v>
      </c>
      <c r="AK2260" t="s">
        <v>6</v>
      </c>
      <c r="AL2260">
        <v>0</v>
      </c>
      <c r="AM2260">
        <v>0</v>
      </c>
      <c r="AN2260">
        <v>0</v>
      </c>
      <c r="AO2260">
        <v>0</v>
      </c>
      <c r="AP2260">
        <v>0</v>
      </c>
      <c r="AQ2260">
        <v>0</v>
      </c>
      <c r="AR2260">
        <v>0</v>
      </c>
      <c r="AS2260">
        <v>0</v>
      </c>
      <c r="AT2260">
        <v>0</v>
      </c>
      <c r="AU2260">
        <v>0</v>
      </c>
      <c r="AV2260">
        <v>0</v>
      </c>
      <c r="AW2260">
        <v>0</v>
      </c>
      <c r="AX2260">
        <v>0</v>
      </c>
      <c r="AY2260">
        <v>0</v>
      </c>
      <c r="AZ2260">
        <v>0</v>
      </c>
      <c r="BA2260">
        <v>0</v>
      </c>
    </row>
    <row r="2261" spans="1:53" x14ac:dyDescent="0.4">
      <c r="A2261">
        <v>2305</v>
      </c>
      <c r="B2261" s="1">
        <v>43548</v>
      </c>
      <c r="C2261">
        <v>2</v>
      </c>
      <c r="D2261" s="1">
        <v>43548.40625</v>
      </c>
      <c r="E2261" s="1">
        <v>43548.74722222222</v>
      </c>
      <c r="F2261">
        <v>43500</v>
      </c>
      <c r="G2261">
        <v>3060</v>
      </c>
      <c r="H2261">
        <v>200</v>
      </c>
      <c r="I2261">
        <v>0</v>
      </c>
      <c r="J2261">
        <v>0</v>
      </c>
      <c r="K2261">
        <v>0</v>
      </c>
      <c r="L2261">
        <v>0</v>
      </c>
      <c r="M2261">
        <v>3740</v>
      </c>
      <c r="N2261">
        <v>0</v>
      </c>
      <c r="O2261">
        <v>0</v>
      </c>
      <c r="P2261">
        <v>24840</v>
      </c>
      <c r="Q2261">
        <v>0</v>
      </c>
      <c r="R2261">
        <v>75340</v>
      </c>
      <c r="S2261">
        <v>0</v>
      </c>
      <c r="T2261">
        <v>0</v>
      </c>
      <c r="U2261">
        <v>0</v>
      </c>
      <c r="V2261">
        <v>3</v>
      </c>
      <c r="W2261">
        <v>0</v>
      </c>
      <c r="X2261">
        <v>0</v>
      </c>
      <c r="Y2261">
        <v>58</v>
      </c>
      <c r="Z2261">
        <v>26</v>
      </c>
      <c r="AA2261">
        <v>172</v>
      </c>
      <c r="AB2261">
        <v>86</v>
      </c>
      <c r="AC2261">
        <v>209</v>
      </c>
      <c r="AD2261">
        <v>27</v>
      </c>
      <c r="AE2261">
        <v>75</v>
      </c>
      <c r="AF2261">
        <v>540</v>
      </c>
      <c r="AG2261">
        <v>125340</v>
      </c>
      <c r="AH2261">
        <v>50000</v>
      </c>
      <c r="AI2261">
        <v>0</v>
      </c>
      <c r="AJ2261">
        <v>84</v>
      </c>
      <c r="AK2261" t="s">
        <v>16</v>
      </c>
      <c r="AL2261">
        <v>0</v>
      </c>
      <c r="AM2261">
        <v>0</v>
      </c>
      <c r="AN2261">
        <v>0</v>
      </c>
      <c r="AO2261">
        <v>0</v>
      </c>
      <c r="AP2261">
        <v>0</v>
      </c>
      <c r="AQ2261">
        <v>0</v>
      </c>
      <c r="AR2261">
        <v>0</v>
      </c>
      <c r="AS2261">
        <v>0</v>
      </c>
      <c r="AT2261">
        <v>0</v>
      </c>
      <c r="AU2261">
        <v>0</v>
      </c>
      <c r="AV2261">
        <v>0</v>
      </c>
      <c r="AW2261">
        <v>0</v>
      </c>
      <c r="AX2261">
        <v>1490</v>
      </c>
      <c r="AY2261">
        <v>56</v>
      </c>
      <c r="AZ2261">
        <v>129</v>
      </c>
      <c r="BA2261">
        <v>8342</v>
      </c>
    </row>
    <row r="2262" spans="1:53" x14ac:dyDescent="0.4">
      <c r="A2262">
        <v>2306</v>
      </c>
      <c r="B2262" s="1">
        <v>43548</v>
      </c>
      <c r="C2262">
        <v>3</v>
      </c>
      <c r="D2262" s="1">
        <v>43548.74722222222</v>
      </c>
      <c r="E2262" s="1">
        <v>43548.957638888889</v>
      </c>
      <c r="F2262">
        <v>31000</v>
      </c>
      <c r="G2262">
        <v>3560</v>
      </c>
      <c r="H2262">
        <v>0</v>
      </c>
      <c r="I2262">
        <v>0</v>
      </c>
      <c r="J2262">
        <v>0</v>
      </c>
      <c r="K2262">
        <v>0</v>
      </c>
      <c r="L2262">
        <v>0</v>
      </c>
      <c r="M2262">
        <v>2764</v>
      </c>
      <c r="N2262">
        <v>0</v>
      </c>
      <c r="O2262">
        <v>0</v>
      </c>
      <c r="P2262">
        <v>-11232</v>
      </c>
      <c r="Q2262">
        <v>0</v>
      </c>
      <c r="R2262">
        <v>26092</v>
      </c>
      <c r="S2262">
        <v>0</v>
      </c>
      <c r="T2262">
        <v>0</v>
      </c>
      <c r="U2262">
        <v>0</v>
      </c>
      <c r="V2262">
        <v>5</v>
      </c>
      <c r="W2262">
        <v>1</v>
      </c>
      <c r="X2262">
        <v>0</v>
      </c>
      <c r="Y2262">
        <v>59</v>
      </c>
      <c r="Z2262">
        <v>28</v>
      </c>
      <c r="AA2262">
        <v>165</v>
      </c>
      <c r="AB2262">
        <v>82</v>
      </c>
      <c r="AC2262">
        <v>209</v>
      </c>
      <c r="AD2262">
        <v>26</v>
      </c>
      <c r="AE2262">
        <v>72</v>
      </c>
      <c r="AF2262">
        <v>540</v>
      </c>
      <c r="AG2262">
        <v>151432</v>
      </c>
      <c r="AH2262">
        <v>50000</v>
      </c>
      <c r="AI2262">
        <v>0</v>
      </c>
      <c r="AJ2262">
        <v>84</v>
      </c>
      <c r="AK2262" t="s">
        <v>16</v>
      </c>
      <c r="AL2262">
        <v>0</v>
      </c>
      <c r="AM2262">
        <v>0</v>
      </c>
      <c r="AN2262">
        <v>0</v>
      </c>
      <c r="AO2262">
        <v>0</v>
      </c>
      <c r="AP2262">
        <v>0</v>
      </c>
      <c r="AQ2262">
        <v>0</v>
      </c>
      <c r="AR2262">
        <v>0</v>
      </c>
      <c r="AS2262">
        <v>0</v>
      </c>
      <c r="AT2262">
        <v>0</v>
      </c>
      <c r="AU2262">
        <v>0</v>
      </c>
      <c r="AV2262">
        <v>0</v>
      </c>
      <c r="AW2262">
        <v>0</v>
      </c>
      <c r="AX2262">
        <v>14947</v>
      </c>
      <c r="AY2262">
        <v>11</v>
      </c>
      <c r="AZ2262">
        <v>29</v>
      </c>
      <c r="BA2262">
        <v>2721</v>
      </c>
    </row>
    <row r="2263" spans="1:53" x14ac:dyDescent="0.4">
      <c r="A2263">
        <v>2307</v>
      </c>
      <c r="B2263" s="1">
        <v>43549</v>
      </c>
      <c r="C2263">
        <v>1</v>
      </c>
      <c r="D2263" s="1">
        <v>43549.291666666664</v>
      </c>
      <c r="E2263" s="1">
        <v>43549.411111111112</v>
      </c>
      <c r="F2263">
        <v>0</v>
      </c>
      <c r="G2263">
        <v>0</v>
      </c>
      <c r="H2263">
        <v>0</v>
      </c>
      <c r="I2263">
        <v>0</v>
      </c>
      <c r="J2263">
        <v>0</v>
      </c>
      <c r="K2263">
        <v>0</v>
      </c>
      <c r="L2263">
        <v>0</v>
      </c>
      <c r="M2263">
        <v>0</v>
      </c>
      <c r="N2263">
        <v>0</v>
      </c>
      <c r="O2263">
        <v>0</v>
      </c>
      <c r="P2263">
        <v>0</v>
      </c>
      <c r="Q2263">
        <v>0</v>
      </c>
      <c r="R2263">
        <v>0</v>
      </c>
      <c r="S2263">
        <v>0</v>
      </c>
      <c r="T2263">
        <v>0</v>
      </c>
      <c r="U2263">
        <v>0</v>
      </c>
      <c r="V2263">
        <v>0</v>
      </c>
      <c r="W2263">
        <v>0</v>
      </c>
      <c r="X2263">
        <v>0</v>
      </c>
      <c r="Y2263">
        <v>27</v>
      </c>
      <c r="Z2263">
        <v>11</v>
      </c>
      <c r="AA2263">
        <v>118</v>
      </c>
      <c r="AB2263">
        <v>82</v>
      </c>
      <c r="AC2263">
        <v>140</v>
      </c>
      <c r="AD2263">
        <v>26</v>
      </c>
      <c r="AE2263">
        <v>70</v>
      </c>
      <c r="AF2263">
        <v>0</v>
      </c>
      <c r="AG2263">
        <v>50000</v>
      </c>
      <c r="AH2263">
        <v>0</v>
      </c>
      <c r="AI2263">
        <v>50000</v>
      </c>
      <c r="AJ2263">
        <v>0</v>
      </c>
      <c r="AK2263" t="s">
        <v>6</v>
      </c>
      <c r="AL2263">
        <v>0</v>
      </c>
      <c r="AM2263">
        <v>0</v>
      </c>
      <c r="AN2263">
        <v>0</v>
      </c>
      <c r="AO2263">
        <v>0</v>
      </c>
      <c r="AP2263">
        <v>0</v>
      </c>
      <c r="AQ2263">
        <v>0</v>
      </c>
      <c r="AR2263">
        <v>0</v>
      </c>
      <c r="AS2263">
        <v>0</v>
      </c>
      <c r="AT2263">
        <v>0</v>
      </c>
      <c r="AU2263">
        <v>0</v>
      </c>
      <c r="AV2263">
        <v>0</v>
      </c>
      <c r="AW2263">
        <v>0</v>
      </c>
      <c r="AX2263">
        <v>0</v>
      </c>
      <c r="AY2263">
        <v>0</v>
      </c>
      <c r="AZ2263">
        <v>0</v>
      </c>
      <c r="BA2263">
        <v>0</v>
      </c>
    </row>
    <row r="2264" spans="1:53" x14ac:dyDescent="0.4">
      <c r="A2264">
        <v>2308</v>
      </c>
      <c r="B2264" s="1">
        <v>43549</v>
      </c>
      <c r="C2264">
        <v>2</v>
      </c>
      <c r="D2264" s="1">
        <v>43549.411111111112</v>
      </c>
      <c r="E2264" s="1">
        <v>43549.742361111108</v>
      </c>
      <c r="F2264">
        <v>40750</v>
      </c>
      <c r="G2264">
        <v>3780</v>
      </c>
      <c r="H2264">
        <v>200</v>
      </c>
      <c r="I2264">
        <v>0</v>
      </c>
      <c r="J2264">
        <v>0</v>
      </c>
      <c r="K2264">
        <v>0</v>
      </c>
      <c r="L2264">
        <v>0</v>
      </c>
      <c r="M2264">
        <v>3577</v>
      </c>
      <c r="N2264">
        <v>0</v>
      </c>
      <c r="O2264">
        <v>0</v>
      </c>
      <c r="P2264">
        <v>20520</v>
      </c>
      <c r="Q2264">
        <v>0</v>
      </c>
      <c r="R2264">
        <v>68827</v>
      </c>
      <c r="S2264">
        <v>0</v>
      </c>
      <c r="T2264">
        <v>0</v>
      </c>
      <c r="U2264">
        <v>0</v>
      </c>
      <c r="V2264">
        <v>3</v>
      </c>
      <c r="W2264">
        <v>2</v>
      </c>
      <c r="X2264">
        <v>0</v>
      </c>
      <c r="Y2264">
        <v>36</v>
      </c>
      <c r="Z2264">
        <v>29</v>
      </c>
      <c r="AA2264">
        <v>142</v>
      </c>
      <c r="AB2264">
        <v>94</v>
      </c>
      <c r="AC2264">
        <v>236</v>
      </c>
      <c r="AD2264">
        <v>35</v>
      </c>
      <c r="AE2264">
        <v>71</v>
      </c>
      <c r="AF2264">
        <v>6831</v>
      </c>
      <c r="AG2264">
        <v>118837</v>
      </c>
      <c r="AH2264">
        <v>50000</v>
      </c>
      <c r="AI2264">
        <v>10</v>
      </c>
      <c r="AJ2264">
        <v>29</v>
      </c>
      <c r="AK2264" t="s">
        <v>28</v>
      </c>
      <c r="AL2264">
        <v>0</v>
      </c>
      <c r="AM2264">
        <v>0</v>
      </c>
      <c r="AN2264">
        <v>0</v>
      </c>
      <c r="AO2264">
        <v>0</v>
      </c>
      <c r="AP2264">
        <v>0</v>
      </c>
      <c r="AQ2264">
        <v>0</v>
      </c>
      <c r="AR2264">
        <v>0</v>
      </c>
      <c r="AS2264">
        <v>0</v>
      </c>
      <c r="AT2264">
        <v>0</v>
      </c>
      <c r="AU2264">
        <v>0</v>
      </c>
      <c r="AV2264">
        <v>0</v>
      </c>
      <c r="AW2264">
        <v>0</v>
      </c>
      <c r="AX2264">
        <v>-1080</v>
      </c>
      <c r="AY2264">
        <v>48</v>
      </c>
      <c r="AZ2264">
        <v>122</v>
      </c>
      <c r="BA2264">
        <v>6616</v>
      </c>
    </row>
    <row r="2265" spans="1:53" x14ac:dyDescent="0.4">
      <c r="A2265">
        <v>2309</v>
      </c>
      <c r="B2265" s="1">
        <v>43549</v>
      </c>
      <c r="C2265">
        <v>3</v>
      </c>
      <c r="D2265" s="1">
        <v>43549.742361111108</v>
      </c>
      <c r="E2265" s="1">
        <v>43549.963888888888</v>
      </c>
      <c r="F2265">
        <v>40540</v>
      </c>
      <c r="G2265">
        <v>900</v>
      </c>
      <c r="H2265">
        <v>0</v>
      </c>
      <c r="I2265">
        <v>0</v>
      </c>
      <c r="J2265">
        <v>0</v>
      </c>
      <c r="K2265">
        <v>0</v>
      </c>
      <c r="L2265">
        <v>0</v>
      </c>
      <c r="M2265">
        <v>3315</v>
      </c>
      <c r="N2265">
        <v>0</v>
      </c>
      <c r="O2265">
        <v>0</v>
      </c>
      <c r="P2265">
        <v>-12960</v>
      </c>
      <c r="Q2265">
        <v>0</v>
      </c>
      <c r="R2265">
        <v>31795</v>
      </c>
      <c r="S2265">
        <v>0</v>
      </c>
      <c r="T2265">
        <v>0</v>
      </c>
      <c r="U2265">
        <v>0</v>
      </c>
      <c r="V2265">
        <v>3</v>
      </c>
      <c r="W2265">
        <v>6</v>
      </c>
      <c r="X2265">
        <v>0</v>
      </c>
      <c r="Y2265">
        <v>44</v>
      </c>
      <c r="Z2265">
        <v>29</v>
      </c>
      <c r="AA2265">
        <v>131</v>
      </c>
      <c r="AB2265">
        <v>93</v>
      </c>
      <c r="AC2265">
        <v>233</v>
      </c>
      <c r="AD2265">
        <v>34</v>
      </c>
      <c r="AE2265">
        <v>73</v>
      </c>
      <c r="AF2265">
        <v>11799</v>
      </c>
      <c r="AG2265">
        <v>150622</v>
      </c>
      <c r="AH2265">
        <v>50000</v>
      </c>
      <c r="AI2265">
        <v>0</v>
      </c>
      <c r="AJ2265">
        <v>108</v>
      </c>
      <c r="AK2265" t="s">
        <v>30</v>
      </c>
      <c r="AL2265">
        <v>0</v>
      </c>
      <c r="AM2265">
        <v>0</v>
      </c>
      <c r="AN2265">
        <v>0</v>
      </c>
      <c r="AO2265">
        <v>0</v>
      </c>
      <c r="AP2265">
        <v>0</v>
      </c>
      <c r="AQ2265">
        <v>0</v>
      </c>
      <c r="AR2265">
        <v>0</v>
      </c>
      <c r="AS2265">
        <v>0</v>
      </c>
      <c r="AT2265">
        <v>0</v>
      </c>
      <c r="AU2265">
        <v>0</v>
      </c>
      <c r="AV2265">
        <v>0</v>
      </c>
      <c r="AW2265">
        <v>0</v>
      </c>
      <c r="AX2265">
        <v>2292</v>
      </c>
      <c r="AY2265">
        <v>11</v>
      </c>
      <c r="AZ2265">
        <v>27</v>
      </c>
      <c r="BA2265">
        <v>2942</v>
      </c>
    </row>
    <row r="2266" spans="1:53" x14ac:dyDescent="0.4">
      <c r="A2266">
        <v>2310</v>
      </c>
      <c r="B2266" s="1">
        <v>43549</v>
      </c>
      <c r="C2266">
        <v>4</v>
      </c>
      <c r="D2266" s="1">
        <v>43549.963888888888</v>
      </c>
      <c r="E2266" s="1">
        <v>43550.09375</v>
      </c>
      <c r="F2266">
        <v>9400</v>
      </c>
      <c r="G2266">
        <v>0</v>
      </c>
      <c r="H2266">
        <v>400</v>
      </c>
      <c r="I2266">
        <v>0</v>
      </c>
      <c r="J2266">
        <v>0</v>
      </c>
      <c r="K2266">
        <v>0</v>
      </c>
      <c r="L2266">
        <v>0</v>
      </c>
      <c r="M2266">
        <v>784</v>
      </c>
      <c r="N2266">
        <v>0</v>
      </c>
      <c r="O2266">
        <v>0</v>
      </c>
      <c r="P2266">
        <v>3672</v>
      </c>
      <c r="Q2266">
        <v>0</v>
      </c>
      <c r="R2266">
        <v>14256</v>
      </c>
      <c r="S2266">
        <v>0</v>
      </c>
      <c r="T2266">
        <v>0</v>
      </c>
      <c r="U2266">
        <v>0</v>
      </c>
      <c r="V2266">
        <v>3</v>
      </c>
      <c r="W2266">
        <v>8</v>
      </c>
      <c r="X2266">
        <v>0</v>
      </c>
      <c r="Y2266">
        <v>47</v>
      </c>
      <c r="Z2266">
        <v>30</v>
      </c>
      <c r="AA2266">
        <v>138</v>
      </c>
      <c r="AB2266">
        <v>94</v>
      </c>
      <c r="AC2266">
        <v>234</v>
      </c>
      <c r="AD2266">
        <v>34</v>
      </c>
      <c r="AE2266">
        <v>69</v>
      </c>
      <c r="AF2266">
        <v>11799</v>
      </c>
      <c r="AG2266">
        <v>164878</v>
      </c>
      <c r="AH2266">
        <v>50000</v>
      </c>
      <c r="AI2266">
        <v>0</v>
      </c>
      <c r="AJ2266">
        <v>99</v>
      </c>
      <c r="AK2266" t="s">
        <v>9</v>
      </c>
      <c r="AL2266">
        <v>0</v>
      </c>
      <c r="AM2266">
        <v>0</v>
      </c>
      <c r="AN2266">
        <v>0</v>
      </c>
      <c r="AO2266">
        <v>0</v>
      </c>
      <c r="AP2266">
        <v>0</v>
      </c>
      <c r="AQ2266">
        <v>0</v>
      </c>
      <c r="AR2266">
        <v>0</v>
      </c>
      <c r="AS2266">
        <v>0</v>
      </c>
      <c r="AT2266">
        <v>0</v>
      </c>
      <c r="AU2266">
        <v>0</v>
      </c>
      <c r="AV2266">
        <v>0</v>
      </c>
      <c r="AW2266">
        <v>0</v>
      </c>
      <c r="AX2266">
        <v>4860</v>
      </c>
      <c r="AY2266">
        <v>4</v>
      </c>
      <c r="AZ2266">
        <v>9</v>
      </c>
      <c r="BA2266">
        <v>605</v>
      </c>
    </row>
    <row r="2267" spans="1:53" x14ac:dyDescent="0.4">
      <c r="A2267">
        <v>2311</v>
      </c>
      <c r="B2267" s="1">
        <v>43550</v>
      </c>
      <c r="C2267">
        <v>1</v>
      </c>
      <c r="D2267" s="1">
        <v>43550.291666666664</v>
      </c>
      <c r="E2267" s="1">
        <v>43550.40347222222</v>
      </c>
      <c r="F2267">
        <v>0</v>
      </c>
      <c r="G2267">
        <v>0</v>
      </c>
      <c r="H2267">
        <v>0</v>
      </c>
      <c r="I2267">
        <v>0</v>
      </c>
      <c r="J2267">
        <v>0</v>
      </c>
      <c r="K2267">
        <v>0</v>
      </c>
      <c r="L2267">
        <v>0</v>
      </c>
      <c r="M2267">
        <v>0</v>
      </c>
      <c r="N2267">
        <v>0</v>
      </c>
      <c r="O2267">
        <v>0</v>
      </c>
      <c r="P2267">
        <v>0</v>
      </c>
      <c r="Q2267">
        <v>0</v>
      </c>
      <c r="R2267">
        <v>0</v>
      </c>
      <c r="S2267">
        <v>0</v>
      </c>
      <c r="T2267">
        <v>0</v>
      </c>
      <c r="U2267">
        <v>0</v>
      </c>
      <c r="V2267">
        <v>0</v>
      </c>
      <c r="W2267">
        <v>0</v>
      </c>
      <c r="X2267">
        <v>0</v>
      </c>
      <c r="Y2267">
        <v>27</v>
      </c>
      <c r="Z2267">
        <v>11</v>
      </c>
      <c r="AA2267">
        <v>138</v>
      </c>
      <c r="AB2267">
        <v>44</v>
      </c>
      <c r="AC2267">
        <v>127</v>
      </c>
      <c r="AD2267">
        <v>33</v>
      </c>
      <c r="AE2267">
        <v>65</v>
      </c>
      <c r="AF2267">
        <v>0</v>
      </c>
      <c r="AG2267">
        <v>50000</v>
      </c>
      <c r="AH2267">
        <v>50000</v>
      </c>
      <c r="AI2267">
        <v>0</v>
      </c>
      <c r="AJ2267">
        <v>0</v>
      </c>
      <c r="AK2267" t="s">
        <v>6</v>
      </c>
      <c r="AL2267">
        <v>0</v>
      </c>
      <c r="AM2267">
        <v>0</v>
      </c>
      <c r="AN2267">
        <v>0</v>
      </c>
      <c r="AO2267">
        <v>0</v>
      </c>
      <c r="AP2267">
        <v>0</v>
      </c>
      <c r="AQ2267">
        <v>0</v>
      </c>
      <c r="AR2267">
        <v>0</v>
      </c>
      <c r="AS2267">
        <v>0</v>
      </c>
      <c r="AT2267">
        <v>0</v>
      </c>
      <c r="AU2267">
        <v>0</v>
      </c>
      <c r="AV2267">
        <v>0</v>
      </c>
      <c r="AW2267">
        <v>0</v>
      </c>
      <c r="AX2267">
        <v>0</v>
      </c>
      <c r="AY2267">
        <v>0</v>
      </c>
      <c r="AZ2267">
        <v>0</v>
      </c>
      <c r="BA2267">
        <v>0</v>
      </c>
    </row>
    <row r="2268" spans="1:53" x14ac:dyDescent="0.4">
      <c r="A2268">
        <v>2312</v>
      </c>
      <c r="B2268" s="1">
        <v>43550</v>
      </c>
      <c r="C2268">
        <v>2</v>
      </c>
      <c r="D2268" s="1">
        <v>43550.40347222222</v>
      </c>
      <c r="E2268" s="1">
        <v>43550.720833333333</v>
      </c>
      <c r="F2268">
        <v>36000</v>
      </c>
      <c r="G2268">
        <v>2590</v>
      </c>
      <c r="H2268">
        <v>0</v>
      </c>
      <c r="I2268">
        <v>0</v>
      </c>
      <c r="J2268">
        <v>0</v>
      </c>
      <c r="K2268">
        <v>0</v>
      </c>
      <c r="L2268">
        <v>0</v>
      </c>
      <c r="M2268">
        <v>3087</v>
      </c>
      <c r="N2268">
        <v>0</v>
      </c>
      <c r="O2268">
        <v>0</v>
      </c>
      <c r="P2268">
        <v>27000</v>
      </c>
      <c r="Q2268">
        <v>0</v>
      </c>
      <c r="R2268">
        <v>68677</v>
      </c>
      <c r="S2268">
        <v>0</v>
      </c>
      <c r="T2268">
        <v>0</v>
      </c>
      <c r="U2268">
        <v>0</v>
      </c>
      <c r="V2268">
        <v>0</v>
      </c>
      <c r="W2268">
        <v>2</v>
      </c>
      <c r="X2268">
        <v>0</v>
      </c>
      <c r="Y2268">
        <v>76</v>
      </c>
      <c r="Z2268">
        <v>31</v>
      </c>
      <c r="AA2268">
        <v>127</v>
      </c>
      <c r="AB2268">
        <v>45</v>
      </c>
      <c r="AC2268">
        <v>200</v>
      </c>
      <c r="AD2268">
        <v>33</v>
      </c>
      <c r="AE2268">
        <v>62</v>
      </c>
      <c r="AF2268">
        <v>0</v>
      </c>
      <c r="AG2268">
        <v>118677</v>
      </c>
      <c r="AH2268">
        <v>50000</v>
      </c>
      <c r="AI2268">
        <v>0</v>
      </c>
      <c r="AJ2268">
        <v>74</v>
      </c>
      <c r="AL2268">
        <v>0</v>
      </c>
      <c r="AM2268">
        <v>0</v>
      </c>
      <c r="AN2268">
        <v>0</v>
      </c>
      <c r="AO2268">
        <v>0</v>
      </c>
      <c r="AP2268">
        <v>0</v>
      </c>
      <c r="AQ2268">
        <v>0</v>
      </c>
      <c r="AR2268">
        <v>0</v>
      </c>
      <c r="AS2268">
        <v>0</v>
      </c>
      <c r="AT2268">
        <v>0</v>
      </c>
      <c r="AU2268">
        <v>0</v>
      </c>
      <c r="AV2268">
        <v>0</v>
      </c>
      <c r="AW2268">
        <v>0</v>
      </c>
      <c r="AX2268">
        <v>-540</v>
      </c>
      <c r="AY2268">
        <v>47</v>
      </c>
      <c r="AZ2268">
        <v>115</v>
      </c>
      <c r="BA2268">
        <v>6794</v>
      </c>
    </row>
    <row r="2269" spans="1:53" x14ac:dyDescent="0.4">
      <c r="A2269">
        <v>2313</v>
      </c>
      <c r="B2269" s="1">
        <v>43550</v>
      </c>
      <c r="C2269">
        <v>3</v>
      </c>
      <c r="D2269" s="1">
        <v>43550.720833333333</v>
      </c>
      <c r="E2269" s="1">
        <v>43550.952777777777</v>
      </c>
      <c r="F2269">
        <v>54000</v>
      </c>
      <c r="G2269">
        <v>1460</v>
      </c>
      <c r="H2269">
        <v>0</v>
      </c>
      <c r="I2269">
        <v>0</v>
      </c>
      <c r="J2269">
        <v>2500</v>
      </c>
      <c r="K2269">
        <v>0</v>
      </c>
      <c r="L2269">
        <v>0</v>
      </c>
      <c r="M2269">
        <v>4237</v>
      </c>
      <c r="N2269">
        <v>0</v>
      </c>
      <c r="O2269">
        <v>0</v>
      </c>
      <c r="P2269">
        <v>-27000</v>
      </c>
      <c r="Q2269">
        <v>0</v>
      </c>
      <c r="R2269">
        <v>30197</v>
      </c>
      <c r="S2269">
        <v>0</v>
      </c>
      <c r="T2269">
        <v>0</v>
      </c>
      <c r="U2269">
        <v>0</v>
      </c>
      <c r="V2269">
        <v>0</v>
      </c>
      <c r="W2269">
        <v>3</v>
      </c>
      <c r="X2269">
        <v>0</v>
      </c>
      <c r="Y2269">
        <v>89</v>
      </c>
      <c r="Z2269">
        <v>29</v>
      </c>
      <c r="AA2269">
        <v>136</v>
      </c>
      <c r="AB2269">
        <v>44</v>
      </c>
      <c r="AC2269">
        <v>197</v>
      </c>
      <c r="AD2269">
        <v>33</v>
      </c>
      <c r="AE2269">
        <v>62</v>
      </c>
      <c r="AF2269">
        <v>12377</v>
      </c>
      <c r="AG2269">
        <v>148874</v>
      </c>
      <c r="AH2269">
        <v>50000</v>
      </c>
      <c r="AI2269">
        <v>0</v>
      </c>
      <c r="AJ2269">
        <v>29</v>
      </c>
      <c r="AK2269" t="s">
        <v>28</v>
      </c>
      <c r="AL2269">
        <v>0</v>
      </c>
      <c r="AM2269">
        <v>0</v>
      </c>
      <c r="AN2269">
        <v>0</v>
      </c>
      <c r="AO2269">
        <v>0</v>
      </c>
      <c r="AP2269">
        <v>0</v>
      </c>
      <c r="AQ2269">
        <v>0</v>
      </c>
      <c r="AR2269">
        <v>0</v>
      </c>
      <c r="AS2269">
        <v>0</v>
      </c>
      <c r="AT2269">
        <v>0</v>
      </c>
      <c r="AU2269">
        <v>0</v>
      </c>
      <c r="AV2269">
        <v>0</v>
      </c>
      <c r="AW2269">
        <v>0</v>
      </c>
      <c r="AX2269">
        <v>47974</v>
      </c>
      <c r="AY2269">
        <v>14</v>
      </c>
      <c r="AZ2269">
        <v>61</v>
      </c>
      <c r="BA2269">
        <v>3200</v>
      </c>
    </row>
    <row r="2270" spans="1:53" x14ac:dyDescent="0.4">
      <c r="A2270">
        <v>2314</v>
      </c>
      <c r="B2270" s="1">
        <v>43551</v>
      </c>
      <c r="C2270">
        <v>1</v>
      </c>
      <c r="D2270" s="1">
        <v>43551.291666666664</v>
      </c>
      <c r="E2270" s="1">
        <v>43551.414583333331</v>
      </c>
      <c r="F2270">
        <v>0</v>
      </c>
      <c r="G2270">
        <v>0</v>
      </c>
      <c r="H2270">
        <v>0</v>
      </c>
      <c r="I2270">
        <v>0</v>
      </c>
      <c r="J2270">
        <v>0</v>
      </c>
      <c r="K2270">
        <v>0</v>
      </c>
      <c r="L2270">
        <v>0</v>
      </c>
      <c r="M2270">
        <v>0</v>
      </c>
      <c r="N2270">
        <v>0</v>
      </c>
      <c r="O2270">
        <v>0</v>
      </c>
      <c r="P2270">
        <v>0</v>
      </c>
      <c r="Q2270">
        <v>0</v>
      </c>
      <c r="R2270">
        <v>0</v>
      </c>
      <c r="S2270">
        <v>0</v>
      </c>
      <c r="T2270">
        <v>0</v>
      </c>
      <c r="U2270">
        <v>0</v>
      </c>
      <c r="V2270">
        <v>0</v>
      </c>
      <c r="W2270">
        <v>1</v>
      </c>
      <c r="X2270">
        <v>0</v>
      </c>
      <c r="Y2270">
        <v>34</v>
      </c>
      <c r="Z2270">
        <v>5</v>
      </c>
      <c r="AA2270">
        <v>52</v>
      </c>
      <c r="AB2270">
        <v>43</v>
      </c>
      <c r="AC2270">
        <v>94</v>
      </c>
      <c r="AD2270">
        <v>30</v>
      </c>
      <c r="AE2270">
        <v>60</v>
      </c>
      <c r="AF2270">
        <v>0</v>
      </c>
      <c r="AG2270">
        <v>50000</v>
      </c>
      <c r="AH2270">
        <v>0</v>
      </c>
      <c r="AI2270">
        <v>50000</v>
      </c>
      <c r="AJ2270">
        <v>0</v>
      </c>
      <c r="AK2270" t="s">
        <v>6</v>
      </c>
      <c r="AL2270">
        <v>0</v>
      </c>
      <c r="AM2270">
        <v>0</v>
      </c>
      <c r="AN2270">
        <v>0</v>
      </c>
      <c r="AO2270">
        <v>0</v>
      </c>
      <c r="AP2270">
        <v>0</v>
      </c>
      <c r="AQ2270">
        <v>0</v>
      </c>
      <c r="AR2270">
        <v>0</v>
      </c>
      <c r="AS2270">
        <v>0</v>
      </c>
      <c r="AT2270">
        <v>0</v>
      </c>
      <c r="AU2270">
        <v>0</v>
      </c>
      <c r="AV2270">
        <v>0</v>
      </c>
      <c r="AW2270">
        <v>0</v>
      </c>
      <c r="AX2270">
        <v>0</v>
      </c>
      <c r="AY2270">
        <v>0</v>
      </c>
      <c r="AZ2270">
        <v>0</v>
      </c>
      <c r="BA2270">
        <v>0</v>
      </c>
    </row>
    <row r="2271" spans="1:53" x14ac:dyDescent="0.4">
      <c r="A2271">
        <v>2315</v>
      </c>
      <c r="B2271" s="1">
        <v>43551</v>
      </c>
      <c r="C2271">
        <v>2</v>
      </c>
      <c r="D2271" s="1">
        <v>43551.414583333331</v>
      </c>
      <c r="E2271" s="1">
        <v>43551.724305555559</v>
      </c>
      <c r="F2271">
        <v>51500</v>
      </c>
      <c r="G2271">
        <v>5040</v>
      </c>
      <c r="H2271">
        <v>200</v>
      </c>
      <c r="I2271">
        <v>0</v>
      </c>
      <c r="J2271">
        <v>0</v>
      </c>
      <c r="K2271">
        <v>0</v>
      </c>
      <c r="L2271">
        <v>0</v>
      </c>
      <c r="M2271">
        <v>4538</v>
      </c>
      <c r="N2271">
        <v>0</v>
      </c>
      <c r="O2271">
        <v>0</v>
      </c>
      <c r="P2271">
        <v>20520</v>
      </c>
      <c r="Q2271">
        <v>0</v>
      </c>
      <c r="R2271">
        <v>81798</v>
      </c>
      <c r="S2271">
        <v>0</v>
      </c>
      <c r="T2271">
        <v>0</v>
      </c>
      <c r="U2271">
        <v>0</v>
      </c>
      <c r="V2271">
        <v>3</v>
      </c>
      <c r="W2271">
        <v>4</v>
      </c>
      <c r="X2271">
        <v>0</v>
      </c>
      <c r="Y2271">
        <v>60</v>
      </c>
      <c r="Z2271">
        <v>24</v>
      </c>
      <c r="AA2271">
        <v>36</v>
      </c>
      <c r="AB2271">
        <v>56</v>
      </c>
      <c r="AC2271">
        <v>209</v>
      </c>
      <c r="AD2271">
        <v>32</v>
      </c>
      <c r="AE2271">
        <v>68</v>
      </c>
      <c r="AF2271">
        <v>1080</v>
      </c>
      <c r="AG2271">
        <v>131798</v>
      </c>
      <c r="AH2271">
        <v>50000</v>
      </c>
      <c r="AI2271">
        <v>0</v>
      </c>
      <c r="AJ2271">
        <v>35</v>
      </c>
      <c r="AL2271">
        <v>0</v>
      </c>
      <c r="AM2271">
        <v>0</v>
      </c>
      <c r="AN2271">
        <v>0</v>
      </c>
      <c r="AO2271">
        <v>0</v>
      </c>
      <c r="AP2271">
        <v>0</v>
      </c>
      <c r="AQ2271">
        <v>0</v>
      </c>
      <c r="AR2271">
        <v>0</v>
      </c>
      <c r="AS2271">
        <v>0</v>
      </c>
      <c r="AT2271">
        <v>0</v>
      </c>
      <c r="AU2271">
        <v>0</v>
      </c>
      <c r="AV2271">
        <v>0</v>
      </c>
      <c r="AW2271">
        <v>0</v>
      </c>
      <c r="AX2271">
        <v>-1080</v>
      </c>
      <c r="AY2271">
        <v>53</v>
      </c>
      <c r="AZ2271">
        <v>132</v>
      </c>
      <c r="BA2271">
        <v>7434</v>
      </c>
    </row>
    <row r="2272" spans="1:53" x14ac:dyDescent="0.4">
      <c r="A2272">
        <v>2316</v>
      </c>
      <c r="B2272" s="1">
        <v>43551</v>
      </c>
      <c r="C2272">
        <v>3</v>
      </c>
      <c r="D2272" s="1">
        <v>43551.724305555559</v>
      </c>
      <c r="E2272" s="1">
        <v>43551.95416666667</v>
      </c>
      <c r="F2272">
        <v>58820</v>
      </c>
      <c r="G2272">
        <v>1830</v>
      </c>
      <c r="H2272">
        <v>0</v>
      </c>
      <c r="I2272">
        <v>0</v>
      </c>
      <c r="J2272">
        <v>700</v>
      </c>
      <c r="K2272">
        <v>0</v>
      </c>
      <c r="L2272">
        <v>0</v>
      </c>
      <c r="M2272">
        <v>4796</v>
      </c>
      <c r="N2272">
        <v>0</v>
      </c>
      <c r="O2272">
        <v>0</v>
      </c>
      <c r="P2272">
        <v>-20520</v>
      </c>
      <c r="Q2272">
        <v>0</v>
      </c>
      <c r="R2272">
        <v>44226</v>
      </c>
      <c r="S2272">
        <v>0</v>
      </c>
      <c r="T2272">
        <v>0</v>
      </c>
      <c r="U2272">
        <v>0</v>
      </c>
      <c r="V2272">
        <v>6</v>
      </c>
      <c r="W2272">
        <v>5</v>
      </c>
      <c r="X2272">
        <v>0</v>
      </c>
      <c r="Y2272">
        <v>69</v>
      </c>
      <c r="Z2272">
        <v>23</v>
      </c>
      <c r="AA2272">
        <v>45</v>
      </c>
      <c r="AB2272">
        <v>55</v>
      </c>
      <c r="AC2272">
        <v>197</v>
      </c>
      <c r="AD2272">
        <v>33</v>
      </c>
      <c r="AE2272">
        <v>59</v>
      </c>
      <c r="AF2272">
        <v>1080</v>
      </c>
      <c r="AG2272">
        <v>176024</v>
      </c>
      <c r="AH2272">
        <v>50000</v>
      </c>
      <c r="AI2272">
        <v>0</v>
      </c>
      <c r="AJ2272">
        <v>100</v>
      </c>
      <c r="AK2272" t="s">
        <v>0</v>
      </c>
      <c r="AL2272">
        <v>0</v>
      </c>
      <c r="AM2272">
        <v>0</v>
      </c>
      <c r="AN2272">
        <v>0</v>
      </c>
      <c r="AO2272">
        <v>0</v>
      </c>
      <c r="AP2272">
        <v>0</v>
      </c>
      <c r="AQ2272">
        <v>0</v>
      </c>
      <c r="AR2272">
        <v>0</v>
      </c>
      <c r="AS2272">
        <v>0</v>
      </c>
      <c r="AT2272">
        <v>0</v>
      </c>
      <c r="AU2272">
        <v>0</v>
      </c>
      <c r="AV2272">
        <v>0</v>
      </c>
      <c r="AW2272">
        <v>0</v>
      </c>
      <c r="AX2272">
        <v>12204</v>
      </c>
      <c r="AY2272">
        <v>15</v>
      </c>
      <c r="AZ2272">
        <v>51</v>
      </c>
      <c r="BA2272">
        <v>3559</v>
      </c>
    </row>
    <row r="2273" spans="1:53" x14ac:dyDescent="0.4">
      <c r="A2273">
        <v>2317</v>
      </c>
      <c r="B2273" s="1">
        <v>43552</v>
      </c>
      <c r="C2273">
        <v>1</v>
      </c>
      <c r="D2273" s="1">
        <v>43552.291666666664</v>
      </c>
      <c r="E2273" s="1">
        <v>43552.408333333333</v>
      </c>
      <c r="F2273">
        <v>0</v>
      </c>
      <c r="G2273">
        <v>0</v>
      </c>
      <c r="H2273">
        <v>0</v>
      </c>
      <c r="I2273">
        <v>0</v>
      </c>
      <c r="J2273">
        <v>0</v>
      </c>
      <c r="K2273">
        <v>0</v>
      </c>
      <c r="L2273">
        <v>0</v>
      </c>
      <c r="M2273">
        <v>0</v>
      </c>
      <c r="N2273">
        <v>0</v>
      </c>
      <c r="O2273">
        <v>0</v>
      </c>
      <c r="P2273">
        <v>0</v>
      </c>
      <c r="Q2273">
        <v>0</v>
      </c>
      <c r="R2273">
        <v>0</v>
      </c>
      <c r="S2273">
        <v>0</v>
      </c>
      <c r="T2273">
        <v>0</v>
      </c>
      <c r="U2273">
        <v>0</v>
      </c>
      <c r="V2273">
        <v>0</v>
      </c>
      <c r="W2273">
        <v>0</v>
      </c>
      <c r="X2273">
        <v>0</v>
      </c>
      <c r="Y2273">
        <v>28</v>
      </c>
      <c r="Z2273">
        <v>11</v>
      </c>
      <c r="AA2273">
        <v>121</v>
      </c>
      <c r="AB2273">
        <v>55</v>
      </c>
      <c r="AC2273">
        <v>144</v>
      </c>
      <c r="AD2273">
        <v>30</v>
      </c>
      <c r="AE2273">
        <v>60</v>
      </c>
      <c r="AF2273">
        <v>0</v>
      </c>
      <c r="AG2273">
        <v>50000</v>
      </c>
      <c r="AH2273">
        <v>0</v>
      </c>
      <c r="AI2273">
        <v>50000</v>
      </c>
      <c r="AJ2273">
        <v>0</v>
      </c>
      <c r="AK2273" t="s">
        <v>6</v>
      </c>
      <c r="AL2273">
        <v>0</v>
      </c>
      <c r="AM2273">
        <v>0</v>
      </c>
      <c r="AN2273">
        <v>0</v>
      </c>
      <c r="AO2273">
        <v>0</v>
      </c>
      <c r="AP2273">
        <v>0</v>
      </c>
      <c r="AQ2273">
        <v>0</v>
      </c>
      <c r="AR2273">
        <v>0</v>
      </c>
      <c r="AS2273">
        <v>0</v>
      </c>
      <c r="AT2273">
        <v>0</v>
      </c>
      <c r="AU2273">
        <v>0</v>
      </c>
      <c r="AV2273">
        <v>0</v>
      </c>
      <c r="AW2273">
        <v>0</v>
      </c>
      <c r="AX2273">
        <v>0</v>
      </c>
      <c r="AY2273">
        <v>0</v>
      </c>
      <c r="AZ2273">
        <v>0</v>
      </c>
      <c r="BA2273">
        <v>0</v>
      </c>
    </row>
    <row r="2274" spans="1:53" x14ac:dyDescent="0.4">
      <c r="A2274">
        <v>2318</v>
      </c>
      <c r="B2274" s="1">
        <v>43552</v>
      </c>
      <c r="C2274">
        <v>2</v>
      </c>
      <c r="D2274" s="1">
        <v>43552.408333333333</v>
      </c>
      <c r="E2274" s="1">
        <v>43552.956250000003</v>
      </c>
      <c r="F2274">
        <v>74900</v>
      </c>
      <c r="G2274">
        <v>7800</v>
      </c>
      <c r="H2274">
        <v>200</v>
      </c>
      <c r="I2274">
        <v>0</v>
      </c>
      <c r="J2274">
        <v>0</v>
      </c>
      <c r="K2274">
        <v>0</v>
      </c>
      <c r="L2274">
        <v>0</v>
      </c>
      <c r="M2274">
        <v>6631</v>
      </c>
      <c r="N2274">
        <v>0</v>
      </c>
      <c r="O2274">
        <v>0</v>
      </c>
      <c r="P2274">
        <v>30888</v>
      </c>
      <c r="Q2274">
        <v>0</v>
      </c>
      <c r="R2274">
        <v>120419</v>
      </c>
      <c r="S2274">
        <v>0</v>
      </c>
      <c r="T2274">
        <v>0</v>
      </c>
      <c r="U2274">
        <v>0</v>
      </c>
      <c r="V2274">
        <v>2</v>
      </c>
      <c r="W2274">
        <v>4</v>
      </c>
      <c r="X2274">
        <v>0</v>
      </c>
      <c r="Y2274">
        <v>54</v>
      </c>
      <c r="Z2274">
        <v>43</v>
      </c>
      <c r="AA2274">
        <v>138</v>
      </c>
      <c r="AB2274">
        <v>70</v>
      </c>
      <c r="AC2274">
        <v>267</v>
      </c>
      <c r="AD2274">
        <v>40</v>
      </c>
      <c r="AE2274">
        <v>76</v>
      </c>
      <c r="AF2274">
        <v>34658</v>
      </c>
      <c r="AG2274">
        <v>170404</v>
      </c>
      <c r="AH2274">
        <v>50000</v>
      </c>
      <c r="AI2274">
        <v>-15</v>
      </c>
      <c r="AJ2274">
        <v>108</v>
      </c>
      <c r="AK2274" t="s">
        <v>30</v>
      </c>
      <c r="AL2274">
        <v>0</v>
      </c>
      <c r="AM2274">
        <v>0</v>
      </c>
      <c r="AN2274">
        <v>0</v>
      </c>
      <c r="AO2274">
        <v>0</v>
      </c>
      <c r="AP2274">
        <v>0</v>
      </c>
      <c r="AQ2274">
        <v>0</v>
      </c>
      <c r="AR2274">
        <v>0</v>
      </c>
      <c r="AS2274">
        <v>0</v>
      </c>
      <c r="AT2274">
        <v>0</v>
      </c>
      <c r="AU2274">
        <v>0</v>
      </c>
      <c r="AV2274">
        <v>0</v>
      </c>
      <c r="AW2274">
        <v>0</v>
      </c>
      <c r="AX2274">
        <v>57628</v>
      </c>
      <c r="AY2274">
        <v>63</v>
      </c>
      <c r="AZ2274">
        <v>184</v>
      </c>
      <c r="BA2274">
        <v>10583</v>
      </c>
    </row>
    <row r="2275" spans="1:53" x14ac:dyDescent="0.4">
      <c r="A2275">
        <v>2319</v>
      </c>
      <c r="B2275" s="1">
        <v>43552</v>
      </c>
      <c r="C2275">
        <v>3</v>
      </c>
      <c r="D2275" s="1">
        <v>43552.956250000003</v>
      </c>
      <c r="E2275" s="1">
        <v>43553.097916666666</v>
      </c>
      <c r="F2275">
        <v>106200</v>
      </c>
      <c r="G2275">
        <v>5480</v>
      </c>
      <c r="H2275">
        <v>200</v>
      </c>
      <c r="I2275">
        <v>0</v>
      </c>
      <c r="J2275">
        <v>0</v>
      </c>
      <c r="K2275">
        <v>1760</v>
      </c>
      <c r="L2275">
        <v>0</v>
      </c>
      <c r="M2275">
        <v>9091</v>
      </c>
      <c r="N2275">
        <v>0</v>
      </c>
      <c r="O2275">
        <v>0</v>
      </c>
      <c r="P2275">
        <v>-1998</v>
      </c>
      <c r="Q2275">
        <v>0</v>
      </c>
      <c r="R2275">
        <v>120733</v>
      </c>
      <c r="S2275">
        <v>0</v>
      </c>
      <c r="T2275">
        <v>0</v>
      </c>
      <c r="U2275">
        <v>0</v>
      </c>
      <c r="V2275">
        <v>10</v>
      </c>
      <c r="W2275">
        <v>5</v>
      </c>
      <c r="X2275">
        <v>0</v>
      </c>
      <c r="Y2275">
        <v>68</v>
      </c>
      <c r="Z2275">
        <v>41</v>
      </c>
      <c r="AA2275">
        <v>131</v>
      </c>
      <c r="AB2275">
        <v>70</v>
      </c>
      <c r="AC2275">
        <v>258</v>
      </c>
      <c r="AD2275">
        <v>37</v>
      </c>
      <c r="AE2275">
        <v>70</v>
      </c>
      <c r="AF2275">
        <v>58212</v>
      </c>
      <c r="AG2275">
        <v>291147</v>
      </c>
      <c r="AH2275">
        <v>50000</v>
      </c>
      <c r="AI2275">
        <v>-5</v>
      </c>
      <c r="AJ2275">
        <v>108</v>
      </c>
      <c r="AK2275" t="s">
        <v>30</v>
      </c>
      <c r="AL2275">
        <v>0</v>
      </c>
      <c r="AM2275">
        <v>0</v>
      </c>
      <c r="AN2275">
        <v>0</v>
      </c>
      <c r="AO2275">
        <v>0</v>
      </c>
      <c r="AP2275">
        <v>0</v>
      </c>
      <c r="AQ2275">
        <v>0</v>
      </c>
      <c r="AR2275">
        <v>0</v>
      </c>
      <c r="AS2275">
        <v>0</v>
      </c>
      <c r="AT2275">
        <v>0</v>
      </c>
      <c r="AU2275">
        <v>0</v>
      </c>
      <c r="AV2275">
        <v>0</v>
      </c>
      <c r="AW2275">
        <v>0</v>
      </c>
      <c r="AX2275">
        <v>821</v>
      </c>
      <c r="AY2275">
        <v>5</v>
      </c>
      <c r="AZ2275">
        <v>18</v>
      </c>
      <c r="BA2275">
        <v>917</v>
      </c>
    </row>
    <row r="2276" spans="1:53" x14ac:dyDescent="0.4">
      <c r="A2276">
        <v>2320</v>
      </c>
      <c r="B2276" s="1">
        <v>43553</v>
      </c>
      <c r="C2276">
        <v>1</v>
      </c>
      <c r="D2276" s="1">
        <v>43553.291666666664</v>
      </c>
      <c r="E2276" s="1">
        <v>43553.411111111112</v>
      </c>
      <c r="F2276">
        <v>0</v>
      </c>
      <c r="G2276">
        <v>0</v>
      </c>
      <c r="H2276">
        <v>0</v>
      </c>
      <c r="I2276">
        <v>0</v>
      </c>
      <c r="J2276">
        <v>0</v>
      </c>
      <c r="K2276">
        <v>0</v>
      </c>
      <c r="L2276">
        <v>0</v>
      </c>
      <c r="M2276">
        <v>0</v>
      </c>
      <c r="N2276">
        <v>0</v>
      </c>
      <c r="O2276">
        <v>0</v>
      </c>
      <c r="P2276">
        <v>0</v>
      </c>
      <c r="Q2276">
        <v>0</v>
      </c>
      <c r="R2276">
        <v>0</v>
      </c>
      <c r="S2276">
        <v>0</v>
      </c>
      <c r="T2276">
        <v>0</v>
      </c>
      <c r="U2276">
        <v>0</v>
      </c>
      <c r="V2276">
        <v>0</v>
      </c>
      <c r="W2276">
        <v>0</v>
      </c>
      <c r="X2276">
        <v>0</v>
      </c>
      <c r="Y2276">
        <v>28</v>
      </c>
      <c r="Z2276">
        <v>9</v>
      </c>
      <c r="AA2276">
        <v>128</v>
      </c>
      <c r="AB2276">
        <v>68</v>
      </c>
      <c r="AC2276">
        <v>105</v>
      </c>
      <c r="AD2276">
        <v>35</v>
      </c>
      <c r="AE2276">
        <v>75</v>
      </c>
      <c r="AF2276">
        <v>0</v>
      </c>
      <c r="AG2276">
        <v>50000</v>
      </c>
      <c r="AH2276">
        <v>0</v>
      </c>
      <c r="AI2276">
        <v>50000</v>
      </c>
      <c r="AJ2276">
        <v>0</v>
      </c>
      <c r="AK2276" t="s">
        <v>6</v>
      </c>
      <c r="AL2276">
        <v>0</v>
      </c>
      <c r="AM2276">
        <v>0</v>
      </c>
      <c r="AN2276">
        <v>0</v>
      </c>
      <c r="AO2276">
        <v>0</v>
      </c>
      <c r="AP2276">
        <v>0</v>
      </c>
      <c r="AQ2276">
        <v>0</v>
      </c>
      <c r="AR2276">
        <v>0</v>
      </c>
      <c r="AS2276">
        <v>0</v>
      </c>
      <c r="AT2276">
        <v>0</v>
      </c>
      <c r="AU2276">
        <v>0</v>
      </c>
      <c r="AV2276">
        <v>0</v>
      </c>
      <c r="AW2276">
        <v>0</v>
      </c>
      <c r="AX2276">
        <v>0</v>
      </c>
      <c r="AY2276">
        <v>0</v>
      </c>
      <c r="AZ2276">
        <v>0</v>
      </c>
      <c r="BA2276">
        <v>0</v>
      </c>
    </row>
    <row r="2277" spans="1:53" x14ac:dyDescent="0.4">
      <c r="A2277">
        <v>2321</v>
      </c>
      <c r="B2277" s="1">
        <v>43553</v>
      </c>
      <c r="C2277">
        <v>2</v>
      </c>
      <c r="D2277" s="1">
        <v>43553.411111111112</v>
      </c>
      <c r="E2277" s="1">
        <v>43553.732638888891</v>
      </c>
      <c r="F2277">
        <v>44500</v>
      </c>
      <c r="G2277">
        <v>1000</v>
      </c>
      <c r="H2277">
        <v>400</v>
      </c>
      <c r="I2277">
        <v>0</v>
      </c>
      <c r="J2277">
        <v>0</v>
      </c>
      <c r="K2277">
        <v>0</v>
      </c>
      <c r="L2277">
        <v>0</v>
      </c>
      <c r="M2277">
        <v>3672</v>
      </c>
      <c r="N2277">
        <v>0</v>
      </c>
      <c r="O2277">
        <v>0</v>
      </c>
      <c r="P2277">
        <v>18090</v>
      </c>
      <c r="Q2277">
        <v>0</v>
      </c>
      <c r="R2277">
        <v>67662</v>
      </c>
      <c r="S2277">
        <v>0</v>
      </c>
      <c r="T2277">
        <v>0</v>
      </c>
      <c r="U2277">
        <v>0</v>
      </c>
      <c r="V2277">
        <v>1</v>
      </c>
      <c r="W2277">
        <v>2</v>
      </c>
      <c r="X2277">
        <v>0</v>
      </c>
      <c r="Y2277">
        <v>48</v>
      </c>
      <c r="Z2277">
        <v>37</v>
      </c>
      <c r="AA2277">
        <v>147</v>
      </c>
      <c r="AB2277">
        <v>69</v>
      </c>
      <c r="AC2277">
        <v>259</v>
      </c>
      <c r="AD2277">
        <v>39</v>
      </c>
      <c r="AE2277">
        <v>78</v>
      </c>
      <c r="AF2277">
        <v>10149</v>
      </c>
      <c r="AG2277">
        <v>117662</v>
      </c>
      <c r="AH2277">
        <v>50000</v>
      </c>
      <c r="AI2277">
        <v>0</v>
      </c>
      <c r="AJ2277">
        <v>35</v>
      </c>
      <c r="AL2277">
        <v>0</v>
      </c>
      <c r="AM2277">
        <v>0</v>
      </c>
      <c r="AN2277">
        <v>0</v>
      </c>
      <c r="AO2277">
        <v>0</v>
      </c>
      <c r="AP2277">
        <v>0</v>
      </c>
      <c r="AQ2277">
        <v>0</v>
      </c>
      <c r="AR2277">
        <v>0</v>
      </c>
      <c r="AS2277">
        <v>0</v>
      </c>
      <c r="AT2277">
        <v>0</v>
      </c>
      <c r="AU2277">
        <v>0</v>
      </c>
      <c r="AV2277">
        <v>0</v>
      </c>
      <c r="AW2277">
        <v>0</v>
      </c>
      <c r="AX2277">
        <v>-1080</v>
      </c>
      <c r="AY2277">
        <v>54</v>
      </c>
      <c r="AZ2277">
        <v>120</v>
      </c>
      <c r="BA2277">
        <v>7904</v>
      </c>
    </row>
    <row r="2278" spans="1:53" x14ac:dyDescent="0.4">
      <c r="A2278">
        <v>2322</v>
      </c>
      <c r="B2278" s="1">
        <v>43554</v>
      </c>
      <c r="C2278">
        <v>1</v>
      </c>
      <c r="D2278" s="1">
        <v>43554.291666666664</v>
      </c>
      <c r="E2278" s="1">
        <v>43554.401388888888</v>
      </c>
      <c r="F2278">
        <v>0</v>
      </c>
      <c r="G2278">
        <v>0</v>
      </c>
      <c r="H2278">
        <v>0</v>
      </c>
      <c r="I2278">
        <v>0</v>
      </c>
      <c r="J2278">
        <v>0</v>
      </c>
      <c r="K2278">
        <v>0</v>
      </c>
      <c r="L2278">
        <v>0</v>
      </c>
      <c r="M2278">
        <v>0</v>
      </c>
      <c r="N2278">
        <v>0</v>
      </c>
      <c r="O2278">
        <v>0</v>
      </c>
      <c r="P2278">
        <v>0</v>
      </c>
      <c r="Q2278">
        <v>0</v>
      </c>
      <c r="R2278">
        <v>0</v>
      </c>
      <c r="S2278">
        <v>0</v>
      </c>
      <c r="T2278">
        <v>0</v>
      </c>
      <c r="U2278">
        <v>0</v>
      </c>
      <c r="V2278">
        <v>0</v>
      </c>
      <c r="W2278">
        <v>0</v>
      </c>
      <c r="X2278">
        <v>0</v>
      </c>
      <c r="Y2278">
        <v>25</v>
      </c>
      <c r="Z2278">
        <v>11</v>
      </c>
      <c r="AA2278">
        <v>145</v>
      </c>
      <c r="AB2278">
        <v>67</v>
      </c>
      <c r="AC2278">
        <v>139</v>
      </c>
      <c r="AD2278">
        <v>40</v>
      </c>
      <c r="AE2278">
        <v>60</v>
      </c>
      <c r="AF2278">
        <v>0</v>
      </c>
      <c r="AG2278">
        <v>50000</v>
      </c>
      <c r="AH2278">
        <v>50000</v>
      </c>
      <c r="AI2278">
        <v>0</v>
      </c>
      <c r="AJ2278">
        <v>0</v>
      </c>
      <c r="AK2278" t="s">
        <v>6</v>
      </c>
      <c r="AL2278">
        <v>0</v>
      </c>
      <c r="AM2278">
        <v>0</v>
      </c>
      <c r="AN2278">
        <v>0</v>
      </c>
      <c r="AO2278">
        <v>0</v>
      </c>
      <c r="AP2278">
        <v>0</v>
      </c>
      <c r="AQ2278">
        <v>0</v>
      </c>
      <c r="AR2278">
        <v>0</v>
      </c>
      <c r="AS2278">
        <v>0</v>
      </c>
      <c r="AT2278">
        <v>0</v>
      </c>
      <c r="AU2278">
        <v>0</v>
      </c>
      <c r="AV2278">
        <v>0</v>
      </c>
      <c r="AW2278">
        <v>0</v>
      </c>
      <c r="AX2278">
        <v>0</v>
      </c>
      <c r="AY2278">
        <v>0</v>
      </c>
      <c r="AZ2278">
        <v>0</v>
      </c>
      <c r="BA2278">
        <v>0</v>
      </c>
    </row>
    <row r="2279" spans="1:53" x14ac:dyDescent="0.4">
      <c r="A2279">
        <v>2323</v>
      </c>
      <c r="B2279" s="1">
        <v>43554</v>
      </c>
      <c r="C2279">
        <v>2</v>
      </c>
      <c r="D2279" s="1">
        <v>43554.401388888888</v>
      </c>
      <c r="E2279" s="1">
        <v>43554.737500000003</v>
      </c>
      <c r="F2279">
        <v>45500</v>
      </c>
      <c r="G2279">
        <v>3900</v>
      </c>
      <c r="H2279">
        <v>0</v>
      </c>
      <c r="I2279">
        <v>0</v>
      </c>
      <c r="J2279">
        <v>0</v>
      </c>
      <c r="K2279">
        <v>0</v>
      </c>
      <c r="L2279">
        <v>0</v>
      </c>
      <c r="M2279">
        <v>3951</v>
      </c>
      <c r="N2279">
        <v>0</v>
      </c>
      <c r="O2279">
        <v>0</v>
      </c>
      <c r="P2279">
        <v>16200</v>
      </c>
      <c r="Q2279">
        <v>0</v>
      </c>
      <c r="R2279">
        <v>69551</v>
      </c>
      <c r="S2279">
        <v>0</v>
      </c>
      <c r="T2279">
        <v>0</v>
      </c>
      <c r="U2279">
        <v>0</v>
      </c>
      <c r="V2279">
        <v>0</v>
      </c>
      <c r="W2279">
        <v>5</v>
      </c>
      <c r="X2279">
        <v>0</v>
      </c>
      <c r="Y2279">
        <v>57</v>
      </c>
      <c r="Z2279">
        <v>26</v>
      </c>
      <c r="AA2279">
        <v>163</v>
      </c>
      <c r="AB2279">
        <v>66</v>
      </c>
      <c r="AC2279">
        <v>231</v>
      </c>
      <c r="AD2279">
        <v>40</v>
      </c>
      <c r="AE2279">
        <v>61</v>
      </c>
      <c r="AF2279">
        <v>2380</v>
      </c>
      <c r="AG2279">
        <v>119551</v>
      </c>
      <c r="AH2279">
        <v>50000</v>
      </c>
      <c r="AI2279">
        <v>0</v>
      </c>
      <c r="AJ2279">
        <v>36</v>
      </c>
      <c r="AL2279">
        <v>0</v>
      </c>
      <c r="AM2279">
        <v>0</v>
      </c>
      <c r="AN2279">
        <v>0</v>
      </c>
      <c r="AO2279">
        <v>0</v>
      </c>
      <c r="AP2279">
        <v>0</v>
      </c>
      <c r="AQ2279">
        <v>0</v>
      </c>
      <c r="AR2279">
        <v>0</v>
      </c>
      <c r="AS2279">
        <v>0</v>
      </c>
      <c r="AT2279">
        <v>0</v>
      </c>
      <c r="AU2279">
        <v>0</v>
      </c>
      <c r="AV2279">
        <v>0</v>
      </c>
      <c r="AW2279">
        <v>0</v>
      </c>
      <c r="AX2279">
        <v>0</v>
      </c>
      <c r="AY2279">
        <v>51</v>
      </c>
      <c r="AZ2279">
        <v>119</v>
      </c>
      <c r="BA2279">
        <v>7896</v>
      </c>
    </row>
    <row r="2280" spans="1:53" x14ac:dyDescent="0.4">
      <c r="A2280">
        <v>2324</v>
      </c>
      <c r="B2280" s="1">
        <v>43554</v>
      </c>
      <c r="C2280">
        <v>3</v>
      </c>
      <c r="D2280" s="1">
        <v>43554.737500000003</v>
      </c>
      <c r="E2280" s="1">
        <v>43554.972222222219</v>
      </c>
      <c r="F2280">
        <v>168650</v>
      </c>
      <c r="G2280">
        <v>5110</v>
      </c>
      <c r="H2280">
        <v>0</v>
      </c>
      <c r="I2280">
        <v>0</v>
      </c>
      <c r="J2280">
        <v>0</v>
      </c>
      <c r="K2280">
        <v>0</v>
      </c>
      <c r="L2280">
        <v>0</v>
      </c>
      <c r="M2280">
        <v>13900</v>
      </c>
      <c r="N2280">
        <v>0</v>
      </c>
      <c r="O2280">
        <v>0</v>
      </c>
      <c r="P2280">
        <v>1620</v>
      </c>
      <c r="Q2280">
        <v>0</v>
      </c>
      <c r="R2280">
        <v>189280</v>
      </c>
      <c r="S2280">
        <v>0</v>
      </c>
      <c r="T2280">
        <v>0</v>
      </c>
      <c r="U2280">
        <v>0</v>
      </c>
      <c r="V2280">
        <v>10</v>
      </c>
      <c r="W2280">
        <v>10</v>
      </c>
      <c r="X2280">
        <v>0</v>
      </c>
      <c r="Y2280">
        <v>73</v>
      </c>
      <c r="Z2280">
        <v>25</v>
      </c>
      <c r="AA2280">
        <v>171</v>
      </c>
      <c r="AB2280">
        <v>63</v>
      </c>
      <c r="AC2280">
        <v>224</v>
      </c>
      <c r="AD2280">
        <v>39</v>
      </c>
      <c r="AE2280">
        <v>66</v>
      </c>
      <c r="AF2280">
        <v>50580</v>
      </c>
      <c r="AG2280">
        <v>308831</v>
      </c>
      <c r="AH2280">
        <v>50000</v>
      </c>
      <c r="AI2280">
        <v>0</v>
      </c>
      <c r="AJ2280">
        <v>108</v>
      </c>
      <c r="AK2280" t="s">
        <v>30</v>
      </c>
      <c r="AL2280">
        <v>0</v>
      </c>
      <c r="AM2280">
        <v>0</v>
      </c>
      <c r="AN2280">
        <v>0</v>
      </c>
      <c r="AO2280">
        <v>0</v>
      </c>
      <c r="AP2280">
        <v>0</v>
      </c>
      <c r="AQ2280">
        <v>0</v>
      </c>
      <c r="AR2280">
        <v>0</v>
      </c>
      <c r="AS2280">
        <v>0</v>
      </c>
      <c r="AT2280">
        <v>0</v>
      </c>
      <c r="AU2280">
        <v>0</v>
      </c>
      <c r="AV2280">
        <v>0</v>
      </c>
      <c r="AW2280">
        <v>0</v>
      </c>
      <c r="AX2280">
        <v>87572</v>
      </c>
      <c r="AY2280">
        <v>30</v>
      </c>
      <c r="AZ2280">
        <v>155</v>
      </c>
      <c r="BA2280">
        <v>4235</v>
      </c>
    </row>
    <row r="2281" spans="1:53" x14ac:dyDescent="0.4">
      <c r="A2281">
        <v>2325</v>
      </c>
      <c r="B2281" s="1">
        <v>43554</v>
      </c>
      <c r="C2281">
        <v>4</v>
      </c>
      <c r="D2281" s="1">
        <v>43554.972222222219</v>
      </c>
      <c r="E2281" s="1">
        <v>43555.072916666664</v>
      </c>
      <c r="F2281">
        <v>126300</v>
      </c>
      <c r="G2281">
        <v>870</v>
      </c>
      <c r="H2281">
        <v>200</v>
      </c>
      <c r="I2281">
        <v>0</v>
      </c>
      <c r="J2281">
        <v>0</v>
      </c>
      <c r="K2281">
        <v>0</v>
      </c>
      <c r="L2281">
        <v>0</v>
      </c>
      <c r="M2281">
        <v>10190</v>
      </c>
      <c r="N2281">
        <v>0</v>
      </c>
      <c r="O2281">
        <v>0</v>
      </c>
      <c r="P2281">
        <v>72446</v>
      </c>
      <c r="Q2281">
        <v>0</v>
      </c>
      <c r="R2281">
        <v>210006</v>
      </c>
      <c r="S2281">
        <v>0</v>
      </c>
      <c r="T2281">
        <v>0</v>
      </c>
      <c r="U2281">
        <v>0</v>
      </c>
      <c r="V2281">
        <v>21</v>
      </c>
      <c r="W2281">
        <v>12</v>
      </c>
      <c r="X2281">
        <v>0</v>
      </c>
      <c r="Y2281">
        <v>136</v>
      </c>
      <c r="Z2281">
        <v>22</v>
      </c>
      <c r="AA2281">
        <v>191</v>
      </c>
      <c r="AB2281">
        <v>57</v>
      </c>
      <c r="AC2281">
        <v>213</v>
      </c>
      <c r="AD2281">
        <v>38</v>
      </c>
      <c r="AE2281">
        <v>59</v>
      </c>
      <c r="AF2281">
        <v>77508</v>
      </c>
      <c r="AG2281">
        <v>518837</v>
      </c>
      <c r="AH2281">
        <v>50000</v>
      </c>
      <c r="AI2281">
        <v>0</v>
      </c>
      <c r="AJ2281">
        <v>108</v>
      </c>
      <c r="AK2281" t="s">
        <v>30</v>
      </c>
      <c r="AL2281">
        <v>0</v>
      </c>
      <c r="AM2281">
        <v>0</v>
      </c>
      <c r="AN2281">
        <v>0</v>
      </c>
      <c r="AO2281">
        <v>0</v>
      </c>
      <c r="AP2281">
        <v>0</v>
      </c>
      <c r="AQ2281">
        <v>0</v>
      </c>
      <c r="AR2281">
        <v>0</v>
      </c>
      <c r="AS2281">
        <v>0</v>
      </c>
      <c r="AT2281">
        <v>0</v>
      </c>
      <c r="AU2281">
        <v>0</v>
      </c>
      <c r="AV2281">
        <v>0</v>
      </c>
      <c r="AW2281">
        <v>0</v>
      </c>
      <c r="AX2281">
        <v>17928</v>
      </c>
      <c r="AY2281">
        <v>14</v>
      </c>
      <c r="AZ2281">
        <v>53</v>
      </c>
      <c r="BA2281">
        <v>1892</v>
      </c>
    </row>
    <row r="2282" spans="1:53" x14ac:dyDescent="0.4">
      <c r="A2282">
        <v>2326</v>
      </c>
      <c r="B2282" s="1">
        <v>43555</v>
      </c>
      <c r="C2282">
        <v>1</v>
      </c>
      <c r="D2282" s="1">
        <v>43555.291666666664</v>
      </c>
      <c r="E2282" s="1">
        <v>43555.401388888888</v>
      </c>
      <c r="F2282">
        <v>0</v>
      </c>
      <c r="G2282">
        <v>0</v>
      </c>
      <c r="H2282">
        <v>0</v>
      </c>
      <c r="I2282">
        <v>0</v>
      </c>
      <c r="J2282">
        <v>0</v>
      </c>
      <c r="K2282">
        <v>0</v>
      </c>
      <c r="L2282">
        <v>0</v>
      </c>
      <c r="M2282">
        <v>0</v>
      </c>
      <c r="N2282">
        <v>0</v>
      </c>
      <c r="O2282">
        <v>0</v>
      </c>
      <c r="P2282">
        <v>0</v>
      </c>
      <c r="Q2282">
        <v>0</v>
      </c>
      <c r="R2282">
        <v>0</v>
      </c>
      <c r="S2282">
        <v>0</v>
      </c>
      <c r="T2282">
        <v>0</v>
      </c>
      <c r="U2282">
        <v>0</v>
      </c>
      <c r="V2282">
        <v>0</v>
      </c>
      <c r="W2282">
        <v>0</v>
      </c>
      <c r="X2282">
        <v>0</v>
      </c>
      <c r="Y2282">
        <v>25</v>
      </c>
      <c r="Z2282">
        <v>5</v>
      </c>
      <c r="AA2282">
        <v>183</v>
      </c>
      <c r="AB2282">
        <v>55</v>
      </c>
      <c r="AC2282">
        <v>120</v>
      </c>
      <c r="AD2282">
        <v>36</v>
      </c>
      <c r="AE2282">
        <v>70</v>
      </c>
      <c r="AF2282">
        <v>0</v>
      </c>
      <c r="AG2282">
        <v>50000</v>
      </c>
      <c r="AH2282">
        <v>50000</v>
      </c>
      <c r="AI2282">
        <v>0</v>
      </c>
      <c r="AJ2282">
        <v>0</v>
      </c>
      <c r="AK2282" t="s">
        <v>6</v>
      </c>
      <c r="AL2282">
        <v>0</v>
      </c>
      <c r="AM2282">
        <v>0</v>
      </c>
      <c r="AN2282">
        <v>0</v>
      </c>
      <c r="AO2282">
        <v>0</v>
      </c>
      <c r="AP2282">
        <v>0</v>
      </c>
      <c r="AQ2282">
        <v>0</v>
      </c>
      <c r="AR2282">
        <v>0</v>
      </c>
      <c r="AS2282">
        <v>0</v>
      </c>
      <c r="AT2282">
        <v>0</v>
      </c>
      <c r="AU2282">
        <v>0</v>
      </c>
      <c r="AV2282">
        <v>0</v>
      </c>
      <c r="AW2282">
        <v>0</v>
      </c>
      <c r="AX2282">
        <v>0</v>
      </c>
      <c r="AY2282">
        <v>0</v>
      </c>
      <c r="AZ2282">
        <v>0</v>
      </c>
      <c r="BA2282">
        <v>0</v>
      </c>
    </row>
    <row r="2283" spans="1:53" x14ac:dyDescent="0.4">
      <c r="A2283">
        <v>2327</v>
      </c>
      <c r="B2283" s="1">
        <v>43555</v>
      </c>
      <c r="C2283">
        <v>2</v>
      </c>
      <c r="D2283" s="1">
        <v>43555.401388888888</v>
      </c>
      <c r="E2283" s="1">
        <v>43555.752083333333</v>
      </c>
      <c r="F2283">
        <v>51750</v>
      </c>
      <c r="G2283">
        <v>7680</v>
      </c>
      <c r="H2283">
        <v>0</v>
      </c>
      <c r="I2283">
        <v>0</v>
      </c>
      <c r="J2283">
        <v>0</v>
      </c>
      <c r="K2283">
        <v>0</v>
      </c>
      <c r="L2283">
        <v>0</v>
      </c>
      <c r="M2283">
        <v>4754</v>
      </c>
      <c r="N2283">
        <v>0</v>
      </c>
      <c r="O2283">
        <v>0</v>
      </c>
      <c r="P2283">
        <v>18360</v>
      </c>
      <c r="Q2283">
        <v>0</v>
      </c>
      <c r="R2283">
        <v>82544</v>
      </c>
      <c r="S2283">
        <v>0</v>
      </c>
      <c r="T2283">
        <v>0</v>
      </c>
      <c r="U2283">
        <v>0</v>
      </c>
      <c r="V2283">
        <v>4</v>
      </c>
      <c r="W2283">
        <v>2</v>
      </c>
      <c r="X2283">
        <v>0</v>
      </c>
      <c r="Y2283">
        <v>45</v>
      </c>
      <c r="Z2283">
        <v>24</v>
      </c>
      <c r="AA2283">
        <v>196</v>
      </c>
      <c r="AB2283">
        <v>61</v>
      </c>
      <c r="AC2283">
        <v>263</v>
      </c>
      <c r="AD2283">
        <v>37</v>
      </c>
      <c r="AE2283">
        <v>79</v>
      </c>
      <c r="AF2283">
        <v>0</v>
      </c>
      <c r="AG2283">
        <v>132544</v>
      </c>
      <c r="AH2283">
        <v>50000</v>
      </c>
      <c r="AI2283">
        <v>0</v>
      </c>
      <c r="AJ2283">
        <v>74</v>
      </c>
      <c r="AL2283">
        <v>0</v>
      </c>
      <c r="AM2283">
        <v>0</v>
      </c>
      <c r="AN2283">
        <v>0</v>
      </c>
      <c r="AO2283">
        <v>0</v>
      </c>
      <c r="AP2283">
        <v>0</v>
      </c>
      <c r="AQ2283">
        <v>0</v>
      </c>
      <c r="AR2283">
        <v>0</v>
      </c>
      <c r="AS2283">
        <v>0</v>
      </c>
      <c r="AT2283">
        <v>0</v>
      </c>
      <c r="AU2283">
        <v>0</v>
      </c>
      <c r="AV2283">
        <v>0</v>
      </c>
      <c r="AW2283">
        <v>0</v>
      </c>
      <c r="AX2283">
        <v>-432</v>
      </c>
      <c r="AY2283">
        <v>57</v>
      </c>
      <c r="AZ2283">
        <v>134</v>
      </c>
      <c r="BA2283">
        <v>8504</v>
      </c>
    </row>
    <row r="2284" spans="1:53" x14ac:dyDescent="0.4">
      <c r="A2284">
        <v>2328</v>
      </c>
      <c r="B2284" s="1">
        <v>43555</v>
      </c>
      <c r="C2284">
        <v>3</v>
      </c>
      <c r="D2284" s="1">
        <v>43555.752083333333</v>
      </c>
      <c r="E2284" s="1">
        <v>43556.070833333331</v>
      </c>
      <c r="F2284">
        <v>57180</v>
      </c>
      <c r="G2284">
        <v>2100</v>
      </c>
      <c r="H2284">
        <v>0</v>
      </c>
      <c r="I2284">
        <v>0</v>
      </c>
      <c r="J2284">
        <v>0</v>
      </c>
      <c r="K2284">
        <v>0</v>
      </c>
      <c r="L2284">
        <v>0</v>
      </c>
      <c r="M2284">
        <v>4743</v>
      </c>
      <c r="N2284">
        <v>0</v>
      </c>
      <c r="O2284">
        <v>0</v>
      </c>
      <c r="P2284">
        <v>-11016</v>
      </c>
      <c r="Q2284">
        <v>0</v>
      </c>
      <c r="R2284">
        <v>53007</v>
      </c>
      <c r="S2284">
        <v>0</v>
      </c>
      <c r="T2284">
        <v>0</v>
      </c>
      <c r="U2284">
        <v>0</v>
      </c>
      <c r="V2284">
        <v>7</v>
      </c>
      <c r="W2284">
        <v>1</v>
      </c>
      <c r="X2284">
        <v>0</v>
      </c>
      <c r="Y2284">
        <v>68</v>
      </c>
      <c r="Z2284">
        <v>25</v>
      </c>
      <c r="AA2284">
        <v>202</v>
      </c>
      <c r="AB2284">
        <v>61</v>
      </c>
      <c r="AC2284">
        <v>263</v>
      </c>
      <c r="AD2284">
        <v>39</v>
      </c>
      <c r="AE2284">
        <v>88</v>
      </c>
      <c r="AF2284">
        <v>3888</v>
      </c>
      <c r="AG2284">
        <v>185551</v>
      </c>
      <c r="AH2284">
        <v>50000</v>
      </c>
      <c r="AI2284">
        <v>0</v>
      </c>
      <c r="AJ2284">
        <v>108</v>
      </c>
      <c r="AK2284" t="s">
        <v>30</v>
      </c>
      <c r="AL2284">
        <v>0</v>
      </c>
      <c r="AM2284">
        <v>0</v>
      </c>
      <c r="AN2284">
        <v>0</v>
      </c>
      <c r="AO2284">
        <v>0</v>
      </c>
      <c r="AP2284">
        <v>0</v>
      </c>
      <c r="AQ2284">
        <v>0</v>
      </c>
      <c r="AR2284">
        <v>0</v>
      </c>
      <c r="AS2284">
        <v>0</v>
      </c>
      <c r="AT2284">
        <v>0</v>
      </c>
      <c r="AU2284">
        <v>0</v>
      </c>
      <c r="AV2284">
        <v>0</v>
      </c>
      <c r="AW2284">
        <v>0</v>
      </c>
      <c r="AX2284">
        <v>2268</v>
      </c>
      <c r="AY2284">
        <v>16</v>
      </c>
      <c r="AZ2284">
        <v>39</v>
      </c>
      <c r="BA2284">
        <v>3024</v>
      </c>
    </row>
    <row r="2285" spans="1:53" x14ac:dyDescent="0.4">
      <c r="A2285">
        <v>2329</v>
      </c>
      <c r="B2285" s="1">
        <v>43556</v>
      </c>
      <c r="C2285">
        <v>1</v>
      </c>
      <c r="D2285" s="1">
        <v>43556.291666666664</v>
      </c>
      <c r="E2285" s="1">
        <v>43556.413888888892</v>
      </c>
      <c r="F2285">
        <v>0</v>
      </c>
      <c r="G2285">
        <v>0</v>
      </c>
      <c r="H2285">
        <v>0</v>
      </c>
      <c r="I2285">
        <v>0</v>
      </c>
      <c r="J2285">
        <v>0</v>
      </c>
      <c r="K2285">
        <v>0</v>
      </c>
      <c r="L2285">
        <v>0</v>
      </c>
      <c r="M2285">
        <v>0</v>
      </c>
      <c r="N2285">
        <v>0</v>
      </c>
      <c r="O2285">
        <v>0</v>
      </c>
      <c r="P2285">
        <v>0</v>
      </c>
      <c r="Q2285">
        <v>0</v>
      </c>
      <c r="R2285">
        <v>0</v>
      </c>
      <c r="S2285">
        <v>0</v>
      </c>
      <c r="T2285">
        <v>0</v>
      </c>
      <c r="U2285">
        <v>0</v>
      </c>
      <c r="V2285">
        <v>0</v>
      </c>
      <c r="W2285">
        <v>0</v>
      </c>
      <c r="X2285">
        <v>0</v>
      </c>
      <c r="Y2285">
        <v>29</v>
      </c>
      <c r="Z2285">
        <v>13</v>
      </c>
      <c r="AA2285">
        <v>100</v>
      </c>
      <c r="AB2285">
        <v>62</v>
      </c>
      <c r="AC2285">
        <v>112</v>
      </c>
      <c r="AD2285">
        <v>38</v>
      </c>
      <c r="AE2285">
        <v>90</v>
      </c>
      <c r="AF2285">
        <v>0</v>
      </c>
      <c r="AG2285">
        <v>50000</v>
      </c>
      <c r="AH2285">
        <v>0</v>
      </c>
      <c r="AI2285">
        <v>50000</v>
      </c>
      <c r="AJ2285">
        <v>0</v>
      </c>
      <c r="AK2285" t="s">
        <v>6</v>
      </c>
      <c r="AL2285">
        <v>0</v>
      </c>
      <c r="AM2285">
        <v>0</v>
      </c>
      <c r="AN2285">
        <v>0</v>
      </c>
      <c r="AO2285">
        <v>0</v>
      </c>
      <c r="AP2285">
        <v>0</v>
      </c>
      <c r="AQ2285">
        <v>0</v>
      </c>
      <c r="AR2285">
        <v>0</v>
      </c>
      <c r="AS2285">
        <v>0</v>
      </c>
      <c r="AT2285">
        <v>0</v>
      </c>
      <c r="AU2285">
        <v>0</v>
      </c>
      <c r="AV2285">
        <v>0</v>
      </c>
      <c r="AW2285">
        <v>0</v>
      </c>
      <c r="AX2285">
        <v>0</v>
      </c>
      <c r="AY2285">
        <v>0</v>
      </c>
      <c r="AZ2285">
        <v>0</v>
      </c>
      <c r="BA2285">
        <v>0</v>
      </c>
    </row>
    <row r="2286" spans="1:53" x14ac:dyDescent="0.4">
      <c r="A2286">
        <v>2330</v>
      </c>
      <c r="B2286" s="1">
        <v>43556</v>
      </c>
      <c r="C2286">
        <v>2</v>
      </c>
      <c r="D2286" s="1">
        <v>43556.413888888892</v>
      </c>
      <c r="E2286" s="1">
        <v>43556.745833333334</v>
      </c>
      <c r="F2286">
        <v>44000</v>
      </c>
      <c r="G2286">
        <v>2700</v>
      </c>
      <c r="H2286">
        <v>0</v>
      </c>
      <c r="I2286">
        <v>0</v>
      </c>
      <c r="J2286">
        <v>0</v>
      </c>
      <c r="K2286">
        <v>0</v>
      </c>
      <c r="L2286">
        <v>0</v>
      </c>
      <c r="M2286">
        <v>3735</v>
      </c>
      <c r="N2286">
        <v>0</v>
      </c>
      <c r="O2286">
        <v>0</v>
      </c>
      <c r="P2286">
        <v>23760</v>
      </c>
      <c r="Q2286">
        <v>0</v>
      </c>
      <c r="R2286">
        <v>74195</v>
      </c>
      <c r="S2286">
        <v>0</v>
      </c>
      <c r="T2286">
        <v>0</v>
      </c>
      <c r="U2286">
        <v>0</v>
      </c>
      <c r="V2286">
        <v>2</v>
      </c>
      <c r="W2286">
        <v>2</v>
      </c>
      <c r="X2286">
        <v>0</v>
      </c>
      <c r="Y2286">
        <v>61</v>
      </c>
      <c r="Z2286">
        <v>30</v>
      </c>
      <c r="AA2286">
        <v>121</v>
      </c>
      <c r="AB2286">
        <v>64</v>
      </c>
      <c r="AC2286">
        <v>261</v>
      </c>
      <c r="AD2286">
        <v>38</v>
      </c>
      <c r="AE2286">
        <v>96</v>
      </c>
      <c r="AF2286">
        <v>0</v>
      </c>
      <c r="AG2286">
        <v>124196</v>
      </c>
      <c r="AH2286">
        <v>50000</v>
      </c>
      <c r="AI2286">
        <v>1</v>
      </c>
      <c r="AJ2286">
        <v>96</v>
      </c>
      <c r="AK2286" t="s">
        <v>4</v>
      </c>
      <c r="AL2286">
        <v>0</v>
      </c>
      <c r="AM2286">
        <v>0</v>
      </c>
      <c r="AN2286">
        <v>0</v>
      </c>
      <c r="AO2286">
        <v>0</v>
      </c>
      <c r="AP2286">
        <v>0</v>
      </c>
      <c r="AQ2286">
        <v>0</v>
      </c>
      <c r="AR2286">
        <v>0</v>
      </c>
      <c r="AS2286">
        <v>0</v>
      </c>
      <c r="AT2286">
        <v>0</v>
      </c>
      <c r="AU2286">
        <v>0</v>
      </c>
      <c r="AV2286">
        <v>0</v>
      </c>
      <c r="AW2286">
        <v>0</v>
      </c>
      <c r="AX2286">
        <v>-1620</v>
      </c>
      <c r="AY2286">
        <v>51</v>
      </c>
      <c r="AZ2286">
        <v>126</v>
      </c>
      <c r="BA2286">
        <v>7599</v>
      </c>
    </row>
    <row r="2287" spans="1:53" x14ac:dyDescent="0.4">
      <c r="A2287">
        <v>2331</v>
      </c>
      <c r="B2287" s="1">
        <v>43556</v>
      </c>
      <c r="C2287">
        <v>3</v>
      </c>
      <c r="D2287" s="1">
        <v>43556.745833333334</v>
      </c>
      <c r="E2287" s="1">
        <v>43556.947222222225</v>
      </c>
      <c r="F2287">
        <v>38900</v>
      </c>
      <c r="G2287">
        <v>2220</v>
      </c>
      <c r="H2287">
        <v>0</v>
      </c>
      <c r="I2287">
        <v>0</v>
      </c>
      <c r="J2287">
        <v>0</v>
      </c>
      <c r="K2287">
        <v>0</v>
      </c>
      <c r="L2287">
        <v>0</v>
      </c>
      <c r="M2287">
        <v>3290</v>
      </c>
      <c r="N2287">
        <v>0</v>
      </c>
      <c r="O2287">
        <v>0</v>
      </c>
      <c r="P2287">
        <v>-22464</v>
      </c>
      <c r="Q2287">
        <v>0</v>
      </c>
      <c r="R2287">
        <v>21946</v>
      </c>
      <c r="S2287">
        <v>0</v>
      </c>
      <c r="T2287">
        <v>0</v>
      </c>
      <c r="U2287">
        <v>0</v>
      </c>
      <c r="V2287">
        <v>4</v>
      </c>
      <c r="W2287">
        <v>2</v>
      </c>
      <c r="X2287">
        <v>0</v>
      </c>
      <c r="Y2287">
        <v>63</v>
      </c>
      <c r="Z2287">
        <v>31</v>
      </c>
      <c r="AA2287">
        <v>114</v>
      </c>
      <c r="AB2287">
        <v>64</v>
      </c>
      <c r="AC2287">
        <v>276</v>
      </c>
      <c r="AD2287">
        <v>39</v>
      </c>
      <c r="AE2287">
        <v>86</v>
      </c>
      <c r="AF2287">
        <v>0</v>
      </c>
      <c r="AG2287">
        <v>146141</v>
      </c>
      <c r="AH2287">
        <v>50000</v>
      </c>
      <c r="AI2287">
        <v>0</v>
      </c>
      <c r="AJ2287">
        <v>84</v>
      </c>
      <c r="AK2287" t="s">
        <v>16</v>
      </c>
      <c r="AL2287">
        <v>0</v>
      </c>
      <c r="AM2287">
        <v>0</v>
      </c>
      <c r="AN2287">
        <v>0</v>
      </c>
      <c r="AO2287">
        <v>0</v>
      </c>
      <c r="AP2287">
        <v>0</v>
      </c>
      <c r="AQ2287">
        <v>0</v>
      </c>
      <c r="AR2287">
        <v>0</v>
      </c>
      <c r="AS2287">
        <v>0</v>
      </c>
      <c r="AT2287">
        <v>0</v>
      </c>
      <c r="AU2287">
        <v>0</v>
      </c>
      <c r="AV2287">
        <v>0</v>
      </c>
      <c r="AW2287">
        <v>0</v>
      </c>
      <c r="AX2287">
        <v>1080</v>
      </c>
      <c r="AY2287">
        <v>8</v>
      </c>
      <c r="AZ2287">
        <v>25</v>
      </c>
      <c r="BA2287">
        <v>2417</v>
      </c>
    </row>
    <row r="2288" spans="1:53" x14ac:dyDescent="0.4">
      <c r="A2288">
        <v>2332</v>
      </c>
      <c r="B2288" s="1">
        <v>43556</v>
      </c>
      <c r="C2288">
        <v>4</v>
      </c>
      <c r="D2288" s="1">
        <v>43556.947222222225</v>
      </c>
      <c r="E2288" s="1">
        <v>43557.15347222222</v>
      </c>
      <c r="F2288">
        <v>3900</v>
      </c>
      <c r="G2288">
        <v>0</v>
      </c>
      <c r="H2288">
        <v>0</v>
      </c>
      <c r="I2288">
        <v>0</v>
      </c>
      <c r="J2288">
        <v>0</v>
      </c>
      <c r="K2288">
        <v>500</v>
      </c>
      <c r="L2288">
        <v>0</v>
      </c>
      <c r="M2288">
        <v>352</v>
      </c>
      <c r="N2288">
        <v>0</v>
      </c>
      <c r="O2288">
        <v>0</v>
      </c>
      <c r="P2288">
        <v>5724</v>
      </c>
      <c r="Q2288">
        <v>0</v>
      </c>
      <c r="R2288">
        <v>10476</v>
      </c>
      <c r="S2288">
        <v>0</v>
      </c>
      <c r="T2288">
        <v>0</v>
      </c>
      <c r="U2288">
        <v>0</v>
      </c>
      <c r="V2288">
        <v>4</v>
      </c>
      <c r="W2288">
        <v>3</v>
      </c>
      <c r="X2288">
        <v>0</v>
      </c>
      <c r="Y2288">
        <v>69</v>
      </c>
      <c r="Z2288">
        <v>32</v>
      </c>
      <c r="AA2288">
        <v>104</v>
      </c>
      <c r="AB2288">
        <v>62</v>
      </c>
      <c r="AC2288">
        <v>282</v>
      </c>
      <c r="AD2288">
        <v>41</v>
      </c>
      <c r="AE2288">
        <v>92</v>
      </c>
      <c r="AF2288">
        <v>0</v>
      </c>
      <c r="AG2288">
        <v>156617</v>
      </c>
      <c r="AH2288">
        <v>50000</v>
      </c>
      <c r="AI2288">
        <v>0</v>
      </c>
      <c r="AJ2288">
        <v>95</v>
      </c>
      <c r="AK2288" t="s">
        <v>21</v>
      </c>
      <c r="AL2288">
        <v>0</v>
      </c>
      <c r="AM2288">
        <v>0</v>
      </c>
      <c r="AN2288">
        <v>0</v>
      </c>
      <c r="AO2288">
        <v>0</v>
      </c>
      <c r="AP2288">
        <v>0</v>
      </c>
      <c r="AQ2288">
        <v>0</v>
      </c>
      <c r="AR2288">
        <v>0</v>
      </c>
      <c r="AS2288">
        <v>0</v>
      </c>
      <c r="AT2288">
        <v>0</v>
      </c>
      <c r="AU2288">
        <v>0</v>
      </c>
      <c r="AV2288">
        <v>0</v>
      </c>
      <c r="AW2288">
        <v>0</v>
      </c>
      <c r="AX2288">
        <v>0</v>
      </c>
      <c r="AY2288">
        <v>3</v>
      </c>
      <c r="AZ2288">
        <v>6</v>
      </c>
      <c r="BA2288">
        <v>583</v>
      </c>
    </row>
    <row r="2289" spans="1:53" x14ac:dyDescent="0.4">
      <c r="A2289">
        <v>2333</v>
      </c>
      <c r="B2289" s="1">
        <v>43557</v>
      </c>
      <c r="C2289">
        <v>1</v>
      </c>
      <c r="D2289" s="1">
        <v>43557.291666666664</v>
      </c>
      <c r="E2289" s="1">
        <v>43557.411805555559</v>
      </c>
      <c r="F2289">
        <v>0</v>
      </c>
      <c r="G2289">
        <v>0</v>
      </c>
      <c r="H2289">
        <v>0</v>
      </c>
      <c r="I2289">
        <v>0</v>
      </c>
      <c r="J2289">
        <v>0</v>
      </c>
      <c r="K2289">
        <v>0</v>
      </c>
      <c r="L2289">
        <v>0</v>
      </c>
      <c r="M2289">
        <v>0</v>
      </c>
      <c r="N2289">
        <v>0</v>
      </c>
      <c r="O2289">
        <v>0</v>
      </c>
      <c r="P2289">
        <v>0</v>
      </c>
      <c r="Q2289">
        <v>0</v>
      </c>
      <c r="R2289">
        <v>0</v>
      </c>
      <c r="S2289">
        <v>0</v>
      </c>
      <c r="T2289">
        <v>0</v>
      </c>
      <c r="U2289">
        <v>0</v>
      </c>
      <c r="V2289">
        <v>0</v>
      </c>
      <c r="W2289">
        <v>0</v>
      </c>
      <c r="X2289">
        <v>0</v>
      </c>
      <c r="Y2289">
        <v>30</v>
      </c>
      <c r="Z2289">
        <v>12</v>
      </c>
      <c r="AA2289">
        <v>103</v>
      </c>
      <c r="AB2289">
        <v>54</v>
      </c>
      <c r="AC2289">
        <v>70</v>
      </c>
      <c r="AD2289">
        <v>42</v>
      </c>
      <c r="AE2289">
        <v>90</v>
      </c>
      <c r="AF2289">
        <v>0</v>
      </c>
      <c r="AG2289">
        <v>50000</v>
      </c>
      <c r="AH2289">
        <v>0</v>
      </c>
      <c r="AI2289">
        <v>50000</v>
      </c>
      <c r="AJ2289">
        <v>0</v>
      </c>
      <c r="AK2289" t="s">
        <v>6</v>
      </c>
      <c r="AL2289">
        <v>0</v>
      </c>
      <c r="AM2289">
        <v>0</v>
      </c>
      <c r="AN2289">
        <v>0</v>
      </c>
      <c r="AO2289">
        <v>0</v>
      </c>
      <c r="AP2289">
        <v>0</v>
      </c>
      <c r="AQ2289">
        <v>0</v>
      </c>
      <c r="AR2289">
        <v>0</v>
      </c>
      <c r="AS2289">
        <v>0</v>
      </c>
      <c r="AT2289">
        <v>0</v>
      </c>
      <c r="AU2289">
        <v>0</v>
      </c>
      <c r="AV2289">
        <v>0</v>
      </c>
      <c r="AW2289">
        <v>0</v>
      </c>
      <c r="AX2289">
        <v>0</v>
      </c>
      <c r="AY2289">
        <v>0</v>
      </c>
      <c r="AZ2289">
        <v>0</v>
      </c>
      <c r="BA2289">
        <v>0</v>
      </c>
    </row>
    <row r="2290" spans="1:53" x14ac:dyDescent="0.4">
      <c r="A2290">
        <v>2334</v>
      </c>
      <c r="B2290" s="1">
        <v>43557</v>
      </c>
      <c r="C2290">
        <v>2</v>
      </c>
      <c r="D2290" s="1">
        <v>43557.411805555559</v>
      </c>
      <c r="E2290" s="1">
        <v>43557.737500000003</v>
      </c>
      <c r="F2290">
        <v>44000</v>
      </c>
      <c r="G2290">
        <v>8660</v>
      </c>
      <c r="H2290">
        <v>0</v>
      </c>
      <c r="I2290">
        <v>0</v>
      </c>
      <c r="J2290">
        <v>0</v>
      </c>
      <c r="K2290">
        <v>0</v>
      </c>
      <c r="L2290">
        <v>0</v>
      </c>
      <c r="M2290">
        <v>4212</v>
      </c>
      <c r="N2290">
        <v>0</v>
      </c>
      <c r="O2290">
        <v>0</v>
      </c>
      <c r="P2290">
        <v>24300</v>
      </c>
      <c r="Q2290">
        <v>0</v>
      </c>
      <c r="R2290">
        <v>81172</v>
      </c>
      <c r="S2290">
        <v>0</v>
      </c>
      <c r="T2290">
        <v>0</v>
      </c>
      <c r="U2290">
        <v>0</v>
      </c>
      <c r="V2290">
        <v>1</v>
      </c>
      <c r="W2290">
        <v>1</v>
      </c>
      <c r="X2290">
        <v>0</v>
      </c>
      <c r="Y2290">
        <v>71</v>
      </c>
      <c r="Z2290">
        <v>52</v>
      </c>
      <c r="AA2290">
        <v>141</v>
      </c>
      <c r="AB2290">
        <v>56</v>
      </c>
      <c r="AC2290">
        <v>193</v>
      </c>
      <c r="AD2290">
        <v>51</v>
      </c>
      <c r="AE2290">
        <v>87</v>
      </c>
      <c r="AF2290">
        <v>0</v>
      </c>
      <c r="AG2290">
        <v>131172</v>
      </c>
      <c r="AH2290">
        <v>50000</v>
      </c>
      <c r="AI2290">
        <v>0</v>
      </c>
      <c r="AJ2290">
        <v>96</v>
      </c>
      <c r="AK2290" t="s">
        <v>4</v>
      </c>
      <c r="AL2290">
        <v>0</v>
      </c>
      <c r="AM2290">
        <v>0</v>
      </c>
      <c r="AN2290">
        <v>0</v>
      </c>
      <c r="AO2290">
        <v>0</v>
      </c>
      <c r="AP2290">
        <v>0</v>
      </c>
      <c r="AQ2290">
        <v>0</v>
      </c>
      <c r="AR2290">
        <v>0</v>
      </c>
      <c r="AS2290">
        <v>0</v>
      </c>
      <c r="AT2290">
        <v>0</v>
      </c>
      <c r="AU2290">
        <v>0</v>
      </c>
      <c r="AV2290">
        <v>0</v>
      </c>
      <c r="AW2290">
        <v>0</v>
      </c>
      <c r="AX2290">
        <v>2484</v>
      </c>
      <c r="AY2290">
        <v>52</v>
      </c>
      <c r="AZ2290">
        <v>133</v>
      </c>
      <c r="BA2290">
        <v>7578</v>
      </c>
    </row>
    <row r="2291" spans="1:53" x14ac:dyDescent="0.4">
      <c r="A2291">
        <v>2335</v>
      </c>
      <c r="B2291" s="1">
        <v>43557</v>
      </c>
      <c r="C2291">
        <v>3</v>
      </c>
      <c r="D2291" s="1">
        <v>43557.737500000003</v>
      </c>
      <c r="E2291" s="1">
        <v>43557.950694444444</v>
      </c>
      <c r="F2291">
        <v>23500</v>
      </c>
      <c r="G2291">
        <v>2800</v>
      </c>
      <c r="H2291">
        <v>0</v>
      </c>
      <c r="I2291">
        <v>0</v>
      </c>
      <c r="J2291">
        <v>0</v>
      </c>
      <c r="K2291">
        <v>0</v>
      </c>
      <c r="L2291">
        <v>0</v>
      </c>
      <c r="M2291">
        <v>2104</v>
      </c>
      <c r="N2291">
        <v>0</v>
      </c>
      <c r="O2291">
        <v>0</v>
      </c>
      <c r="P2291">
        <v>-24300</v>
      </c>
      <c r="Q2291">
        <v>0</v>
      </c>
      <c r="R2291">
        <v>4104</v>
      </c>
      <c r="S2291">
        <v>0</v>
      </c>
      <c r="T2291">
        <v>0</v>
      </c>
      <c r="U2291">
        <v>0</v>
      </c>
      <c r="V2291">
        <v>1</v>
      </c>
      <c r="W2291">
        <v>1</v>
      </c>
      <c r="X2291">
        <v>0</v>
      </c>
      <c r="Y2291">
        <v>76</v>
      </c>
      <c r="Z2291">
        <v>51</v>
      </c>
      <c r="AA2291">
        <v>136</v>
      </c>
      <c r="AB2291">
        <v>57</v>
      </c>
      <c r="AC2291">
        <v>197</v>
      </c>
      <c r="AD2291">
        <v>52</v>
      </c>
      <c r="AE2291">
        <v>96</v>
      </c>
      <c r="AF2291">
        <v>0</v>
      </c>
      <c r="AG2291">
        <v>135276</v>
      </c>
      <c r="AH2291">
        <v>50000</v>
      </c>
      <c r="AI2291">
        <v>0</v>
      </c>
      <c r="AJ2291">
        <v>84</v>
      </c>
      <c r="AK2291" t="s">
        <v>16</v>
      </c>
      <c r="AL2291">
        <v>0</v>
      </c>
      <c r="AM2291">
        <v>0</v>
      </c>
      <c r="AN2291">
        <v>0</v>
      </c>
      <c r="AO2291">
        <v>0</v>
      </c>
      <c r="AP2291">
        <v>0</v>
      </c>
      <c r="AQ2291">
        <v>0</v>
      </c>
      <c r="AR2291">
        <v>0</v>
      </c>
      <c r="AS2291">
        <v>0</v>
      </c>
      <c r="AT2291">
        <v>0</v>
      </c>
      <c r="AU2291">
        <v>0</v>
      </c>
      <c r="AV2291">
        <v>0</v>
      </c>
      <c r="AW2291">
        <v>0</v>
      </c>
      <c r="AX2291">
        <v>4946</v>
      </c>
      <c r="AY2291">
        <v>4</v>
      </c>
      <c r="AZ2291">
        <v>10</v>
      </c>
      <c r="BA2291">
        <v>1729</v>
      </c>
    </row>
    <row r="2292" spans="1:53" x14ac:dyDescent="0.4">
      <c r="A2292">
        <v>2336</v>
      </c>
      <c r="B2292" s="1">
        <v>43558</v>
      </c>
      <c r="C2292">
        <v>1</v>
      </c>
      <c r="D2292" s="1">
        <v>43558.291666666664</v>
      </c>
      <c r="E2292" s="1">
        <v>43558.412499999999</v>
      </c>
      <c r="F2292">
        <v>0</v>
      </c>
      <c r="G2292">
        <v>0</v>
      </c>
      <c r="H2292">
        <v>0</v>
      </c>
      <c r="I2292">
        <v>0</v>
      </c>
      <c r="J2292">
        <v>0</v>
      </c>
      <c r="K2292">
        <v>0</v>
      </c>
      <c r="L2292">
        <v>0</v>
      </c>
      <c r="M2292">
        <v>0</v>
      </c>
      <c r="N2292">
        <v>0</v>
      </c>
      <c r="O2292">
        <v>0</v>
      </c>
      <c r="P2292">
        <v>0</v>
      </c>
      <c r="Q2292">
        <v>0</v>
      </c>
      <c r="R2292">
        <v>0</v>
      </c>
      <c r="S2292">
        <v>0</v>
      </c>
      <c r="T2292">
        <v>0</v>
      </c>
      <c r="U2292">
        <v>0</v>
      </c>
      <c r="V2292">
        <v>0</v>
      </c>
      <c r="W2292">
        <v>1</v>
      </c>
      <c r="X2292">
        <v>0</v>
      </c>
      <c r="Y2292">
        <v>31</v>
      </c>
      <c r="Z2292">
        <v>4</v>
      </c>
      <c r="AA2292">
        <v>79</v>
      </c>
      <c r="AB2292">
        <v>56</v>
      </c>
      <c r="AC2292">
        <v>95</v>
      </c>
      <c r="AD2292">
        <v>53</v>
      </c>
      <c r="AE2292">
        <v>85</v>
      </c>
      <c r="AF2292">
        <v>0</v>
      </c>
      <c r="AG2292">
        <v>50000</v>
      </c>
      <c r="AH2292">
        <v>0</v>
      </c>
      <c r="AI2292">
        <v>50000</v>
      </c>
      <c r="AJ2292">
        <v>0</v>
      </c>
      <c r="AK2292" t="s">
        <v>6</v>
      </c>
      <c r="AL2292">
        <v>0</v>
      </c>
      <c r="AM2292">
        <v>0</v>
      </c>
      <c r="AN2292">
        <v>0</v>
      </c>
      <c r="AO2292">
        <v>0</v>
      </c>
      <c r="AP2292">
        <v>0</v>
      </c>
      <c r="AQ2292">
        <v>0</v>
      </c>
      <c r="AR2292">
        <v>0</v>
      </c>
      <c r="AS2292">
        <v>0</v>
      </c>
      <c r="AT2292">
        <v>0</v>
      </c>
      <c r="AU2292">
        <v>0</v>
      </c>
      <c r="AV2292">
        <v>0</v>
      </c>
      <c r="AW2292">
        <v>0</v>
      </c>
      <c r="AX2292">
        <v>0</v>
      </c>
      <c r="AY2292">
        <v>0</v>
      </c>
      <c r="AZ2292">
        <v>0</v>
      </c>
      <c r="BA2292">
        <v>0</v>
      </c>
    </row>
    <row r="2293" spans="1:53" x14ac:dyDescent="0.4">
      <c r="A2293">
        <v>2337</v>
      </c>
      <c r="B2293" s="1">
        <v>43558</v>
      </c>
      <c r="C2293">
        <v>2</v>
      </c>
      <c r="D2293" s="1">
        <v>43558.412499999999</v>
      </c>
      <c r="E2293" s="1">
        <v>43558.727777777778</v>
      </c>
      <c r="F2293">
        <v>43500</v>
      </c>
      <c r="G2293">
        <v>3420</v>
      </c>
      <c r="H2293">
        <v>0</v>
      </c>
      <c r="I2293">
        <v>0</v>
      </c>
      <c r="J2293">
        <v>0</v>
      </c>
      <c r="K2293">
        <v>0</v>
      </c>
      <c r="L2293">
        <v>0</v>
      </c>
      <c r="M2293">
        <v>3753</v>
      </c>
      <c r="N2293">
        <v>0</v>
      </c>
      <c r="O2293">
        <v>0</v>
      </c>
      <c r="P2293">
        <v>12960</v>
      </c>
      <c r="Q2293">
        <v>0</v>
      </c>
      <c r="R2293">
        <v>63633</v>
      </c>
      <c r="S2293">
        <v>0</v>
      </c>
      <c r="T2293">
        <v>0</v>
      </c>
      <c r="U2293">
        <v>0</v>
      </c>
      <c r="V2293">
        <v>1</v>
      </c>
      <c r="W2293">
        <v>4</v>
      </c>
      <c r="X2293">
        <v>0</v>
      </c>
      <c r="Y2293">
        <v>65</v>
      </c>
      <c r="Z2293">
        <v>13</v>
      </c>
      <c r="AA2293">
        <v>77</v>
      </c>
      <c r="AB2293">
        <v>50</v>
      </c>
      <c r="AC2293">
        <v>158</v>
      </c>
      <c r="AD2293">
        <v>54</v>
      </c>
      <c r="AE2293">
        <v>83</v>
      </c>
      <c r="AF2293">
        <v>0</v>
      </c>
      <c r="AG2293">
        <v>113633</v>
      </c>
      <c r="AH2293">
        <v>50000</v>
      </c>
      <c r="AI2293">
        <v>0</v>
      </c>
      <c r="AJ2293">
        <v>96</v>
      </c>
      <c r="AK2293" t="s">
        <v>4</v>
      </c>
      <c r="AL2293">
        <v>0</v>
      </c>
      <c r="AM2293">
        <v>0</v>
      </c>
      <c r="AN2293">
        <v>0</v>
      </c>
      <c r="AO2293">
        <v>0</v>
      </c>
      <c r="AP2293">
        <v>0</v>
      </c>
      <c r="AQ2293">
        <v>0</v>
      </c>
      <c r="AR2293">
        <v>0</v>
      </c>
      <c r="AS2293">
        <v>0</v>
      </c>
      <c r="AT2293">
        <v>0</v>
      </c>
      <c r="AU2293">
        <v>0</v>
      </c>
      <c r="AV2293">
        <v>0</v>
      </c>
      <c r="AW2293">
        <v>0</v>
      </c>
      <c r="AX2293">
        <v>1144</v>
      </c>
      <c r="AY2293">
        <v>44</v>
      </c>
      <c r="AZ2293">
        <v>109</v>
      </c>
      <c r="BA2293">
        <v>6934</v>
      </c>
    </row>
    <row r="2294" spans="1:53" x14ac:dyDescent="0.4">
      <c r="A2294">
        <v>2338</v>
      </c>
      <c r="B2294" s="1">
        <v>43558</v>
      </c>
      <c r="C2294">
        <v>3</v>
      </c>
      <c r="D2294" s="1">
        <v>43558.727777777778</v>
      </c>
      <c r="E2294" s="1">
        <v>43558.955555555556</v>
      </c>
      <c r="F2294">
        <v>17500</v>
      </c>
      <c r="G2294">
        <v>1740</v>
      </c>
      <c r="H2294">
        <v>0</v>
      </c>
      <c r="I2294">
        <v>0</v>
      </c>
      <c r="J2294">
        <v>0</v>
      </c>
      <c r="K2294">
        <v>0</v>
      </c>
      <c r="L2294">
        <v>0</v>
      </c>
      <c r="M2294">
        <v>1538</v>
      </c>
      <c r="N2294">
        <v>0</v>
      </c>
      <c r="O2294">
        <v>0</v>
      </c>
      <c r="P2294">
        <v>-12960</v>
      </c>
      <c r="Q2294">
        <v>0</v>
      </c>
      <c r="R2294">
        <v>7818</v>
      </c>
      <c r="S2294">
        <v>0</v>
      </c>
      <c r="T2294">
        <v>0</v>
      </c>
      <c r="U2294">
        <v>0</v>
      </c>
      <c r="V2294">
        <v>1</v>
      </c>
      <c r="W2294">
        <v>5</v>
      </c>
      <c r="X2294">
        <v>0</v>
      </c>
      <c r="Y2294">
        <v>68</v>
      </c>
      <c r="Z2294">
        <v>13</v>
      </c>
      <c r="AA2294">
        <v>75</v>
      </c>
      <c r="AB2294">
        <v>48</v>
      </c>
      <c r="AC2294">
        <v>160</v>
      </c>
      <c r="AD2294">
        <v>54</v>
      </c>
      <c r="AE2294">
        <v>81</v>
      </c>
      <c r="AF2294">
        <v>0</v>
      </c>
      <c r="AG2294">
        <v>121351</v>
      </c>
      <c r="AH2294">
        <v>50000</v>
      </c>
      <c r="AI2294">
        <v>-100</v>
      </c>
      <c r="AJ2294">
        <v>108</v>
      </c>
      <c r="AK2294" t="s">
        <v>30</v>
      </c>
      <c r="AL2294">
        <v>0</v>
      </c>
      <c r="AM2294">
        <v>0</v>
      </c>
      <c r="AN2294">
        <v>0</v>
      </c>
      <c r="AO2294">
        <v>0</v>
      </c>
      <c r="AP2294">
        <v>0</v>
      </c>
      <c r="AQ2294">
        <v>0</v>
      </c>
      <c r="AR2294">
        <v>0</v>
      </c>
      <c r="AS2294">
        <v>0</v>
      </c>
      <c r="AT2294">
        <v>0</v>
      </c>
      <c r="AU2294">
        <v>0</v>
      </c>
      <c r="AV2294">
        <v>0</v>
      </c>
      <c r="AW2294">
        <v>0</v>
      </c>
      <c r="AX2294">
        <v>42660</v>
      </c>
      <c r="AY2294">
        <v>11</v>
      </c>
      <c r="AZ2294">
        <v>38</v>
      </c>
      <c r="BA2294">
        <v>1824</v>
      </c>
    </row>
    <row r="2295" spans="1:53" x14ac:dyDescent="0.4">
      <c r="A2295">
        <v>2339</v>
      </c>
      <c r="B2295" s="1">
        <v>43559</v>
      </c>
      <c r="C2295">
        <v>1</v>
      </c>
      <c r="D2295" s="1">
        <v>43559.291666666664</v>
      </c>
      <c r="E2295" s="1">
        <v>43559.408333333333</v>
      </c>
      <c r="F2295">
        <v>0</v>
      </c>
      <c r="G2295">
        <v>0</v>
      </c>
      <c r="H2295">
        <v>0</v>
      </c>
      <c r="I2295">
        <v>0</v>
      </c>
      <c r="J2295">
        <v>0</v>
      </c>
      <c r="K2295">
        <v>0</v>
      </c>
      <c r="L2295">
        <v>0</v>
      </c>
      <c r="M2295">
        <v>0</v>
      </c>
      <c r="N2295">
        <v>0</v>
      </c>
      <c r="O2295">
        <v>0</v>
      </c>
      <c r="P2295">
        <v>0</v>
      </c>
      <c r="Q2295">
        <v>0</v>
      </c>
      <c r="R2295">
        <v>0</v>
      </c>
      <c r="S2295">
        <v>0</v>
      </c>
      <c r="T2295">
        <v>0</v>
      </c>
      <c r="U2295">
        <v>0</v>
      </c>
      <c r="V2295">
        <v>0</v>
      </c>
      <c r="W2295">
        <v>0</v>
      </c>
      <c r="X2295">
        <v>0</v>
      </c>
      <c r="Y2295">
        <v>35</v>
      </c>
      <c r="Z2295">
        <v>9</v>
      </c>
      <c r="AA2295">
        <v>68</v>
      </c>
      <c r="AB2295">
        <v>45</v>
      </c>
      <c r="AC2295">
        <v>110</v>
      </c>
      <c r="AD2295">
        <v>54</v>
      </c>
      <c r="AE2295">
        <v>80</v>
      </c>
      <c r="AF2295">
        <v>0</v>
      </c>
      <c r="AG2295">
        <v>50000</v>
      </c>
      <c r="AH2295">
        <v>0</v>
      </c>
      <c r="AI2295">
        <v>50000</v>
      </c>
      <c r="AJ2295">
        <v>0</v>
      </c>
      <c r="AK2295" t="s">
        <v>6</v>
      </c>
      <c r="AL2295">
        <v>0</v>
      </c>
      <c r="AM2295">
        <v>0</v>
      </c>
      <c r="AN2295">
        <v>0</v>
      </c>
      <c r="AO2295">
        <v>0</v>
      </c>
      <c r="AP2295">
        <v>0</v>
      </c>
      <c r="AQ2295">
        <v>0</v>
      </c>
      <c r="AR2295">
        <v>0</v>
      </c>
      <c r="AS2295">
        <v>0</v>
      </c>
      <c r="AT2295">
        <v>0</v>
      </c>
      <c r="AU2295">
        <v>0</v>
      </c>
      <c r="AV2295">
        <v>0</v>
      </c>
      <c r="AW2295">
        <v>0</v>
      </c>
      <c r="AX2295">
        <v>0</v>
      </c>
      <c r="AY2295">
        <v>0</v>
      </c>
      <c r="AZ2295">
        <v>0</v>
      </c>
      <c r="BA2295">
        <v>0</v>
      </c>
    </row>
    <row r="2296" spans="1:53" x14ac:dyDescent="0.4">
      <c r="A2296">
        <v>2340</v>
      </c>
      <c r="B2296" s="1">
        <v>43559</v>
      </c>
      <c r="C2296">
        <v>2</v>
      </c>
      <c r="D2296" s="1">
        <v>43559.408333333333</v>
      </c>
      <c r="E2296" s="1">
        <v>43559.742361111108</v>
      </c>
      <c r="F2296">
        <v>30500</v>
      </c>
      <c r="G2296">
        <v>1260</v>
      </c>
      <c r="H2296">
        <v>0</v>
      </c>
      <c r="I2296">
        <v>0</v>
      </c>
      <c r="J2296">
        <v>0</v>
      </c>
      <c r="K2296">
        <v>0</v>
      </c>
      <c r="L2296">
        <v>0</v>
      </c>
      <c r="M2296">
        <v>2540</v>
      </c>
      <c r="N2296">
        <v>0</v>
      </c>
      <c r="O2296">
        <v>0</v>
      </c>
      <c r="P2296">
        <v>10260</v>
      </c>
      <c r="Q2296">
        <v>0</v>
      </c>
      <c r="R2296">
        <v>44560</v>
      </c>
      <c r="S2296">
        <v>0</v>
      </c>
      <c r="T2296">
        <v>0</v>
      </c>
      <c r="U2296">
        <v>0</v>
      </c>
      <c r="V2296">
        <v>0</v>
      </c>
      <c r="W2296">
        <v>2</v>
      </c>
      <c r="X2296">
        <v>0</v>
      </c>
      <c r="Y2296">
        <v>59</v>
      </c>
      <c r="Z2296">
        <v>21</v>
      </c>
      <c r="AA2296">
        <v>61</v>
      </c>
      <c r="AB2296">
        <v>39</v>
      </c>
      <c r="AC2296">
        <v>184</v>
      </c>
      <c r="AD2296">
        <v>57</v>
      </c>
      <c r="AE2296">
        <v>85</v>
      </c>
      <c r="AF2296">
        <v>4700</v>
      </c>
      <c r="AG2296">
        <v>94460</v>
      </c>
      <c r="AH2296">
        <v>50000</v>
      </c>
      <c r="AI2296">
        <v>-100</v>
      </c>
      <c r="AJ2296">
        <v>29</v>
      </c>
      <c r="AK2296" t="s">
        <v>28</v>
      </c>
      <c r="AL2296">
        <v>0</v>
      </c>
      <c r="AM2296">
        <v>0</v>
      </c>
      <c r="AN2296">
        <v>0</v>
      </c>
      <c r="AO2296">
        <v>0</v>
      </c>
      <c r="AP2296">
        <v>0</v>
      </c>
      <c r="AQ2296">
        <v>0</v>
      </c>
      <c r="AR2296">
        <v>0</v>
      </c>
      <c r="AS2296">
        <v>0</v>
      </c>
      <c r="AT2296">
        <v>0</v>
      </c>
      <c r="AU2296">
        <v>0</v>
      </c>
      <c r="AV2296">
        <v>0</v>
      </c>
      <c r="AW2296">
        <v>0</v>
      </c>
      <c r="AX2296">
        <v>-1080</v>
      </c>
      <c r="AY2296">
        <v>37</v>
      </c>
      <c r="AZ2296">
        <v>78</v>
      </c>
      <c r="BA2296">
        <v>5841</v>
      </c>
    </row>
    <row r="2297" spans="1:53" x14ac:dyDescent="0.4">
      <c r="A2297">
        <v>2341</v>
      </c>
      <c r="B2297" s="1">
        <v>43559</v>
      </c>
      <c r="C2297">
        <v>3</v>
      </c>
      <c r="D2297" s="1">
        <v>43559.742361111108</v>
      </c>
      <c r="E2297" s="1">
        <v>43559.943055555559</v>
      </c>
      <c r="F2297">
        <v>31560</v>
      </c>
      <c r="G2297">
        <v>0</v>
      </c>
      <c r="H2297">
        <v>0</v>
      </c>
      <c r="I2297">
        <v>0</v>
      </c>
      <c r="J2297">
        <v>0</v>
      </c>
      <c r="K2297">
        <v>0</v>
      </c>
      <c r="L2297">
        <v>0</v>
      </c>
      <c r="M2297">
        <v>2525</v>
      </c>
      <c r="N2297">
        <v>0</v>
      </c>
      <c r="O2297">
        <v>0</v>
      </c>
      <c r="P2297">
        <v>6588</v>
      </c>
      <c r="Q2297">
        <v>0</v>
      </c>
      <c r="R2297">
        <v>40673</v>
      </c>
      <c r="S2297">
        <v>0</v>
      </c>
      <c r="T2297">
        <v>0</v>
      </c>
      <c r="U2297">
        <v>0</v>
      </c>
      <c r="V2297">
        <v>2</v>
      </c>
      <c r="W2297">
        <v>4</v>
      </c>
      <c r="X2297">
        <v>0</v>
      </c>
      <c r="Y2297">
        <v>71</v>
      </c>
      <c r="Z2297">
        <v>19</v>
      </c>
      <c r="AA2297">
        <v>40</v>
      </c>
      <c r="AB2297">
        <v>40</v>
      </c>
      <c r="AC2297">
        <v>168</v>
      </c>
      <c r="AD2297">
        <v>54</v>
      </c>
      <c r="AE2297">
        <v>82</v>
      </c>
      <c r="AF2297">
        <v>6601</v>
      </c>
      <c r="AG2297">
        <v>135133</v>
      </c>
      <c r="AH2297">
        <v>50000</v>
      </c>
      <c r="AI2297">
        <v>-100</v>
      </c>
      <c r="AJ2297">
        <v>99</v>
      </c>
      <c r="AK2297" t="s">
        <v>9</v>
      </c>
      <c r="AL2297">
        <v>0</v>
      </c>
      <c r="AM2297">
        <v>0</v>
      </c>
      <c r="AN2297">
        <v>0</v>
      </c>
      <c r="AO2297">
        <v>0</v>
      </c>
      <c r="AP2297">
        <v>0</v>
      </c>
      <c r="AQ2297">
        <v>0</v>
      </c>
      <c r="AR2297">
        <v>0</v>
      </c>
      <c r="AS2297">
        <v>0</v>
      </c>
      <c r="AT2297">
        <v>0</v>
      </c>
      <c r="AU2297">
        <v>0</v>
      </c>
      <c r="AV2297">
        <v>0</v>
      </c>
      <c r="AW2297">
        <v>0</v>
      </c>
      <c r="AX2297">
        <v>4460</v>
      </c>
      <c r="AY2297">
        <v>17</v>
      </c>
      <c r="AZ2297">
        <v>41</v>
      </c>
      <c r="BA2297">
        <v>2603</v>
      </c>
    </row>
    <row r="2298" spans="1:53" x14ac:dyDescent="0.4">
      <c r="A2298">
        <v>2342</v>
      </c>
      <c r="B2298" s="1">
        <v>43560</v>
      </c>
      <c r="C2298">
        <v>1</v>
      </c>
      <c r="D2298" s="1">
        <v>43560.291666666664</v>
      </c>
      <c r="E2298" s="1">
        <v>43560.413194444445</v>
      </c>
      <c r="F2298">
        <v>0</v>
      </c>
      <c r="G2298">
        <v>0</v>
      </c>
      <c r="H2298">
        <v>0</v>
      </c>
      <c r="I2298">
        <v>0</v>
      </c>
      <c r="J2298">
        <v>0</v>
      </c>
      <c r="K2298">
        <v>0</v>
      </c>
      <c r="L2298">
        <v>0</v>
      </c>
      <c r="M2298">
        <v>0</v>
      </c>
      <c r="N2298">
        <v>0</v>
      </c>
      <c r="O2298">
        <v>0</v>
      </c>
      <c r="P2298">
        <v>0</v>
      </c>
      <c r="Q2298">
        <v>0</v>
      </c>
      <c r="R2298">
        <v>0</v>
      </c>
      <c r="S2298">
        <v>0</v>
      </c>
      <c r="T2298">
        <v>0</v>
      </c>
      <c r="U2298">
        <v>0</v>
      </c>
      <c r="V2298">
        <v>0</v>
      </c>
      <c r="W2298">
        <v>0</v>
      </c>
      <c r="X2298">
        <v>0</v>
      </c>
      <c r="Y2298">
        <v>30</v>
      </c>
      <c r="Z2298">
        <v>6</v>
      </c>
      <c r="AA2298">
        <v>139</v>
      </c>
      <c r="AB2298">
        <v>34</v>
      </c>
      <c r="AC2298">
        <v>105</v>
      </c>
      <c r="AD2298">
        <v>55</v>
      </c>
      <c r="AE2298">
        <v>75</v>
      </c>
      <c r="AF2298">
        <v>0</v>
      </c>
      <c r="AG2298">
        <v>50000</v>
      </c>
      <c r="AH2298">
        <v>0</v>
      </c>
      <c r="AI2298">
        <v>50000</v>
      </c>
      <c r="AJ2298">
        <v>0</v>
      </c>
      <c r="AK2298" t="s">
        <v>6</v>
      </c>
      <c r="AL2298">
        <v>0</v>
      </c>
      <c r="AM2298">
        <v>0</v>
      </c>
      <c r="AN2298">
        <v>0</v>
      </c>
      <c r="AO2298">
        <v>0</v>
      </c>
      <c r="AP2298">
        <v>0</v>
      </c>
      <c r="AQ2298">
        <v>0</v>
      </c>
      <c r="AR2298">
        <v>0</v>
      </c>
      <c r="AS2298">
        <v>0</v>
      </c>
      <c r="AT2298">
        <v>0</v>
      </c>
      <c r="AU2298">
        <v>0</v>
      </c>
      <c r="AV2298">
        <v>0</v>
      </c>
      <c r="AW2298">
        <v>0</v>
      </c>
      <c r="AX2298">
        <v>0</v>
      </c>
      <c r="AY2298">
        <v>0</v>
      </c>
      <c r="AZ2298">
        <v>0</v>
      </c>
      <c r="BA2298">
        <v>0</v>
      </c>
    </row>
    <row r="2299" spans="1:53" x14ac:dyDescent="0.4">
      <c r="A2299">
        <v>2343</v>
      </c>
      <c r="B2299" s="1">
        <v>43560</v>
      </c>
      <c r="C2299">
        <v>2</v>
      </c>
      <c r="D2299" s="1">
        <v>43560.413194444445</v>
      </c>
      <c r="E2299" s="1">
        <v>43560.743055555555</v>
      </c>
      <c r="F2299">
        <v>28500</v>
      </c>
      <c r="G2299">
        <v>2440</v>
      </c>
      <c r="H2299">
        <v>200</v>
      </c>
      <c r="I2299">
        <v>0</v>
      </c>
      <c r="J2299">
        <v>0</v>
      </c>
      <c r="K2299">
        <v>0</v>
      </c>
      <c r="L2299">
        <v>0</v>
      </c>
      <c r="M2299">
        <v>2490</v>
      </c>
      <c r="N2299">
        <v>0</v>
      </c>
      <c r="O2299">
        <v>0</v>
      </c>
      <c r="P2299">
        <v>14040</v>
      </c>
      <c r="Q2299">
        <v>0</v>
      </c>
      <c r="R2299">
        <v>47670</v>
      </c>
      <c r="S2299">
        <v>0</v>
      </c>
      <c r="T2299">
        <v>0</v>
      </c>
      <c r="U2299">
        <v>0</v>
      </c>
      <c r="V2299">
        <v>1</v>
      </c>
      <c r="W2299">
        <v>1</v>
      </c>
      <c r="X2299">
        <v>0</v>
      </c>
      <c r="Y2299">
        <v>52</v>
      </c>
      <c r="Z2299">
        <v>19</v>
      </c>
      <c r="AA2299">
        <v>172</v>
      </c>
      <c r="AB2299">
        <v>36</v>
      </c>
      <c r="AC2299">
        <v>180</v>
      </c>
      <c r="AD2299">
        <v>56</v>
      </c>
      <c r="AE2299">
        <v>90</v>
      </c>
      <c r="AF2299">
        <v>0</v>
      </c>
      <c r="AG2299">
        <v>97670</v>
      </c>
      <c r="AH2299">
        <v>50000</v>
      </c>
      <c r="AI2299">
        <v>0</v>
      </c>
      <c r="AJ2299">
        <v>96</v>
      </c>
      <c r="AK2299" t="s">
        <v>4</v>
      </c>
      <c r="AL2299">
        <v>0</v>
      </c>
      <c r="AM2299">
        <v>0</v>
      </c>
      <c r="AN2299">
        <v>0</v>
      </c>
      <c r="AO2299">
        <v>0</v>
      </c>
      <c r="AP2299">
        <v>0</v>
      </c>
      <c r="AQ2299">
        <v>0</v>
      </c>
      <c r="AR2299">
        <v>0</v>
      </c>
      <c r="AS2299">
        <v>0</v>
      </c>
      <c r="AT2299">
        <v>0</v>
      </c>
      <c r="AU2299">
        <v>0</v>
      </c>
      <c r="AV2299">
        <v>0</v>
      </c>
      <c r="AW2299">
        <v>0</v>
      </c>
      <c r="AX2299">
        <v>-1080</v>
      </c>
      <c r="AY2299">
        <v>37</v>
      </c>
      <c r="AZ2299">
        <v>77</v>
      </c>
      <c r="BA2299">
        <v>5357</v>
      </c>
    </row>
    <row r="2300" spans="1:53" x14ac:dyDescent="0.4">
      <c r="A2300">
        <v>2344</v>
      </c>
      <c r="B2300" s="1">
        <v>43561</v>
      </c>
      <c r="C2300">
        <v>1</v>
      </c>
      <c r="D2300" s="1">
        <v>43561.291666666664</v>
      </c>
      <c r="E2300" s="1">
        <v>43561.402777777781</v>
      </c>
      <c r="F2300">
        <v>0</v>
      </c>
      <c r="G2300">
        <v>0</v>
      </c>
      <c r="H2300">
        <v>0</v>
      </c>
      <c r="I2300">
        <v>0</v>
      </c>
      <c r="J2300">
        <v>0</v>
      </c>
      <c r="K2300">
        <v>0</v>
      </c>
      <c r="L2300">
        <v>0</v>
      </c>
      <c r="M2300">
        <v>0</v>
      </c>
      <c r="N2300">
        <v>0</v>
      </c>
      <c r="O2300">
        <v>0</v>
      </c>
      <c r="P2300">
        <v>0</v>
      </c>
      <c r="Q2300">
        <v>0</v>
      </c>
      <c r="R2300">
        <v>0</v>
      </c>
      <c r="S2300">
        <v>0</v>
      </c>
      <c r="T2300">
        <v>0</v>
      </c>
      <c r="U2300">
        <v>0</v>
      </c>
      <c r="V2300">
        <v>0</v>
      </c>
      <c r="W2300">
        <v>0</v>
      </c>
      <c r="X2300">
        <v>0</v>
      </c>
      <c r="Y2300">
        <v>31</v>
      </c>
      <c r="Z2300">
        <v>7</v>
      </c>
      <c r="AA2300">
        <v>125</v>
      </c>
      <c r="AB2300">
        <v>27</v>
      </c>
      <c r="AC2300">
        <v>134</v>
      </c>
      <c r="AD2300">
        <v>47</v>
      </c>
      <c r="AE2300">
        <v>75</v>
      </c>
      <c r="AF2300">
        <v>0</v>
      </c>
      <c r="AG2300">
        <v>50000</v>
      </c>
      <c r="AH2300">
        <v>50000</v>
      </c>
      <c r="AI2300">
        <v>0</v>
      </c>
      <c r="AJ2300">
        <v>0</v>
      </c>
      <c r="AK2300" t="s">
        <v>6</v>
      </c>
      <c r="AL2300">
        <v>0</v>
      </c>
      <c r="AM2300">
        <v>0</v>
      </c>
      <c r="AN2300">
        <v>0</v>
      </c>
      <c r="AO2300">
        <v>0</v>
      </c>
      <c r="AP2300">
        <v>0</v>
      </c>
      <c r="AQ2300">
        <v>0</v>
      </c>
      <c r="AR2300">
        <v>0</v>
      </c>
      <c r="AS2300">
        <v>0</v>
      </c>
      <c r="AT2300">
        <v>0</v>
      </c>
      <c r="AU2300">
        <v>0</v>
      </c>
      <c r="AV2300">
        <v>0</v>
      </c>
      <c r="AW2300">
        <v>0</v>
      </c>
      <c r="AX2300">
        <v>0</v>
      </c>
      <c r="AY2300">
        <v>0</v>
      </c>
      <c r="AZ2300">
        <v>0</v>
      </c>
      <c r="BA2300">
        <v>0</v>
      </c>
    </row>
    <row r="2301" spans="1:53" x14ac:dyDescent="0.4">
      <c r="A2301">
        <v>2345</v>
      </c>
      <c r="B2301" s="1">
        <v>43561</v>
      </c>
      <c r="C2301">
        <v>2</v>
      </c>
      <c r="D2301" s="1">
        <v>43561.402777777781</v>
      </c>
      <c r="E2301" s="1">
        <v>43561.73541666667</v>
      </c>
      <c r="F2301">
        <v>40000</v>
      </c>
      <c r="G2301">
        <v>5020</v>
      </c>
      <c r="H2301">
        <v>0</v>
      </c>
      <c r="I2301">
        <v>0</v>
      </c>
      <c r="J2301">
        <v>0</v>
      </c>
      <c r="K2301">
        <v>0</v>
      </c>
      <c r="L2301">
        <v>0</v>
      </c>
      <c r="M2301">
        <v>3600</v>
      </c>
      <c r="N2301">
        <v>0</v>
      </c>
      <c r="O2301">
        <v>0</v>
      </c>
      <c r="P2301">
        <v>19980</v>
      </c>
      <c r="Q2301">
        <v>0</v>
      </c>
      <c r="R2301">
        <v>68600</v>
      </c>
      <c r="S2301">
        <v>0</v>
      </c>
      <c r="T2301">
        <v>0</v>
      </c>
      <c r="U2301">
        <v>0</v>
      </c>
      <c r="V2301">
        <v>1</v>
      </c>
      <c r="W2301">
        <v>3</v>
      </c>
      <c r="X2301">
        <v>0</v>
      </c>
      <c r="Y2301">
        <v>61</v>
      </c>
      <c r="Z2301">
        <v>27</v>
      </c>
      <c r="AA2301">
        <v>112</v>
      </c>
      <c r="AB2301">
        <v>27</v>
      </c>
      <c r="AC2301">
        <v>198</v>
      </c>
      <c r="AD2301">
        <v>48</v>
      </c>
      <c r="AE2301">
        <v>78</v>
      </c>
      <c r="AF2301">
        <v>4152</v>
      </c>
      <c r="AG2301">
        <v>118500</v>
      </c>
      <c r="AH2301">
        <v>50000</v>
      </c>
      <c r="AI2301">
        <v>-100</v>
      </c>
      <c r="AJ2301">
        <v>30</v>
      </c>
      <c r="AL2301">
        <v>0</v>
      </c>
      <c r="AM2301">
        <v>0</v>
      </c>
      <c r="AN2301">
        <v>0</v>
      </c>
      <c r="AO2301">
        <v>0</v>
      </c>
      <c r="AP2301">
        <v>0</v>
      </c>
      <c r="AQ2301">
        <v>0</v>
      </c>
      <c r="AR2301">
        <v>0</v>
      </c>
      <c r="AS2301">
        <v>0</v>
      </c>
      <c r="AT2301">
        <v>0</v>
      </c>
      <c r="AU2301">
        <v>0</v>
      </c>
      <c r="AV2301">
        <v>0</v>
      </c>
      <c r="AW2301">
        <v>0</v>
      </c>
      <c r="AX2301">
        <v>-1426</v>
      </c>
      <c r="AY2301">
        <v>53</v>
      </c>
      <c r="AZ2301">
        <v>115</v>
      </c>
      <c r="BA2301">
        <v>7604</v>
      </c>
    </row>
    <row r="2302" spans="1:53" x14ac:dyDescent="0.4">
      <c r="A2302">
        <v>2346</v>
      </c>
      <c r="B2302" s="1">
        <v>43562</v>
      </c>
      <c r="C2302">
        <v>1</v>
      </c>
      <c r="D2302" s="1">
        <v>43562.291666666664</v>
      </c>
      <c r="E2302" s="1">
        <v>43562.402777777781</v>
      </c>
      <c r="F2302">
        <v>0</v>
      </c>
      <c r="G2302">
        <v>0</v>
      </c>
      <c r="H2302">
        <v>0</v>
      </c>
      <c r="I2302">
        <v>0</v>
      </c>
      <c r="J2302">
        <v>0</v>
      </c>
      <c r="K2302">
        <v>0</v>
      </c>
      <c r="L2302">
        <v>0</v>
      </c>
      <c r="M2302">
        <v>0</v>
      </c>
      <c r="N2302">
        <v>0</v>
      </c>
      <c r="O2302">
        <v>0</v>
      </c>
      <c r="P2302">
        <v>0</v>
      </c>
      <c r="Q2302">
        <v>0</v>
      </c>
      <c r="R2302">
        <v>0</v>
      </c>
      <c r="S2302">
        <v>0</v>
      </c>
      <c r="T2302">
        <v>0</v>
      </c>
      <c r="U2302">
        <v>0</v>
      </c>
      <c r="V2302">
        <v>0</v>
      </c>
      <c r="W2302">
        <v>0</v>
      </c>
      <c r="X2302">
        <v>0</v>
      </c>
      <c r="Y2302">
        <v>30</v>
      </c>
      <c r="Z2302">
        <v>10</v>
      </c>
      <c r="AA2302">
        <v>128</v>
      </c>
      <c r="AB2302">
        <v>19</v>
      </c>
      <c r="AC2302">
        <v>100</v>
      </c>
      <c r="AD2302">
        <v>39</v>
      </c>
      <c r="AE2302">
        <v>55</v>
      </c>
      <c r="AF2302">
        <v>0</v>
      </c>
      <c r="AG2302">
        <v>50000</v>
      </c>
      <c r="AH2302">
        <v>50000</v>
      </c>
      <c r="AI2302">
        <v>0</v>
      </c>
      <c r="AJ2302">
        <v>0</v>
      </c>
      <c r="AK2302" t="s">
        <v>6</v>
      </c>
      <c r="AL2302">
        <v>0</v>
      </c>
      <c r="AM2302">
        <v>0</v>
      </c>
      <c r="AN2302">
        <v>0</v>
      </c>
      <c r="AO2302">
        <v>0</v>
      </c>
      <c r="AP2302">
        <v>0</v>
      </c>
      <c r="AQ2302">
        <v>0</v>
      </c>
      <c r="AR2302">
        <v>0</v>
      </c>
      <c r="AS2302">
        <v>0</v>
      </c>
      <c r="AT2302">
        <v>0</v>
      </c>
      <c r="AU2302">
        <v>0</v>
      </c>
      <c r="AV2302">
        <v>0</v>
      </c>
      <c r="AW2302">
        <v>0</v>
      </c>
      <c r="AX2302">
        <v>0</v>
      </c>
      <c r="AY2302">
        <v>0</v>
      </c>
      <c r="AZ2302">
        <v>0</v>
      </c>
      <c r="BA2302">
        <v>0</v>
      </c>
    </row>
    <row r="2303" spans="1:53" x14ac:dyDescent="0.4">
      <c r="A2303">
        <v>2347</v>
      </c>
      <c r="B2303" s="1">
        <v>43562</v>
      </c>
      <c r="C2303">
        <v>2</v>
      </c>
      <c r="D2303" s="1">
        <v>43562.402777777781</v>
      </c>
      <c r="E2303" s="1">
        <v>43562.73333333333</v>
      </c>
      <c r="F2303">
        <v>42750</v>
      </c>
      <c r="G2303">
        <v>3520</v>
      </c>
      <c r="H2303">
        <v>0</v>
      </c>
      <c r="I2303">
        <v>0</v>
      </c>
      <c r="J2303">
        <v>0</v>
      </c>
      <c r="K2303">
        <v>0</v>
      </c>
      <c r="L2303">
        <v>0</v>
      </c>
      <c r="M2303">
        <v>3701</v>
      </c>
      <c r="N2303">
        <v>0</v>
      </c>
      <c r="O2303">
        <v>0</v>
      </c>
      <c r="P2303">
        <v>16200</v>
      </c>
      <c r="Q2303">
        <v>0</v>
      </c>
      <c r="R2303">
        <v>66171</v>
      </c>
      <c r="S2303">
        <v>0</v>
      </c>
      <c r="T2303">
        <v>0</v>
      </c>
      <c r="U2303">
        <v>0</v>
      </c>
      <c r="V2303">
        <v>5</v>
      </c>
      <c r="W2303">
        <v>0</v>
      </c>
      <c r="X2303">
        <v>0</v>
      </c>
      <c r="Y2303">
        <v>28</v>
      </c>
      <c r="Z2303">
        <v>36</v>
      </c>
      <c r="AA2303">
        <v>150</v>
      </c>
      <c r="AB2303">
        <v>33</v>
      </c>
      <c r="AC2303">
        <v>163</v>
      </c>
      <c r="AD2303">
        <v>42</v>
      </c>
      <c r="AE2303">
        <v>61</v>
      </c>
      <c r="AF2303">
        <v>1620</v>
      </c>
      <c r="AG2303">
        <v>116171</v>
      </c>
      <c r="AH2303">
        <v>50000</v>
      </c>
      <c r="AI2303">
        <v>0</v>
      </c>
      <c r="AJ2303">
        <v>74</v>
      </c>
      <c r="AL2303">
        <v>0</v>
      </c>
      <c r="AM2303">
        <v>0</v>
      </c>
      <c r="AN2303">
        <v>0</v>
      </c>
      <c r="AO2303">
        <v>0</v>
      </c>
      <c r="AP2303">
        <v>0</v>
      </c>
      <c r="AQ2303">
        <v>0</v>
      </c>
      <c r="AR2303">
        <v>0</v>
      </c>
      <c r="AS2303">
        <v>0</v>
      </c>
      <c r="AT2303">
        <v>0</v>
      </c>
      <c r="AU2303">
        <v>0</v>
      </c>
      <c r="AV2303">
        <v>0</v>
      </c>
      <c r="AW2303">
        <v>0</v>
      </c>
      <c r="AX2303">
        <v>-1210</v>
      </c>
      <c r="AY2303">
        <v>51</v>
      </c>
      <c r="AZ2303">
        <v>109</v>
      </c>
      <c r="BA2303">
        <v>7776</v>
      </c>
    </row>
    <row r="2304" spans="1:53" x14ac:dyDescent="0.4">
      <c r="A2304">
        <v>2348</v>
      </c>
      <c r="B2304" s="1">
        <v>43562</v>
      </c>
      <c r="C2304">
        <v>3</v>
      </c>
      <c r="D2304" s="1">
        <v>43562.73333333333</v>
      </c>
      <c r="E2304" s="1">
        <v>43563.083333333336</v>
      </c>
      <c r="F2304">
        <v>48550</v>
      </c>
      <c r="G2304">
        <v>380</v>
      </c>
      <c r="H2304">
        <v>0</v>
      </c>
      <c r="I2304">
        <v>0</v>
      </c>
      <c r="J2304">
        <v>0</v>
      </c>
      <c r="K2304">
        <v>0</v>
      </c>
      <c r="L2304">
        <v>0</v>
      </c>
      <c r="M2304">
        <v>3914</v>
      </c>
      <c r="N2304">
        <v>0</v>
      </c>
      <c r="O2304">
        <v>0</v>
      </c>
      <c r="P2304">
        <v>0</v>
      </c>
      <c r="Q2304">
        <v>0</v>
      </c>
      <c r="R2304">
        <v>52844</v>
      </c>
      <c r="S2304">
        <v>0</v>
      </c>
      <c r="T2304">
        <v>0</v>
      </c>
      <c r="U2304">
        <v>0</v>
      </c>
      <c r="V2304">
        <v>7</v>
      </c>
      <c r="W2304">
        <v>0</v>
      </c>
      <c r="X2304">
        <v>0</v>
      </c>
      <c r="Y2304">
        <v>47</v>
      </c>
      <c r="Z2304">
        <v>39</v>
      </c>
      <c r="AA2304">
        <v>164</v>
      </c>
      <c r="AB2304">
        <v>38</v>
      </c>
      <c r="AC2304">
        <v>174</v>
      </c>
      <c r="AD2304">
        <v>42</v>
      </c>
      <c r="AE2304">
        <v>61</v>
      </c>
      <c r="AF2304">
        <v>12204</v>
      </c>
      <c r="AG2304">
        <v>169015</v>
      </c>
      <c r="AH2304">
        <v>50000</v>
      </c>
      <c r="AI2304">
        <v>0</v>
      </c>
      <c r="AJ2304">
        <v>108</v>
      </c>
      <c r="AK2304" t="s">
        <v>30</v>
      </c>
      <c r="AL2304">
        <v>0</v>
      </c>
      <c r="AM2304">
        <v>0</v>
      </c>
      <c r="AN2304">
        <v>0</v>
      </c>
      <c r="AO2304">
        <v>0</v>
      </c>
      <c r="AP2304">
        <v>0</v>
      </c>
      <c r="AQ2304">
        <v>0</v>
      </c>
      <c r="AR2304">
        <v>0</v>
      </c>
      <c r="AS2304">
        <v>0</v>
      </c>
      <c r="AT2304">
        <v>0</v>
      </c>
      <c r="AU2304">
        <v>0</v>
      </c>
      <c r="AV2304">
        <v>0</v>
      </c>
      <c r="AW2304">
        <v>0</v>
      </c>
      <c r="AX2304">
        <v>3034</v>
      </c>
      <c r="AY2304">
        <v>18</v>
      </c>
      <c r="AZ2304">
        <v>40</v>
      </c>
      <c r="BA2304">
        <v>3930</v>
      </c>
    </row>
    <row r="2305" spans="1:53" x14ac:dyDescent="0.4">
      <c r="A2305">
        <v>2349</v>
      </c>
      <c r="B2305" s="1">
        <v>43563</v>
      </c>
      <c r="C2305">
        <v>1</v>
      </c>
      <c r="D2305" s="1">
        <v>43563.291666666664</v>
      </c>
      <c r="E2305" s="1">
        <v>43563.45</v>
      </c>
      <c r="F2305">
        <v>0</v>
      </c>
      <c r="G2305">
        <v>0</v>
      </c>
      <c r="H2305">
        <v>0</v>
      </c>
      <c r="I2305">
        <v>0</v>
      </c>
      <c r="J2305">
        <v>0</v>
      </c>
      <c r="K2305">
        <v>0</v>
      </c>
      <c r="L2305">
        <v>0</v>
      </c>
      <c r="M2305">
        <v>0</v>
      </c>
      <c r="N2305">
        <v>0</v>
      </c>
      <c r="O2305">
        <v>0</v>
      </c>
      <c r="P2305">
        <v>0</v>
      </c>
      <c r="Q2305">
        <v>0</v>
      </c>
      <c r="R2305">
        <v>0</v>
      </c>
      <c r="S2305">
        <v>0</v>
      </c>
      <c r="T2305">
        <v>0</v>
      </c>
      <c r="U2305">
        <v>0</v>
      </c>
      <c r="V2305">
        <v>0</v>
      </c>
      <c r="W2305">
        <v>0</v>
      </c>
      <c r="X2305">
        <v>0</v>
      </c>
      <c r="Y2305">
        <v>30</v>
      </c>
      <c r="Z2305">
        <v>11</v>
      </c>
      <c r="AA2305">
        <v>110</v>
      </c>
      <c r="AB2305">
        <v>38</v>
      </c>
      <c r="AC2305">
        <v>129</v>
      </c>
      <c r="AD2305">
        <v>49</v>
      </c>
      <c r="AE2305">
        <v>65</v>
      </c>
      <c r="AF2305">
        <v>0</v>
      </c>
      <c r="AG2305">
        <v>50000</v>
      </c>
      <c r="AH2305">
        <v>0</v>
      </c>
      <c r="AI2305">
        <v>50000</v>
      </c>
      <c r="AJ2305">
        <v>0</v>
      </c>
      <c r="AK2305" t="s">
        <v>6</v>
      </c>
      <c r="AL2305">
        <v>0</v>
      </c>
      <c r="AM2305">
        <v>0</v>
      </c>
      <c r="AN2305">
        <v>0</v>
      </c>
      <c r="AO2305">
        <v>0</v>
      </c>
      <c r="AP2305">
        <v>0</v>
      </c>
      <c r="AQ2305">
        <v>0</v>
      </c>
      <c r="AR2305">
        <v>0</v>
      </c>
      <c r="AS2305">
        <v>0</v>
      </c>
      <c r="AT2305">
        <v>0</v>
      </c>
      <c r="AU2305">
        <v>0</v>
      </c>
      <c r="AV2305">
        <v>0</v>
      </c>
      <c r="AW2305">
        <v>0</v>
      </c>
      <c r="AX2305">
        <v>0</v>
      </c>
      <c r="AY2305">
        <v>0</v>
      </c>
      <c r="AZ2305">
        <v>0</v>
      </c>
      <c r="BA2305">
        <v>0</v>
      </c>
    </row>
    <row r="2306" spans="1:53" x14ac:dyDescent="0.4">
      <c r="A2306">
        <v>2350</v>
      </c>
      <c r="B2306" s="1">
        <v>43563</v>
      </c>
      <c r="C2306">
        <v>2</v>
      </c>
      <c r="D2306" s="1">
        <v>43563.45</v>
      </c>
      <c r="E2306" s="1">
        <v>43563.740972222222</v>
      </c>
      <c r="F2306">
        <v>24500</v>
      </c>
      <c r="G2306">
        <v>1340</v>
      </c>
      <c r="H2306">
        <v>0</v>
      </c>
      <c r="I2306">
        <v>0</v>
      </c>
      <c r="J2306">
        <v>0</v>
      </c>
      <c r="K2306">
        <v>0</v>
      </c>
      <c r="L2306">
        <v>0</v>
      </c>
      <c r="M2306">
        <v>2067</v>
      </c>
      <c r="N2306">
        <v>0</v>
      </c>
      <c r="O2306">
        <v>0</v>
      </c>
      <c r="P2306">
        <v>15660</v>
      </c>
      <c r="Q2306">
        <v>0</v>
      </c>
      <c r="R2306">
        <v>43567</v>
      </c>
      <c r="S2306">
        <v>0</v>
      </c>
      <c r="T2306">
        <v>0</v>
      </c>
      <c r="U2306">
        <v>0</v>
      </c>
      <c r="V2306">
        <v>1</v>
      </c>
      <c r="W2306">
        <v>2</v>
      </c>
      <c r="X2306">
        <v>0</v>
      </c>
      <c r="Y2306">
        <v>52</v>
      </c>
      <c r="Z2306">
        <v>19</v>
      </c>
      <c r="AA2306">
        <v>82</v>
      </c>
      <c r="AB2306">
        <v>34</v>
      </c>
      <c r="AC2306">
        <v>183</v>
      </c>
      <c r="AD2306">
        <v>53</v>
      </c>
      <c r="AE2306">
        <v>72</v>
      </c>
      <c r="AF2306">
        <v>0</v>
      </c>
      <c r="AG2306">
        <v>93567</v>
      </c>
      <c r="AH2306">
        <v>50000</v>
      </c>
      <c r="AI2306">
        <v>0</v>
      </c>
      <c r="AJ2306">
        <v>96</v>
      </c>
      <c r="AK2306" t="s">
        <v>4</v>
      </c>
      <c r="AL2306">
        <v>0</v>
      </c>
      <c r="AM2306">
        <v>0</v>
      </c>
      <c r="AN2306">
        <v>0</v>
      </c>
      <c r="AO2306">
        <v>0</v>
      </c>
      <c r="AP2306">
        <v>0</v>
      </c>
      <c r="AQ2306">
        <v>0</v>
      </c>
      <c r="AR2306">
        <v>0</v>
      </c>
      <c r="AS2306">
        <v>0</v>
      </c>
      <c r="AT2306">
        <v>0</v>
      </c>
      <c r="AU2306">
        <v>0</v>
      </c>
      <c r="AV2306">
        <v>0</v>
      </c>
      <c r="AW2306">
        <v>0</v>
      </c>
      <c r="AX2306">
        <v>-540</v>
      </c>
      <c r="AY2306">
        <v>41</v>
      </c>
      <c r="AZ2306">
        <v>78</v>
      </c>
      <c r="BA2306">
        <v>5585</v>
      </c>
    </row>
    <row r="2307" spans="1:53" x14ac:dyDescent="0.4">
      <c r="A2307">
        <v>2351</v>
      </c>
      <c r="B2307" s="1">
        <v>43563</v>
      </c>
      <c r="C2307">
        <v>3</v>
      </c>
      <c r="D2307" s="1">
        <v>43563.740972222222</v>
      </c>
      <c r="E2307" s="1">
        <v>43563.947222222225</v>
      </c>
      <c r="F2307">
        <v>27400</v>
      </c>
      <c r="G2307">
        <v>500</v>
      </c>
      <c r="H2307">
        <v>0</v>
      </c>
      <c r="I2307">
        <v>0</v>
      </c>
      <c r="J2307">
        <v>500</v>
      </c>
      <c r="K2307">
        <v>0</v>
      </c>
      <c r="L2307">
        <v>0</v>
      </c>
      <c r="M2307">
        <v>2192</v>
      </c>
      <c r="N2307">
        <v>0</v>
      </c>
      <c r="O2307">
        <v>0</v>
      </c>
      <c r="P2307">
        <v>-15660</v>
      </c>
      <c r="Q2307">
        <v>0</v>
      </c>
      <c r="R2307">
        <v>13932</v>
      </c>
      <c r="S2307">
        <v>0</v>
      </c>
      <c r="T2307">
        <v>0</v>
      </c>
      <c r="U2307">
        <v>0</v>
      </c>
      <c r="V2307">
        <v>1</v>
      </c>
      <c r="W2307">
        <v>3</v>
      </c>
      <c r="X2307">
        <v>0</v>
      </c>
      <c r="Y2307">
        <v>62</v>
      </c>
      <c r="Z2307">
        <v>18</v>
      </c>
      <c r="AA2307">
        <v>78</v>
      </c>
      <c r="AB2307">
        <v>32</v>
      </c>
      <c r="AC2307">
        <v>177</v>
      </c>
      <c r="AD2307">
        <v>52</v>
      </c>
      <c r="AE2307">
        <v>69</v>
      </c>
      <c r="AF2307">
        <v>0</v>
      </c>
      <c r="AG2307">
        <v>107499</v>
      </c>
      <c r="AH2307">
        <v>50000</v>
      </c>
      <c r="AI2307">
        <v>0</v>
      </c>
      <c r="AJ2307">
        <v>99</v>
      </c>
      <c r="AK2307" t="s">
        <v>9</v>
      </c>
      <c r="AL2307">
        <v>0</v>
      </c>
      <c r="AM2307">
        <v>0</v>
      </c>
      <c r="AN2307">
        <v>0</v>
      </c>
      <c r="AO2307">
        <v>0</v>
      </c>
      <c r="AP2307">
        <v>0</v>
      </c>
      <c r="AQ2307">
        <v>0</v>
      </c>
      <c r="AR2307">
        <v>0</v>
      </c>
      <c r="AS2307">
        <v>0</v>
      </c>
      <c r="AT2307">
        <v>0</v>
      </c>
      <c r="AU2307">
        <v>0</v>
      </c>
      <c r="AV2307">
        <v>0</v>
      </c>
      <c r="AW2307">
        <v>0</v>
      </c>
      <c r="AX2307">
        <v>6480</v>
      </c>
      <c r="AY2307">
        <v>6</v>
      </c>
      <c r="AZ2307">
        <v>16</v>
      </c>
      <c r="BA2307">
        <v>1779</v>
      </c>
    </row>
    <row r="2308" spans="1:53" x14ac:dyDescent="0.4">
      <c r="A2308">
        <v>2352</v>
      </c>
      <c r="B2308" s="1">
        <v>43564</v>
      </c>
      <c r="C2308">
        <v>1</v>
      </c>
      <c r="D2308" s="1">
        <v>43564.291666666664</v>
      </c>
      <c r="E2308" s="1">
        <v>43564.454861111109</v>
      </c>
      <c r="F2308">
        <v>0</v>
      </c>
      <c r="G2308">
        <v>0</v>
      </c>
      <c r="H2308">
        <v>0</v>
      </c>
      <c r="I2308">
        <v>0</v>
      </c>
      <c r="J2308">
        <v>0</v>
      </c>
      <c r="K2308">
        <v>0</v>
      </c>
      <c r="L2308">
        <v>0</v>
      </c>
      <c r="M2308">
        <v>0</v>
      </c>
      <c r="N2308">
        <v>0</v>
      </c>
      <c r="O2308">
        <v>0</v>
      </c>
      <c r="P2308">
        <v>0</v>
      </c>
      <c r="Q2308">
        <v>0</v>
      </c>
      <c r="R2308">
        <v>0</v>
      </c>
      <c r="S2308">
        <v>0</v>
      </c>
      <c r="T2308">
        <v>0</v>
      </c>
      <c r="U2308">
        <v>0</v>
      </c>
      <c r="V2308">
        <v>0</v>
      </c>
      <c r="W2308">
        <v>1</v>
      </c>
      <c r="X2308">
        <v>0</v>
      </c>
      <c r="Y2308">
        <v>27</v>
      </c>
      <c r="Z2308">
        <v>16</v>
      </c>
      <c r="AA2308">
        <v>72</v>
      </c>
      <c r="AB2308">
        <v>34</v>
      </c>
      <c r="AC2308">
        <v>78</v>
      </c>
      <c r="AD2308">
        <v>51</v>
      </c>
      <c r="AE2308">
        <v>65</v>
      </c>
      <c r="AF2308">
        <v>0</v>
      </c>
      <c r="AG2308">
        <v>50000</v>
      </c>
      <c r="AH2308">
        <v>0</v>
      </c>
      <c r="AI2308">
        <v>50000</v>
      </c>
      <c r="AJ2308">
        <v>0</v>
      </c>
      <c r="AK2308" t="s">
        <v>6</v>
      </c>
      <c r="AL2308">
        <v>0</v>
      </c>
      <c r="AM2308">
        <v>0</v>
      </c>
      <c r="AN2308">
        <v>0</v>
      </c>
      <c r="AO2308">
        <v>0</v>
      </c>
      <c r="AP2308">
        <v>0</v>
      </c>
      <c r="AQ2308">
        <v>0</v>
      </c>
      <c r="AR2308">
        <v>0</v>
      </c>
      <c r="AS2308">
        <v>0</v>
      </c>
      <c r="AT2308">
        <v>0</v>
      </c>
      <c r="AU2308">
        <v>0</v>
      </c>
      <c r="AV2308">
        <v>0</v>
      </c>
      <c r="AW2308">
        <v>0</v>
      </c>
      <c r="AX2308">
        <v>0</v>
      </c>
      <c r="AY2308">
        <v>0</v>
      </c>
      <c r="AZ2308">
        <v>0</v>
      </c>
      <c r="BA2308">
        <v>0</v>
      </c>
    </row>
    <row r="2309" spans="1:53" x14ac:dyDescent="0.4">
      <c r="A2309">
        <v>2353</v>
      </c>
      <c r="B2309" s="1">
        <v>43564</v>
      </c>
      <c r="C2309">
        <v>2</v>
      </c>
      <c r="D2309" s="1">
        <v>43564.454861111109</v>
      </c>
      <c r="E2309" s="1">
        <v>43564.759027777778</v>
      </c>
      <c r="F2309">
        <v>24000</v>
      </c>
      <c r="G2309">
        <v>1900</v>
      </c>
      <c r="H2309">
        <v>200</v>
      </c>
      <c r="I2309">
        <v>0</v>
      </c>
      <c r="J2309">
        <v>0</v>
      </c>
      <c r="K2309">
        <v>0</v>
      </c>
      <c r="L2309">
        <v>0</v>
      </c>
      <c r="M2309">
        <v>2087</v>
      </c>
      <c r="N2309">
        <v>0</v>
      </c>
      <c r="O2309">
        <v>0</v>
      </c>
      <c r="P2309">
        <v>11340</v>
      </c>
      <c r="Q2309">
        <v>0</v>
      </c>
      <c r="R2309">
        <v>39527</v>
      </c>
      <c r="S2309">
        <v>0</v>
      </c>
      <c r="T2309">
        <v>0</v>
      </c>
      <c r="U2309">
        <v>0</v>
      </c>
      <c r="V2309">
        <v>2</v>
      </c>
      <c r="W2309">
        <v>2</v>
      </c>
      <c r="X2309">
        <v>0</v>
      </c>
      <c r="Y2309">
        <v>32</v>
      </c>
      <c r="Z2309">
        <v>33</v>
      </c>
      <c r="AA2309">
        <v>73</v>
      </c>
      <c r="AB2309">
        <v>33</v>
      </c>
      <c r="AC2309">
        <v>174</v>
      </c>
      <c r="AD2309">
        <v>54</v>
      </c>
      <c r="AE2309">
        <v>67</v>
      </c>
      <c r="AF2309">
        <v>0</v>
      </c>
      <c r="AG2309">
        <v>89527</v>
      </c>
      <c r="AH2309">
        <v>50000</v>
      </c>
      <c r="AI2309">
        <v>0</v>
      </c>
      <c r="AJ2309">
        <v>84</v>
      </c>
      <c r="AK2309" t="s">
        <v>16</v>
      </c>
      <c r="AL2309">
        <v>0</v>
      </c>
      <c r="AM2309">
        <v>0</v>
      </c>
      <c r="AN2309">
        <v>0</v>
      </c>
      <c r="AO2309">
        <v>0</v>
      </c>
      <c r="AP2309">
        <v>0</v>
      </c>
      <c r="AQ2309">
        <v>0</v>
      </c>
      <c r="AR2309">
        <v>0</v>
      </c>
      <c r="AS2309">
        <v>0</v>
      </c>
      <c r="AT2309">
        <v>0</v>
      </c>
      <c r="AU2309">
        <v>0</v>
      </c>
      <c r="AV2309">
        <v>0</v>
      </c>
      <c r="AW2309">
        <v>0</v>
      </c>
      <c r="AX2309">
        <v>0</v>
      </c>
      <c r="AY2309">
        <v>36</v>
      </c>
      <c r="AZ2309">
        <v>67</v>
      </c>
      <c r="BA2309">
        <v>5384</v>
      </c>
    </row>
    <row r="2310" spans="1:53" x14ac:dyDescent="0.4">
      <c r="A2310">
        <v>2354</v>
      </c>
      <c r="B2310" s="1">
        <v>43564</v>
      </c>
      <c r="C2310">
        <v>3</v>
      </c>
      <c r="D2310" s="1">
        <v>43564.759027777778</v>
      </c>
      <c r="E2310" s="1">
        <v>43564.951388888891</v>
      </c>
      <c r="F2310">
        <v>17140</v>
      </c>
      <c r="G2310">
        <v>450</v>
      </c>
      <c r="H2310">
        <v>0</v>
      </c>
      <c r="I2310">
        <v>0</v>
      </c>
      <c r="J2310">
        <v>0</v>
      </c>
      <c r="K2310">
        <v>0</v>
      </c>
      <c r="L2310">
        <v>0</v>
      </c>
      <c r="M2310">
        <v>1407</v>
      </c>
      <c r="N2310">
        <v>0</v>
      </c>
      <c r="O2310">
        <v>0</v>
      </c>
      <c r="P2310">
        <v>-11340</v>
      </c>
      <c r="Q2310">
        <v>0</v>
      </c>
      <c r="R2310">
        <v>7657</v>
      </c>
      <c r="S2310">
        <v>0</v>
      </c>
      <c r="T2310">
        <v>0</v>
      </c>
      <c r="U2310">
        <v>0</v>
      </c>
      <c r="V2310">
        <v>3</v>
      </c>
      <c r="W2310">
        <v>1</v>
      </c>
      <c r="X2310">
        <v>0</v>
      </c>
      <c r="Y2310">
        <v>35</v>
      </c>
      <c r="Z2310">
        <v>33</v>
      </c>
      <c r="AA2310">
        <v>70</v>
      </c>
      <c r="AB2310">
        <v>32</v>
      </c>
      <c r="AC2310">
        <v>174</v>
      </c>
      <c r="AD2310">
        <v>55</v>
      </c>
      <c r="AE2310">
        <v>69</v>
      </c>
      <c r="AF2310">
        <v>0</v>
      </c>
      <c r="AG2310">
        <v>97184</v>
      </c>
      <c r="AH2310">
        <v>50000</v>
      </c>
      <c r="AI2310">
        <v>0</v>
      </c>
      <c r="AJ2310">
        <v>84</v>
      </c>
      <c r="AK2310" t="s">
        <v>16</v>
      </c>
      <c r="AL2310">
        <v>0</v>
      </c>
      <c r="AM2310">
        <v>0</v>
      </c>
      <c r="AN2310">
        <v>0</v>
      </c>
      <c r="AO2310">
        <v>0</v>
      </c>
      <c r="AP2310">
        <v>0</v>
      </c>
      <c r="AQ2310">
        <v>0</v>
      </c>
      <c r="AR2310">
        <v>0</v>
      </c>
      <c r="AS2310">
        <v>0</v>
      </c>
      <c r="AT2310">
        <v>0</v>
      </c>
      <c r="AU2310">
        <v>0</v>
      </c>
      <c r="AV2310">
        <v>0</v>
      </c>
      <c r="AW2310">
        <v>0</v>
      </c>
      <c r="AX2310">
        <v>5778</v>
      </c>
      <c r="AY2310">
        <v>4</v>
      </c>
      <c r="AZ2310">
        <v>10</v>
      </c>
      <c r="BA2310">
        <v>1190</v>
      </c>
    </row>
    <row r="2311" spans="1:53" x14ac:dyDescent="0.4">
      <c r="A2311">
        <v>2355</v>
      </c>
      <c r="B2311" s="1">
        <v>43565</v>
      </c>
      <c r="C2311">
        <v>1</v>
      </c>
      <c r="D2311" s="1">
        <v>43565.291666666664</v>
      </c>
      <c r="E2311" s="1">
        <v>43565.43472222222</v>
      </c>
      <c r="F2311">
        <v>0</v>
      </c>
      <c r="G2311">
        <v>0</v>
      </c>
      <c r="H2311">
        <v>0</v>
      </c>
      <c r="I2311">
        <v>0</v>
      </c>
      <c r="J2311">
        <v>0</v>
      </c>
      <c r="K2311">
        <v>0</v>
      </c>
      <c r="L2311">
        <v>0</v>
      </c>
      <c r="M2311">
        <v>0</v>
      </c>
      <c r="N2311">
        <v>0</v>
      </c>
      <c r="O2311">
        <v>0</v>
      </c>
      <c r="P2311">
        <v>0</v>
      </c>
      <c r="Q2311">
        <v>0</v>
      </c>
      <c r="R2311">
        <v>0</v>
      </c>
      <c r="S2311">
        <v>0</v>
      </c>
      <c r="T2311">
        <v>0</v>
      </c>
      <c r="U2311">
        <v>0</v>
      </c>
      <c r="V2311">
        <v>0</v>
      </c>
      <c r="W2311">
        <v>0</v>
      </c>
      <c r="X2311">
        <v>0</v>
      </c>
      <c r="Y2311">
        <v>30</v>
      </c>
      <c r="Z2311">
        <v>10</v>
      </c>
      <c r="AA2311">
        <v>118</v>
      </c>
      <c r="AB2311">
        <v>33</v>
      </c>
      <c r="AC2311">
        <v>120</v>
      </c>
      <c r="AD2311">
        <v>57</v>
      </c>
      <c r="AE2311">
        <v>65</v>
      </c>
      <c r="AF2311">
        <v>0</v>
      </c>
      <c r="AG2311">
        <v>50000</v>
      </c>
      <c r="AH2311">
        <v>50000</v>
      </c>
      <c r="AI2311">
        <v>0</v>
      </c>
      <c r="AJ2311">
        <v>0</v>
      </c>
      <c r="AK2311" t="s">
        <v>6</v>
      </c>
      <c r="AL2311">
        <v>0</v>
      </c>
      <c r="AM2311">
        <v>0</v>
      </c>
      <c r="AN2311">
        <v>0</v>
      </c>
      <c r="AO2311">
        <v>0</v>
      </c>
      <c r="AP2311">
        <v>0</v>
      </c>
      <c r="AQ2311">
        <v>0</v>
      </c>
      <c r="AR2311">
        <v>0</v>
      </c>
      <c r="AS2311">
        <v>0</v>
      </c>
      <c r="AT2311">
        <v>0</v>
      </c>
      <c r="AU2311">
        <v>0</v>
      </c>
      <c r="AV2311">
        <v>0</v>
      </c>
      <c r="AW2311">
        <v>0</v>
      </c>
      <c r="AX2311">
        <v>0</v>
      </c>
      <c r="AY2311">
        <v>0</v>
      </c>
      <c r="AZ2311">
        <v>0</v>
      </c>
      <c r="BA2311">
        <v>0</v>
      </c>
    </row>
    <row r="2312" spans="1:53" x14ac:dyDescent="0.4">
      <c r="A2312">
        <v>2356</v>
      </c>
      <c r="B2312" s="1">
        <v>43565</v>
      </c>
      <c r="C2312">
        <v>2</v>
      </c>
      <c r="D2312" s="1">
        <v>43565.43472222222</v>
      </c>
      <c r="E2312" s="1">
        <v>43565.748611111114</v>
      </c>
      <c r="F2312">
        <v>18500</v>
      </c>
      <c r="G2312">
        <v>1060</v>
      </c>
      <c r="H2312">
        <v>0</v>
      </c>
      <c r="I2312">
        <v>0</v>
      </c>
      <c r="J2312">
        <v>0</v>
      </c>
      <c r="K2312">
        <v>0</v>
      </c>
      <c r="L2312">
        <v>0</v>
      </c>
      <c r="M2312">
        <v>1564</v>
      </c>
      <c r="N2312">
        <v>0</v>
      </c>
      <c r="O2312">
        <v>0</v>
      </c>
      <c r="P2312">
        <v>9720</v>
      </c>
      <c r="Q2312">
        <v>0</v>
      </c>
      <c r="R2312">
        <v>30844</v>
      </c>
      <c r="S2312">
        <v>0</v>
      </c>
      <c r="T2312">
        <v>0</v>
      </c>
      <c r="U2312">
        <v>0</v>
      </c>
      <c r="V2312">
        <v>2</v>
      </c>
      <c r="W2312">
        <v>0</v>
      </c>
      <c r="X2312">
        <v>0</v>
      </c>
      <c r="Y2312">
        <v>39</v>
      </c>
      <c r="Z2312">
        <v>20</v>
      </c>
      <c r="AA2312">
        <v>86</v>
      </c>
      <c r="AB2312">
        <v>29</v>
      </c>
      <c r="AC2312">
        <v>145</v>
      </c>
      <c r="AD2312">
        <v>56</v>
      </c>
      <c r="AE2312">
        <v>64</v>
      </c>
      <c r="AF2312">
        <v>0</v>
      </c>
      <c r="AG2312">
        <v>80844</v>
      </c>
      <c r="AH2312">
        <v>50000</v>
      </c>
      <c r="AI2312">
        <v>0</v>
      </c>
      <c r="AJ2312">
        <v>29</v>
      </c>
      <c r="AK2312" t="s">
        <v>28</v>
      </c>
      <c r="AL2312">
        <v>0</v>
      </c>
      <c r="AM2312">
        <v>0</v>
      </c>
      <c r="AN2312">
        <v>0</v>
      </c>
      <c r="AO2312">
        <v>0</v>
      </c>
      <c r="AP2312">
        <v>0</v>
      </c>
      <c r="AQ2312">
        <v>0</v>
      </c>
      <c r="AR2312">
        <v>0</v>
      </c>
      <c r="AS2312">
        <v>0</v>
      </c>
      <c r="AT2312">
        <v>0</v>
      </c>
      <c r="AU2312">
        <v>0</v>
      </c>
      <c r="AV2312">
        <v>0</v>
      </c>
      <c r="AW2312">
        <v>0</v>
      </c>
      <c r="AX2312">
        <v>-2700</v>
      </c>
      <c r="AY2312">
        <v>35</v>
      </c>
      <c r="AZ2312">
        <v>55</v>
      </c>
      <c r="BA2312">
        <v>5006</v>
      </c>
    </row>
    <row r="2313" spans="1:53" x14ac:dyDescent="0.4">
      <c r="A2313">
        <v>2357</v>
      </c>
      <c r="B2313" s="1">
        <v>43565</v>
      </c>
      <c r="C2313">
        <v>3</v>
      </c>
      <c r="D2313" s="1">
        <v>43565.748611111114</v>
      </c>
      <c r="E2313" s="1">
        <v>43565.95416666667</v>
      </c>
      <c r="F2313">
        <v>22400</v>
      </c>
      <c r="G2313">
        <v>630</v>
      </c>
      <c r="H2313">
        <v>0</v>
      </c>
      <c r="I2313">
        <v>0</v>
      </c>
      <c r="J2313">
        <v>100</v>
      </c>
      <c r="K2313">
        <v>0</v>
      </c>
      <c r="L2313">
        <v>0</v>
      </c>
      <c r="M2313">
        <v>1834</v>
      </c>
      <c r="N2313">
        <v>0</v>
      </c>
      <c r="O2313">
        <v>0</v>
      </c>
      <c r="P2313">
        <v>-9720</v>
      </c>
      <c r="Q2313">
        <v>0</v>
      </c>
      <c r="R2313">
        <v>15044</v>
      </c>
      <c r="S2313">
        <v>0</v>
      </c>
      <c r="T2313">
        <v>0</v>
      </c>
      <c r="U2313">
        <v>0</v>
      </c>
      <c r="V2313">
        <v>3</v>
      </c>
      <c r="W2313">
        <v>1</v>
      </c>
      <c r="X2313">
        <v>0</v>
      </c>
      <c r="Y2313">
        <v>39</v>
      </c>
      <c r="Z2313">
        <v>18</v>
      </c>
      <c r="AA2313">
        <v>91</v>
      </c>
      <c r="AB2313">
        <v>31</v>
      </c>
      <c r="AC2313">
        <v>147</v>
      </c>
      <c r="AD2313">
        <v>55</v>
      </c>
      <c r="AE2313">
        <v>61</v>
      </c>
      <c r="AF2313">
        <v>432</v>
      </c>
      <c r="AG2313">
        <v>95888</v>
      </c>
      <c r="AH2313">
        <v>50000</v>
      </c>
      <c r="AI2313">
        <v>0</v>
      </c>
      <c r="AJ2313">
        <v>108</v>
      </c>
      <c r="AK2313" t="s">
        <v>30</v>
      </c>
      <c r="AL2313">
        <v>0</v>
      </c>
      <c r="AM2313">
        <v>0</v>
      </c>
      <c r="AN2313">
        <v>0</v>
      </c>
      <c r="AO2313">
        <v>0</v>
      </c>
      <c r="AP2313">
        <v>0</v>
      </c>
      <c r="AQ2313">
        <v>0</v>
      </c>
      <c r="AR2313">
        <v>0</v>
      </c>
      <c r="AS2313">
        <v>0</v>
      </c>
      <c r="AT2313">
        <v>0</v>
      </c>
      <c r="AU2313">
        <v>0</v>
      </c>
      <c r="AV2313">
        <v>0</v>
      </c>
      <c r="AW2313">
        <v>0</v>
      </c>
      <c r="AX2313">
        <v>17863</v>
      </c>
      <c r="AY2313">
        <v>10</v>
      </c>
      <c r="AZ2313">
        <v>32</v>
      </c>
      <c r="BA2313">
        <v>1765</v>
      </c>
    </row>
    <row r="2314" spans="1:53" x14ac:dyDescent="0.4">
      <c r="A2314">
        <v>2358</v>
      </c>
      <c r="B2314" s="1">
        <v>43565</v>
      </c>
      <c r="C2314">
        <v>4</v>
      </c>
      <c r="D2314" s="1">
        <v>43565.95416666667</v>
      </c>
      <c r="E2314" s="1">
        <v>43566.09375</v>
      </c>
      <c r="F2314">
        <v>28080</v>
      </c>
      <c r="G2314">
        <v>0</v>
      </c>
      <c r="H2314">
        <v>200</v>
      </c>
      <c r="I2314">
        <v>0</v>
      </c>
      <c r="J2314">
        <v>0</v>
      </c>
      <c r="K2314">
        <v>0</v>
      </c>
      <c r="L2314">
        <v>0</v>
      </c>
      <c r="M2314">
        <v>2262</v>
      </c>
      <c r="N2314">
        <v>0</v>
      </c>
      <c r="O2314">
        <v>0</v>
      </c>
      <c r="P2314">
        <v>0</v>
      </c>
      <c r="Q2314">
        <v>0</v>
      </c>
      <c r="R2314">
        <v>30542</v>
      </c>
      <c r="S2314">
        <v>0</v>
      </c>
      <c r="T2314">
        <v>0</v>
      </c>
      <c r="U2314">
        <v>0</v>
      </c>
      <c r="V2314">
        <v>5</v>
      </c>
      <c r="W2314">
        <v>1</v>
      </c>
      <c r="X2314">
        <v>0</v>
      </c>
      <c r="Y2314">
        <v>49</v>
      </c>
      <c r="Z2314">
        <v>18</v>
      </c>
      <c r="AA2314">
        <v>94</v>
      </c>
      <c r="AB2314">
        <v>32</v>
      </c>
      <c r="AC2314">
        <v>144</v>
      </c>
      <c r="AD2314">
        <v>55</v>
      </c>
      <c r="AE2314">
        <v>67</v>
      </c>
      <c r="AF2314">
        <v>648</v>
      </c>
      <c r="AG2314">
        <v>126430</v>
      </c>
      <c r="AH2314">
        <v>50000</v>
      </c>
      <c r="AI2314">
        <v>0</v>
      </c>
      <c r="AJ2314">
        <v>108</v>
      </c>
      <c r="AK2314" t="s">
        <v>30</v>
      </c>
      <c r="AL2314">
        <v>0</v>
      </c>
      <c r="AM2314">
        <v>0</v>
      </c>
      <c r="AN2314">
        <v>0</v>
      </c>
      <c r="AO2314">
        <v>0</v>
      </c>
      <c r="AP2314">
        <v>0</v>
      </c>
      <c r="AQ2314">
        <v>0</v>
      </c>
      <c r="AR2314">
        <v>0</v>
      </c>
      <c r="AS2314">
        <v>0</v>
      </c>
      <c r="AT2314">
        <v>0</v>
      </c>
      <c r="AU2314">
        <v>0</v>
      </c>
      <c r="AV2314">
        <v>0</v>
      </c>
      <c r="AW2314">
        <v>0</v>
      </c>
      <c r="AX2314">
        <v>1080</v>
      </c>
      <c r="AY2314">
        <v>1</v>
      </c>
      <c r="AZ2314">
        <v>2</v>
      </c>
      <c r="BA2314">
        <v>193</v>
      </c>
    </row>
    <row r="2315" spans="1:53" x14ac:dyDescent="0.4">
      <c r="A2315">
        <v>2359</v>
      </c>
      <c r="B2315" s="1">
        <v>43566</v>
      </c>
      <c r="C2315">
        <v>1</v>
      </c>
      <c r="D2315" s="1">
        <v>43566.291666666664</v>
      </c>
      <c r="E2315" s="1">
        <v>43566.436805555553</v>
      </c>
      <c r="F2315">
        <v>0</v>
      </c>
      <c r="G2315">
        <v>0</v>
      </c>
      <c r="H2315">
        <v>0</v>
      </c>
      <c r="I2315">
        <v>0</v>
      </c>
      <c r="J2315">
        <v>0</v>
      </c>
      <c r="K2315">
        <v>0</v>
      </c>
      <c r="L2315">
        <v>0</v>
      </c>
      <c r="M2315">
        <v>0</v>
      </c>
      <c r="N2315">
        <v>0</v>
      </c>
      <c r="O2315">
        <v>0</v>
      </c>
      <c r="P2315">
        <v>0</v>
      </c>
      <c r="Q2315">
        <v>0</v>
      </c>
      <c r="R2315">
        <v>0</v>
      </c>
      <c r="S2315">
        <v>0</v>
      </c>
      <c r="T2315">
        <v>0</v>
      </c>
      <c r="U2315">
        <v>0</v>
      </c>
      <c r="V2315">
        <v>0</v>
      </c>
      <c r="W2315">
        <v>0</v>
      </c>
      <c r="X2315">
        <v>0</v>
      </c>
      <c r="Y2315">
        <v>32</v>
      </c>
      <c r="Z2315">
        <v>11</v>
      </c>
      <c r="AA2315">
        <v>94</v>
      </c>
      <c r="AB2315">
        <v>32</v>
      </c>
      <c r="AC2315">
        <v>117</v>
      </c>
      <c r="AD2315">
        <v>53</v>
      </c>
      <c r="AE2315">
        <v>65</v>
      </c>
      <c r="AF2315">
        <v>0</v>
      </c>
      <c r="AG2315">
        <v>50000</v>
      </c>
      <c r="AH2315">
        <v>50000</v>
      </c>
      <c r="AI2315">
        <v>0</v>
      </c>
      <c r="AJ2315">
        <v>0</v>
      </c>
      <c r="AK2315" t="s">
        <v>6</v>
      </c>
      <c r="AL2315">
        <v>0</v>
      </c>
      <c r="AM2315">
        <v>0</v>
      </c>
      <c r="AN2315">
        <v>0</v>
      </c>
      <c r="AO2315">
        <v>0</v>
      </c>
      <c r="AP2315">
        <v>0</v>
      </c>
      <c r="AQ2315">
        <v>0</v>
      </c>
      <c r="AR2315">
        <v>0</v>
      </c>
      <c r="AS2315">
        <v>0</v>
      </c>
      <c r="AT2315">
        <v>0</v>
      </c>
      <c r="AU2315">
        <v>0</v>
      </c>
      <c r="AV2315">
        <v>0</v>
      </c>
      <c r="AW2315">
        <v>0</v>
      </c>
      <c r="AX2315">
        <v>0</v>
      </c>
      <c r="AY2315">
        <v>0</v>
      </c>
      <c r="AZ2315">
        <v>0</v>
      </c>
      <c r="BA2315">
        <v>0</v>
      </c>
    </row>
    <row r="2316" spans="1:53" x14ac:dyDescent="0.4">
      <c r="A2316">
        <v>2360</v>
      </c>
      <c r="B2316" s="1">
        <v>43566</v>
      </c>
      <c r="C2316">
        <v>2</v>
      </c>
      <c r="D2316" s="1">
        <v>43566.436805555553</v>
      </c>
      <c r="E2316" s="1">
        <v>43566.741666666669</v>
      </c>
      <c r="F2316">
        <v>9500</v>
      </c>
      <c r="G2316">
        <v>0</v>
      </c>
      <c r="H2316">
        <v>0</v>
      </c>
      <c r="I2316">
        <v>0</v>
      </c>
      <c r="J2316">
        <v>0</v>
      </c>
      <c r="K2316">
        <v>0</v>
      </c>
      <c r="L2316">
        <v>0</v>
      </c>
      <c r="M2316">
        <v>760</v>
      </c>
      <c r="N2316">
        <v>0</v>
      </c>
      <c r="O2316">
        <v>0</v>
      </c>
      <c r="P2316">
        <v>7560</v>
      </c>
      <c r="Q2316">
        <v>0</v>
      </c>
      <c r="R2316">
        <v>17820</v>
      </c>
      <c r="S2316">
        <v>0</v>
      </c>
      <c r="T2316">
        <v>0</v>
      </c>
      <c r="U2316">
        <v>0</v>
      </c>
      <c r="V2316">
        <v>1</v>
      </c>
      <c r="W2316">
        <v>0</v>
      </c>
      <c r="X2316">
        <v>0</v>
      </c>
      <c r="Y2316">
        <v>35</v>
      </c>
      <c r="Z2316">
        <v>11</v>
      </c>
      <c r="AA2316">
        <v>119</v>
      </c>
      <c r="AB2316">
        <v>37</v>
      </c>
      <c r="AC2316">
        <v>141</v>
      </c>
      <c r="AD2316">
        <v>53</v>
      </c>
      <c r="AE2316">
        <v>65</v>
      </c>
      <c r="AF2316">
        <v>1830</v>
      </c>
      <c r="AG2316">
        <v>67820</v>
      </c>
      <c r="AH2316">
        <v>50000</v>
      </c>
      <c r="AI2316">
        <v>0</v>
      </c>
      <c r="AJ2316">
        <v>29</v>
      </c>
      <c r="AK2316" t="s">
        <v>28</v>
      </c>
      <c r="AL2316">
        <v>0</v>
      </c>
      <c r="AM2316">
        <v>0</v>
      </c>
      <c r="AN2316">
        <v>0</v>
      </c>
      <c r="AO2316">
        <v>0</v>
      </c>
      <c r="AP2316">
        <v>0</v>
      </c>
      <c r="AQ2316">
        <v>0</v>
      </c>
      <c r="AR2316">
        <v>0</v>
      </c>
      <c r="AS2316">
        <v>0</v>
      </c>
      <c r="AT2316">
        <v>0</v>
      </c>
      <c r="AU2316">
        <v>0</v>
      </c>
      <c r="AV2316">
        <v>0</v>
      </c>
      <c r="AW2316">
        <v>0</v>
      </c>
      <c r="AX2316">
        <v>-1080</v>
      </c>
      <c r="AY2316">
        <v>18</v>
      </c>
      <c r="AZ2316">
        <v>33</v>
      </c>
      <c r="BA2316">
        <v>2340</v>
      </c>
    </row>
    <row r="2317" spans="1:53" x14ac:dyDescent="0.4">
      <c r="A2317">
        <v>2361</v>
      </c>
      <c r="B2317" s="1">
        <v>43566</v>
      </c>
      <c r="C2317">
        <v>3</v>
      </c>
      <c r="D2317" s="1">
        <v>43566.741666666669</v>
      </c>
      <c r="E2317" s="1">
        <v>43566.952777777777</v>
      </c>
      <c r="F2317">
        <v>18760</v>
      </c>
      <c r="G2317">
        <v>0</v>
      </c>
      <c r="H2317">
        <v>0</v>
      </c>
      <c r="I2317">
        <v>0</v>
      </c>
      <c r="J2317">
        <v>0</v>
      </c>
      <c r="K2317">
        <v>0</v>
      </c>
      <c r="L2317">
        <v>0</v>
      </c>
      <c r="M2317">
        <v>1501</v>
      </c>
      <c r="N2317">
        <v>0</v>
      </c>
      <c r="O2317">
        <v>0</v>
      </c>
      <c r="P2317">
        <v>-2376</v>
      </c>
      <c r="Q2317">
        <v>0</v>
      </c>
      <c r="R2317">
        <v>17885</v>
      </c>
      <c r="S2317">
        <v>0</v>
      </c>
      <c r="T2317">
        <v>0</v>
      </c>
      <c r="U2317">
        <v>0</v>
      </c>
      <c r="V2317">
        <v>1</v>
      </c>
      <c r="W2317">
        <v>1</v>
      </c>
      <c r="X2317">
        <v>0</v>
      </c>
      <c r="Y2317">
        <v>44</v>
      </c>
      <c r="Z2317">
        <v>13</v>
      </c>
      <c r="AA2317">
        <v>125</v>
      </c>
      <c r="AB2317">
        <v>44</v>
      </c>
      <c r="AC2317">
        <v>144</v>
      </c>
      <c r="AD2317">
        <v>53</v>
      </c>
      <c r="AE2317">
        <v>69</v>
      </c>
      <c r="AF2317">
        <v>3731</v>
      </c>
      <c r="AG2317">
        <v>85705</v>
      </c>
      <c r="AH2317">
        <v>50000</v>
      </c>
      <c r="AI2317">
        <v>0</v>
      </c>
      <c r="AJ2317">
        <v>108</v>
      </c>
      <c r="AK2317" t="s">
        <v>30</v>
      </c>
      <c r="AL2317">
        <v>0</v>
      </c>
      <c r="AM2317">
        <v>0</v>
      </c>
      <c r="AN2317">
        <v>0</v>
      </c>
      <c r="AO2317">
        <v>0</v>
      </c>
      <c r="AP2317">
        <v>0</v>
      </c>
      <c r="AQ2317">
        <v>0</v>
      </c>
      <c r="AR2317">
        <v>0</v>
      </c>
      <c r="AS2317">
        <v>0</v>
      </c>
      <c r="AT2317">
        <v>0</v>
      </c>
      <c r="AU2317">
        <v>0</v>
      </c>
      <c r="AV2317">
        <v>0</v>
      </c>
      <c r="AW2317">
        <v>0</v>
      </c>
      <c r="AX2317">
        <v>1080</v>
      </c>
      <c r="AY2317">
        <v>8</v>
      </c>
      <c r="AZ2317">
        <v>20</v>
      </c>
      <c r="BA2317">
        <v>1393</v>
      </c>
    </row>
    <row r="2318" spans="1:53" x14ac:dyDescent="0.4">
      <c r="A2318">
        <v>2362</v>
      </c>
      <c r="B2318" s="1">
        <v>43566</v>
      </c>
      <c r="C2318">
        <v>4</v>
      </c>
      <c r="D2318" s="1">
        <v>43566.952777777777</v>
      </c>
      <c r="E2318" s="1">
        <v>43567.076388888891</v>
      </c>
      <c r="F2318">
        <v>8200</v>
      </c>
      <c r="G2318">
        <v>0</v>
      </c>
      <c r="H2318">
        <v>200</v>
      </c>
      <c r="I2318">
        <v>0</v>
      </c>
      <c r="J2318">
        <v>0</v>
      </c>
      <c r="K2318">
        <v>0</v>
      </c>
      <c r="L2318">
        <v>0</v>
      </c>
      <c r="M2318">
        <v>672</v>
      </c>
      <c r="N2318">
        <v>0</v>
      </c>
      <c r="O2318">
        <v>0</v>
      </c>
      <c r="P2318">
        <v>-5184</v>
      </c>
      <c r="Q2318">
        <v>0</v>
      </c>
      <c r="R2318">
        <v>3888</v>
      </c>
      <c r="S2318">
        <v>0</v>
      </c>
      <c r="T2318">
        <v>0</v>
      </c>
      <c r="U2318">
        <v>0</v>
      </c>
      <c r="V2318">
        <v>1</v>
      </c>
      <c r="W2318">
        <v>2</v>
      </c>
      <c r="X2318">
        <v>0</v>
      </c>
      <c r="Y2318">
        <v>43</v>
      </c>
      <c r="Z2318">
        <v>12</v>
      </c>
      <c r="AA2318">
        <v>126</v>
      </c>
      <c r="AB2318">
        <v>45</v>
      </c>
      <c r="AC2318">
        <v>146</v>
      </c>
      <c r="AD2318">
        <v>53</v>
      </c>
      <c r="AE2318">
        <v>71</v>
      </c>
      <c r="AF2318">
        <v>3947</v>
      </c>
      <c r="AG2318">
        <v>89593</v>
      </c>
      <c r="AH2318">
        <v>50000</v>
      </c>
      <c r="AI2318">
        <v>0</v>
      </c>
      <c r="AJ2318">
        <v>108</v>
      </c>
      <c r="AK2318" t="s">
        <v>30</v>
      </c>
      <c r="AL2318">
        <v>0</v>
      </c>
      <c r="AM2318">
        <v>0</v>
      </c>
      <c r="AN2318">
        <v>0</v>
      </c>
      <c r="AO2318">
        <v>0</v>
      </c>
      <c r="AP2318">
        <v>0</v>
      </c>
      <c r="AQ2318">
        <v>0</v>
      </c>
      <c r="AR2318">
        <v>0</v>
      </c>
      <c r="AS2318">
        <v>0</v>
      </c>
      <c r="AT2318">
        <v>0</v>
      </c>
      <c r="AU2318">
        <v>0</v>
      </c>
      <c r="AV2318">
        <v>0</v>
      </c>
      <c r="AW2318">
        <v>0</v>
      </c>
      <c r="AX2318">
        <v>0</v>
      </c>
      <c r="AY2318">
        <v>1</v>
      </c>
      <c r="AZ2318">
        <v>2</v>
      </c>
      <c r="BA2318">
        <v>321</v>
      </c>
    </row>
    <row r="2319" spans="1:53" x14ac:dyDescent="0.4">
      <c r="A2319">
        <v>2363</v>
      </c>
      <c r="B2319" s="1">
        <v>43567</v>
      </c>
      <c r="C2319">
        <v>1</v>
      </c>
      <c r="D2319" s="1">
        <v>43567.291666666664</v>
      </c>
      <c r="E2319" s="1">
        <v>43567.452777777777</v>
      </c>
      <c r="F2319">
        <v>0</v>
      </c>
      <c r="G2319">
        <v>0</v>
      </c>
      <c r="H2319">
        <v>0</v>
      </c>
      <c r="I2319">
        <v>0</v>
      </c>
      <c r="J2319">
        <v>0</v>
      </c>
      <c r="K2319">
        <v>0</v>
      </c>
      <c r="L2319">
        <v>0</v>
      </c>
      <c r="M2319">
        <v>0</v>
      </c>
      <c r="N2319">
        <v>0</v>
      </c>
      <c r="O2319">
        <v>0</v>
      </c>
      <c r="P2319">
        <v>0</v>
      </c>
      <c r="Q2319">
        <v>0</v>
      </c>
      <c r="R2319">
        <v>0</v>
      </c>
      <c r="S2319">
        <v>0</v>
      </c>
      <c r="T2319">
        <v>0</v>
      </c>
      <c r="U2319">
        <v>0</v>
      </c>
      <c r="V2319">
        <v>0</v>
      </c>
      <c r="W2319">
        <v>0</v>
      </c>
      <c r="X2319">
        <v>0</v>
      </c>
      <c r="Y2319">
        <v>28</v>
      </c>
      <c r="Z2319">
        <v>12</v>
      </c>
      <c r="AA2319">
        <v>120</v>
      </c>
      <c r="AB2319">
        <v>45</v>
      </c>
      <c r="AC2319">
        <v>142</v>
      </c>
      <c r="AD2319">
        <v>52</v>
      </c>
      <c r="AE2319">
        <v>70</v>
      </c>
      <c r="AF2319">
        <v>0</v>
      </c>
      <c r="AG2319">
        <v>50000</v>
      </c>
      <c r="AH2319">
        <v>0</v>
      </c>
      <c r="AI2319">
        <v>50000</v>
      </c>
      <c r="AJ2319">
        <v>0</v>
      </c>
      <c r="AK2319" t="s">
        <v>6</v>
      </c>
      <c r="AL2319">
        <v>0</v>
      </c>
      <c r="AM2319">
        <v>0</v>
      </c>
      <c r="AN2319">
        <v>0</v>
      </c>
      <c r="AO2319">
        <v>0</v>
      </c>
      <c r="AP2319">
        <v>0</v>
      </c>
      <c r="AQ2319">
        <v>0</v>
      </c>
      <c r="AR2319">
        <v>0</v>
      </c>
      <c r="AS2319">
        <v>0</v>
      </c>
      <c r="AT2319">
        <v>0</v>
      </c>
      <c r="AU2319">
        <v>0</v>
      </c>
      <c r="AV2319">
        <v>0</v>
      </c>
      <c r="AW2319">
        <v>0</v>
      </c>
      <c r="AX2319">
        <v>0</v>
      </c>
      <c r="AY2319">
        <v>0</v>
      </c>
      <c r="AZ2319">
        <v>0</v>
      </c>
      <c r="BA2319">
        <v>0</v>
      </c>
    </row>
    <row r="2320" spans="1:53" x14ac:dyDescent="0.4">
      <c r="A2320">
        <v>2364</v>
      </c>
      <c r="B2320" s="1">
        <v>43567</v>
      </c>
      <c r="C2320">
        <v>2</v>
      </c>
      <c r="D2320" s="1">
        <v>43567.452777777777</v>
      </c>
      <c r="E2320" s="1">
        <v>43567.730555555558</v>
      </c>
      <c r="F2320">
        <v>8250</v>
      </c>
      <c r="G2320">
        <v>0</v>
      </c>
      <c r="H2320">
        <v>200</v>
      </c>
      <c r="I2320">
        <v>0</v>
      </c>
      <c r="J2320">
        <v>0</v>
      </c>
      <c r="K2320">
        <v>0</v>
      </c>
      <c r="L2320">
        <v>0</v>
      </c>
      <c r="M2320">
        <v>676</v>
      </c>
      <c r="N2320">
        <v>0</v>
      </c>
      <c r="O2320">
        <v>0</v>
      </c>
      <c r="P2320">
        <v>8100</v>
      </c>
      <c r="Q2320">
        <v>0</v>
      </c>
      <c r="R2320">
        <v>17226</v>
      </c>
      <c r="S2320">
        <v>0</v>
      </c>
      <c r="T2320">
        <v>0</v>
      </c>
      <c r="U2320">
        <v>0</v>
      </c>
      <c r="V2320">
        <v>0</v>
      </c>
      <c r="W2320">
        <v>0</v>
      </c>
      <c r="X2320">
        <v>0</v>
      </c>
      <c r="Y2320">
        <v>43</v>
      </c>
      <c r="Z2320">
        <v>18</v>
      </c>
      <c r="AA2320">
        <v>114</v>
      </c>
      <c r="AB2320">
        <v>40</v>
      </c>
      <c r="AC2320">
        <v>149</v>
      </c>
      <c r="AD2320">
        <v>53</v>
      </c>
      <c r="AE2320">
        <v>71</v>
      </c>
      <c r="AF2320">
        <v>0</v>
      </c>
      <c r="AG2320">
        <v>67226</v>
      </c>
      <c r="AH2320">
        <v>50000</v>
      </c>
      <c r="AI2320">
        <v>0</v>
      </c>
      <c r="AJ2320">
        <v>96</v>
      </c>
      <c r="AK2320" t="s">
        <v>4</v>
      </c>
      <c r="AL2320">
        <v>0</v>
      </c>
      <c r="AM2320">
        <v>0</v>
      </c>
      <c r="AN2320">
        <v>0</v>
      </c>
      <c r="AO2320">
        <v>0</v>
      </c>
      <c r="AP2320">
        <v>0</v>
      </c>
      <c r="AQ2320">
        <v>0</v>
      </c>
      <c r="AR2320">
        <v>0</v>
      </c>
      <c r="AS2320">
        <v>0</v>
      </c>
      <c r="AT2320">
        <v>0</v>
      </c>
      <c r="AU2320">
        <v>0</v>
      </c>
      <c r="AV2320">
        <v>0</v>
      </c>
      <c r="AW2320">
        <v>0</v>
      </c>
      <c r="AX2320">
        <v>-540</v>
      </c>
      <c r="AY2320">
        <v>24</v>
      </c>
      <c r="AZ2320">
        <v>32</v>
      </c>
      <c r="BA2320">
        <v>2804</v>
      </c>
    </row>
    <row r="2321" spans="1:53" x14ac:dyDescent="0.4">
      <c r="A2321">
        <v>2365</v>
      </c>
      <c r="B2321" s="1">
        <v>43567</v>
      </c>
      <c r="C2321">
        <v>3</v>
      </c>
      <c r="D2321" s="1">
        <v>43567.730555555558</v>
      </c>
      <c r="E2321" s="1">
        <v>43568.158333333333</v>
      </c>
      <c r="F2321">
        <v>264780</v>
      </c>
      <c r="G2321">
        <v>9220</v>
      </c>
      <c r="H2321">
        <v>0</v>
      </c>
      <c r="I2321">
        <v>0</v>
      </c>
      <c r="J2321">
        <v>600</v>
      </c>
      <c r="K2321">
        <v>1000</v>
      </c>
      <c r="L2321">
        <v>0</v>
      </c>
      <c r="M2321">
        <v>21951</v>
      </c>
      <c r="N2321">
        <v>0</v>
      </c>
      <c r="O2321">
        <v>0</v>
      </c>
      <c r="P2321">
        <v>38556</v>
      </c>
      <c r="Q2321">
        <v>0</v>
      </c>
      <c r="R2321">
        <v>334907</v>
      </c>
      <c r="S2321">
        <v>0</v>
      </c>
      <c r="T2321">
        <v>0</v>
      </c>
      <c r="U2321">
        <v>0</v>
      </c>
      <c r="V2321">
        <v>18</v>
      </c>
      <c r="W2321">
        <v>0</v>
      </c>
      <c r="X2321">
        <v>0</v>
      </c>
      <c r="Y2321">
        <v>69</v>
      </c>
      <c r="Z2321">
        <v>14</v>
      </c>
      <c r="AA2321">
        <v>123</v>
      </c>
      <c r="AB2321">
        <v>38</v>
      </c>
      <c r="AC2321">
        <v>167</v>
      </c>
      <c r="AD2321">
        <v>53</v>
      </c>
      <c r="AE2321">
        <v>52</v>
      </c>
      <c r="AF2321">
        <v>129946</v>
      </c>
      <c r="AG2321">
        <v>402133</v>
      </c>
      <c r="AH2321">
        <v>50000</v>
      </c>
      <c r="AI2321">
        <v>0</v>
      </c>
      <c r="AJ2321">
        <v>108</v>
      </c>
      <c r="AK2321" t="s">
        <v>30</v>
      </c>
      <c r="AL2321">
        <v>0</v>
      </c>
      <c r="AM2321">
        <v>0</v>
      </c>
      <c r="AN2321">
        <v>0</v>
      </c>
      <c r="AO2321">
        <v>0</v>
      </c>
      <c r="AP2321">
        <v>0</v>
      </c>
      <c r="AQ2321">
        <v>0</v>
      </c>
      <c r="AR2321">
        <v>0</v>
      </c>
      <c r="AS2321">
        <v>0</v>
      </c>
      <c r="AT2321">
        <v>0</v>
      </c>
      <c r="AU2321">
        <v>0</v>
      </c>
      <c r="AV2321">
        <v>0</v>
      </c>
      <c r="AW2321">
        <v>0</v>
      </c>
      <c r="AX2321">
        <v>6329</v>
      </c>
      <c r="AY2321">
        <v>38</v>
      </c>
      <c r="AZ2321">
        <v>183</v>
      </c>
      <c r="BA2321">
        <v>5573</v>
      </c>
    </row>
    <row r="2322" spans="1:53" x14ac:dyDescent="0.4">
      <c r="A2322">
        <v>2366</v>
      </c>
      <c r="B2322" s="1">
        <v>43568</v>
      </c>
      <c r="C2322">
        <v>1</v>
      </c>
      <c r="D2322" s="1">
        <v>43568.291666666664</v>
      </c>
      <c r="E2322" s="1">
        <v>43568.400694444441</v>
      </c>
      <c r="F2322">
        <v>0</v>
      </c>
      <c r="G2322">
        <v>0</v>
      </c>
      <c r="H2322">
        <v>0</v>
      </c>
      <c r="I2322">
        <v>0</v>
      </c>
      <c r="J2322">
        <v>0</v>
      </c>
      <c r="K2322">
        <v>0</v>
      </c>
      <c r="L2322">
        <v>0</v>
      </c>
      <c r="M2322">
        <v>0</v>
      </c>
      <c r="N2322">
        <v>0</v>
      </c>
      <c r="O2322">
        <v>0</v>
      </c>
      <c r="P2322">
        <v>0</v>
      </c>
      <c r="Q2322">
        <v>0</v>
      </c>
      <c r="R2322">
        <v>0</v>
      </c>
      <c r="S2322">
        <v>0</v>
      </c>
      <c r="T2322">
        <v>0</v>
      </c>
      <c r="U2322">
        <v>0</v>
      </c>
      <c r="V2322">
        <v>0</v>
      </c>
      <c r="W2322">
        <v>0</v>
      </c>
      <c r="X2322">
        <v>0</v>
      </c>
      <c r="Y2322">
        <v>30</v>
      </c>
      <c r="Z2322">
        <v>9</v>
      </c>
      <c r="AA2322">
        <v>121</v>
      </c>
      <c r="AB2322">
        <v>39</v>
      </c>
      <c r="AC2322">
        <v>114</v>
      </c>
      <c r="AD2322">
        <v>52</v>
      </c>
      <c r="AE2322">
        <v>50</v>
      </c>
      <c r="AF2322">
        <v>0</v>
      </c>
      <c r="AG2322">
        <v>50000</v>
      </c>
      <c r="AH2322">
        <v>50000</v>
      </c>
      <c r="AI2322">
        <v>0</v>
      </c>
      <c r="AJ2322">
        <v>0</v>
      </c>
      <c r="AK2322" t="s">
        <v>6</v>
      </c>
      <c r="AL2322">
        <v>0</v>
      </c>
      <c r="AM2322">
        <v>0</v>
      </c>
      <c r="AN2322">
        <v>0</v>
      </c>
      <c r="AO2322">
        <v>0</v>
      </c>
      <c r="AP2322">
        <v>0</v>
      </c>
      <c r="AQ2322">
        <v>0</v>
      </c>
      <c r="AR2322">
        <v>0</v>
      </c>
      <c r="AS2322">
        <v>0</v>
      </c>
      <c r="AT2322">
        <v>0</v>
      </c>
      <c r="AU2322">
        <v>0</v>
      </c>
      <c r="AV2322">
        <v>0</v>
      </c>
      <c r="AW2322">
        <v>0</v>
      </c>
      <c r="AX2322">
        <v>0</v>
      </c>
      <c r="AY2322">
        <v>0</v>
      </c>
      <c r="AZ2322">
        <v>0</v>
      </c>
      <c r="BA2322">
        <v>0</v>
      </c>
    </row>
    <row r="2323" spans="1:53" x14ac:dyDescent="0.4">
      <c r="A2323">
        <v>2367</v>
      </c>
      <c r="B2323" s="1">
        <v>43568</v>
      </c>
      <c r="C2323">
        <v>2</v>
      </c>
      <c r="D2323" s="1">
        <v>43568.400694444441</v>
      </c>
      <c r="E2323" s="1">
        <v>43568.73333333333</v>
      </c>
      <c r="F2323">
        <v>42500</v>
      </c>
      <c r="G2323">
        <v>5380</v>
      </c>
      <c r="H2323">
        <v>200</v>
      </c>
      <c r="I2323">
        <v>0</v>
      </c>
      <c r="J2323">
        <v>0</v>
      </c>
      <c r="K2323">
        <v>0</v>
      </c>
      <c r="L2323">
        <v>0</v>
      </c>
      <c r="M2323">
        <v>3844</v>
      </c>
      <c r="N2323">
        <v>0</v>
      </c>
      <c r="O2323">
        <v>0</v>
      </c>
      <c r="P2323">
        <v>18360</v>
      </c>
      <c r="Q2323">
        <v>0</v>
      </c>
      <c r="R2323">
        <v>70284</v>
      </c>
      <c r="S2323">
        <v>0</v>
      </c>
      <c r="T2323">
        <v>0</v>
      </c>
      <c r="U2323">
        <v>0</v>
      </c>
      <c r="V2323">
        <v>1</v>
      </c>
      <c r="W2323">
        <v>5</v>
      </c>
      <c r="X2323">
        <v>0</v>
      </c>
      <c r="Y2323">
        <v>55</v>
      </c>
      <c r="Z2323">
        <v>20</v>
      </c>
      <c r="AA2323">
        <v>161</v>
      </c>
      <c r="AB2323">
        <v>43</v>
      </c>
      <c r="AC2323">
        <v>170</v>
      </c>
      <c r="AD2323">
        <v>53</v>
      </c>
      <c r="AE2323">
        <v>50</v>
      </c>
      <c r="AF2323">
        <v>0</v>
      </c>
      <c r="AG2323">
        <v>120265</v>
      </c>
      <c r="AH2323">
        <v>50000</v>
      </c>
      <c r="AI2323">
        <v>-19</v>
      </c>
      <c r="AJ2323">
        <v>30</v>
      </c>
      <c r="AL2323">
        <v>0</v>
      </c>
      <c r="AM2323">
        <v>0</v>
      </c>
      <c r="AN2323">
        <v>0</v>
      </c>
      <c r="AO2323">
        <v>0</v>
      </c>
      <c r="AP2323">
        <v>0</v>
      </c>
      <c r="AQ2323">
        <v>0</v>
      </c>
      <c r="AR2323">
        <v>0</v>
      </c>
      <c r="AS2323">
        <v>0</v>
      </c>
      <c r="AT2323">
        <v>0</v>
      </c>
      <c r="AU2323">
        <v>0</v>
      </c>
      <c r="AV2323">
        <v>0</v>
      </c>
      <c r="AW2323">
        <v>0</v>
      </c>
      <c r="AX2323">
        <v>-1080</v>
      </c>
      <c r="AY2323">
        <v>52</v>
      </c>
      <c r="AZ2323">
        <v>115</v>
      </c>
      <c r="BA2323">
        <v>7664</v>
      </c>
    </row>
    <row r="2324" spans="1:53" x14ac:dyDescent="0.4">
      <c r="A2324">
        <v>2368</v>
      </c>
      <c r="B2324" s="1">
        <v>43569</v>
      </c>
      <c r="C2324">
        <v>1</v>
      </c>
      <c r="D2324" s="1">
        <v>43569.291666666664</v>
      </c>
      <c r="E2324" s="1">
        <v>43569.411805555559</v>
      </c>
      <c r="F2324">
        <v>0</v>
      </c>
      <c r="G2324">
        <v>0</v>
      </c>
      <c r="H2324">
        <v>0</v>
      </c>
      <c r="I2324">
        <v>0</v>
      </c>
      <c r="J2324">
        <v>0</v>
      </c>
      <c r="K2324">
        <v>0</v>
      </c>
      <c r="L2324">
        <v>0</v>
      </c>
      <c r="M2324">
        <v>0</v>
      </c>
      <c r="N2324">
        <v>0</v>
      </c>
      <c r="O2324">
        <v>0</v>
      </c>
      <c r="P2324">
        <v>0</v>
      </c>
      <c r="Q2324">
        <v>0</v>
      </c>
      <c r="R2324">
        <v>0</v>
      </c>
      <c r="S2324">
        <v>0</v>
      </c>
      <c r="T2324">
        <v>0</v>
      </c>
      <c r="U2324">
        <v>0</v>
      </c>
      <c r="V2324">
        <v>0</v>
      </c>
      <c r="W2324">
        <v>0</v>
      </c>
      <c r="X2324">
        <v>0</v>
      </c>
      <c r="Y2324">
        <v>24</v>
      </c>
      <c r="Z2324">
        <v>12</v>
      </c>
      <c r="AA2324">
        <v>174</v>
      </c>
      <c r="AB2324">
        <v>27</v>
      </c>
      <c r="AC2324">
        <v>99</v>
      </c>
      <c r="AD2324">
        <v>48</v>
      </c>
      <c r="AE2324">
        <v>20</v>
      </c>
      <c r="AF2324">
        <v>0</v>
      </c>
      <c r="AG2324">
        <v>50000</v>
      </c>
      <c r="AH2324">
        <v>50000</v>
      </c>
      <c r="AI2324">
        <v>0</v>
      </c>
      <c r="AJ2324">
        <v>0</v>
      </c>
      <c r="AK2324" t="s">
        <v>6</v>
      </c>
      <c r="AL2324">
        <v>0</v>
      </c>
      <c r="AM2324">
        <v>0</v>
      </c>
      <c r="AN2324">
        <v>0</v>
      </c>
      <c r="AO2324">
        <v>0</v>
      </c>
      <c r="AP2324">
        <v>0</v>
      </c>
      <c r="AQ2324">
        <v>0</v>
      </c>
      <c r="AR2324">
        <v>0</v>
      </c>
      <c r="AS2324">
        <v>0</v>
      </c>
      <c r="AT2324">
        <v>0</v>
      </c>
      <c r="AU2324">
        <v>0</v>
      </c>
      <c r="AV2324">
        <v>0</v>
      </c>
      <c r="AW2324">
        <v>0</v>
      </c>
      <c r="AX2324">
        <v>0</v>
      </c>
      <c r="AY2324">
        <v>0</v>
      </c>
      <c r="AZ2324">
        <v>0</v>
      </c>
      <c r="BA2324">
        <v>0</v>
      </c>
    </row>
    <row r="2325" spans="1:53" x14ac:dyDescent="0.4">
      <c r="A2325">
        <v>2369</v>
      </c>
      <c r="B2325" s="1">
        <v>43569</v>
      </c>
      <c r="C2325">
        <v>2</v>
      </c>
      <c r="D2325" s="1">
        <v>43569.411805555559</v>
      </c>
      <c r="E2325" s="1">
        <v>43569.734722222223</v>
      </c>
      <c r="F2325">
        <v>46250</v>
      </c>
      <c r="G2325">
        <v>3440</v>
      </c>
      <c r="H2325">
        <v>0</v>
      </c>
      <c r="I2325">
        <v>0</v>
      </c>
      <c r="J2325">
        <v>0</v>
      </c>
      <c r="K2325">
        <v>0</v>
      </c>
      <c r="L2325">
        <v>0</v>
      </c>
      <c r="M2325">
        <v>3974</v>
      </c>
      <c r="N2325">
        <v>0</v>
      </c>
      <c r="O2325">
        <v>0</v>
      </c>
      <c r="P2325">
        <v>22680</v>
      </c>
      <c r="Q2325">
        <v>0</v>
      </c>
      <c r="R2325">
        <v>76344</v>
      </c>
      <c r="S2325">
        <v>0</v>
      </c>
      <c r="T2325">
        <v>0</v>
      </c>
      <c r="U2325">
        <v>0</v>
      </c>
      <c r="V2325">
        <v>2</v>
      </c>
      <c r="W2325">
        <v>3</v>
      </c>
      <c r="X2325">
        <v>0</v>
      </c>
      <c r="Y2325">
        <v>52</v>
      </c>
      <c r="Z2325">
        <v>32</v>
      </c>
      <c r="AA2325">
        <v>201</v>
      </c>
      <c r="AB2325">
        <v>26</v>
      </c>
      <c r="AC2325">
        <v>165</v>
      </c>
      <c r="AD2325">
        <v>53</v>
      </c>
      <c r="AE2325">
        <v>29</v>
      </c>
      <c r="AF2325">
        <v>0</v>
      </c>
      <c r="AG2325">
        <v>126344</v>
      </c>
      <c r="AH2325">
        <v>50000</v>
      </c>
      <c r="AI2325">
        <v>0</v>
      </c>
      <c r="AJ2325">
        <v>30</v>
      </c>
      <c r="AL2325">
        <v>0</v>
      </c>
      <c r="AM2325">
        <v>0</v>
      </c>
      <c r="AN2325">
        <v>0</v>
      </c>
      <c r="AO2325">
        <v>0</v>
      </c>
      <c r="AP2325">
        <v>0</v>
      </c>
      <c r="AQ2325">
        <v>0</v>
      </c>
      <c r="AR2325">
        <v>0</v>
      </c>
      <c r="AS2325">
        <v>0</v>
      </c>
      <c r="AT2325">
        <v>0</v>
      </c>
      <c r="AU2325">
        <v>0</v>
      </c>
      <c r="AV2325">
        <v>0</v>
      </c>
      <c r="AW2325">
        <v>0</v>
      </c>
      <c r="AX2325">
        <v>1771</v>
      </c>
      <c r="AY2325">
        <v>55</v>
      </c>
      <c r="AZ2325">
        <v>130</v>
      </c>
      <c r="BA2325">
        <v>8073</v>
      </c>
    </row>
    <row r="2326" spans="1:53" x14ac:dyDescent="0.4">
      <c r="A2326">
        <v>2370</v>
      </c>
      <c r="B2326" s="1">
        <v>43569</v>
      </c>
      <c r="C2326">
        <v>3</v>
      </c>
      <c r="D2326" s="1">
        <v>43569.734722222223</v>
      </c>
      <c r="E2326" s="1">
        <v>43569.958333333336</v>
      </c>
      <c r="F2326">
        <v>31420</v>
      </c>
      <c r="G2326">
        <v>2930</v>
      </c>
      <c r="H2326">
        <v>0</v>
      </c>
      <c r="I2326">
        <v>0</v>
      </c>
      <c r="J2326">
        <v>0</v>
      </c>
      <c r="K2326">
        <v>0</v>
      </c>
      <c r="L2326">
        <v>0</v>
      </c>
      <c r="M2326">
        <v>2748</v>
      </c>
      <c r="N2326">
        <v>0</v>
      </c>
      <c r="O2326">
        <v>0</v>
      </c>
      <c r="P2326">
        <v>-22680</v>
      </c>
      <c r="Q2326">
        <v>0</v>
      </c>
      <c r="R2326">
        <v>14418</v>
      </c>
      <c r="S2326">
        <v>0</v>
      </c>
      <c r="T2326">
        <v>0</v>
      </c>
      <c r="U2326">
        <v>0</v>
      </c>
      <c r="V2326">
        <v>2</v>
      </c>
      <c r="W2326">
        <v>4</v>
      </c>
      <c r="X2326">
        <v>0</v>
      </c>
      <c r="Y2326">
        <v>58</v>
      </c>
      <c r="Z2326">
        <v>29</v>
      </c>
      <c r="AA2326">
        <v>203</v>
      </c>
      <c r="AB2326">
        <v>25</v>
      </c>
      <c r="AC2326">
        <v>165</v>
      </c>
      <c r="AD2326">
        <v>54</v>
      </c>
      <c r="AE2326">
        <v>29</v>
      </c>
      <c r="AF2326">
        <v>4763</v>
      </c>
      <c r="AG2326">
        <v>140762</v>
      </c>
      <c r="AH2326">
        <v>50000</v>
      </c>
      <c r="AI2326">
        <v>0</v>
      </c>
      <c r="AJ2326">
        <v>108</v>
      </c>
      <c r="AK2326" t="s">
        <v>30</v>
      </c>
      <c r="AL2326">
        <v>0</v>
      </c>
      <c r="AM2326">
        <v>0</v>
      </c>
      <c r="AN2326">
        <v>0</v>
      </c>
      <c r="AO2326">
        <v>0</v>
      </c>
      <c r="AP2326">
        <v>0</v>
      </c>
      <c r="AQ2326">
        <v>0</v>
      </c>
      <c r="AR2326">
        <v>0</v>
      </c>
      <c r="AS2326">
        <v>0</v>
      </c>
      <c r="AT2326">
        <v>0</v>
      </c>
      <c r="AU2326">
        <v>0</v>
      </c>
      <c r="AV2326">
        <v>0</v>
      </c>
      <c r="AW2326">
        <v>0</v>
      </c>
      <c r="AX2326">
        <v>7862</v>
      </c>
      <c r="AY2326">
        <v>7</v>
      </c>
      <c r="AZ2326">
        <v>19</v>
      </c>
      <c r="BA2326">
        <v>2468</v>
      </c>
    </row>
    <row r="2327" spans="1:53" x14ac:dyDescent="0.4">
      <c r="A2327">
        <v>2371</v>
      </c>
      <c r="B2327" s="1">
        <v>43569</v>
      </c>
      <c r="C2327">
        <v>4</v>
      </c>
      <c r="D2327" s="1">
        <v>43569.958333333336</v>
      </c>
      <c r="E2327" s="1">
        <v>43570.1</v>
      </c>
      <c r="F2327">
        <v>10040</v>
      </c>
      <c r="G2327">
        <v>0</v>
      </c>
      <c r="H2327">
        <v>0</v>
      </c>
      <c r="I2327">
        <v>0</v>
      </c>
      <c r="J2327">
        <v>0</v>
      </c>
      <c r="K2327">
        <v>0</v>
      </c>
      <c r="L2327">
        <v>0</v>
      </c>
      <c r="M2327">
        <v>803</v>
      </c>
      <c r="N2327">
        <v>0</v>
      </c>
      <c r="O2327">
        <v>0</v>
      </c>
      <c r="P2327">
        <v>31104</v>
      </c>
      <c r="Q2327">
        <v>0</v>
      </c>
      <c r="R2327">
        <v>41947</v>
      </c>
      <c r="S2327">
        <v>0</v>
      </c>
      <c r="T2327">
        <v>0</v>
      </c>
      <c r="U2327">
        <v>0</v>
      </c>
      <c r="V2327">
        <v>4</v>
      </c>
      <c r="W2327">
        <v>5</v>
      </c>
      <c r="X2327">
        <v>0</v>
      </c>
      <c r="Y2327">
        <v>75</v>
      </c>
      <c r="Z2327">
        <v>28</v>
      </c>
      <c r="AA2327">
        <v>204</v>
      </c>
      <c r="AB2327">
        <v>31</v>
      </c>
      <c r="AC2327">
        <v>170</v>
      </c>
      <c r="AD2327">
        <v>53</v>
      </c>
      <c r="AE2327">
        <v>31</v>
      </c>
      <c r="AF2327">
        <v>4763</v>
      </c>
      <c r="AG2327">
        <v>182709</v>
      </c>
      <c r="AH2327">
        <v>50000</v>
      </c>
      <c r="AI2327">
        <v>0</v>
      </c>
      <c r="AJ2327">
        <v>29</v>
      </c>
      <c r="AK2327" t="s">
        <v>28</v>
      </c>
      <c r="AL2327">
        <v>0</v>
      </c>
      <c r="AM2327">
        <v>0</v>
      </c>
      <c r="AN2327">
        <v>0</v>
      </c>
      <c r="AO2327">
        <v>0</v>
      </c>
      <c r="AP2327">
        <v>0</v>
      </c>
      <c r="AQ2327">
        <v>0</v>
      </c>
      <c r="AR2327">
        <v>0</v>
      </c>
      <c r="AS2327">
        <v>0</v>
      </c>
      <c r="AT2327">
        <v>0</v>
      </c>
      <c r="AU2327">
        <v>0</v>
      </c>
      <c r="AV2327">
        <v>0</v>
      </c>
      <c r="AW2327">
        <v>0</v>
      </c>
      <c r="AX2327">
        <v>3294</v>
      </c>
      <c r="AY2327">
        <v>6</v>
      </c>
      <c r="AZ2327">
        <v>22</v>
      </c>
      <c r="BA2327">
        <v>802</v>
      </c>
    </row>
    <row r="2328" spans="1:53" x14ac:dyDescent="0.4">
      <c r="A2328">
        <v>2372</v>
      </c>
      <c r="B2328" s="1">
        <v>43570</v>
      </c>
      <c r="C2328">
        <v>1</v>
      </c>
      <c r="D2328" s="1">
        <v>43570.291666666664</v>
      </c>
      <c r="E2328" s="1">
        <v>43570.452777777777</v>
      </c>
      <c r="F2328">
        <v>0</v>
      </c>
      <c r="G2328">
        <v>0</v>
      </c>
      <c r="H2328">
        <v>0</v>
      </c>
      <c r="I2328">
        <v>0</v>
      </c>
      <c r="J2328">
        <v>0</v>
      </c>
      <c r="K2328">
        <v>0</v>
      </c>
      <c r="L2328">
        <v>0</v>
      </c>
      <c r="M2328">
        <v>0</v>
      </c>
      <c r="N2328">
        <v>0</v>
      </c>
      <c r="O2328">
        <v>0</v>
      </c>
      <c r="P2328">
        <v>0</v>
      </c>
      <c r="Q2328">
        <v>0</v>
      </c>
      <c r="R2328">
        <v>0</v>
      </c>
      <c r="S2328">
        <v>0</v>
      </c>
      <c r="T2328">
        <v>0</v>
      </c>
      <c r="U2328">
        <v>0</v>
      </c>
      <c r="V2328">
        <v>0</v>
      </c>
      <c r="W2328">
        <v>0</v>
      </c>
      <c r="X2328">
        <v>0</v>
      </c>
      <c r="Y2328">
        <v>28</v>
      </c>
      <c r="Z2328">
        <v>9</v>
      </c>
      <c r="AA2328">
        <v>143</v>
      </c>
      <c r="AB2328">
        <v>34</v>
      </c>
      <c r="AC2328">
        <v>121</v>
      </c>
      <c r="AD2328">
        <v>53</v>
      </c>
      <c r="AE2328">
        <v>25</v>
      </c>
      <c r="AF2328">
        <v>0</v>
      </c>
      <c r="AG2328">
        <v>50000</v>
      </c>
      <c r="AH2328">
        <v>0</v>
      </c>
      <c r="AI2328">
        <v>50000</v>
      </c>
      <c r="AJ2328">
        <v>0</v>
      </c>
      <c r="AK2328" t="s">
        <v>6</v>
      </c>
      <c r="AL2328">
        <v>0</v>
      </c>
      <c r="AM2328">
        <v>0</v>
      </c>
      <c r="AN2328">
        <v>0</v>
      </c>
      <c r="AO2328">
        <v>0</v>
      </c>
      <c r="AP2328">
        <v>0</v>
      </c>
      <c r="AQ2328">
        <v>0</v>
      </c>
      <c r="AR2328">
        <v>0</v>
      </c>
      <c r="AS2328">
        <v>0</v>
      </c>
      <c r="AT2328">
        <v>0</v>
      </c>
      <c r="AU2328">
        <v>0</v>
      </c>
      <c r="AV2328">
        <v>0</v>
      </c>
      <c r="AW2328">
        <v>0</v>
      </c>
      <c r="AX2328">
        <v>0</v>
      </c>
      <c r="AY2328">
        <v>0</v>
      </c>
      <c r="AZ2328">
        <v>0</v>
      </c>
      <c r="BA2328">
        <v>0</v>
      </c>
    </row>
    <row r="2329" spans="1:53" x14ac:dyDescent="0.4">
      <c r="A2329">
        <v>2373</v>
      </c>
      <c r="B2329" s="1">
        <v>43570</v>
      </c>
      <c r="C2329">
        <v>2</v>
      </c>
      <c r="D2329" s="1">
        <v>43570.452777777777</v>
      </c>
      <c r="E2329" s="1">
        <v>43570.763194444444</v>
      </c>
      <c r="F2329">
        <v>44000</v>
      </c>
      <c r="G2329">
        <v>5320</v>
      </c>
      <c r="H2329">
        <v>200</v>
      </c>
      <c r="I2329">
        <v>0</v>
      </c>
      <c r="J2329">
        <v>0</v>
      </c>
      <c r="K2329">
        <v>0</v>
      </c>
      <c r="L2329">
        <v>0</v>
      </c>
      <c r="M2329">
        <v>3960</v>
      </c>
      <c r="N2329">
        <v>0</v>
      </c>
      <c r="O2329">
        <v>0</v>
      </c>
      <c r="P2329">
        <v>17010</v>
      </c>
      <c r="Q2329">
        <v>0</v>
      </c>
      <c r="R2329">
        <v>70490</v>
      </c>
      <c r="S2329">
        <v>0</v>
      </c>
      <c r="T2329">
        <v>0</v>
      </c>
      <c r="U2329">
        <v>0</v>
      </c>
      <c r="V2329">
        <v>0</v>
      </c>
      <c r="W2329">
        <v>4</v>
      </c>
      <c r="X2329">
        <v>0</v>
      </c>
      <c r="Y2329">
        <v>54</v>
      </c>
      <c r="Z2329">
        <v>33</v>
      </c>
      <c r="AA2329">
        <v>226</v>
      </c>
      <c r="AB2329">
        <v>37</v>
      </c>
      <c r="AC2329">
        <v>280</v>
      </c>
      <c r="AD2329">
        <v>60</v>
      </c>
      <c r="AE2329">
        <v>31</v>
      </c>
      <c r="AF2329">
        <v>3371</v>
      </c>
      <c r="AG2329">
        <v>121452</v>
      </c>
      <c r="AH2329">
        <v>50000</v>
      </c>
      <c r="AI2329">
        <v>962</v>
      </c>
      <c r="AJ2329">
        <v>84</v>
      </c>
      <c r="AK2329" t="s">
        <v>16</v>
      </c>
      <c r="AL2329">
        <v>0</v>
      </c>
      <c r="AM2329">
        <v>0</v>
      </c>
      <c r="AN2329">
        <v>0</v>
      </c>
      <c r="AO2329">
        <v>0</v>
      </c>
      <c r="AP2329">
        <v>0</v>
      </c>
      <c r="AQ2329">
        <v>0</v>
      </c>
      <c r="AR2329">
        <v>0</v>
      </c>
      <c r="AS2329">
        <v>0</v>
      </c>
      <c r="AT2329">
        <v>0</v>
      </c>
      <c r="AU2329">
        <v>0</v>
      </c>
      <c r="AV2329">
        <v>0</v>
      </c>
      <c r="AW2329">
        <v>0</v>
      </c>
      <c r="AX2329">
        <v>734</v>
      </c>
      <c r="AY2329">
        <v>47</v>
      </c>
      <c r="AZ2329">
        <v>120</v>
      </c>
      <c r="BA2329">
        <v>6223</v>
      </c>
    </row>
    <row r="2330" spans="1:53" x14ac:dyDescent="0.4">
      <c r="A2330">
        <v>2374</v>
      </c>
      <c r="B2330" s="1">
        <v>43570</v>
      </c>
      <c r="C2330">
        <v>3</v>
      </c>
      <c r="D2330" s="1">
        <v>43570.763194444444</v>
      </c>
      <c r="E2330" s="1">
        <v>43570.965277777781</v>
      </c>
      <c r="F2330">
        <v>19250</v>
      </c>
      <c r="G2330">
        <v>3230</v>
      </c>
      <c r="H2330">
        <v>0</v>
      </c>
      <c r="I2330">
        <v>0</v>
      </c>
      <c r="J2330">
        <v>0</v>
      </c>
      <c r="K2330">
        <v>0</v>
      </c>
      <c r="L2330">
        <v>0</v>
      </c>
      <c r="M2330">
        <v>1798</v>
      </c>
      <c r="N2330">
        <v>0</v>
      </c>
      <c r="O2330">
        <v>0</v>
      </c>
      <c r="P2330">
        <v>-9234</v>
      </c>
      <c r="Q2330">
        <v>0</v>
      </c>
      <c r="R2330">
        <v>15044</v>
      </c>
      <c r="S2330">
        <v>0</v>
      </c>
      <c r="T2330">
        <v>0</v>
      </c>
      <c r="U2330">
        <v>0</v>
      </c>
      <c r="V2330">
        <v>0</v>
      </c>
      <c r="W2330">
        <v>4</v>
      </c>
      <c r="X2330">
        <v>0</v>
      </c>
      <c r="Y2330">
        <v>68</v>
      </c>
      <c r="Z2330">
        <v>35</v>
      </c>
      <c r="AA2330">
        <v>227</v>
      </c>
      <c r="AB2330">
        <v>37</v>
      </c>
      <c r="AC2330">
        <v>279</v>
      </c>
      <c r="AD2330">
        <v>60</v>
      </c>
      <c r="AE2330">
        <v>25</v>
      </c>
      <c r="AF2330">
        <v>3371</v>
      </c>
      <c r="AG2330">
        <v>136536</v>
      </c>
      <c r="AH2330">
        <v>50000</v>
      </c>
      <c r="AI2330">
        <v>1002</v>
      </c>
      <c r="AJ2330">
        <v>95</v>
      </c>
      <c r="AK2330" t="s">
        <v>21</v>
      </c>
      <c r="AL2330">
        <v>0</v>
      </c>
      <c r="AM2330">
        <v>0</v>
      </c>
      <c r="AN2330">
        <v>0</v>
      </c>
      <c r="AO2330">
        <v>0</v>
      </c>
      <c r="AP2330">
        <v>0</v>
      </c>
      <c r="AQ2330">
        <v>0</v>
      </c>
      <c r="AR2330">
        <v>0</v>
      </c>
      <c r="AS2330">
        <v>0</v>
      </c>
      <c r="AT2330">
        <v>0</v>
      </c>
      <c r="AU2330">
        <v>0</v>
      </c>
      <c r="AV2330">
        <v>0</v>
      </c>
      <c r="AW2330">
        <v>0</v>
      </c>
      <c r="AX2330">
        <v>6264</v>
      </c>
      <c r="AY2330">
        <v>11</v>
      </c>
      <c r="AZ2330">
        <v>18</v>
      </c>
      <c r="BA2330">
        <v>2164</v>
      </c>
    </row>
    <row r="2331" spans="1:53" x14ac:dyDescent="0.4">
      <c r="A2331">
        <v>2375</v>
      </c>
      <c r="B2331" s="1">
        <v>43571</v>
      </c>
      <c r="C2331">
        <v>1</v>
      </c>
      <c r="D2331" s="1">
        <v>43571.291666666664</v>
      </c>
      <c r="E2331" s="1">
        <v>43571.45208333333</v>
      </c>
      <c r="F2331">
        <v>0</v>
      </c>
      <c r="G2331">
        <v>0</v>
      </c>
      <c r="H2331">
        <v>0</v>
      </c>
      <c r="I2331">
        <v>0</v>
      </c>
      <c r="J2331">
        <v>0</v>
      </c>
      <c r="K2331">
        <v>0</v>
      </c>
      <c r="L2331">
        <v>0</v>
      </c>
      <c r="M2331">
        <v>0</v>
      </c>
      <c r="N2331">
        <v>0</v>
      </c>
      <c r="O2331">
        <v>0</v>
      </c>
      <c r="P2331">
        <v>0</v>
      </c>
      <c r="Q2331">
        <v>0</v>
      </c>
      <c r="R2331">
        <v>0</v>
      </c>
      <c r="S2331">
        <v>0</v>
      </c>
      <c r="T2331">
        <v>0</v>
      </c>
      <c r="U2331">
        <v>0</v>
      </c>
      <c r="V2331">
        <v>0</v>
      </c>
      <c r="W2331">
        <v>1</v>
      </c>
      <c r="X2331">
        <v>0</v>
      </c>
      <c r="Y2331">
        <v>30</v>
      </c>
      <c r="Z2331">
        <v>10</v>
      </c>
      <c r="AA2331">
        <v>67</v>
      </c>
      <c r="AB2331">
        <v>36</v>
      </c>
      <c r="AC2331">
        <v>120</v>
      </c>
      <c r="AD2331">
        <v>57</v>
      </c>
      <c r="AE2331">
        <v>15</v>
      </c>
      <c r="AF2331">
        <v>0</v>
      </c>
      <c r="AG2331">
        <v>50000</v>
      </c>
      <c r="AH2331">
        <v>50000</v>
      </c>
      <c r="AI2331">
        <v>0</v>
      </c>
      <c r="AJ2331">
        <v>0</v>
      </c>
      <c r="AK2331" t="s">
        <v>6</v>
      </c>
      <c r="AL2331">
        <v>0</v>
      </c>
      <c r="AM2331">
        <v>0</v>
      </c>
      <c r="AN2331">
        <v>0</v>
      </c>
      <c r="AO2331">
        <v>0</v>
      </c>
      <c r="AP2331">
        <v>0</v>
      </c>
      <c r="AQ2331">
        <v>0</v>
      </c>
      <c r="AR2331">
        <v>0</v>
      </c>
      <c r="AS2331">
        <v>0</v>
      </c>
      <c r="AT2331">
        <v>0</v>
      </c>
      <c r="AU2331">
        <v>0</v>
      </c>
      <c r="AV2331">
        <v>0</v>
      </c>
      <c r="AW2331">
        <v>0</v>
      </c>
      <c r="AX2331">
        <v>0</v>
      </c>
      <c r="AY2331">
        <v>0</v>
      </c>
      <c r="AZ2331">
        <v>0</v>
      </c>
      <c r="BA2331">
        <v>0</v>
      </c>
    </row>
    <row r="2332" spans="1:53" x14ac:dyDescent="0.4">
      <c r="A2332">
        <v>2376</v>
      </c>
      <c r="B2332" s="1">
        <v>43571</v>
      </c>
      <c r="C2332">
        <v>2</v>
      </c>
      <c r="D2332" s="1">
        <v>43571.45208333333</v>
      </c>
      <c r="E2332" s="1">
        <v>43571.727083333331</v>
      </c>
      <c r="F2332">
        <v>10500</v>
      </c>
      <c r="G2332">
        <v>0</v>
      </c>
      <c r="H2332">
        <v>0</v>
      </c>
      <c r="I2332">
        <v>0</v>
      </c>
      <c r="J2332">
        <v>0</v>
      </c>
      <c r="K2332">
        <v>0</v>
      </c>
      <c r="L2332">
        <v>0</v>
      </c>
      <c r="M2332">
        <v>840</v>
      </c>
      <c r="N2332">
        <v>0</v>
      </c>
      <c r="O2332">
        <v>0</v>
      </c>
      <c r="P2332">
        <v>16200</v>
      </c>
      <c r="Q2332">
        <v>0</v>
      </c>
      <c r="R2332">
        <v>27540</v>
      </c>
      <c r="S2332">
        <v>0</v>
      </c>
      <c r="T2332">
        <v>0</v>
      </c>
      <c r="U2332">
        <v>0</v>
      </c>
      <c r="V2332">
        <v>1</v>
      </c>
      <c r="W2332">
        <v>0</v>
      </c>
      <c r="X2332">
        <v>0</v>
      </c>
      <c r="Y2332">
        <v>48</v>
      </c>
      <c r="Z2332">
        <v>17</v>
      </c>
      <c r="AA2332">
        <v>74</v>
      </c>
      <c r="AB2332">
        <v>33</v>
      </c>
      <c r="AC2332">
        <v>168</v>
      </c>
      <c r="AD2332">
        <v>59</v>
      </c>
      <c r="AE2332">
        <v>15</v>
      </c>
      <c r="AF2332">
        <v>0</v>
      </c>
      <c r="AG2332">
        <v>77540</v>
      </c>
      <c r="AH2332">
        <v>50000</v>
      </c>
      <c r="AI2332">
        <v>0</v>
      </c>
      <c r="AJ2332">
        <v>35</v>
      </c>
      <c r="AL2332">
        <v>0</v>
      </c>
      <c r="AM2332">
        <v>0</v>
      </c>
      <c r="AN2332">
        <v>0</v>
      </c>
      <c r="AO2332">
        <v>0</v>
      </c>
      <c r="AP2332">
        <v>0</v>
      </c>
      <c r="AQ2332">
        <v>0</v>
      </c>
      <c r="AR2332">
        <v>0</v>
      </c>
      <c r="AS2332">
        <v>0</v>
      </c>
      <c r="AT2332">
        <v>0</v>
      </c>
      <c r="AU2332">
        <v>0</v>
      </c>
      <c r="AV2332">
        <v>0</v>
      </c>
      <c r="AW2332">
        <v>0</v>
      </c>
      <c r="AX2332">
        <v>-540</v>
      </c>
      <c r="AY2332">
        <v>31</v>
      </c>
      <c r="AZ2332">
        <v>51</v>
      </c>
      <c r="BA2332">
        <v>3526</v>
      </c>
    </row>
    <row r="2333" spans="1:53" x14ac:dyDescent="0.4">
      <c r="A2333">
        <v>2377</v>
      </c>
      <c r="B2333" s="1">
        <v>43571</v>
      </c>
      <c r="C2333">
        <v>3</v>
      </c>
      <c r="D2333" s="1">
        <v>43571.727083333331</v>
      </c>
      <c r="E2333" s="1">
        <v>43571.959027777775</v>
      </c>
      <c r="F2333">
        <v>39250</v>
      </c>
      <c r="G2333">
        <v>7420</v>
      </c>
      <c r="H2333">
        <v>0</v>
      </c>
      <c r="I2333">
        <v>0</v>
      </c>
      <c r="J2333">
        <v>0</v>
      </c>
      <c r="K2333">
        <v>0</v>
      </c>
      <c r="L2333">
        <v>0</v>
      </c>
      <c r="M2333">
        <v>3733</v>
      </c>
      <c r="N2333">
        <v>0</v>
      </c>
      <c r="O2333">
        <v>0</v>
      </c>
      <c r="P2333">
        <v>-16200</v>
      </c>
      <c r="Q2333">
        <v>0</v>
      </c>
      <c r="R2333">
        <v>34203</v>
      </c>
      <c r="S2333">
        <v>0</v>
      </c>
      <c r="T2333">
        <v>0</v>
      </c>
      <c r="U2333">
        <v>0</v>
      </c>
      <c r="V2333">
        <v>2</v>
      </c>
      <c r="W2333">
        <v>2</v>
      </c>
      <c r="X2333">
        <v>0</v>
      </c>
      <c r="Y2333">
        <v>45</v>
      </c>
      <c r="Z2333">
        <v>16</v>
      </c>
      <c r="AA2333">
        <v>82</v>
      </c>
      <c r="AB2333">
        <v>31</v>
      </c>
      <c r="AC2333">
        <v>163</v>
      </c>
      <c r="AD2333">
        <v>59</v>
      </c>
      <c r="AE2333">
        <v>15</v>
      </c>
      <c r="AF2333">
        <v>17053</v>
      </c>
      <c r="AG2333">
        <v>111743</v>
      </c>
      <c r="AH2333">
        <v>50000</v>
      </c>
      <c r="AI2333">
        <v>0</v>
      </c>
      <c r="AJ2333">
        <v>100</v>
      </c>
      <c r="AK2333" t="s">
        <v>0</v>
      </c>
      <c r="AL2333">
        <v>0</v>
      </c>
      <c r="AM2333">
        <v>0</v>
      </c>
      <c r="AN2333">
        <v>0</v>
      </c>
      <c r="AO2333">
        <v>0</v>
      </c>
      <c r="AP2333">
        <v>0</v>
      </c>
      <c r="AQ2333">
        <v>0</v>
      </c>
      <c r="AR2333">
        <v>0</v>
      </c>
      <c r="AS2333">
        <v>0</v>
      </c>
      <c r="AT2333">
        <v>0</v>
      </c>
      <c r="AU2333">
        <v>0</v>
      </c>
      <c r="AV2333">
        <v>0</v>
      </c>
      <c r="AW2333">
        <v>0</v>
      </c>
      <c r="AX2333">
        <v>22594</v>
      </c>
      <c r="AY2333">
        <v>12</v>
      </c>
      <c r="AZ2333">
        <v>39</v>
      </c>
      <c r="BA2333">
        <v>3138</v>
      </c>
    </row>
    <row r="2334" spans="1:53" x14ac:dyDescent="0.4">
      <c r="A2334">
        <v>2378</v>
      </c>
      <c r="B2334" s="1">
        <v>43572</v>
      </c>
      <c r="C2334">
        <v>1</v>
      </c>
      <c r="D2334" s="1">
        <v>43572.291666666664</v>
      </c>
      <c r="E2334" s="1">
        <v>43572.440972222219</v>
      </c>
      <c r="F2334">
        <v>0</v>
      </c>
      <c r="G2334">
        <v>0</v>
      </c>
      <c r="H2334">
        <v>0</v>
      </c>
      <c r="I2334">
        <v>0</v>
      </c>
      <c r="J2334">
        <v>0</v>
      </c>
      <c r="K2334">
        <v>0</v>
      </c>
      <c r="L2334">
        <v>0</v>
      </c>
      <c r="M2334">
        <v>0</v>
      </c>
      <c r="N2334">
        <v>0</v>
      </c>
      <c r="O2334">
        <v>0</v>
      </c>
      <c r="P2334">
        <v>0</v>
      </c>
      <c r="Q2334">
        <v>0</v>
      </c>
      <c r="R2334">
        <v>0</v>
      </c>
      <c r="S2334">
        <v>0</v>
      </c>
      <c r="T2334">
        <v>0</v>
      </c>
      <c r="U2334">
        <v>0</v>
      </c>
      <c r="V2334">
        <v>0</v>
      </c>
      <c r="W2334">
        <v>1</v>
      </c>
      <c r="X2334">
        <v>0</v>
      </c>
      <c r="Y2334">
        <v>31</v>
      </c>
      <c r="Z2334">
        <v>6</v>
      </c>
      <c r="AA2334">
        <v>85</v>
      </c>
      <c r="AB2334">
        <v>32</v>
      </c>
      <c r="AC2334">
        <v>59</v>
      </c>
      <c r="AD2334">
        <v>59</v>
      </c>
      <c r="AE2334">
        <v>15</v>
      </c>
      <c r="AF2334">
        <v>0</v>
      </c>
      <c r="AG2334">
        <v>50000</v>
      </c>
      <c r="AH2334">
        <v>50000</v>
      </c>
      <c r="AI2334">
        <v>0</v>
      </c>
      <c r="AJ2334">
        <v>0</v>
      </c>
      <c r="AK2334" t="s">
        <v>6</v>
      </c>
      <c r="AL2334">
        <v>0</v>
      </c>
      <c r="AM2334">
        <v>0</v>
      </c>
      <c r="AN2334">
        <v>0</v>
      </c>
      <c r="AO2334">
        <v>0</v>
      </c>
      <c r="AP2334">
        <v>0</v>
      </c>
      <c r="AQ2334">
        <v>0</v>
      </c>
      <c r="AR2334">
        <v>0</v>
      </c>
      <c r="AS2334">
        <v>0</v>
      </c>
      <c r="AT2334">
        <v>0</v>
      </c>
      <c r="AU2334">
        <v>0</v>
      </c>
      <c r="AV2334">
        <v>0</v>
      </c>
      <c r="AW2334">
        <v>0</v>
      </c>
      <c r="AX2334">
        <v>0</v>
      </c>
      <c r="AY2334">
        <v>0</v>
      </c>
      <c r="AZ2334">
        <v>0</v>
      </c>
      <c r="BA2334">
        <v>0</v>
      </c>
    </row>
    <row r="2335" spans="1:53" x14ac:dyDescent="0.4">
      <c r="A2335">
        <v>2379</v>
      </c>
      <c r="B2335" s="1">
        <v>43572</v>
      </c>
      <c r="C2335">
        <v>2</v>
      </c>
      <c r="D2335" s="1">
        <v>43572.440972222219</v>
      </c>
      <c r="E2335" s="1">
        <v>43572.739583333336</v>
      </c>
      <c r="F2335">
        <v>12500</v>
      </c>
      <c r="G2335">
        <v>1520</v>
      </c>
      <c r="H2335">
        <v>0</v>
      </c>
      <c r="I2335">
        <v>0</v>
      </c>
      <c r="J2335">
        <v>0</v>
      </c>
      <c r="K2335">
        <v>0</v>
      </c>
      <c r="L2335">
        <v>0</v>
      </c>
      <c r="M2335">
        <v>1121</v>
      </c>
      <c r="N2335">
        <v>0</v>
      </c>
      <c r="O2335">
        <v>0</v>
      </c>
      <c r="P2335">
        <v>11880</v>
      </c>
      <c r="Q2335">
        <v>0</v>
      </c>
      <c r="R2335">
        <v>27021</v>
      </c>
      <c r="S2335">
        <v>0</v>
      </c>
      <c r="T2335">
        <v>0</v>
      </c>
      <c r="U2335">
        <v>0</v>
      </c>
      <c r="V2335">
        <v>4</v>
      </c>
      <c r="W2335">
        <v>0</v>
      </c>
      <c r="X2335">
        <v>0</v>
      </c>
      <c r="Y2335">
        <v>10</v>
      </c>
      <c r="Z2335">
        <v>18</v>
      </c>
      <c r="AA2335">
        <v>101</v>
      </c>
      <c r="AB2335">
        <v>31</v>
      </c>
      <c r="AC2335">
        <v>104</v>
      </c>
      <c r="AD2335">
        <v>58</v>
      </c>
      <c r="AE2335">
        <v>7</v>
      </c>
      <c r="AF2335">
        <v>5034</v>
      </c>
      <c r="AG2335">
        <v>77021</v>
      </c>
      <c r="AH2335">
        <v>50000</v>
      </c>
      <c r="AI2335">
        <v>0</v>
      </c>
      <c r="AJ2335">
        <v>35</v>
      </c>
      <c r="AL2335">
        <v>0</v>
      </c>
      <c r="AM2335">
        <v>0</v>
      </c>
      <c r="AN2335">
        <v>0</v>
      </c>
      <c r="AO2335">
        <v>0</v>
      </c>
      <c r="AP2335">
        <v>0</v>
      </c>
      <c r="AQ2335">
        <v>0</v>
      </c>
      <c r="AR2335">
        <v>0</v>
      </c>
      <c r="AS2335">
        <v>0</v>
      </c>
      <c r="AT2335">
        <v>0</v>
      </c>
      <c r="AU2335">
        <v>0</v>
      </c>
      <c r="AV2335">
        <v>0</v>
      </c>
      <c r="AW2335">
        <v>0</v>
      </c>
      <c r="AX2335">
        <v>-3370</v>
      </c>
      <c r="AY2335">
        <v>35</v>
      </c>
      <c r="AZ2335">
        <v>47</v>
      </c>
      <c r="BA2335">
        <v>4489</v>
      </c>
    </row>
    <row r="2336" spans="1:53" x14ac:dyDescent="0.4">
      <c r="A2336">
        <v>2380</v>
      </c>
      <c r="B2336" s="1">
        <v>43572</v>
      </c>
      <c r="C2336">
        <v>3</v>
      </c>
      <c r="D2336" s="1">
        <v>43572.739583333336</v>
      </c>
      <c r="E2336" s="1">
        <v>43572.967361111114</v>
      </c>
      <c r="F2336">
        <v>31000</v>
      </c>
      <c r="G2336">
        <v>1260</v>
      </c>
      <c r="H2336">
        <v>200</v>
      </c>
      <c r="I2336">
        <v>0</v>
      </c>
      <c r="J2336">
        <v>0</v>
      </c>
      <c r="K2336">
        <v>0</v>
      </c>
      <c r="L2336">
        <v>0</v>
      </c>
      <c r="M2336">
        <v>2596</v>
      </c>
      <c r="N2336">
        <v>0</v>
      </c>
      <c r="O2336">
        <v>0</v>
      </c>
      <c r="P2336">
        <v>-11880</v>
      </c>
      <c r="Q2336">
        <v>0</v>
      </c>
      <c r="R2336">
        <v>23176</v>
      </c>
      <c r="S2336">
        <v>0</v>
      </c>
      <c r="T2336">
        <v>0</v>
      </c>
      <c r="U2336">
        <v>0</v>
      </c>
      <c r="V2336">
        <v>2</v>
      </c>
      <c r="W2336">
        <v>2</v>
      </c>
      <c r="X2336">
        <v>0</v>
      </c>
      <c r="Y2336">
        <v>15</v>
      </c>
      <c r="Z2336">
        <v>16</v>
      </c>
      <c r="AA2336">
        <v>136</v>
      </c>
      <c r="AB2336">
        <v>29</v>
      </c>
      <c r="AC2336">
        <v>113</v>
      </c>
      <c r="AD2336">
        <v>57</v>
      </c>
      <c r="AE2336">
        <v>10</v>
      </c>
      <c r="AF2336">
        <v>30722</v>
      </c>
      <c r="AG2336">
        <v>100197</v>
      </c>
      <c r="AH2336">
        <v>50000</v>
      </c>
      <c r="AI2336">
        <v>0</v>
      </c>
      <c r="AJ2336">
        <v>84</v>
      </c>
      <c r="AK2336" t="s">
        <v>16</v>
      </c>
      <c r="AL2336">
        <v>0</v>
      </c>
      <c r="AM2336">
        <v>0</v>
      </c>
      <c r="AN2336">
        <v>0</v>
      </c>
      <c r="AO2336">
        <v>0</v>
      </c>
      <c r="AP2336">
        <v>0</v>
      </c>
      <c r="AQ2336">
        <v>0</v>
      </c>
      <c r="AR2336">
        <v>0</v>
      </c>
      <c r="AS2336">
        <v>0</v>
      </c>
      <c r="AT2336">
        <v>0</v>
      </c>
      <c r="AU2336">
        <v>0</v>
      </c>
      <c r="AV2336">
        <v>0</v>
      </c>
      <c r="AW2336">
        <v>0</v>
      </c>
      <c r="AX2336">
        <v>12571</v>
      </c>
      <c r="AY2336">
        <v>15</v>
      </c>
      <c r="AZ2336">
        <v>35</v>
      </c>
      <c r="BA2336">
        <v>2583</v>
      </c>
    </row>
    <row r="2337" spans="1:53" x14ac:dyDescent="0.4">
      <c r="A2337">
        <v>2381</v>
      </c>
      <c r="B2337" s="1">
        <v>43572</v>
      </c>
      <c r="C2337">
        <v>4</v>
      </c>
      <c r="D2337" s="1">
        <v>43572.967361111114</v>
      </c>
      <c r="E2337" s="1">
        <v>43573.085416666669</v>
      </c>
      <c r="F2337">
        <v>14280</v>
      </c>
      <c r="G2337">
        <v>0</v>
      </c>
      <c r="H2337">
        <v>0</v>
      </c>
      <c r="I2337">
        <v>0</v>
      </c>
      <c r="J2337">
        <v>0</v>
      </c>
      <c r="K2337">
        <v>0</v>
      </c>
      <c r="L2337">
        <v>0</v>
      </c>
      <c r="M2337">
        <v>1142</v>
      </c>
      <c r="N2337">
        <v>0</v>
      </c>
      <c r="O2337">
        <v>0</v>
      </c>
      <c r="P2337">
        <v>12744</v>
      </c>
      <c r="Q2337">
        <v>0</v>
      </c>
      <c r="R2337">
        <v>28166</v>
      </c>
      <c r="S2337">
        <v>0</v>
      </c>
      <c r="T2337">
        <v>0</v>
      </c>
      <c r="U2337">
        <v>0</v>
      </c>
      <c r="V2337">
        <v>4</v>
      </c>
      <c r="W2337">
        <v>3</v>
      </c>
      <c r="X2337">
        <v>0</v>
      </c>
      <c r="Y2337">
        <v>18</v>
      </c>
      <c r="Z2337">
        <v>17</v>
      </c>
      <c r="AA2337">
        <v>132</v>
      </c>
      <c r="AB2337">
        <v>31</v>
      </c>
      <c r="AC2337">
        <v>107</v>
      </c>
      <c r="AD2337">
        <v>58</v>
      </c>
      <c r="AE2337">
        <v>21</v>
      </c>
      <c r="AF2337">
        <v>30722</v>
      </c>
      <c r="AG2337">
        <v>128353</v>
      </c>
      <c r="AH2337">
        <v>50000</v>
      </c>
      <c r="AI2337">
        <v>-10</v>
      </c>
      <c r="AJ2337">
        <v>108</v>
      </c>
      <c r="AK2337" t="s">
        <v>30</v>
      </c>
      <c r="AL2337">
        <v>0</v>
      </c>
      <c r="AM2337">
        <v>0</v>
      </c>
      <c r="AN2337">
        <v>0</v>
      </c>
      <c r="AO2337">
        <v>0</v>
      </c>
      <c r="AP2337">
        <v>0</v>
      </c>
      <c r="AQ2337">
        <v>0</v>
      </c>
      <c r="AR2337">
        <v>0</v>
      </c>
      <c r="AS2337">
        <v>0</v>
      </c>
      <c r="AT2337">
        <v>0</v>
      </c>
      <c r="AU2337">
        <v>0</v>
      </c>
      <c r="AV2337">
        <v>0</v>
      </c>
      <c r="AW2337">
        <v>0</v>
      </c>
      <c r="AX2337">
        <v>0</v>
      </c>
      <c r="AY2337">
        <v>3</v>
      </c>
      <c r="AZ2337">
        <v>8</v>
      </c>
      <c r="BA2337">
        <v>559</v>
      </c>
    </row>
    <row r="2338" spans="1:53" x14ac:dyDescent="0.4">
      <c r="A2338">
        <v>2382</v>
      </c>
      <c r="B2338" s="1">
        <v>43573</v>
      </c>
      <c r="C2338">
        <v>1</v>
      </c>
      <c r="D2338" s="1">
        <v>43573.291666666664</v>
      </c>
      <c r="E2338" s="1">
        <v>43573.453472222223</v>
      </c>
      <c r="F2338">
        <v>0</v>
      </c>
      <c r="G2338">
        <v>0</v>
      </c>
      <c r="H2338">
        <v>0</v>
      </c>
      <c r="I2338">
        <v>0</v>
      </c>
      <c r="J2338">
        <v>0</v>
      </c>
      <c r="K2338">
        <v>0</v>
      </c>
      <c r="L2338">
        <v>0</v>
      </c>
      <c r="M2338">
        <v>0</v>
      </c>
      <c r="N2338">
        <v>0</v>
      </c>
      <c r="O2338">
        <v>0</v>
      </c>
      <c r="P2338">
        <v>0</v>
      </c>
      <c r="Q2338">
        <v>0</v>
      </c>
      <c r="R2338">
        <v>0</v>
      </c>
      <c r="S2338">
        <v>0</v>
      </c>
      <c r="T2338">
        <v>0</v>
      </c>
      <c r="U2338">
        <v>0</v>
      </c>
      <c r="V2338">
        <v>0</v>
      </c>
      <c r="W2338">
        <v>3</v>
      </c>
      <c r="X2338">
        <v>0</v>
      </c>
      <c r="Y2338">
        <v>19</v>
      </c>
      <c r="Z2338">
        <v>8</v>
      </c>
      <c r="AA2338">
        <v>91</v>
      </c>
      <c r="AB2338">
        <v>30</v>
      </c>
      <c r="AC2338">
        <v>109</v>
      </c>
      <c r="AD2338">
        <v>57</v>
      </c>
      <c r="AE2338">
        <v>25</v>
      </c>
      <c r="AF2338">
        <v>0</v>
      </c>
      <c r="AG2338">
        <v>50000</v>
      </c>
      <c r="AH2338">
        <v>0</v>
      </c>
      <c r="AI2338">
        <v>50000</v>
      </c>
      <c r="AJ2338">
        <v>0</v>
      </c>
      <c r="AK2338" t="s">
        <v>6</v>
      </c>
      <c r="AL2338">
        <v>0</v>
      </c>
      <c r="AM2338">
        <v>0</v>
      </c>
      <c r="AN2338">
        <v>0</v>
      </c>
      <c r="AO2338">
        <v>0</v>
      </c>
      <c r="AP2338">
        <v>0</v>
      </c>
      <c r="AQ2338">
        <v>0</v>
      </c>
      <c r="AR2338">
        <v>0</v>
      </c>
      <c r="AS2338">
        <v>0</v>
      </c>
      <c r="AT2338">
        <v>0</v>
      </c>
      <c r="AU2338">
        <v>0</v>
      </c>
      <c r="AV2338">
        <v>0</v>
      </c>
      <c r="AW2338">
        <v>0</v>
      </c>
      <c r="AX2338">
        <v>0</v>
      </c>
      <c r="AY2338">
        <v>0</v>
      </c>
      <c r="AZ2338">
        <v>0</v>
      </c>
      <c r="BA2338">
        <v>0</v>
      </c>
    </row>
    <row r="2339" spans="1:53" x14ac:dyDescent="0.4">
      <c r="A2339">
        <v>2383</v>
      </c>
      <c r="B2339" s="1">
        <v>43573</v>
      </c>
      <c r="C2339">
        <v>2</v>
      </c>
      <c r="D2339" s="1">
        <v>43573.453472222223</v>
      </c>
      <c r="E2339" s="1">
        <v>43573.731944444444</v>
      </c>
      <c r="F2339">
        <v>16000</v>
      </c>
      <c r="G2339">
        <v>1600</v>
      </c>
      <c r="H2339">
        <v>0</v>
      </c>
      <c r="I2339">
        <v>0</v>
      </c>
      <c r="J2339">
        <v>0</v>
      </c>
      <c r="K2339">
        <v>0</v>
      </c>
      <c r="L2339">
        <v>0</v>
      </c>
      <c r="M2339">
        <v>1408</v>
      </c>
      <c r="N2339">
        <v>0</v>
      </c>
      <c r="O2339">
        <v>0</v>
      </c>
      <c r="P2339">
        <v>10260</v>
      </c>
      <c r="Q2339">
        <v>0</v>
      </c>
      <c r="R2339">
        <v>29268</v>
      </c>
      <c r="S2339">
        <v>0</v>
      </c>
      <c r="T2339">
        <v>0</v>
      </c>
      <c r="U2339">
        <v>0</v>
      </c>
      <c r="V2339">
        <v>1</v>
      </c>
      <c r="W2339">
        <v>2</v>
      </c>
      <c r="X2339">
        <v>0</v>
      </c>
      <c r="Y2339">
        <v>39</v>
      </c>
      <c r="Z2339">
        <v>15</v>
      </c>
      <c r="AA2339">
        <v>90</v>
      </c>
      <c r="AB2339">
        <v>34</v>
      </c>
      <c r="AC2339">
        <v>176</v>
      </c>
      <c r="AD2339">
        <v>57</v>
      </c>
      <c r="AE2339">
        <v>23</v>
      </c>
      <c r="AF2339">
        <v>0</v>
      </c>
      <c r="AG2339">
        <v>79268</v>
      </c>
      <c r="AH2339">
        <v>50000</v>
      </c>
      <c r="AI2339">
        <v>0</v>
      </c>
      <c r="AJ2339">
        <v>96</v>
      </c>
      <c r="AK2339" t="s">
        <v>4</v>
      </c>
      <c r="AL2339">
        <v>0</v>
      </c>
      <c r="AM2339">
        <v>0</v>
      </c>
      <c r="AN2339">
        <v>0</v>
      </c>
      <c r="AO2339">
        <v>0</v>
      </c>
      <c r="AP2339">
        <v>0</v>
      </c>
      <c r="AQ2339">
        <v>0</v>
      </c>
      <c r="AR2339">
        <v>0</v>
      </c>
      <c r="AS2339">
        <v>0</v>
      </c>
      <c r="AT2339">
        <v>0</v>
      </c>
      <c r="AU2339">
        <v>0</v>
      </c>
      <c r="AV2339">
        <v>0</v>
      </c>
      <c r="AW2339">
        <v>0</v>
      </c>
      <c r="AX2339">
        <v>-1080</v>
      </c>
      <c r="AY2339">
        <v>33</v>
      </c>
      <c r="AZ2339">
        <v>51</v>
      </c>
      <c r="BA2339">
        <v>4120</v>
      </c>
    </row>
    <row r="2340" spans="1:53" x14ac:dyDescent="0.4">
      <c r="A2340">
        <v>2384</v>
      </c>
      <c r="B2340" s="1">
        <v>43573</v>
      </c>
      <c r="C2340">
        <v>3</v>
      </c>
      <c r="D2340" s="1">
        <v>43573.731944444444</v>
      </c>
      <c r="E2340" s="1">
        <v>43573.966666666667</v>
      </c>
      <c r="F2340">
        <v>35920</v>
      </c>
      <c r="G2340">
        <v>1100</v>
      </c>
      <c r="H2340">
        <v>0</v>
      </c>
      <c r="I2340">
        <v>0</v>
      </c>
      <c r="J2340">
        <v>0</v>
      </c>
      <c r="K2340">
        <v>0</v>
      </c>
      <c r="L2340">
        <v>0</v>
      </c>
      <c r="M2340">
        <v>2962</v>
      </c>
      <c r="N2340">
        <v>0</v>
      </c>
      <c r="O2340">
        <v>0</v>
      </c>
      <c r="P2340">
        <v>-5508</v>
      </c>
      <c r="Q2340">
        <v>0</v>
      </c>
      <c r="R2340">
        <v>34474</v>
      </c>
      <c r="S2340">
        <v>0</v>
      </c>
      <c r="T2340">
        <v>0</v>
      </c>
      <c r="U2340">
        <v>0</v>
      </c>
      <c r="V2340">
        <v>4</v>
      </c>
      <c r="W2340">
        <v>3</v>
      </c>
      <c r="X2340">
        <v>0</v>
      </c>
      <c r="Y2340">
        <v>37</v>
      </c>
      <c r="Z2340">
        <v>15</v>
      </c>
      <c r="AA2340">
        <v>86</v>
      </c>
      <c r="AB2340">
        <v>33</v>
      </c>
      <c r="AC2340">
        <v>178</v>
      </c>
      <c r="AD2340">
        <v>58</v>
      </c>
      <c r="AE2340">
        <v>21</v>
      </c>
      <c r="AF2340">
        <v>1901</v>
      </c>
      <c r="AG2340">
        <v>113742</v>
      </c>
      <c r="AH2340">
        <v>50000</v>
      </c>
      <c r="AI2340">
        <v>0</v>
      </c>
      <c r="AJ2340">
        <v>100</v>
      </c>
      <c r="AK2340" t="s">
        <v>0</v>
      </c>
      <c r="AL2340">
        <v>0</v>
      </c>
      <c r="AM2340">
        <v>0</v>
      </c>
      <c r="AN2340">
        <v>0</v>
      </c>
      <c r="AO2340">
        <v>0</v>
      </c>
      <c r="AP2340">
        <v>0</v>
      </c>
      <c r="AQ2340">
        <v>0</v>
      </c>
      <c r="AR2340">
        <v>0</v>
      </c>
      <c r="AS2340">
        <v>0</v>
      </c>
      <c r="AT2340">
        <v>0</v>
      </c>
      <c r="AU2340">
        <v>0</v>
      </c>
      <c r="AV2340">
        <v>0</v>
      </c>
      <c r="AW2340">
        <v>0</v>
      </c>
      <c r="AX2340">
        <v>30726</v>
      </c>
      <c r="AY2340">
        <v>18</v>
      </c>
      <c r="AZ2340">
        <v>49</v>
      </c>
      <c r="BA2340">
        <v>2745</v>
      </c>
    </row>
    <row r="2341" spans="1:53" x14ac:dyDescent="0.4">
      <c r="A2341">
        <v>2385</v>
      </c>
      <c r="B2341" s="1">
        <v>43573</v>
      </c>
      <c r="C2341">
        <v>4</v>
      </c>
      <c r="D2341" s="1">
        <v>43573.966666666667</v>
      </c>
      <c r="E2341" s="1">
        <v>43574.114583333336</v>
      </c>
      <c r="F2341">
        <v>40080</v>
      </c>
      <c r="G2341">
        <v>700</v>
      </c>
      <c r="H2341">
        <v>200</v>
      </c>
      <c r="I2341">
        <v>0</v>
      </c>
      <c r="J2341">
        <v>0</v>
      </c>
      <c r="K2341">
        <v>4400</v>
      </c>
      <c r="L2341">
        <v>0</v>
      </c>
      <c r="M2341">
        <v>3630</v>
      </c>
      <c r="N2341">
        <v>0</v>
      </c>
      <c r="O2341">
        <v>0</v>
      </c>
      <c r="P2341">
        <v>-4752</v>
      </c>
      <c r="Q2341">
        <v>0</v>
      </c>
      <c r="R2341">
        <v>44258</v>
      </c>
      <c r="S2341">
        <v>0</v>
      </c>
      <c r="T2341">
        <v>0</v>
      </c>
      <c r="U2341">
        <v>0</v>
      </c>
      <c r="V2341">
        <v>6</v>
      </c>
      <c r="W2341">
        <v>4</v>
      </c>
      <c r="X2341">
        <v>0</v>
      </c>
      <c r="Y2341">
        <v>47</v>
      </c>
      <c r="Z2341">
        <v>13</v>
      </c>
      <c r="AA2341">
        <v>130</v>
      </c>
      <c r="AB2341">
        <v>34</v>
      </c>
      <c r="AC2341">
        <v>176</v>
      </c>
      <c r="AD2341">
        <v>58</v>
      </c>
      <c r="AE2341">
        <v>17</v>
      </c>
      <c r="AF2341">
        <v>7733</v>
      </c>
      <c r="AG2341">
        <v>158000</v>
      </c>
      <c r="AH2341">
        <v>50000</v>
      </c>
      <c r="AI2341">
        <v>0</v>
      </c>
      <c r="AJ2341">
        <v>108</v>
      </c>
      <c r="AK2341" t="s">
        <v>30</v>
      </c>
      <c r="AL2341">
        <v>0</v>
      </c>
      <c r="AM2341">
        <v>0</v>
      </c>
      <c r="AN2341">
        <v>0</v>
      </c>
      <c r="AO2341">
        <v>0</v>
      </c>
      <c r="AP2341">
        <v>0</v>
      </c>
      <c r="AQ2341">
        <v>0</v>
      </c>
      <c r="AR2341">
        <v>0</v>
      </c>
      <c r="AS2341">
        <v>0</v>
      </c>
      <c r="AT2341">
        <v>0</v>
      </c>
      <c r="AU2341">
        <v>0</v>
      </c>
      <c r="AV2341">
        <v>0</v>
      </c>
      <c r="AW2341">
        <v>0</v>
      </c>
      <c r="AX2341">
        <v>4320</v>
      </c>
      <c r="AY2341">
        <v>1</v>
      </c>
      <c r="AZ2341">
        <v>2</v>
      </c>
      <c r="BA2341">
        <v>674</v>
      </c>
    </row>
    <row r="2342" spans="1:53" x14ac:dyDescent="0.4">
      <c r="A2342">
        <v>2386</v>
      </c>
      <c r="B2342" s="1">
        <v>43574</v>
      </c>
      <c r="C2342">
        <v>1</v>
      </c>
      <c r="D2342" s="1">
        <v>43574.291666666664</v>
      </c>
      <c r="E2342" s="1">
        <v>43574.45416666667</v>
      </c>
      <c r="F2342">
        <v>0</v>
      </c>
      <c r="G2342">
        <v>0</v>
      </c>
      <c r="H2342">
        <v>0</v>
      </c>
      <c r="I2342">
        <v>0</v>
      </c>
      <c r="J2342">
        <v>0</v>
      </c>
      <c r="K2342">
        <v>0</v>
      </c>
      <c r="L2342">
        <v>0</v>
      </c>
      <c r="M2342">
        <v>0</v>
      </c>
      <c r="N2342">
        <v>0</v>
      </c>
      <c r="O2342">
        <v>0</v>
      </c>
      <c r="P2342">
        <v>0</v>
      </c>
      <c r="Q2342">
        <v>0</v>
      </c>
      <c r="R2342">
        <v>0</v>
      </c>
      <c r="S2342">
        <v>0</v>
      </c>
      <c r="T2342">
        <v>0</v>
      </c>
      <c r="U2342">
        <v>0</v>
      </c>
      <c r="V2342">
        <v>0</v>
      </c>
      <c r="W2342">
        <v>0</v>
      </c>
      <c r="X2342">
        <v>0</v>
      </c>
      <c r="Y2342">
        <v>29</v>
      </c>
      <c r="Z2342">
        <v>10</v>
      </c>
      <c r="AA2342">
        <v>128</v>
      </c>
      <c r="AB2342">
        <v>33</v>
      </c>
      <c r="AC2342">
        <v>126</v>
      </c>
      <c r="AD2342">
        <v>56</v>
      </c>
      <c r="AE2342">
        <v>10</v>
      </c>
      <c r="AF2342">
        <v>0</v>
      </c>
      <c r="AG2342">
        <v>50000</v>
      </c>
      <c r="AH2342">
        <v>0</v>
      </c>
      <c r="AI2342">
        <v>50000</v>
      </c>
      <c r="AJ2342">
        <v>0</v>
      </c>
      <c r="AK2342" t="s">
        <v>6</v>
      </c>
      <c r="AL2342">
        <v>0</v>
      </c>
      <c r="AM2342">
        <v>0</v>
      </c>
      <c r="AN2342">
        <v>0</v>
      </c>
      <c r="AO2342">
        <v>0</v>
      </c>
      <c r="AP2342">
        <v>0</v>
      </c>
      <c r="AQ2342">
        <v>0</v>
      </c>
      <c r="AR2342">
        <v>0</v>
      </c>
      <c r="AS2342">
        <v>0</v>
      </c>
      <c r="AT2342">
        <v>0</v>
      </c>
      <c r="AU2342">
        <v>0</v>
      </c>
      <c r="AV2342">
        <v>0</v>
      </c>
      <c r="AW2342">
        <v>0</v>
      </c>
      <c r="AX2342">
        <v>0</v>
      </c>
      <c r="AY2342">
        <v>0</v>
      </c>
      <c r="AZ2342">
        <v>0</v>
      </c>
      <c r="BA2342">
        <v>0</v>
      </c>
    </row>
    <row r="2343" spans="1:53" x14ac:dyDescent="0.4">
      <c r="A2343">
        <v>2387</v>
      </c>
      <c r="B2343" s="1">
        <v>43574</v>
      </c>
      <c r="C2343">
        <v>2</v>
      </c>
      <c r="D2343" s="1">
        <v>43574.45416666667</v>
      </c>
      <c r="E2343" s="1">
        <v>43574.734027777777</v>
      </c>
      <c r="F2343">
        <v>14000</v>
      </c>
      <c r="G2343">
        <v>0</v>
      </c>
      <c r="H2343">
        <v>200</v>
      </c>
      <c r="I2343">
        <v>0</v>
      </c>
      <c r="J2343">
        <v>0</v>
      </c>
      <c r="K2343">
        <v>0</v>
      </c>
      <c r="L2343">
        <v>0</v>
      </c>
      <c r="M2343">
        <v>1136</v>
      </c>
      <c r="N2343">
        <v>0</v>
      </c>
      <c r="O2343">
        <v>0</v>
      </c>
      <c r="P2343">
        <v>9180</v>
      </c>
      <c r="Q2343">
        <v>0</v>
      </c>
      <c r="R2343">
        <v>24516</v>
      </c>
      <c r="S2343">
        <v>0</v>
      </c>
      <c r="T2343">
        <v>0</v>
      </c>
      <c r="U2343">
        <v>0</v>
      </c>
      <c r="V2343">
        <v>0</v>
      </c>
      <c r="W2343">
        <v>0</v>
      </c>
      <c r="X2343">
        <v>0</v>
      </c>
      <c r="Y2343">
        <v>46</v>
      </c>
      <c r="Z2343">
        <v>24</v>
      </c>
      <c r="AA2343">
        <v>110</v>
      </c>
      <c r="AB2343">
        <v>23</v>
      </c>
      <c r="AC2343">
        <v>161</v>
      </c>
      <c r="AD2343">
        <v>56</v>
      </c>
      <c r="AE2343">
        <v>12</v>
      </c>
      <c r="AF2343">
        <v>2464</v>
      </c>
      <c r="AG2343">
        <v>74516</v>
      </c>
      <c r="AH2343">
        <v>50000</v>
      </c>
      <c r="AI2343">
        <v>0</v>
      </c>
      <c r="AJ2343">
        <v>96</v>
      </c>
      <c r="AK2343" t="s">
        <v>4</v>
      </c>
      <c r="AL2343">
        <v>0</v>
      </c>
      <c r="AM2343">
        <v>0</v>
      </c>
      <c r="AN2343">
        <v>0</v>
      </c>
      <c r="AO2343">
        <v>0</v>
      </c>
      <c r="AP2343">
        <v>0</v>
      </c>
      <c r="AQ2343">
        <v>0</v>
      </c>
      <c r="AR2343">
        <v>0</v>
      </c>
      <c r="AS2343">
        <v>0</v>
      </c>
      <c r="AT2343">
        <v>0</v>
      </c>
      <c r="AU2343">
        <v>0</v>
      </c>
      <c r="AV2343">
        <v>0</v>
      </c>
      <c r="AW2343">
        <v>0</v>
      </c>
      <c r="AX2343">
        <v>0</v>
      </c>
      <c r="AY2343">
        <v>30</v>
      </c>
      <c r="AZ2343">
        <v>45</v>
      </c>
      <c r="BA2343">
        <v>4194</v>
      </c>
    </row>
    <row r="2344" spans="1:53" x14ac:dyDescent="0.4">
      <c r="A2344">
        <v>2388</v>
      </c>
      <c r="B2344" s="1">
        <v>43575</v>
      </c>
      <c r="C2344">
        <v>1</v>
      </c>
      <c r="D2344" s="1">
        <v>43575.291666666664</v>
      </c>
      <c r="E2344" s="1">
        <v>43575.393055555556</v>
      </c>
      <c r="F2344">
        <v>0</v>
      </c>
      <c r="G2344">
        <v>0</v>
      </c>
      <c r="H2344">
        <v>0</v>
      </c>
      <c r="I2344">
        <v>0</v>
      </c>
      <c r="J2344">
        <v>0</v>
      </c>
      <c r="K2344">
        <v>0</v>
      </c>
      <c r="L2344">
        <v>0</v>
      </c>
      <c r="M2344">
        <v>0</v>
      </c>
      <c r="N2344">
        <v>0</v>
      </c>
      <c r="O2344">
        <v>0</v>
      </c>
      <c r="P2344">
        <v>0</v>
      </c>
      <c r="Q2344">
        <v>0</v>
      </c>
      <c r="R2344">
        <v>0</v>
      </c>
      <c r="S2344">
        <v>0</v>
      </c>
      <c r="T2344">
        <v>0</v>
      </c>
      <c r="U2344">
        <v>0</v>
      </c>
      <c r="V2344">
        <v>0</v>
      </c>
      <c r="W2344">
        <v>0</v>
      </c>
      <c r="X2344">
        <v>0</v>
      </c>
      <c r="Y2344">
        <v>30</v>
      </c>
      <c r="Z2344">
        <v>10</v>
      </c>
      <c r="AA2344">
        <v>127</v>
      </c>
      <c r="AB2344">
        <v>19</v>
      </c>
      <c r="AC2344">
        <v>104</v>
      </c>
      <c r="AD2344">
        <v>51</v>
      </c>
      <c r="AE2344">
        <v>55</v>
      </c>
      <c r="AF2344">
        <v>0</v>
      </c>
      <c r="AG2344">
        <v>50000</v>
      </c>
      <c r="AH2344">
        <v>50000</v>
      </c>
      <c r="AI2344">
        <v>0</v>
      </c>
      <c r="AJ2344">
        <v>0</v>
      </c>
      <c r="AK2344" t="s">
        <v>6</v>
      </c>
      <c r="AL2344">
        <v>0</v>
      </c>
      <c r="AM2344">
        <v>0</v>
      </c>
      <c r="AN2344">
        <v>0</v>
      </c>
      <c r="AO2344">
        <v>0</v>
      </c>
      <c r="AP2344">
        <v>0</v>
      </c>
      <c r="AQ2344">
        <v>0</v>
      </c>
      <c r="AR2344">
        <v>0</v>
      </c>
      <c r="AS2344">
        <v>0</v>
      </c>
      <c r="AT2344">
        <v>0</v>
      </c>
      <c r="AU2344">
        <v>0</v>
      </c>
      <c r="AV2344">
        <v>0</v>
      </c>
      <c r="AW2344">
        <v>0</v>
      </c>
      <c r="AX2344">
        <v>0</v>
      </c>
      <c r="AY2344">
        <v>0</v>
      </c>
      <c r="AZ2344">
        <v>0</v>
      </c>
      <c r="BA2344">
        <v>0</v>
      </c>
    </row>
    <row r="2345" spans="1:53" x14ac:dyDescent="0.4">
      <c r="A2345">
        <v>2389</v>
      </c>
      <c r="B2345" s="1">
        <v>43575</v>
      </c>
      <c r="C2345">
        <v>2</v>
      </c>
      <c r="D2345" s="1">
        <v>43575.393055555556</v>
      </c>
      <c r="E2345" s="1">
        <v>43575.835416666669</v>
      </c>
      <c r="F2345">
        <v>52960</v>
      </c>
      <c r="G2345">
        <v>3600</v>
      </c>
      <c r="H2345">
        <v>0</v>
      </c>
      <c r="I2345">
        <v>0</v>
      </c>
      <c r="J2345">
        <v>0</v>
      </c>
      <c r="K2345">
        <v>0</v>
      </c>
      <c r="L2345">
        <v>0</v>
      </c>
      <c r="M2345">
        <v>4523</v>
      </c>
      <c r="N2345">
        <v>0</v>
      </c>
      <c r="O2345">
        <v>0</v>
      </c>
      <c r="P2345">
        <v>3240</v>
      </c>
      <c r="Q2345">
        <v>0</v>
      </c>
      <c r="R2345">
        <v>64323</v>
      </c>
      <c r="S2345">
        <v>0</v>
      </c>
      <c r="T2345">
        <v>0</v>
      </c>
      <c r="U2345">
        <v>0</v>
      </c>
      <c r="V2345">
        <v>1</v>
      </c>
      <c r="W2345">
        <v>0</v>
      </c>
      <c r="X2345">
        <v>0</v>
      </c>
      <c r="Y2345">
        <v>68</v>
      </c>
      <c r="Z2345">
        <v>31</v>
      </c>
      <c r="AA2345">
        <v>151</v>
      </c>
      <c r="AB2345">
        <v>29</v>
      </c>
      <c r="AC2345">
        <v>184</v>
      </c>
      <c r="AD2345">
        <v>51</v>
      </c>
      <c r="AE2345">
        <v>61</v>
      </c>
      <c r="AF2345">
        <v>2117</v>
      </c>
      <c r="AG2345">
        <v>114323</v>
      </c>
      <c r="AH2345">
        <v>50000</v>
      </c>
      <c r="AI2345">
        <v>0</v>
      </c>
      <c r="AJ2345">
        <v>29</v>
      </c>
      <c r="AK2345" t="s">
        <v>28</v>
      </c>
      <c r="AL2345">
        <v>0</v>
      </c>
      <c r="AM2345">
        <v>0</v>
      </c>
      <c r="AN2345">
        <v>0</v>
      </c>
      <c r="AO2345">
        <v>0</v>
      </c>
      <c r="AP2345">
        <v>0</v>
      </c>
      <c r="AQ2345">
        <v>0</v>
      </c>
      <c r="AR2345">
        <v>0</v>
      </c>
      <c r="AS2345">
        <v>0</v>
      </c>
      <c r="AT2345">
        <v>0</v>
      </c>
      <c r="AU2345">
        <v>0</v>
      </c>
      <c r="AV2345">
        <v>0</v>
      </c>
      <c r="AW2345">
        <v>0</v>
      </c>
      <c r="AX2345">
        <v>4924</v>
      </c>
      <c r="AY2345">
        <v>54</v>
      </c>
      <c r="AZ2345">
        <v>124</v>
      </c>
      <c r="BA2345">
        <v>8601</v>
      </c>
    </row>
    <row r="2346" spans="1:53" x14ac:dyDescent="0.4">
      <c r="A2346">
        <v>2390</v>
      </c>
      <c r="B2346" s="1">
        <v>43576</v>
      </c>
      <c r="C2346">
        <v>1</v>
      </c>
      <c r="D2346" s="1">
        <v>43576.291666666664</v>
      </c>
      <c r="E2346" s="1">
        <v>43576.395138888889</v>
      </c>
      <c r="F2346">
        <v>0</v>
      </c>
      <c r="G2346">
        <v>0</v>
      </c>
      <c r="H2346">
        <v>0</v>
      </c>
      <c r="I2346">
        <v>0</v>
      </c>
      <c r="J2346">
        <v>0</v>
      </c>
      <c r="K2346">
        <v>0</v>
      </c>
      <c r="L2346">
        <v>0</v>
      </c>
      <c r="M2346">
        <v>0</v>
      </c>
      <c r="N2346">
        <v>0</v>
      </c>
      <c r="O2346">
        <v>0</v>
      </c>
      <c r="P2346">
        <v>0</v>
      </c>
      <c r="Q2346">
        <v>0</v>
      </c>
      <c r="R2346">
        <v>0</v>
      </c>
      <c r="S2346">
        <v>0</v>
      </c>
      <c r="T2346">
        <v>0</v>
      </c>
      <c r="U2346">
        <v>0</v>
      </c>
      <c r="V2346">
        <v>0</v>
      </c>
      <c r="W2346">
        <v>0</v>
      </c>
      <c r="X2346">
        <v>0</v>
      </c>
      <c r="Y2346">
        <v>32</v>
      </c>
      <c r="Z2346">
        <v>10</v>
      </c>
      <c r="AA2346">
        <v>100</v>
      </c>
      <c r="AB2346">
        <v>26</v>
      </c>
      <c r="AC2346">
        <v>132</v>
      </c>
      <c r="AD2346">
        <v>57</v>
      </c>
      <c r="AE2346">
        <v>95</v>
      </c>
      <c r="AF2346">
        <v>0</v>
      </c>
      <c r="AG2346">
        <v>50000</v>
      </c>
      <c r="AH2346">
        <v>50000</v>
      </c>
      <c r="AI2346">
        <v>0</v>
      </c>
      <c r="AJ2346">
        <v>0</v>
      </c>
      <c r="AK2346" t="s">
        <v>6</v>
      </c>
      <c r="AL2346">
        <v>0</v>
      </c>
      <c r="AM2346">
        <v>0</v>
      </c>
      <c r="AN2346">
        <v>0</v>
      </c>
      <c r="AO2346">
        <v>0</v>
      </c>
      <c r="AP2346">
        <v>0</v>
      </c>
      <c r="AQ2346">
        <v>0</v>
      </c>
      <c r="AR2346">
        <v>0</v>
      </c>
      <c r="AS2346">
        <v>0</v>
      </c>
      <c r="AT2346">
        <v>0</v>
      </c>
      <c r="AU2346">
        <v>0</v>
      </c>
      <c r="AV2346">
        <v>0</v>
      </c>
      <c r="AW2346">
        <v>0</v>
      </c>
      <c r="AX2346">
        <v>0</v>
      </c>
      <c r="AY2346">
        <v>0</v>
      </c>
      <c r="AZ2346">
        <v>0</v>
      </c>
      <c r="BA2346">
        <v>0</v>
      </c>
    </row>
    <row r="2347" spans="1:53" x14ac:dyDescent="0.4">
      <c r="A2347">
        <v>2391</v>
      </c>
      <c r="B2347" s="1">
        <v>43576</v>
      </c>
      <c r="C2347">
        <v>2</v>
      </c>
      <c r="D2347" s="1">
        <v>43576.395138888889</v>
      </c>
      <c r="E2347" s="1">
        <v>43576.743750000001</v>
      </c>
      <c r="F2347">
        <v>39000</v>
      </c>
      <c r="G2347">
        <v>2200</v>
      </c>
      <c r="H2347">
        <v>0</v>
      </c>
      <c r="I2347">
        <v>0</v>
      </c>
      <c r="J2347">
        <v>0</v>
      </c>
      <c r="K2347">
        <v>0</v>
      </c>
      <c r="L2347">
        <v>0</v>
      </c>
      <c r="M2347">
        <v>3295</v>
      </c>
      <c r="N2347">
        <v>0</v>
      </c>
      <c r="O2347">
        <v>0</v>
      </c>
      <c r="P2347">
        <v>18360</v>
      </c>
      <c r="Q2347">
        <v>0</v>
      </c>
      <c r="R2347">
        <v>62855</v>
      </c>
      <c r="S2347">
        <v>0</v>
      </c>
      <c r="T2347">
        <v>0</v>
      </c>
      <c r="U2347">
        <v>0</v>
      </c>
      <c r="V2347">
        <v>1</v>
      </c>
      <c r="W2347">
        <v>2</v>
      </c>
      <c r="X2347">
        <v>0</v>
      </c>
      <c r="Y2347">
        <v>63</v>
      </c>
      <c r="Z2347">
        <v>30</v>
      </c>
      <c r="AA2347">
        <v>111</v>
      </c>
      <c r="AB2347">
        <v>31</v>
      </c>
      <c r="AC2347">
        <v>182</v>
      </c>
      <c r="AD2347">
        <v>58</v>
      </c>
      <c r="AE2347">
        <v>95</v>
      </c>
      <c r="AF2347">
        <v>0</v>
      </c>
      <c r="AG2347">
        <v>112855</v>
      </c>
      <c r="AH2347">
        <v>50000</v>
      </c>
      <c r="AI2347">
        <v>0</v>
      </c>
      <c r="AJ2347">
        <v>29</v>
      </c>
      <c r="AK2347" t="s">
        <v>28</v>
      </c>
      <c r="AL2347">
        <v>0</v>
      </c>
      <c r="AM2347">
        <v>0</v>
      </c>
      <c r="AN2347">
        <v>0</v>
      </c>
      <c r="AO2347">
        <v>0</v>
      </c>
      <c r="AP2347">
        <v>0</v>
      </c>
      <c r="AQ2347">
        <v>0</v>
      </c>
      <c r="AR2347">
        <v>0</v>
      </c>
      <c r="AS2347">
        <v>0</v>
      </c>
      <c r="AT2347">
        <v>0</v>
      </c>
      <c r="AU2347">
        <v>0</v>
      </c>
      <c r="AV2347">
        <v>0</v>
      </c>
      <c r="AW2347">
        <v>0</v>
      </c>
      <c r="AX2347">
        <v>410</v>
      </c>
      <c r="AY2347">
        <v>48</v>
      </c>
      <c r="AZ2347">
        <v>108</v>
      </c>
      <c r="BA2347">
        <v>6901</v>
      </c>
    </row>
    <row r="2348" spans="1:53" x14ac:dyDescent="0.4">
      <c r="A2348">
        <v>2392</v>
      </c>
      <c r="B2348" s="1">
        <v>43577</v>
      </c>
      <c r="C2348">
        <v>1</v>
      </c>
      <c r="D2348" s="1">
        <v>43577.291666666664</v>
      </c>
      <c r="E2348" s="1">
        <v>43577.456250000003</v>
      </c>
      <c r="F2348">
        <v>0</v>
      </c>
      <c r="G2348">
        <v>0</v>
      </c>
      <c r="H2348">
        <v>0</v>
      </c>
      <c r="I2348">
        <v>0</v>
      </c>
      <c r="J2348">
        <v>0</v>
      </c>
      <c r="K2348">
        <v>0</v>
      </c>
      <c r="L2348">
        <v>0</v>
      </c>
      <c r="M2348">
        <v>0</v>
      </c>
      <c r="N2348">
        <v>0</v>
      </c>
      <c r="O2348">
        <v>0</v>
      </c>
      <c r="P2348">
        <v>0</v>
      </c>
      <c r="Q2348">
        <v>0</v>
      </c>
      <c r="R2348">
        <v>0</v>
      </c>
      <c r="S2348">
        <v>0</v>
      </c>
      <c r="T2348">
        <v>0</v>
      </c>
      <c r="U2348">
        <v>0</v>
      </c>
      <c r="V2348">
        <v>0</v>
      </c>
      <c r="W2348">
        <v>0</v>
      </c>
      <c r="X2348">
        <v>0</v>
      </c>
      <c r="Y2348">
        <v>30</v>
      </c>
      <c r="Z2348">
        <v>10</v>
      </c>
      <c r="AA2348">
        <v>116</v>
      </c>
      <c r="AB2348">
        <v>36</v>
      </c>
      <c r="AC2348">
        <v>125</v>
      </c>
      <c r="AD2348">
        <v>54</v>
      </c>
      <c r="AE2348">
        <v>80</v>
      </c>
      <c r="AF2348">
        <v>0</v>
      </c>
      <c r="AG2348">
        <v>50000</v>
      </c>
      <c r="AH2348">
        <v>0</v>
      </c>
      <c r="AI2348">
        <v>50000</v>
      </c>
      <c r="AJ2348">
        <v>0</v>
      </c>
      <c r="AK2348" t="s">
        <v>6</v>
      </c>
      <c r="AL2348">
        <v>0</v>
      </c>
      <c r="AM2348">
        <v>0</v>
      </c>
      <c r="AN2348">
        <v>0</v>
      </c>
      <c r="AO2348">
        <v>0</v>
      </c>
      <c r="AP2348">
        <v>0</v>
      </c>
      <c r="AQ2348">
        <v>0</v>
      </c>
      <c r="AR2348">
        <v>0</v>
      </c>
      <c r="AS2348">
        <v>0</v>
      </c>
      <c r="AT2348">
        <v>0</v>
      </c>
      <c r="AU2348">
        <v>0</v>
      </c>
      <c r="AV2348">
        <v>0</v>
      </c>
      <c r="AW2348">
        <v>0</v>
      </c>
      <c r="AX2348">
        <v>0</v>
      </c>
      <c r="AY2348">
        <v>0</v>
      </c>
      <c r="AZ2348">
        <v>0</v>
      </c>
      <c r="BA2348">
        <v>0</v>
      </c>
    </row>
    <row r="2349" spans="1:53" x14ac:dyDescent="0.4">
      <c r="A2349">
        <v>2393</v>
      </c>
      <c r="B2349" s="1">
        <v>43577</v>
      </c>
      <c r="C2349">
        <v>2</v>
      </c>
      <c r="D2349" s="1">
        <v>43577.456250000003</v>
      </c>
      <c r="E2349" s="1">
        <v>43577.734722222223</v>
      </c>
      <c r="F2349">
        <v>14000</v>
      </c>
      <c r="G2349">
        <v>500</v>
      </c>
      <c r="H2349">
        <v>0</v>
      </c>
      <c r="I2349">
        <v>0</v>
      </c>
      <c r="J2349">
        <v>0</v>
      </c>
      <c r="K2349">
        <v>0</v>
      </c>
      <c r="L2349">
        <v>0</v>
      </c>
      <c r="M2349">
        <v>1160</v>
      </c>
      <c r="N2349">
        <v>0</v>
      </c>
      <c r="O2349">
        <v>0</v>
      </c>
      <c r="P2349">
        <v>12420</v>
      </c>
      <c r="Q2349">
        <v>0</v>
      </c>
      <c r="R2349">
        <v>28080</v>
      </c>
      <c r="S2349">
        <v>0</v>
      </c>
      <c r="T2349">
        <v>0</v>
      </c>
      <c r="U2349">
        <v>0</v>
      </c>
      <c r="V2349">
        <v>1</v>
      </c>
      <c r="W2349">
        <v>0</v>
      </c>
      <c r="X2349">
        <v>0</v>
      </c>
      <c r="Y2349">
        <v>40</v>
      </c>
      <c r="Z2349">
        <v>26</v>
      </c>
      <c r="AA2349">
        <v>110</v>
      </c>
      <c r="AB2349">
        <v>37</v>
      </c>
      <c r="AC2349">
        <v>187</v>
      </c>
      <c r="AD2349">
        <v>55</v>
      </c>
      <c r="AE2349">
        <v>85</v>
      </c>
      <c r="AF2349">
        <v>0</v>
      </c>
      <c r="AG2349">
        <v>78080</v>
      </c>
      <c r="AH2349">
        <v>50000</v>
      </c>
      <c r="AI2349">
        <v>0</v>
      </c>
      <c r="AJ2349">
        <v>96</v>
      </c>
      <c r="AK2349" t="s">
        <v>4</v>
      </c>
      <c r="AL2349">
        <v>0</v>
      </c>
      <c r="AM2349">
        <v>0</v>
      </c>
      <c r="AN2349">
        <v>0</v>
      </c>
      <c r="AO2349">
        <v>0</v>
      </c>
      <c r="AP2349">
        <v>0</v>
      </c>
      <c r="AQ2349">
        <v>0</v>
      </c>
      <c r="AR2349">
        <v>0</v>
      </c>
      <c r="AS2349">
        <v>0</v>
      </c>
      <c r="AT2349">
        <v>0</v>
      </c>
      <c r="AU2349">
        <v>0</v>
      </c>
      <c r="AV2349">
        <v>0</v>
      </c>
      <c r="AW2349">
        <v>0</v>
      </c>
      <c r="AX2349">
        <v>-1080</v>
      </c>
      <c r="AY2349">
        <v>28</v>
      </c>
      <c r="AZ2349">
        <v>51</v>
      </c>
      <c r="BA2349">
        <v>3469</v>
      </c>
    </row>
    <row r="2350" spans="1:53" x14ac:dyDescent="0.4">
      <c r="A2350">
        <v>2394</v>
      </c>
      <c r="B2350" s="1">
        <v>43578</v>
      </c>
      <c r="C2350">
        <v>1</v>
      </c>
      <c r="D2350" s="1">
        <v>43578.291666666664</v>
      </c>
      <c r="E2350" s="1">
        <v>43578.450694444444</v>
      </c>
      <c r="F2350">
        <v>0</v>
      </c>
      <c r="G2350">
        <v>0</v>
      </c>
      <c r="H2350">
        <v>0</v>
      </c>
      <c r="I2350">
        <v>0</v>
      </c>
      <c r="J2350">
        <v>0</v>
      </c>
      <c r="K2350">
        <v>0</v>
      </c>
      <c r="L2350">
        <v>0</v>
      </c>
      <c r="M2350">
        <v>0</v>
      </c>
      <c r="N2350">
        <v>0</v>
      </c>
      <c r="O2350">
        <v>0</v>
      </c>
      <c r="P2350">
        <v>0</v>
      </c>
      <c r="Q2350">
        <v>0</v>
      </c>
      <c r="R2350">
        <v>0</v>
      </c>
      <c r="S2350">
        <v>0</v>
      </c>
      <c r="T2350">
        <v>0</v>
      </c>
      <c r="U2350">
        <v>0</v>
      </c>
      <c r="V2350">
        <v>0</v>
      </c>
      <c r="W2350">
        <v>0</v>
      </c>
      <c r="X2350">
        <v>0</v>
      </c>
      <c r="Y2350">
        <v>30</v>
      </c>
      <c r="Z2350">
        <v>11</v>
      </c>
      <c r="AA2350">
        <v>110</v>
      </c>
      <c r="AB2350">
        <v>34</v>
      </c>
      <c r="AC2350">
        <v>145</v>
      </c>
      <c r="AD2350">
        <v>54</v>
      </c>
      <c r="AE2350">
        <v>80</v>
      </c>
      <c r="AF2350">
        <v>0</v>
      </c>
      <c r="AG2350">
        <v>50000</v>
      </c>
      <c r="AH2350">
        <v>50000</v>
      </c>
      <c r="AI2350">
        <v>0</v>
      </c>
      <c r="AJ2350">
        <v>0</v>
      </c>
      <c r="AK2350" t="s">
        <v>6</v>
      </c>
      <c r="AL2350">
        <v>0</v>
      </c>
      <c r="AM2350">
        <v>0</v>
      </c>
      <c r="AN2350">
        <v>0</v>
      </c>
      <c r="AO2350">
        <v>0</v>
      </c>
      <c r="AP2350">
        <v>0</v>
      </c>
      <c r="AQ2350">
        <v>0</v>
      </c>
      <c r="AR2350">
        <v>0</v>
      </c>
      <c r="AS2350">
        <v>0</v>
      </c>
      <c r="AT2350">
        <v>0</v>
      </c>
      <c r="AU2350">
        <v>0</v>
      </c>
      <c r="AV2350">
        <v>0</v>
      </c>
      <c r="AW2350">
        <v>0</v>
      </c>
      <c r="AX2350">
        <v>0</v>
      </c>
      <c r="AY2350">
        <v>0</v>
      </c>
      <c r="AZ2350">
        <v>0</v>
      </c>
      <c r="BA2350">
        <v>0</v>
      </c>
    </row>
    <row r="2351" spans="1:53" x14ac:dyDescent="0.4">
      <c r="A2351">
        <v>2395</v>
      </c>
      <c r="B2351" s="1">
        <v>43578</v>
      </c>
      <c r="C2351">
        <v>2</v>
      </c>
      <c r="D2351" s="1">
        <v>43578.450694444444</v>
      </c>
      <c r="E2351" s="1">
        <v>43578.731249999997</v>
      </c>
      <c r="F2351">
        <v>7500</v>
      </c>
      <c r="G2351">
        <v>500</v>
      </c>
      <c r="H2351">
        <v>0</v>
      </c>
      <c r="I2351">
        <v>0</v>
      </c>
      <c r="J2351">
        <v>0</v>
      </c>
      <c r="K2351">
        <v>0</v>
      </c>
      <c r="L2351">
        <v>0</v>
      </c>
      <c r="M2351">
        <v>640</v>
      </c>
      <c r="N2351">
        <v>0</v>
      </c>
      <c r="O2351">
        <v>0</v>
      </c>
      <c r="P2351">
        <v>14040</v>
      </c>
      <c r="Q2351">
        <v>0</v>
      </c>
      <c r="R2351">
        <v>22680</v>
      </c>
      <c r="S2351">
        <v>0</v>
      </c>
      <c r="T2351">
        <v>0</v>
      </c>
      <c r="U2351">
        <v>0</v>
      </c>
      <c r="V2351">
        <v>0</v>
      </c>
      <c r="W2351">
        <v>1</v>
      </c>
      <c r="X2351">
        <v>0</v>
      </c>
      <c r="Y2351">
        <v>40</v>
      </c>
      <c r="Z2351">
        <v>17</v>
      </c>
      <c r="AA2351">
        <v>113</v>
      </c>
      <c r="AB2351">
        <v>37</v>
      </c>
      <c r="AC2351">
        <v>166</v>
      </c>
      <c r="AD2351">
        <v>53</v>
      </c>
      <c r="AE2351">
        <v>77</v>
      </c>
      <c r="AF2351">
        <v>4028</v>
      </c>
      <c r="AG2351">
        <v>72680</v>
      </c>
      <c r="AH2351">
        <v>50000</v>
      </c>
      <c r="AI2351">
        <v>0</v>
      </c>
      <c r="AJ2351">
        <v>35</v>
      </c>
      <c r="AL2351">
        <v>0</v>
      </c>
      <c r="AM2351">
        <v>0</v>
      </c>
      <c r="AN2351">
        <v>0</v>
      </c>
      <c r="AO2351">
        <v>0</v>
      </c>
      <c r="AP2351">
        <v>0</v>
      </c>
      <c r="AQ2351">
        <v>0</v>
      </c>
      <c r="AR2351">
        <v>0</v>
      </c>
      <c r="AS2351">
        <v>0</v>
      </c>
      <c r="AT2351">
        <v>0</v>
      </c>
      <c r="AU2351">
        <v>0</v>
      </c>
      <c r="AV2351">
        <v>0</v>
      </c>
      <c r="AW2351">
        <v>0</v>
      </c>
      <c r="AX2351">
        <v>1814</v>
      </c>
      <c r="AY2351">
        <v>25</v>
      </c>
      <c r="AZ2351">
        <v>41</v>
      </c>
      <c r="BA2351">
        <v>2877</v>
      </c>
    </row>
    <row r="2352" spans="1:53" x14ac:dyDescent="0.4">
      <c r="A2352">
        <v>2396</v>
      </c>
      <c r="B2352" s="1">
        <v>43578</v>
      </c>
      <c r="C2352">
        <v>3</v>
      </c>
      <c r="D2352" s="1">
        <v>43578.731249999997</v>
      </c>
      <c r="E2352" s="1">
        <v>43578.951388888891</v>
      </c>
      <c r="F2352">
        <v>24010</v>
      </c>
      <c r="G2352">
        <v>3240</v>
      </c>
      <c r="H2352">
        <v>400</v>
      </c>
      <c r="I2352">
        <v>0</v>
      </c>
      <c r="J2352">
        <v>0</v>
      </c>
      <c r="K2352">
        <v>0</v>
      </c>
      <c r="L2352">
        <v>0</v>
      </c>
      <c r="M2352">
        <v>2211</v>
      </c>
      <c r="N2352">
        <v>0</v>
      </c>
      <c r="O2352">
        <v>0</v>
      </c>
      <c r="P2352">
        <v>-9288</v>
      </c>
      <c r="Q2352">
        <v>0</v>
      </c>
      <c r="R2352">
        <v>20573</v>
      </c>
      <c r="S2352">
        <v>0</v>
      </c>
      <c r="T2352">
        <v>0</v>
      </c>
      <c r="U2352">
        <v>0</v>
      </c>
      <c r="V2352">
        <v>0</v>
      </c>
      <c r="W2352">
        <v>5</v>
      </c>
      <c r="X2352">
        <v>0</v>
      </c>
      <c r="Y2352">
        <v>42</v>
      </c>
      <c r="Z2352">
        <v>17</v>
      </c>
      <c r="AA2352">
        <v>100</v>
      </c>
      <c r="AB2352">
        <v>36</v>
      </c>
      <c r="AC2352">
        <v>160</v>
      </c>
      <c r="AD2352">
        <v>51</v>
      </c>
      <c r="AE2352">
        <v>70</v>
      </c>
      <c r="AF2352">
        <v>4028</v>
      </c>
      <c r="AG2352">
        <v>93253</v>
      </c>
      <c r="AH2352">
        <v>50000</v>
      </c>
      <c r="AI2352">
        <v>0</v>
      </c>
      <c r="AJ2352">
        <v>30</v>
      </c>
      <c r="AL2352">
        <v>0</v>
      </c>
      <c r="AM2352">
        <v>0</v>
      </c>
      <c r="AN2352">
        <v>0</v>
      </c>
      <c r="AO2352">
        <v>0</v>
      </c>
      <c r="AP2352">
        <v>0</v>
      </c>
      <c r="AQ2352">
        <v>0</v>
      </c>
      <c r="AR2352">
        <v>0</v>
      </c>
      <c r="AS2352">
        <v>0</v>
      </c>
      <c r="AT2352">
        <v>0</v>
      </c>
      <c r="AU2352">
        <v>0</v>
      </c>
      <c r="AV2352">
        <v>0</v>
      </c>
      <c r="AW2352">
        <v>0</v>
      </c>
      <c r="AX2352">
        <v>6048</v>
      </c>
      <c r="AY2352">
        <v>9</v>
      </c>
      <c r="AZ2352">
        <v>22</v>
      </c>
      <c r="BA2352">
        <v>1904</v>
      </c>
    </row>
    <row r="2353" spans="1:53" x14ac:dyDescent="0.4">
      <c r="A2353">
        <v>2397</v>
      </c>
      <c r="B2353" s="1">
        <v>43579</v>
      </c>
      <c r="C2353">
        <v>1</v>
      </c>
      <c r="D2353" s="1">
        <v>43579.291666666664</v>
      </c>
      <c r="E2353" s="1">
        <v>43579.452777777777</v>
      </c>
      <c r="F2353">
        <v>0</v>
      </c>
      <c r="G2353">
        <v>0</v>
      </c>
      <c r="H2353">
        <v>0</v>
      </c>
      <c r="I2353">
        <v>0</v>
      </c>
      <c r="J2353">
        <v>0</v>
      </c>
      <c r="K2353">
        <v>0</v>
      </c>
      <c r="L2353">
        <v>0</v>
      </c>
      <c r="M2353">
        <v>0</v>
      </c>
      <c r="N2353">
        <v>0</v>
      </c>
      <c r="O2353">
        <v>0</v>
      </c>
      <c r="P2353">
        <v>0</v>
      </c>
      <c r="Q2353">
        <v>0</v>
      </c>
      <c r="R2353">
        <v>0</v>
      </c>
      <c r="S2353">
        <v>0</v>
      </c>
      <c r="T2353">
        <v>0</v>
      </c>
      <c r="U2353">
        <v>0</v>
      </c>
      <c r="V2353">
        <v>0</v>
      </c>
      <c r="W2353">
        <v>1</v>
      </c>
      <c r="X2353">
        <v>0</v>
      </c>
      <c r="Y2353">
        <v>33</v>
      </c>
      <c r="Z2353">
        <v>7</v>
      </c>
      <c r="AA2353">
        <v>57</v>
      </c>
      <c r="AB2353">
        <v>37</v>
      </c>
      <c r="AC2353">
        <v>63</v>
      </c>
      <c r="AD2353">
        <v>51</v>
      </c>
      <c r="AE2353">
        <v>65</v>
      </c>
      <c r="AF2353">
        <v>0</v>
      </c>
      <c r="AG2353">
        <v>50000</v>
      </c>
      <c r="AH2353">
        <v>0</v>
      </c>
      <c r="AI2353">
        <v>50000</v>
      </c>
      <c r="AJ2353">
        <v>0</v>
      </c>
      <c r="AK2353" t="s">
        <v>6</v>
      </c>
      <c r="AL2353">
        <v>0</v>
      </c>
      <c r="AM2353">
        <v>0</v>
      </c>
      <c r="AN2353">
        <v>0</v>
      </c>
      <c r="AO2353">
        <v>0</v>
      </c>
      <c r="AP2353">
        <v>0</v>
      </c>
      <c r="AQ2353">
        <v>0</v>
      </c>
      <c r="AR2353">
        <v>0</v>
      </c>
      <c r="AS2353">
        <v>0</v>
      </c>
      <c r="AT2353">
        <v>0</v>
      </c>
      <c r="AU2353">
        <v>0</v>
      </c>
      <c r="AV2353">
        <v>0</v>
      </c>
      <c r="AW2353">
        <v>0</v>
      </c>
      <c r="AX2353">
        <v>0</v>
      </c>
      <c r="AY2353">
        <v>0</v>
      </c>
      <c r="AZ2353">
        <v>0</v>
      </c>
      <c r="BA2353">
        <v>0</v>
      </c>
    </row>
    <row r="2354" spans="1:53" x14ac:dyDescent="0.4">
      <c r="A2354">
        <v>2398</v>
      </c>
      <c r="B2354" s="1">
        <v>43579</v>
      </c>
      <c r="C2354">
        <v>2</v>
      </c>
      <c r="D2354" s="1">
        <v>43579.452777777777</v>
      </c>
      <c r="E2354" s="1">
        <v>43579.737500000003</v>
      </c>
      <c r="F2354">
        <v>7000</v>
      </c>
      <c r="G2354">
        <v>0</v>
      </c>
      <c r="H2354">
        <v>200</v>
      </c>
      <c r="I2354">
        <v>0</v>
      </c>
      <c r="J2354">
        <v>0</v>
      </c>
      <c r="K2354">
        <v>0</v>
      </c>
      <c r="L2354">
        <v>0</v>
      </c>
      <c r="M2354">
        <v>576</v>
      </c>
      <c r="N2354">
        <v>0</v>
      </c>
      <c r="O2354">
        <v>0</v>
      </c>
      <c r="P2354">
        <v>15660</v>
      </c>
      <c r="Q2354">
        <v>0</v>
      </c>
      <c r="R2354">
        <v>23436</v>
      </c>
      <c r="S2354">
        <v>0</v>
      </c>
      <c r="T2354">
        <v>0</v>
      </c>
      <c r="U2354">
        <v>0</v>
      </c>
      <c r="V2354">
        <v>1</v>
      </c>
      <c r="W2354">
        <v>1</v>
      </c>
      <c r="X2354">
        <v>0</v>
      </c>
      <c r="Y2354">
        <v>39</v>
      </c>
      <c r="Z2354">
        <v>19</v>
      </c>
      <c r="AA2354">
        <v>75</v>
      </c>
      <c r="AB2354">
        <v>22</v>
      </c>
      <c r="AC2354">
        <v>102</v>
      </c>
      <c r="AD2354">
        <v>50</v>
      </c>
      <c r="AE2354">
        <v>66</v>
      </c>
      <c r="AF2354">
        <v>0</v>
      </c>
      <c r="AG2354">
        <v>73436</v>
      </c>
      <c r="AH2354">
        <v>50000</v>
      </c>
      <c r="AI2354">
        <v>0</v>
      </c>
      <c r="AJ2354">
        <v>96</v>
      </c>
      <c r="AK2354" t="s">
        <v>4</v>
      </c>
      <c r="AL2354">
        <v>0</v>
      </c>
      <c r="AM2354">
        <v>0</v>
      </c>
      <c r="AN2354">
        <v>0</v>
      </c>
      <c r="AO2354">
        <v>0</v>
      </c>
      <c r="AP2354">
        <v>0</v>
      </c>
      <c r="AQ2354">
        <v>0</v>
      </c>
      <c r="AR2354">
        <v>0</v>
      </c>
      <c r="AS2354">
        <v>0</v>
      </c>
      <c r="AT2354">
        <v>0</v>
      </c>
      <c r="AU2354">
        <v>0</v>
      </c>
      <c r="AV2354">
        <v>0</v>
      </c>
      <c r="AW2354">
        <v>0</v>
      </c>
      <c r="AX2354">
        <v>-3240</v>
      </c>
      <c r="AY2354">
        <v>25</v>
      </c>
      <c r="AZ2354">
        <v>42</v>
      </c>
      <c r="BA2354">
        <v>2818</v>
      </c>
    </row>
    <row r="2355" spans="1:53" x14ac:dyDescent="0.4">
      <c r="A2355">
        <v>2399</v>
      </c>
      <c r="B2355" s="1">
        <v>43579</v>
      </c>
      <c r="C2355">
        <v>3</v>
      </c>
      <c r="D2355" s="1">
        <v>43579.737500000003</v>
      </c>
      <c r="E2355" s="1">
        <v>43579.939583333333</v>
      </c>
      <c r="F2355">
        <v>30760</v>
      </c>
      <c r="G2355">
        <v>0</v>
      </c>
      <c r="H2355">
        <v>0</v>
      </c>
      <c r="I2355">
        <v>0</v>
      </c>
      <c r="J2355">
        <v>0</v>
      </c>
      <c r="K2355">
        <v>0</v>
      </c>
      <c r="L2355">
        <v>0</v>
      </c>
      <c r="M2355">
        <v>2461</v>
      </c>
      <c r="N2355">
        <v>0</v>
      </c>
      <c r="O2355">
        <v>0</v>
      </c>
      <c r="P2355">
        <v>-1404</v>
      </c>
      <c r="Q2355">
        <v>0</v>
      </c>
      <c r="R2355">
        <v>31817</v>
      </c>
      <c r="S2355">
        <v>0</v>
      </c>
      <c r="T2355">
        <v>0</v>
      </c>
      <c r="U2355">
        <v>0</v>
      </c>
      <c r="V2355">
        <v>2</v>
      </c>
      <c r="W2355">
        <v>0</v>
      </c>
      <c r="X2355">
        <v>0</v>
      </c>
      <c r="Y2355">
        <v>49</v>
      </c>
      <c r="Z2355">
        <v>20</v>
      </c>
      <c r="AA2355">
        <v>84</v>
      </c>
      <c r="AB2355">
        <v>20</v>
      </c>
      <c r="AC2355">
        <v>103</v>
      </c>
      <c r="AD2355">
        <v>50</v>
      </c>
      <c r="AE2355">
        <v>64</v>
      </c>
      <c r="AF2355">
        <v>15509</v>
      </c>
      <c r="AG2355">
        <v>105253</v>
      </c>
      <c r="AH2355">
        <v>50000</v>
      </c>
      <c r="AI2355">
        <v>0</v>
      </c>
      <c r="AJ2355">
        <v>107</v>
      </c>
      <c r="AK2355" t="s">
        <v>32</v>
      </c>
      <c r="AL2355">
        <v>0</v>
      </c>
      <c r="AM2355">
        <v>0</v>
      </c>
      <c r="AN2355">
        <v>0</v>
      </c>
      <c r="AO2355">
        <v>0</v>
      </c>
      <c r="AP2355">
        <v>0</v>
      </c>
      <c r="AQ2355">
        <v>0</v>
      </c>
      <c r="AR2355">
        <v>0</v>
      </c>
      <c r="AS2355">
        <v>0</v>
      </c>
      <c r="AT2355">
        <v>0</v>
      </c>
      <c r="AU2355">
        <v>0</v>
      </c>
      <c r="AV2355">
        <v>0</v>
      </c>
      <c r="AW2355">
        <v>0</v>
      </c>
      <c r="AX2355">
        <v>40112</v>
      </c>
      <c r="AY2355">
        <v>15</v>
      </c>
      <c r="AZ2355">
        <v>66</v>
      </c>
      <c r="BA2355">
        <v>2658</v>
      </c>
    </row>
    <row r="2356" spans="1:53" x14ac:dyDescent="0.4">
      <c r="A2356">
        <v>2400</v>
      </c>
      <c r="B2356" s="1">
        <v>43580</v>
      </c>
      <c r="C2356">
        <v>1</v>
      </c>
      <c r="D2356" s="1">
        <v>43580.291666666664</v>
      </c>
      <c r="E2356" s="1">
        <v>43580.454861111109</v>
      </c>
      <c r="F2356">
        <v>0</v>
      </c>
      <c r="G2356">
        <v>0</v>
      </c>
      <c r="H2356">
        <v>0</v>
      </c>
      <c r="I2356">
        <v>0</v>
      </c>
      <c r="J2356">
        <v>0</v>
      </c>
      <c r="K2356">
        <v>0</v>
      </c>
      <c r="L2356">
        <v>0</v>
      </c>
      <c r="M2356">
        <v>0</v>
      </c>
      <c r="N2356">
        <v>0</v>
      </c>
      <c r="O2356">
        <v>0</v>
      </c>
      <c r="P2356">
        <v>0</v>
      </c>
      <c r="Q2356">
        <v>0</v>
      </c>
      <c r="R2356">
        <v>0</v>
      </c>
      <c r="S2356">
        <v>0</v>
      </c>
      <c r="T2356">
        <v>0</v>
      </c>
      <c r="U2356">
        <v>0</v>
      </c>
      <c r="V2356">
        <v>0</v>
      </c>
      <c r="W2356">
        <v>0</v>
      </c>
      <c r="X2356">
        <v>0</v>
      </c>
      <c r="Y2356">
        <v>31</v>
      </c>
      <c r="Z2356">
        <v>19</v>
      </c>
      <c r="AA2356">
        <v>71</v>
      </c>
      <c r="AB2356">
        <v>23</v>
      </c>
      <c r="AC2356">
        <v>94</v>
      </c>
      <c r="AD2356">
        <v>49</v>
      </c>
      <c r="AE2356">
        <v>65</v>
      </c>
      <c r="AF2356">
        <v>0</v>
      </c>
      <c r="AG2356">
        <v>50000</v>
      </c>
      <c r="AH2356">
        <v>0</v>
      </c>
      <c r="AI2356">
        <v>50000</v>
      </c>
      <c r="AJ2356">
        <v>0</v>
      </c>
      <c r="AK2356" t="s">
        <v>6</v>
      </c>
      <c r="AL2356">
        <v>0</v>
      </c>
      <c r="AM2356">
        <v>0</v>
      </c>
      <c r="AN2356">
        <v>0</v>
      </c>
      <c r="AO2356">
        <v>0</v>
      </c>
      <c r="AP2356">
        <v>0</v>
      </c>
      <c r="AQ2356">
        <v>0</v>
      </c>
      <c r="AR2356">
        <v>0</v>
      </c>
      <c r="AS2356">
        <v>0</v>
      </c>
      <c r="AT2356">
        <v>0</v>
      </c>
      <c r="AU2356">
        <v>0</v>
      </c>
      <c r="AV2356">
        <v>0</v>
      </c>
      <c r="AW2356">
        <v>0</v>
      </c>
      <c r="AX2356">
        <v>0</v>
      </c>
      <c r="AY2356">
        <v>0</v>
      </c>
      <c r="AZ2356">
        <v>0</v>
      </c>
      <c r="BA2356">
        <v>0</v>
      </c>
    </row>
    <row r="2357" spans="1:53" x14ac:dyDescent="0.4">
      <c r="A2357">
        <v>2401</v>
      </c>
      <c r="B2357" s="1">
        <v>43580</v>
      </c>
      <c r="C2357">
        <v>2</v>
      </c>
      <c r="D2357" s="1">
        <v>43580.454861111109</v>
      </c>
      <c r="E2357" s="1">
        <v>43580.73541666667</v>
      </c>
      <c r="F2357">
        <v>14500</v>
      </c>
      <c r="G2357">
        <v>0</v>
      </c>
      <c r="H2357">
        <v>400</v>
      </c>
      <c r="I2357">
        <v>0</v>
      </c>
      <c r="J2357">
        <v>0</v>
      </c>
      <c r="K2357">
        <v>0</v>
      </c>
      <c r="L2357">
        <v>0</v>
      </c>
      <c r="M2357">
        <v>1192</v>
      </c>
      <c r="N2357">
        <v>0</v>
      </c>
      <c r="O2357">
        <v>0</v>
      </c>
      <c r="P2357">
        <v>14580</v>
      </c>
      <c r="Q2357">
        <v>0</v>
      </c>
      <c r="R2357">
        <v>30672</v>
      </c>
      <c r="S2357">
        <v>0</v>
      </c>
      <c r="T2357">
        <v>0</v>
      </c>
      <c r="U2357">
        <v>0</v>
      </c>
      <c r="V2357">
        <v>1</v>
      </c>
      <c r="W2357">
        <v>0</v>
      </c>
      <c r="X2357">
        <v>0</v>
      </c>
      <c r="Y2357">
        <v>46</v>
      </c>
      <c r="Z2357">
        <v>30</v>
      </c>
      <c r="AA2357">
        <v>69</v>
      </c>
      <c r="AB2357">
        <v>19</v>
      </c>
      <c r="AC2357">
        <v>128</v>
      </c>
      <c r="AD2357">
        <v>52</v>
      </c>
      <c r="AE2357">
        <v>66</v>
      </c>
      <c r="AF2357">
        <v>216</v>
      </c>
      <c r="AG2357">
        <v>80672</v>
      </c>
      <c r="AH2357">
        <v>50000</v>
      </c>
      <c r="AI2357">
        <v>0</v>
      </c>
      <c r="AJ2357">
        <v>96</v>
      </c>
      <c r="AK2357" t="s">
        <v>4</v>
      </c>
      <c r="AL2357">
        <v>0</v>
      </c>
      <c r="AM2357">
        <v>0</v>
      </c>
      <c r="AN2357">
        <v>0</v>
      </c>
      <c r="AO2357">
        <v>0</v>
      </c>
      <c r="AP2357">
        <v>0</v>
      </c>
      <c r="AQ2357">
        <v>0</v>
      </c>
      <c r="AR2357">
        <v>0</v>
      </c>
      <c r="AS2357">
        <v>0</v>
      </c>
      <c r="AT2357">
        <v>0</v>
      </c>
      <c r="AU2357">
        <v>0</v>
      </c>
      <c r="AV2357">
        <v>0</v>
      </c>
      <c r="AW2357">
        <v>0</v>
      </c>
      <c r="AX2357">
        <v>-540</v>
      </c>
      <c r="AY2357">
        <v>39</v>
      </c>
      <c r="AZ2357">
        <v>56</v>
      </c>
      <c r="BA2357">
        <v>4754</v>
      </c>
    </row>
    <row r="2358" spans="1:53" x14ac:dyDescent="0.4">
      <c r="A2358">
        <v>2402</v>
      </c>
      <c r="B2358" s="1">
        <v>43581</v>
      </c>
      <c r="C2358">
        <v>1</v>
      </c>
      <c r="D2358" s="1">
        <v>43581.291666666664</v>
      </c>
      <c r="E2358" s="1">
        <v>43581.453472222223</v>
      </c>
      <c r="F2358">
        <v>0</v>
      </c>
      <c r="G2358">
        <v>0</v>
      </c>
      <c r="H2358">
        <v>0</v>
      </c>
      <c r="I2358">
        <v>0</v>
      </c>
      <c r="J2358">
        <v>0</v>
      </c>
      <c r="K2358">
        <v>0</v>
      </c>
      <c r="L2358">
        <v>0</v>
      </c>
      <c r="M2358">
        <v>0</v>
      </c>
      <c r="N2358">
        <v>0</v>
      </c>
      <c r="O2358">
        <v>0</v>
      </c>
      <c r="P2358">
        <v>0</v>
      </c>
      <c r="Q2358">
        <v>0</v>
      </c>
      <c r="R2358">
        <v>0</v>
      </c>
      <c r="S2358">
        <v>0</v>
      </c>
      <c r="T2358">
        <v>0</v>
      </c>
      <c r="U2358">
        <v>0</v>
      </c>
      <c r="V2358">
        <v>0</v>
      </c>
      <c r="W2358">
        <v>0</v>
      </c>
      <c r="X2358">
        <v>0</v>
      </c>
      <c r="Y2358">
        <v>26</v>
      </c>
      <c r="Z2358">
        <v>10</v>
      </c>
      <c r="AA2358">
        <v>166</v>
      </c>
      <c r="AB2358">
        <v>18</v>
      </c>
      <c r="AC2358">
        <v>120</v>
      </c>
      <c r="AD2358">
        <v>49</v>
      </c>
      <c r="AE2358">
        <v>55</v>
      </c>
      <c r="AF2358">
        <v>0</v>
      </c>
      <c r="AG2358">
        <v>50000</v>
      </c>
      <c r="AH2358">
        <v>0</v>
      </c>
      <c r="AI2358">
        <v>50000</v>
      </c>
      <c r="AJ2358">
        <v>0</v>
      </c>
      <c r="AK2358" t="s">
        <v>6</v>
      </c>
      <c r="AL2358">
        <v>0</v>
      </c>
      <c r="AM2358">
        <v>0</v>
      </c>
      <c r="AN2358">
        <v>0</v>
      </c>
      <c r="AO2358">
        <v>0</v>
      </c>
      <c r="AP2358">
        <v>0</v>
      </c>
      <c r="AQ2358">
        <v>0</v>
      </c>
      <c r="AR2358">
        <v>0</v>
      </c>
      <c r="AS2358">
        <v>0</v>
      </c>
      <c r="AT2358">
        <v>0</v>
      </c>
      <c r="AU2358">
        <v>0</v>
      </c>
      <c r="AV2358">
        <v>0</v>
      </c>
      <c r="AW2358">
        <v>0</v>
      </c>
      <c r="AX2358">
        <v>0</v>
      </c>
      <c r="AY2358">
        <v>0</v>
      </c>
      <c r="AZ2358">
        <v>0</v>
      </c>
      <c r="BA2358">
        <v>0</v>
      </c>
    </row>
    <row r="2359" spans="1:53" x14ac:dyDescent="0.4">
      <c r="A2359">
        <v>2403</v>
      </c>
      <c r="B2359" s="1">
        <v>43581</v>
      </c>
      <c r="C2359">
        <v>2</v>
      </c>
      <c r="D2359" s="1">
        <v>43581.453472222223</v>
      </c>
      <c r="E2359" s="1">
        <v>43581.740277777775</v>
      </c>
      <c r="F2359">
        <v>17000</v>
      </c>
      <c r="G2359">
        <v>680</v>
      </c>
      <c r="H2359">
        <v>200</v>
      </c>
      <c r="I2359">
        <v>0</v>
      </c>
      <c r="J2359">
        <v>0</v>
      </c>
      <c r="K2359">
        <v>0</v>
      </c>
      <c r="L2359">
        <v>0</v>
      </c>
      <c r="M2359">
        <v>1430</v>
      </c>
      <c r="N2359">
        <v>0</v>
      </c>
      <c r="O2359">
        <v>0</v>
      </c>
      <c r="P2359">
        <v>15660</v>
      </c>
      <c r="Q2359">
        <v>0</v>
      </c>
      <c r="R2359">
        <v>34970</v>
      </c>
      <c r="S2359">
        <v>0</v>
      </c>
      <c r="T2359">
        <v>0</v>
      </c>
      <c r="U2359">
        <v>0</v>
      </c>
      <c r="V2359">
        <v>2</v>
      </c>
      <c r="W2359">
        <v>1</v>
      </c>
      <c r="X2359">
        <v>0</v>
      </c>
      <c r="Y2359">
        <v>30</v>
      </c>
      <c r="Z2359">
        <v>20</v>
      </c>
      <c r="AA2359">
        <v>119</v>
      </c>
      <c r="AB2359">
        <v>6</v>
      </c>
      <c r="AC2359">
        <v>166</v>
      </c>
      <c r="AD2359">
        <v>50</v>
      </c>
      <c r="AE2359">
        <v>63</v>
      </c>
      <c r="AF2359">
        <v>5797</v>
      </c>
      <c r="AG2359">
        <v>84970</v>
      </c>
      <c r="AH2359">
        <v>50000</v>
      </c>
      <c r="AI2359">
        <v>0</v>
      </c>
      <c r="AJ2359">
        <v>96</v>
      </c>
      <c r="AK2359" t="s">
        <v>4</v>
      </c>
      <c r="AL2359">
        <v>0</v>
      </c>
      <c r="AM2359">
        <v>0</v>
      </c>
      <c r="AN2359">
        <v>0</v>
      </c>
      <c r="AO2359">
        <v>0</v>
      </c>
      <c r="AP2359">
        <v>0</v>
      </c>
      <c r="AQ2359">
        <v>0</v>
      </c>
      <c r="AR2359">
        <v>0</v>
      </c>
      <c r="AS2359">
        <v>0</v>
      </c>
      <c r="AT2359">
        <v>0</v>
      </c>
      <c r="AU2359">
        <v>0</v>
      </c>
      <c r="AV2359">
        <v>0</v>
      </c>
      <c r="AW2359">
        <v>0</v>
      </c>
      <c r="AX2359">
        <v>-238</v>
      </c>
      <c r="AY2359">
        <v>38</v>
      </c>
      <c r="AZ2359">
        <v>63</v>
      </c>
      <c r="BA2359">
        <v>4793</v>
      </c>
    </row>
    <row r="2360" spans="1:53" x14ac:dyDescent="0.4">
      <c r="A2360">
        <v>2404</v>
      </c>
      <c r="B2360" s="1">
        <v>43581</v>
      </c>
      <c r="C2360">
        <v>3</v>
      </c>
      <c r="D2360" s="1">
        <v>43581.740277777775</v>
      </c>
      <c r="E2360" s="1">
        <v>43582.059027777781</v>
      </c>
      <c r="F2360">
        <v>299800</v>
      </c>
      <c r="G2360">
        <v>11340</v>
      </c>
      <c r="H2360">
        <v>0</v>
      </c>
      <c r="I2360">
        <v>0</v>
      </c>
      <c r="J2360">
        <v>2000</v>
      </c>
      <c r="K2360">
        <v>0</v>
      </c>
      <c r="L2360">
        <v>0</v>
      </c>
      <c r="M2360">
        <v>24731</v>
      </c>
      <c r="N2360">
        <v>0</v>
      </c>
      <c r="O2360">
        <v>0</v>
      </c>
      <c r="P2360">
        <v>43308</v>
      </c>
      <c r="Q2360">
        <v>0</v>
      </c>
      <c r="R2360">
        <v>377179</v>
      </c>
      <c r="S2360">
        <v>0</v>
      </c>
      <c r="T2360">
        <v>0</v>
      </c>
      <c r="U2360">
        <v>0</v>
      </c>
      <c r="V2360">
        <v>25</v>
      </c>
      <c r="W2360">
        <v>7</v>
      </c>
      <c r="X2360">
        <v>0</v>
      </c>
      <c r="Y2360">
        <v>93</v>
      </c>
      <c r="Z2360">
        <v>20</v>
      </c>
      <c r="AA2360">
        <v>76</v>
      </c>
      <c r="AB2360">
        <v>0</v>
      </c>
      <c r="AC2360">
        <v>140</v>
      </c>
      <c r="AD2360">
        <v>50</v>
      </c>
      <c r="AE2360">
        <v>17</v>
      </c>
      <c r="AF2360">
        <v>64883</v>
      </c>
      <c r="AG2360">
        <v>462150</v>
      </c>
      <c r="AH2360">
        <v>50000</v>
      </c>
      <c r="AI2360">
        <v>1</v>
      </c>
      <c r="AJ2360">
        <v>100</v>
      </c>
      <c r="AK2360" t="s">
        <v>0</v>
      </c>
      <c r="AL2360">
        <v>0</v>
      </c>
      <c r="AM2360">
        <v>0</v>
      </c>
      <c r="AN2360">
        <v>0</v>
      </c>
      <c r="AO2360">
        <v>0</v>
      </c>
      <c r="AP2360">
        <v>0</v>
      </c>
      <c r="AQ2360">
        <v>0</v>
      </c>
      <c r="AR2360">
        <v>0</v>
      </c>
      <c r="AS2360">
        <v>0</v>
      </c>
      <c r="AT2360">
        <v>0</v>
      </c>
      <c r="AU2360">
        <v>0</v>
      </c>
      <c r="AV2360">
        <v>0</v>
      </c>
      <c r="AW2360">
        <v>0</v>
      </c>
      <c r="AX2360">
        <v>32529</v>
      </c>
      <c r="AY2360">
        <v>38</v>
      </c>
      <c r="AZ2360">
        <v>191</v>
      </c>
      <c r="BA2360">
        <v>5377</v>
      </c>
    </row>
    <row r="2361" spans="1:53" x14ac:dyDescent="0.4">
      <c r="A2361">
        <v>2405</v>
      </c>
      <c r="B2361" s="1">
        <v>43582</v>
      </c>
      <c r="C2361">
        <v>1</v>
      </c>
      <c r="D2361" s="1">
        <v>43582.291666666664</v>
      </c>
      <c r="E2361" s="1">
        <v>43582.405555555553</v>
      </c>
      <c r="F2361">
        <v>0</v>
      </c>
      <c r="G2361">
        <v>0</v>
      </c>
      <c r="H2361">
        <v>0</v>
      </c>
      <c r="I2361">
        <v>0</v>
      </c>
      <c r="J2361">
        <v>0</v>
      </c>
      <c r="K2361">
        <v>0</v>
      </c>
      <c r="L2361">
        <v>0</v>
      </c>
      <c r="M2361">
        <v>0</v>
      </c>
      <c r="N2361">
        <v>0</v>
      </c>
      <c r="O2361">
        <v>0</v>
      </c>
      <c r="P2361">
        <v>0</v>
      </c>
      <c r="Q2361">
        <v>0</v>
      </c>
      <c r="R2361">
        <v>0</v>
      </c>
      <c r="S2361">
        <v>0</v>
      </c>
      <c r="T2361">
        <v>0</v>
      </c>
      <c r="U2361">
        <v>0</v>
      </c>
      <c r="V2361">
        <v>0</v>
      </c>
      <c r="W2361">
        <v>0</v>
      </c>
      <c r="X2361">
        <v>0</v>
      </c>
      <c r="Y2361">
        <v>30</v>
      </c>
      <c r="Z2361">
        <v>11</v>
      </c>
      <c r="AA2361">
        <v>104</v>
      </c>
      <c r="AB2361">
        <v>50</v>
      </c>
      <c r="AC2361">
        <v>125</v>
      </c>
      <c r="AD2361">
        <v>46</v>
      </c>
      <c r="AE2361">
        <v>120</v>
      </c>
      <c r="AF2361">
        <v>0</v>
      </c>
      <c r="AG2361">
        <v>50000</v>
      </c>
      <c r="AH2361">
        <v>50000</v>
      </c>
      <c r="AI2361">
        <v>0</v>
      </c>
      <c r="AJ2361">
        <v>0</v>
      </c>
      <c r="AK2361" t="s">
        <v>6</v>
      </c>
      <c r="AL2361">
        <v>0</v>
      </c>
      <c r="AM2361">
        <v>0</v>
      </c>
      <c r="AN2361">
        <v>0</v>
      </c>
      <c r="AO2361">
        <v>0</v>
      </c>
      <c r="AP2361">
        <v>0</v>
      </c>
      <c r="AQ2361">
        <v>0</v>
      </c>
      <c r="AR2361">
        <v>0</v>
      </c>
      <c r="AS2361">
        <v>0</v>
      </c>
      <c r="AT2361">
        <v>0</v>
      </c>
      <c r="AU2361">
        <v>0</v>
      </c>
      <c r="AV2361">
        <v>0</v>
      </c>
      <c r="AW2361">
        <v>0</v>
      </c>
      <c r="AX2361">
        <v>0</v>
      </c>
      <c r="AY2361">
        <v>0</v>
      </c>
      <c r="AZ2361">
        <v>0</v>
      </c>
      <c r="BA2361">
        <v>0</v>
      </c>
    </row>
    <row r="2362" spans="1:53" x14ac:dyDescent="0.4">
      <c r="A2362">
        <v>2406</v>
      </c>
      <c r="B2362" s="1">
        <v>43582</v>
      </c>
      <c r="C2362">
        <v>2</v>
      </c>
      <c r="D2362" s="1">
        <v>43582.405555555553</v>
      </c>
      <c r="E2362" s="1">
        <v>43582.73333333333</v>
      </c>
      <c r="F2362">
        <v>40750</v>
      </c>
      <c r="G2362">
        <v>9860</v>
      </c>
      <c r="H2362">
        <v>200</v>
      </c>
      <c r="I2362">
        <v>0</v>
      </c>
      <c r="J2362">
        <v>0</v>
      </c>
      <c r="K2362">
        <v>0</v>
      </c>
      <c r="L2362">
        <v>0</v>
      </c>
      <c r="M2362">
        <v>4064</v>
      </c>
      <c r="N2362">
        <v>0</v>
      </c>
      <c r="O2362">
        <v>0</v>
      </c>
      <c r="P2362">
        <v>19440</v>
      </c>
      <c r="Q2362">
        <v>0</v>
      </c>
      <c r="R2362">
        <v>74314</v>
      </c>
      <c r="S2362">
        <v>0</v>
      </c>
      <c r="T2362">
        <v>0</v>
      </c>
      <c r="U2362">
        <v>0</v>
      </c>
      <c r="V2362">
        <v>4</v>
      </c>
      <c r="W2362">
        <v>3</v>
      </c>
      <c r="X2362">
        <v>0</v>
      </c>
      <c r="Y2362">
        <v>53</v>
      </c>
      <c r="Z2362">
        <v>16</v>
      </c>
      <c r="AA2362">
        <v>41</v>
      </c>
      <c r="AB2362">
        <v>45</v>
      </c>
      <c r="AC2362">
        <v>160</v>
      </c>
      <c r="AD2362">
        <v>45</v>
      </c>
      <c r="AE2362">
        <v>138</v>
      </c>
      <c r="AF2362">
        <v>0</v>
      </c>
      <c r="AG2362">
        <v>124313</v>
      </c>
      <c r="AH2362">
        <v>50000</v>
      </c>
      <c r="AI2362">
        <v>-1</v>
      </c>
      <c r="AJ2362">
        <v>35</v>
      </c>
      <c r="AL2362">
        <v>0</v>
      </c>
      <c r="AM2362">
        <v>0</v>
      </c>
      <c r="AN2362">
        <v>0</v>
      </c>
      <c r="AO2362">
        <v>0</v>
      </c>
      <c r="AP2362">
        <v>0</v>
      </c>
      <c r="AQ2362">
        <v>0</v>
      </c>
      <c r="AR2362">
        <v>0</v>
      </c>
      <c r="AS2362">
        <v>0</v>
      </c>
      <c r="AT2362">
        <v>0</v>
      </c>
      <c r="AU2362">
        <v>0</v>
      </c>
      <c r="AV2362">
        <v>0</v>
      </c>
      <c r="AW2362">
        <v>0</v>
      </c>
      <c r="AX2362">
        <v>-3240</v>
      </c>
      <c r="AY2362">
        <v>49</v>
      </c>
      <c r="AZ2362">
        <v>118</v>
      </c>
      <c r="BA2362">
        <v>7386</v>
      </c>
    </row>
    <row r="2363" spans="1:53" x14ac:dyDescent="0.4">
      <c r="A2363">
        <v>2407</v>
      </c>
      <c r="B2363" s="1">
        <v>43582</v>
      </c>
      <c r="C2363">
        <v>3</v>
      </c>
      <c r="D2363" s="1">
        <v>43582.73333333333</v>
      </c>
      <c r="E2363" s="1">
        <v>43582.976388888892</v>
      </c>
      <c r="F2363">
        <v>132500</v>
      </c>
      <c r="G2363">
        <v>6830</v>
      </c>
      <c r="H2363">
        <v>0</v>
      </c>
      <c r="I2363">
        <v>0</v>
      </c>
      <c r="J2363">
        <v>0</v>
      </c>
      <c r="K2363">
        <v>0</v>
      </c>
      <c r="L2363">
        <v>0</v>
      </c>
      <c r="M2363">
        <v>11147</v>
      </c>
      <c r="N2363">
        <v>0</v>
      </c>
      <c r="O2363">
        <v>0</v>
      </c>
      <c r="P2363">
        <v>5033</v>
      </c>
      <c r="Q2363">
        <v>0</v>
      </c>
      <c r="R2363">
        <v>155510</v>
      </c>
      <c r="S2363">
        <v>0</v>
      </c>
      <c r="T2363">
        <v>0</v>
      </c>
      <c r="U2363">
        <v>0</v>
      </c>
      <c r="V2363">
        <v>12</v>
      </c>
      <c r="W2363">
        <v>8</v>
      </c>
      <c r="X2363">
        <v>0</v>
      </c>
      <c r="Y2363">
        <v>82</v>
      </c>
      <c r="Z2363">
        <v>18</v>
      </c>
      <c r="AA2363">
        <v>26</v>
      </c>
      <c r="AB2363">
        <v>43</v>
      </c>
      <c r="AC2363">
        <v>152</v>
      </c>
      <c r="AD2363">
        <v>42</v>
      </c>
      <c r="AE2363">
        <v>138</v>
      </c>
      <c r="AF2363">
        <v>22205</v>
      </c>
      <c r="AG2363">
        <v>279823</v>
      </c>
      <c r="AH2363">
        <v>50000</v>
      </c>
      <c r="AI2363">
        <v>-1</v>
      </c>
      <c r="AJ2363">
        <v>100</v>
      </c>
      <c r="AK2363" t="s">
        <v>0</v>
      </c>
      <c r="AL2363">
        <v>0</v>
      </c>
      <c r="AM2363">
        <v>0</v>
      </c>
      <c r="AN2363">
        <v>0</v>
      </c>
      <c r="AO2363">
        <v>0</v>
      </c>
      <c r="AP2363">
        <v>0</v>
      </c>
      <c r="AQ2363">
        <v>0</v>
      </c>
      <c r="AR2363">
        <v>0</v>
      </c>
      <c r="AS2363">
        <v>0</v>
      </c>
      <c r="AT2363">
        <v>0</v>
      </c>
      <c r="AU2363">
        <v>0</v>
      </c>
      <c r="AV2363">
        <v>0</v>
      </c>
      <c r="AW2363">
        <v>0</v>
      </c>
      <c r="AX2363">
        <v>67856</v>
      </c>
      <c r="AY2363">
        <v>35</v>
      </c>
      <c r="AZ2363">
        <v>131</v>
      </c>
      <c r="BA2363">
        <v>4387</v>
      </c>
    </row>
    <row r="2364" spans="1:53" x14ac:dyDescent="0.4">
      <c r="A2364">
        <v>2408</v>
      </c>
      <c r="B2364" s="1">
        <v>43582</v>
      </c>
      <c r="C2364">
        <v>4</v>
      </c>
      <c r="D2364" s="1">
        <v>43582.976388888892</v>
      </c>
      <c r="E2364" s="1">
        <v>43583.07916666667</v>
      </c>
      <c r="F2364">
        <v>101140</v>
      </c>
      <c r="G2364">
        <v>2760</v>
      </c>
      <c r="H2364">
        <v>0</v>
      </c>
      <c r="I2364">
        <v>0</v>
      </c>
      <c r="J2364">
        <v>0</v>
      </c>
      <c r="K2364">
        <v>70</v>
      </c>
      <c r="L2364">
        <v>0</v>
      </c>
      <c r="M2364">
        <v>8318</v>
      </c>
      <c r="N2364">
        <v>0</v>
      </c>
      <c r="O2364">
        <v>0</v>
      </c>
      <c r="P2364">
        <v>50112</v>
      </c>
      <c r="Q2364">
        <v>0</v>
      </c>
      <c r="R2364">
        <v>162400</v>
      </c>
      <c r="S2364">
        <v>0</v>
      </c>
      <c r="T2364">
        <v>0</v>
      </c>
      <c r="U2364">
        <v>0</v>
      </c>
      <c r="V2364">
        <v>26</v>
      </c>
      <c r="W2364">
        <v>8</v>
      </c>
      <c r="X2364">
        <v>0</v>
      </c>
      <c r="Y2364">
        <v>106</v>
      </c>
      <c r="Z2364">
        <v>17</v>
      </c>
      <c r="AA2364">
        <v>17</v>
      </c>
      <c r="AB2364">
        <v>41</v>
      </c>
      <c r="AC2364">
        <v>140</v>
      </c>
      <c r="AD2364">
        <v>44</v>
      </c>
      <c r="AE2364">
        <v>149</v>
      </c>
      <c r="AF2364">
        <v>22205</v>
      </c>
      <c r="AG2364">
        <v>442224</v>
      </c>
      <c r="AH2364">
        <v>50000</v>
      </c>
      <c r="AI2364">
        <v>0</v>
      </c>
      <c r="AJ2364">
        <v>84</v>
      </c>
      <c r="AK2364" t="s">
        <v>16</v>
      </c>
      <c r="AL2364">
        <v>0</v>
      </c>
      <c r="AM2364">
        <v>0</v>
      </c>
      <c r="AN2364">
        <v>0</v>
      </c>
      <c r="AO2364">
        <v>0</v>
      </c>
      <c r="AP2364">
        <v>0</v>
      </c>
      <c r="AQ2364">
        <v>0</v>
      </c>
      <c r="AR2364">
        <v>0</v>
      </c>
      <c r="AS2364">
        <v>0</v>
      </c>
      <c r="AT2364">
        <v>0</v>
      </c>
      <c r="AU2364">
        <v>0</v>
      </c>
      <c r="AV2364">
        <v>0</v>
      </c>
      <c r="AW2364">
        <v>0</v>
      </c>
      <c r="AX2364">
        <v>28317</v>
      </c>
      <c r="AY2364">
        <v>9</v>
      </c>
      <c r="AZ2364">
        <v>39</v>
      </c>
      <c r="BA2364">
        <v>2096</v>
      </c>
    </row>
    <row r="2365" spans="1:53" x14ac:dyDescent="0.4">
      <c r="A2365">
        <v>2409</v>
      </c>
      <c r="B2365" s="1">
        <v>43583</v>
      </c>
      <c r="C2365">
        <v>1</v>
      </c>
      <c r="D2365" s="1">
        <v>43583.291666666664</v>
      </c>
      <c r="E2365" s="1">
        <v>43583.392361111109</v>
      </c>
      <c r="F2365">
        <v>0</v>
      </c>
      <c r="G2365">
        <v>0</v>
      </c>
      <c r="H2365">
        <v>0</v>
      </c>
      <c r="I2365">
        <v>0</v>
      </c>
      <c r="J2365">
        <v>0</v>
      </c>
      <c r="K2365">
        <v>0</v>
      </c>
      <c r="L2365">
        <v>0</v>
      </c>
      <c r="M2365">
        <v>0</v>
      </c>
      <c r="N2365">
        <v>0</v>
      </c>
      <c r="O2365">
        <v>0</v>
      </c>
      <c r="P2365">
        <v>0</v>
      </c>
      <c r="Q2365">
        <v>0</v>
      </c>
      <c r="R2365">
        <v>0</v>
      </c>
      <c r="S2365">
        <v>0</v>
      </c>
      <c r="T2365">
        <v>0</v>
      </c>
      <c r="U2365">
        <v>0</v>
      </c>
      <c r="V2365">
        <v>0</v>
      </c>
      <c r="W2365">
        <v>0</v>
      </c>
      <c r="X2365">
        <v>0</v>
      </c>
      <c r="Y2365">
        <v>36</v>
      </c>
      <c r="Z2365">
        <v>18</v>
      </c>
      <c r="AA2365">
        <v>19</v>
      </c>
      <c r="AB2365">
        <v>34</v>
      </c>
      <c r="AC2365">
        <v>105</v>
      </c>
      <c r="AD2365">
        <v>43</v>
      </c>
      <c r="AE2365">
        <v>135</v>
      </c>
      <c r="AF2365">
        <v>0</v>
      </c>
      <c r="AG2365">
        <v>50000</v>
      </c>
      <c r="AH2365">
        <v>50000</v>
      </c>
      <c r="AI2365">
        <v>0</v>
      </c>
      <c r="AJ2365">
        <v>0</v>
      </c>
      <c r="AK2365" t="s">
        <v>6</v>
      </c>
      <c r="AL2365">
        <v>0</v>
      </c>
      <c r="AM2365">
        <v>0</v>
      </c>
      <c r="AN2365">
        <v>0</v>
      </c>
      <c r="AO2365">
        <v>0</v>
      </c>
      <c r="AP2365">
        <v>0</v>
      </c>
      <c r="AQ2365">
        <v>0</v>
      </c>
      <c r="AR2365">
        <v>0</v>
      </c>
      <c r="AS2365">
        <v>0</v>
      </c>
      <c r="AT2365">
        <v>0</v>
      </c>
      <c r="AU2365">
        <v>0</v>
      </c>
      <c r="AV2365">
        <v>0</v>
      </c>
      <c r="AW2365">
        <v>0</v>
      </c>
      <c r="AX2365">
        <v>0</v>
      </c>
      <c r="AY2365">
        <v>0</v>
      </c>
      <c r="AZ2365">
        <v>0</v>
      </c>
      <c r="BA2365">
        <v>0</v>
      </c>
    </row>
    <row r="2366" spans="1:53" x14ac:dyDescent="0.4">
      <c r="A2366">
        <v>2410</v>
      </c>
      <c r="B2366" s="1">
        <v>43583</v>
      </c>
      <c r="C2366">
        <v>2</v>
      </c>
      <c r="D2366" s="1">
        <v>43583.392361111109</v>
      </c>
      <c r="E2366" s="1">
        <v>43583.754166666666</v>
      </c>
      <c r="F2366">
        <v>50000</v>
      </c>
      <c r="G2366">
        <v>3920</v>
      </c>
      <c r="H2366">
        <v>0</v>
      </c>
      <c r="I2366">
        <v>0</v>
      </c>
      <c r="J2366">
        <v>0</v>
      </c>
      <c r="K2366">
        <v>0</v>
      </c>
      <c r="L2366">
        <v>0</v>
      </c>
      <c r="M2366">
        <v>4313</v>
      </c>
      <c r="N2366">
        <v>0</v>
      </c>
      <c r="O2366">
        <v>0</v>
      </c>
      <c r="P2366">
        <v>21060</v>
      </c>
      <c r="Q2366">
        <v>0</v>
      </c>
      <c r="R2366">
        <v>79293</v>
      </c>
      <c r="S2366">
        <v>0</v>
      </c>
      <c r="T2366">
        <v>0</v>
      </c>
      <c r="U2366">
        <v>0</v>
      </c>
      <c r="V2366">
        <v>2</v>
      </c>
      <c r="W2366">
        <v>1</v>
      </c>
      <c r="X2366">
        <v>0</v>
      </c>
      <c r="Y2366">
        <v>69</v>
      </c>
      <c r="Z2366">
        <v>38</v>
      </c>
      <c r="AA2366">
        <v>84</v>
      </c>
      <c r="AB2366">
        <v>47</v>
      </c>
      <c r="AC2366">
        <v>200</v>
      </c>
      <c r="AD2366">
        <v>46</v>
      </c>
      <c r="AE2366">
        <v>146</v>
      </c>
      <c r="AF2366">
        <v>3177</v>
      </c>
      <c r="AG2366">
        <v>129303</v>
      </c>
      <c r="AH2366">
        <v>50000</v>
      </c>
      <c r="AI2366">
        <v>10</v>
      </c>
      <c r="AJ2366">
        <v>29</v>
      </c>
      <c r="AK2366" t="s">
        <v>28</v>
      </c>
      <c r="AL2366">
        <v>0</v>
      </c>
      <c r="AM2366">
        <v>0</v>
      </c>
      <c r="AN2366">
        <v>0</v>
      </c>
      <c r="AO2366">
        <v>0</v>
      </c>
      <c r="AP2366">
        <v>0</v>
      </c>
      <c r="AQ2366">
        <v>0</v>
      </c>
      <c r="AR2366">
        <v>0</v>
      </c>
      <c r="AS2366">
        <v>0</v>
      </c>
      <c r="AT2366">
        <v>0</v>
      </c>
      <c r="AU2366">
        <v>0</v>
      </c>
      <c r="AV2366">
        <v>0</v>
      </c>
      <c r="AW2366">
        <v>0</v>
      </c>
      <c r="AX2366">
        <v>410</v>
      </c>
      <c r="AY2366">
        <v>51</v>
      </c>
      <c r="AZ2366">
        <v>127</v>
      </c>
      <c r="BA2366">
        <v>7886</v>
      </c>
    </row>
    <row r="2367" spans="1:53" x14ac:dyDescent="0.4">
      <c r="A2367">
        <v>2411</v>
      </c>
      <c r="B2367" s="1">
        <v>43583</v>
      </c>
      <c r="C2367">
        <v>3</v>
      </c>
      <c r="D2367" s="1">
        <v>43583.754166666666</v>
      </c>
      <c r="E2367" s="1">
        <v>43584.00277777778</v>
      </c>
      <c r="F2367">
        <v>171300</v>
      </c>
      <c r="G2367">
        <v>4210</v>
      </c>
      <c r="H2367">
        <v>0</v>
      </c>
      <c r="I2367">
        <v>0</v>
      </c>
      <c r="J2367">
        <v>9200</v>
      </c>
      <c r="K2367">
        <v>0</v>
      </c>
      <c r="L2367">
        <v>0</v>
      </c>
      <c r="M2367">
        <v>13304</v>
      </c>
      <c r="N2367">
        <v>0</v>
      </c>
      <c r="O2367">
        <v>0</v>
      </c>
      <c r="P2367">
        <v>-2916</v>
      </c>
      <c r="Q2367">
        <v>0</v>
      </c>
      <c r="R2367">
        <v>176698</v>
      </c>
      <c r="S2367">
        <v>0</v>
      </c>
      <c r="T2367">
        <v>0</v>
      </c>
      <c r="U2367">
        <v>0</v>
      </c>
      <c r="V2367">
        <v>14</v>
      </c>
      <c r="W2367">
        <v>3</v>
      </c>
      <c r="X2367">
        <v>0</v>
      </c>
      <c r="Y2367">
        <v>77</v>
      </c>
      <c r="Z2367">
        <v>37</v>
      </c>
      <c r="AA2367">
        <v>92</v>
      </c>
      <c r="AB2367">
        <v>45</v>
      </c>
      <c r="AC2367">
        <v>195</v>
      </c>
      <c r="AD2367">
        <v>46</v>
      </c>
      <c r="AE2367">
        <v>136</v>
      </c>
      <c r="AF2367">
        <v>41841</v>
      </c>
      <c r="AG2367">
        <v>306107</v>
      </c>
      <c r="AH2367">
        <v>50000</v>
      </c>
      <c r="AI2367">
        <v>116</v>
      </c>
      <c r="AJ2367">
        <v>100</v>
      </c>
      <c r="AK2367" t="s">
        <v>0</v>
      </c>
      <c r="AL2367">
        <v>0</v>
      </c>
      <c r="AM2367">
        <v>0</v>
      </c>
      <c r="AN2367">
        <v>0</v>
      </c>
      <c r="AO2367">
        <v>0</v>
      </c>
      <c r="AP2367">
        <v>0</v>
      </c>
      <c r="AQ2367">
        <v>0</v>
      </c>
      <c r="AR2367">
        <v>0</v>
      </c>
      <c r="AS2367">
        <v>0</v>
      </c>
      <c r="AT2367">
        <v>0</v>
      </c>
      <c r="AU2367">
        <v>0</v>
      </c>
      <c r="AV2367">
        <v>0</v>
      </c>
      <c r="AW2367">
        <v>0</v>
      </c>
      <c r="AX2367">
        <v>4000</v>
      </c>
      <c r="AY2367">
        <v>21</v>
      </c>
      <c r="AZ2367">
        <v>90</v>
      </c>
      <c r="BA2367">
        <v>4005</v>
      </c>
    </row>
    <row r="2368" spans="1:53" x14ac:dyDescent="0.4">
      <c r="A2368">
        <v>2412</v>
      </c>
      <c r="B2368" s="1">
        <v>43584</v>
      </c>
      <c r="C2368">
        <v>1</v>
      </c>
      <c r="D2368" s="1">
        <v>43584.291666666664</v>
      </c>
      <c r="E2368" s="1">
        <v>43584.414583333331</v>
      </c>
      <c r="F2368">
        <v>0</v>
      </c>
      <c r="G2368">
        <v>0</v>
      </c>
      <c r="H2368">
        <v>0</v>
      </c>
      <c r="I2368">
        <v>0</v>
      </c>
      <c r="J2368">
        <v>0</v>
      </c>
      <c r="K2368">
        <v>0</v>
      </c>
      <c r="L2368">
        <v>0</v>
      </c>
      <c r="M2368">
        <v>0</v>
      </c>
      <c r="N2368">
        <v>0</v>
      </c>
      <c r="O2368">
        <v>0</v>
      </c>
      <c r="P2368">
        <v>0</v>
      </c>
      <c r="Q2368">
        <v>0</v>
      </c>
      <c r="R2368">
        <v>0</v>
      </c>
      <c r="S2368">
        <v>0</v>
      </c>
      <c r="T2368">
        <v>0</v>
      </c>
      <c r="U2368">
        <v>0</v>
      </c>
      <c r="V2368">
        <v>0</v>
      </c>
      <c r="W2368">
        <v>0</v>
      </c>
      <c r="X2368">
        <v>0</v>
      </c>
      <c r="Y2368">
        <v>30</v>
      </c>
      <c r="Z2368">
        <v>15</v>
      </c>
      <c r="AA2368">
        <v>90</v>
      </c>
      <c r="AB2368">
        <v>42</v>
      </c>
      <c r="AC2368">
        <v>101</v>
      </c>
      <c r="AD2368">
        <v>50</v>
      </c>
      <c r="AE2368">
        <v>140</v>
      </c>
      <c r="AF2368">
        <v>0</v>
      </c>
      <c r="AG2368">
        <v>50000</v>
      </c>
      <c r="AH2368">
        <v>0</v>
      </c>
      <c r="AI2368">
        <v>50000</v>
      </c>
      <c r="AJ2368">
        <v>0</v>
      </c>
      <c r="AK2368" t="s">
        <v>6</v>
      </c>
      <c r="AL2368">
        <v>0</v>
      </c>
      <c r="AM2368">
        <v>0</v>
      </c>
      <c r="AN2368">
        <v>0</v>
      </c>
      <c r="AO2368">
        <v>0</v>
      </c>
      <c r="AP2368">
        <v>0</v>
      </c>
      <c r="AQ2368">
        <v>0</v>
      </c>
      <c r="AR2368">
        <v>0</v>
      </c>
      <c r="AS2368">
        <v>0</v>
      </c>
      <c r="AT2368">
        <v>0</v>
      </c>
      <c r="AU2368">
        <v>0</v>
      </c>
      <c r="AV2368">
        <v>0</v>
      </c>
      <c r="AW2368">
        <v>0</v>
      </c>
      <c r="AX2368">
        <v>0</v>
      </c>
      <c r="AY2368">
        <v>0</v>
      </c>
      <c r="AZ2368">
        <v>0</v>
      </c>
      <c r="BA2368">
        <v>0</v>
      </c>
    </row>
    <row r="2369" spans="1:53" x14ac:dyDescent="0.4">
      <c r="A2369">
        <v>2413</v>
      </c>
      <c r="B2369" s="1">
        <v>43584</v>
      </c>
      <c r="C2369">
        <v>2</v>
      </c>
      <c r="D2369" s="1">
        <v>43584.414583333331</v>
      </c>
      <c r="E2369" s="1">
        <v>43584.738194444442</v>
      </c>
      <c r="F2369">
        <v>46250</v>
      </c>
      <c r="G2369">
        <v>2580</v>
      </c>
      <c r="H2369">
        <v>0</v>
      </c>
      <c r="I2369">
        <v>0</v>
      </c>
      <c r="J2369">
        <v>0</v>
      </c>
      <c r="K2369">
        <v>0</v>
      </c>
      <c r="L2369">
        <v>0</v>
      </c>
      <c r="M2369">
        <v>3905</v>
      </c>
      <c r="N2369">
        <v>0</v>
      </c>
      <c r="O2369">
        <v>0</v>
      </c>
      <c r="P2369">
        <v>27000</v>
      </c>
      <c r="Q2369">
        <v>0</v>
      </c>
      <c r="R2369">
        <v>79735</v>
      </c>
      <c r="S2369">
        <v>0</v>
      </c>
      <c r="T2369">
        <v>0</v>
      </c>
      <c r="U2369">
        <v>0</v>
      </c>
      <c r="V2369">
        <v>4</v>
      </c>
      <c r="W2369">
        <v>2</v>
      </c>
      <c r="X2369">
        <v>0</v>
      </c>
      <c r="Y2369">
        <v>45</v>
      </c>
      <c r="Z2369">
        <v>38</v>
      </c>
      <c r="AA2369">
        <v>107</v>
      </c>
      <c r="AB2369">
        <v>54</v>
      </c>
      <c r="AC2369">
        <v>189</v>
      </c>
      <c r="AD2369">
        <v>61</v>
      </c>
      <c r="AE2369">
        <v>140</v>
      </c>
      <c r="AF2369">
        <v>0</v>
      </c>
      <c r="AG2369">
        <v>129735</v>
      </c>
      <c r="AH2369">
        <v>50000</v>
      </c>
      <c r="AI2369">
        <v>0</v>
      </c>
      <c r="AJ2369">
        <v>96</v>
      </c>
      <c r="AK2369" t="s">
        <v>4</v>
      </c>
      <c r="AL2369">
        <v>0</v>
      </c>
      <c r="AM2369">
        <v>0</v>
      </c>
      <c r="AN2369">
        <v>0</v>
      </c>
      <c r="AO2369">
        <v>0</v>
      </c>
      <c r="AP2369">
        <v>0</v>
      </c>
      <c r="AQ2369">
        <v>0</v>
      </c>
      <c r="AR2369">
        <v>0</v>
      </c>
      <c r="AS2369">
        <v>0</v>
      </c>
      <c r="AT2369">
        <v>0</v>
      </c>
      <c r="AU2369">
        <v>0</v>
      </c>
      <c r="AV2369">
        <v>0</v>
      </c>
      <c r="AW2369">
        <v>0</v>
      </c>
      <c r="AX2369">
        <v>194</v>
      </c>
      <c r="AY2369">
        <v>51</v>
      </c>
      <c r="AZ2369">
        <v>131</v>
      </c>
      <c r="BA2369">
        <v>7916</v>
      </c>
    </row>
    <row r="2370" spans="1:53" x14ac:dyDescent="0.4">
      <c r="A2370">
        <v>2414</v>
      </c>
      <c r="B2370" s="1">
        <v>43585</v>
      </c>
      <c r="C2370">
        <v>1</v>
      </c>
      <c r="D2370" s="1">
        <v>43585.291666666664</v>
      </c>
      <c r="E2370" s="1">
        <v>43585.413194444445</v>
      </c>
      <c r="F2370">
        <v>0</v>
      </c>
      <c r="G2370">
        <v>0</v>
      </c>
      <c r="H2370">
        <v>0</v>
      </c>
      <c r="I2370">
        <v>0</v>
      </c>
      <c r="J2370">
        <v>0</v>
      </c>
      <c r="K2370">
        <v>0</v>
      </c>
      <c r="L2370">
        <v>0</v>
      </c>
      <c r="M2370">
        <v>0</v>
      </c>
      <c r="N2370">
        <v>0</v>
      </c>
      <c r="O2370">
        <v>0</v>
      </c>
      <c r="P2370">
        <v>0</v>
      </c>
      <c r="Q2370">
        <v>0</v>
      </c>
      <c r="R2370">
        <v>0</v>
      </c>
      <c r="S2370">
        <v>0</v>
      </c>
      <c r="T2370">
        <v>0</v>
      </c>
      <c r="U2370">
        <v>0</v>
      </c>
      <c r="V2370">
        <v>0</v>
      </c>
      <c r="W2370">
        <v>0</v>
      </c>
      <c r="X2370">
        <v>0</v>
      </c>
      <c r="Y2370">
        <v>30</v>
      </c>
      <c r="Z2370">
        <v>11</v>
      </c>
      <c r="AA2370">
        <v>105</v>
      </c>
      <c r="AB2370">
        <v>49</v>
      </c>
      <c r="AC2370">
        <v>116</v>
      </c>
      <c r="AD2370">
        <v>54</v>
      </c>
      <c r="AE2370">
        <v>120</v>
      </c>
      <c r="AF2370">
        <v>0</v>
      </c>
      <c r="AG2370">
        <v>50000</v>
      </c>
      <c r="AH2370">
        <v>0</v>
      </c>
      <c r="AI2370">
        <v>50000</v>
      </c>
      <c r="AJ2370">
        <v>0</v>
      </c>
      <c r="AK2370" t="s">
        <v>6</v>
      </c>
      <c r="AL2370">
        <v>0</v>
      </c>
      <c r="AM2370">
        <v>0</v>
      </c>
      <c r="AN2370">
        <v>0</v>
      </c>
      <c r="AO2370">
        <v>0</v>
      </c>
      <c r="AP2370">
        <v>0</v>
      </c>
      <c r="AQ2370">
        <v>0</v>
      </c>
      <c r="AR2370">
        <v>0</v>
      </c>
      <c r="AS2370">
        <v>0</v>
      </c>
      <c r="AT2370">
        <v>0</v>
      </c>
      <c r="AU2370">
        <v>0</v>
      </c>
      <c r="AV2370">
        <v>0</v>
      </c>
      <c r="AW2370">
        <v>0</v>
      </c>
      <c r="AX2370">
        <v>0</v>
      </c>
      <c r="AY2370">
        <v>0</v>
      </c>
      <c r="AZ2370">
        <v>0</v>
      </c>
      <c r="BA2370">
        <v>0</v>
      </c>
    </row>
    <row r="2371" spans="1:53" x14ac:dyDescent="0.4">
      <c r="A2371">
        <v>2415</v>
      </c>
      <c r="B2371" s="1">
        <v>43585</v>
      </c>
      <c r="C2371">
        <v>2</v>
      </c>
      <c r="D2371" s="1">
        <v>43585.413194444445</v>
      </c>
      <c r="E2371" s="1">
        <v>43585.749305555553</v>
      </c>
      <c r="F2371">
        <v>48250</v>
      </c>
      <c r="G2371">
        <v>1740</v>
      </c>
      <c r="H2371">
        <v>200</v>
      </c>
      <c r="I2371">
        <v>0</v>
      </c>
      <c r="J2371">
        <v>0</v>
      </c>
      <c r="K2371">
        <v>0</v>
      </c>
      <c r="L2371">
        <v>0</v>
      </c>
      <c r="M2371">
        <v>4014</v>
      </c>
      <c r="N2371">
        <v>0</v>
      </c>
      <c r="O2371">
        <v>0</v>
      </c>
      <c r="P2371">
        <v>24030</v>
      </c>
      <c r="Q2371">
        <v>0</v>
      </c>
      <c r="R2371">
        <v>78234</v>
      </c>
      <c r="S2371">
        <v>0</v>
      </c>
      <c r="T2371">
        <v>0</v>
      </c>
      <c r="U2371">
        <v>0</v>
      </c>
      <c r="V2371">
        <v>2</v>
      </c>
      <c r="W2371">
        <v>3</v>
      </c>
      <c r="X2371">
        <v>0</v>
      </c>
      <c r="Y2371">
        <v>67</v>
      </c>
      <c r="Z2371">
        <v>15</v>
      </c>
      <c r="AA2371">
        <v>119</v>
      </c>
      <c r="AB2371">
        <v>58</v>
      </c>
      <c r="AC2371">
        <v>248</v>
      </c>
      <c r="AD2371">
        <v>52</v>
      </c>
      <c r="AE2371">
        <v>124</v>
      </c>
      <c r="AF2371">
        <v>1080</v>
      </c>
      <c r="AG2371">
        <v>128244</v>
      </c>
      <c r="AH2371">
        <v>50000</v>
      </c>
      <c r="AI2371">
        <v>10</v>
      </c>
      <c r="AJ2371">
        <v>96</v>
      </c>
      <c r="AK2371" t="s">
        <v>4</v>
      </c>
      <c r="AL2371">
        <v>0</v>
      </c>
      <c r="AM2371">
        <v>0</v>
      </c>
      <c r="AN2371">
        <v>0</v>
      </c>
      <c r="AO2371">
        <v>0</v>
      </c>
      <c r="AP2371">
        <v>0</v>
      </c>
      <c r="AQ2371">
        <v>0</v>
      </c>
      <c r="AR2371">
        <v>0</v>
      </c>
      <c r="AS2371">
        <v>0</v>
      </c>
      <c r="AT2371">
        <v>0</v>
      </c>
      <c r="AU2371">
        <v>0</v>
      </c>
      <c r="AV2371">
        <v>0</v>
      </c>
      <c r="AW2371">
        <v>0</v>
      </c>
      <c r="AX2371">
        <v>1620</v>
      </c>
      <c r="AY2371">
        <v>50</v>
      </c>
      <c r="AZ2371">
        <v>133</v>
      </c>
      <c r="BA2371">
        <v>7953</v>
      </c>
    </row>
    <row r="2372" spans="1:53" x14ac:dyDescent="0.4">
      <c r="A2372">
        <v>2416</v>
      </c>
      <c r="B2372" s="1">
        <v>43585</v>
      </c>
      <c r="C2372">
        <v>3</v>
      </c>
      <c r="D2372" s="1">
        <v>43585.749305555553</v>
      </c>
      <c r="E2372" s="1">
        <v>43585.972916666666</v>
      </c>
      <c r="F2372">
        <v>37010</v>
      </c>
      <c r="G2372">
        <v>500</v>
      </c>
      <c r="H2372">
        <v>0</v>
      </c>
      <c r="I2372">
        <v>0</v>
      </c>
      <c r="J2372">
        <v>1500</v>
      </c>
      <c r="K2372">
        <v>0</v>
      </c>
      <c r="L2372">
        <v>0</v>
      </c>
      <c r="M2372">
        <v>2881</v>
      </c>
      <c r="N2372">
        <v>0</v>
      </c>
      <c r="O2372">
        <v>0</v>
      </c>
      <c r="P2372">
        <v>-24030</v>
      </c>
      <c r="Q2372">
        <v>0</v>
      </c>
      <c r="R2372">
        <v>14861</v>
      </c>
      <c r="S2372">
        <v>0</v>
      </c>
      <c r="T2372">
        <v>0</v>
      </c>
      <c r="U2372">
        <v>0</v>
      </c>
      <c r="V2372">
        <v>2</v>
      </c>
      <c r="W2372">
        <v>3</v>
      </c>
      <c r="X2372">
        <v>0</v>
      </c>
      <c r="Y2372">
        <v>77</v>
      </c>
      <c r="Z2372">
        <v>19</v>
      </c>
      <c r="AA2372">
        <v>126</v>
      </c>
      <c r="AB2372">
        <v>59</v>
      </c>
      <c r="AC2372">
        <v>246</v>
      </c>
      <c r="AD2372">
        <v>52</v>
      </c>
      <c r="AE2372">
        <v>128</v>
      </c>
      <c r="AF2372">
        <v>3197</v>
      </c>
      <c r="AG2372">
        <v>143095</v>
      </c>
      <c r="AH2372">
        <v>50000</v>
      </c>
      <c r="AI2372">
        <v>0</v>
      </c>
      <c r="AJ2372">
        <v>29</v>
      </c>
      <c r="AK2372" t="s">
        <v>28</v>
      </c>
      <c r="AL2372">
        <v>0</v>
      </c>
      <c r="AM2372">
        <v>0</v>
      </c>
      <c r="AN2372">
        <v>0</v>
      </c>
      <c r="AO2372">
        <v>0</v>
      </c>
      <c r="AP2372">
        <v>0</v>
      </c>
      <c r="AQ2372">
        <v>0</v>
      </c>
      <c r="AR2372">
        <v>0</v>
      </c>
      <c r="AS2372">
        <v>0</v>
      </c>
      <c r="AT2372">
        <v>0</v>
      </c>
      <c r="AU2372">
        <v>0</v>
      </c>
      <c r="AV2372">
        <v>0</v>
      </c>
      <c r="AW2372">
        <v>0</v>
      </c>
      <c r="AX2372">
        <v>8964</v>
      </c>
      <c r="AY2372">
        <v>8</v>
      </c>
      <c r="AZ2372">
        <v>19</v>
      </c>
      <c r="BA2372">
        <v>2535</v>
      </c>
    </row>
    <row r="2373" spans="1:53" x14ac:dyDescent="0.4">
      <c r="A2373">
        <v>2417</v>
      </c>
      <c r="B2373" s="1">
        <v>43586</v>
      </c>
      <c r="C2373">
        <v>1</v>
      </c>
      <c r="D2373" s="1">
        <v>43586.291666666664</v>
      </c>
      <c r="E2373" s="1">
        <v>43586.411111111112</v>
      </c>
      <c r="F2373">
        <v>0</v>
      </c>
      <c r="G2373">
        <v>0</v>
      </c>
      <c r="H2373">
        <v>0</v>
      </c>
      <c r="I2373">
        <v>0</v>
      </c>
      <c r="J2373">
        <v>0</v>
      </c>
      <c r="K2373">
        <v>0</v>
      </c>
      <c r="L2373">
        <v>0</v>
      </c>
      <c r="M2373">
        <v>0</v>
      </c>
      <c r="N2373">
        <v>0</v>
      </c>
      <c r="O2373">
        <v>0</v>
      </c>
      <c r="P2373">
        <v>0</v>
      </c>
      <c r="Q2373">
        <v>0</v>
      </c>
      <c r="R2373">
        <v>0</v>
      </c>
      <c r="S2373">
        <v>0</v>
      </c>
      <c r="T2373">
        <v>0</v>
      </c>
      <c r="U2373">
        <v>0</v>
      </c>
      <c r="V2373">
        <v>0</v>
      </c>
      <c r="W2373">
        <v>1</v>
      </c>
      <c r="X2373">
        <v>0</v>
      </c>
      <c r="Y2373">
        <v>28</v>
      </c>
      <c r="Z2373">
        <v>10</v>
      </c>
      <c r="AA2373">
        <v>79</v>
      </c>
      <c r="AB2373">
        <v>60</v>
      </c>
      <c r="AC2373">
        <v>72</v>
      </c>
      <c r="AD2373">
        <v>52</v>
      </c>
      <c r="AE2373">
        <v>120</v>
      </c>
      <c r="AF2373">
        <v>0</v>
      </c>
      <c r="AG2373">
        <v>50000</v>
      </c>
      <c r="AH2373">
        <v>0</v>
      </c>
      <c r="AI2373">
        <v>50000</v>
      </c>
      <c r="AJ2373">
        <v>0</v>
      </c>
      <c r="AK2373" t="s">
        <v>6</v>
      </c>
      <c r="AL2373">
        <v>0</v>
      </c>
      <c r="AM2373">
        <v>0</v>
      </c>
      <c r="AN2373">
        <v>0</v>
      </c>
      <c r="AO2373">
        <v>0</v>
      </c>
      <c r="AP2373">
        <v>0</v>
      </c>
      <c r="AQ2373">
        <v>0</v>
      </c>
      <c r="AR2373">
        <v>0</v>
      </c>
      <c r="AS2373">
        <v>0</v>
      </c>
      <c r="AT2373">
        <v>0</v>
      </c>
      <c r="AU2373">
        <v>0</v>
      </c>
      <c r="AV2373">
        <v>0</v>
      </c>
      <c r="AW2373">
        <v>0</v>
      </c>
      <c r="AX2373">
        <v>0</v>
      </c>
      <c r="AY2373">
        <v>0</v>
      </c>
      <c r="AZ2373">
        <v>0</v>
      </c>
      <c r="BA2373">
        <v>0</v>
      </c>
    </row>
    <row r="2374" spans="1:53" x14ac:dyDescent="0.4">
      <c r="A2374">
        <v>2418</v>
      </c>
      <c r="B2374" s="1">
        <v>43586</v>
      </c>
      <c r="C2374">
        <v>2</v>
      </c>
      <c r="D2374" s="1">
        <v>43586.411111111112</v>
      </c>
      <c r="E2374" s="1">
        <v>43586.71597222222</v>
      </c>
      <c r="F2374">
        <v>41000</v>
      </c>
      <c r="G2374">
        <v>3020</v>
      </c>
      <c r="H2374">
        <v>200</v>
      </c>
      <c r="I2374">
        <v>0</v>
      </c>
      <c r="J2374">
        <v>0</v>
      </c>
      <c r="K2374">
        <v>0</v>
      </c>
      <c r="L2374">
        <v>0</v>
      </c>
      <c r="M2374">
        <v>3536</v>
      </c>
      <c r="N2374">
        <v>0</v>
      </c>
      <c r="O2374">
        <v>0</v>
      </c>
      <c r="P2374">
        <v>23760</v>
      </c>
      <c r="Q2374">
        <v>0</v>
      </c>
      <c r="R2374">
        <v>71516</v>
      </c>
      <c r="S2374">
        <v>0</v>
      </c>
      <c r="T2374">
        <v>0</v>
      </c>
      <c r="U2374">
        <v>0</v>
      </c>
      <c r="V2374">
        <v>0</v>
      </c>
      <c r="W2374">
        <v>5</v>
      </c>
      <c r="X2374">
        <v>0</v>
      </c>
      <c r="Y2374">
        <v>64</v>
      </c>
      <c r="Z2374">
        <v>29</v>
      </c>
      <c r="AA2374">
        <v>130</v>
      </c>
      <c r="AB2374">
        <v>53</v>
      </c>
      <c r="AC2374">
        <v>198</v>
      </c>
      <c r="AD2374">
        <v>52</v>
      </c>
      <c r="AE2374">
        <v>126</v>
      </c>
      <c r="AF2374">
        <v>0</v>
      </c>
      <c r="AG2374">
        <v>121516</v>
      </c>
      <c r="AH2374">
        <v>50000</v>
      </c>
      <c r="AI2374">
        <v>0</v>
      </c>
      <c r="AJ2374">
        <v>96</v>
      </c>
      <c r="AK2374" t="s">
        <v>4</v>
      </c>
      <c r="AL2374">
        <v>0</v>
      </c>
      <c r="AM2374">
        <v>0</v>
      </c>
      <c r="AN2374">
        <v>0</v>
      </c>
      <c r="AO2374">
        <v>0</v>
      </c>
      <c r="AP2374">
        <v>0</v>
      </c>
      <c r="AQ2374">
        <v>0</v>
      </c>
      <c r="AR2374">
        <v>0</v>
      </c>
      <c r="AS2374">
        <v>0</v>
      </c>
      <c r="AT2374">
        <v>0</v>
      </c>
      <c r="AU2374">
        <v>0</v>
      </c>
      <c r="AV2374">
        <v>0</v>
      </c>
      <c r="AW2374">
        <v>0</v>
      </c>
      <c r="AX2374">
        <v>-1620</v>
      </c>
      <c r="AY2374">
        <v>52</v>
      </c>
      <c r="AZ2374">
        <v>121</v>
      </c>
      <c r="BA2374">
        <v>6969</v>
      </c>
    </row>
    <row r="2375" spans="1:53" x14ac:dyDescent="0.4">
      <c r="A2375">
        <v>2419</v>
      </c>
      <c r="B2375" s="1">
        <v>43586</v>
      </c>
      <c r="C2375">
        <v>3</v>
      </c>
      <c r="D2375" s="1">
        <v>43586.71597222222</v>
      </c>
      <c r="E2375" s="1">
        <v>43587.116666666669</v>
      </c>
      <c r="F2375">
        <v>168300</v>
      </c>
      <c r="G2375">
        <v>5370</v>
      </c>
      <c r="H2375">
        <v>400</v>
      </c>
      <c r="I2375">
        <v>0</v>
      </c>
      <c r="J2375">
        <v>1680</v>
      </c>
      <c r="K2375">
        <v>2940</v>
      </c>
      <c r="L2375">
        <v>0</v>
      </c>
      <c r="M2375">
        <v>14026</v>
      </c>
      <c r="N2375">
        <v>0</v>
      </c>
      <c r="O2375">
        <v>0</v>
      </c>
      <c r="P2375">
        <v>32832</v>
      </c>
      <c r="Q2375">
        <v>0</v>
      </c>
      <c r="R2375">
        <v>222188</v>
      </c>
      <c r="S2375">
        <v>0</v>
      </c>
      <c r="T2375">
        <v>0</v>
      </c>
      <c r="U2375">
        <v>0</v>
      </c>
      <c r="V2375">
        <v>18</v>
      </c>
      <c r="W2375">
        <v>0</v>
      </c>
      <c r="X2375">
        <v>0</v>
      </c>
      <c r="Y2375">
        <v>106</v>
      </c>
      <c r="Z2375">
        <v>31</v>
      </c>
      <c r="AA2375">
        <v>106</v>
      </c>
      <c r="AB2375">
        <v>43</v>
      </c>
      <c r="AC2375">
        <v>179</v>
      </c>
      <c r="AD2375">
        <v>53</v>
      </c>
      <c r="AE2375">
        <v>119</v>
      </c>
      <c r="AF2375">
        <v>27275</v>
      </c>
      <c r="AG2375">
        <v>343699</v>
      </c>
      <c r="AH2375">
        <v>50000</v>
      </c>
      <c r="AI2375">
        <v>-5</v>
      </c>
      <c r="AJ2375">
        <v>100</v>
      </c>
      <c r="AK2375" t="s">
        <v>0</v>
      </c>
      <c r="AL2375">
        <v>0</v>
      </c>
      <c r="AM2375">
        <v>0</v>
      </c>
      <c r="AN2375">
        <v>0</v>
      </c>
      <c r="AO2375">
        <v>0</v>
      </c>
      <c r="AP2375">
        <v>0</v>
      </c>
      <c r="AQ2375">
        <v>0</v>
      </c>
      <c r="AR2375">
        <v>0</v>
      </c>
      <c r="AS2375">
        <v>0</v>
      </c>
      <c r="AT2375">
        <v>0</v>
      </c>
      <c r="AU2375">
        <v>0</v>
      </c>
      <c r="AV2375">
        <v>0</v>
      </c>
      <c r="AW2375">
        <v>0</v>
      </c>
      <c r="AX2375">
        <v>11664</v>
      </c>
      <c r="AY2375">
        <v>43</v>
      </c>
      <c r="AZ2375">
        <v>130</v>
      </c>
      <c r="BA2375">
        <v>7730</v>
      </c>
    </row>
    <row r="2376" spans="1:53" x14ac:dyDescent="0.4">
      <c r="A2376">
        <v>2420</v>
      </c>
      <c r="B2376" s="1">
        <v>43587</v>
      </c>
      <c r="C2376">
        <v>1</v>
      </c>
      <c r="D2376" s="1">
        <v>43587.291666666664</v>
      </c>
      <c r="E2376" s="1">
        <v>43587.412499999999</v>
      </c>
      <c r="F2376">
        <v>0</v>
      </c>
      <c r="G2376">
        <v>0</v>
      </c>
      <c r="H2376">
        <v>0</v>
      </c>
      <c r="I2376">
        <v>0</v>
      </c>
      <c r="J2376">
        <v>0</v>
      </c>
      <c r="K2376">
        <v>0</v>
      </c>
      <c r="L2376">
        <v>0</v>
      </c>
      <c r="M2376">
        <v>0</v>
      </c>
      <c r="N2376">
        <v>0</v>
      </c>
      <c r="O2376">
        <v>0</v>
      </c>
      <c r="P2376">
        <v>0</v>
      </c>
      <c r="Q2376">
        <v>0</v>
      </c>
      <c r="R2376">
        <v>0</v>
      </c>
      <c r="S2376">
        <v>0</v>
      </c>
      <c r="T2376">
        <v>0</v>
      </c>
      <c r="U2376">
        <v>0</v>
      </c>
      <c r="V2376">
        <v>0</v>
      </c>
      <c r="W2376">
        <v>0</v>
      </c>
      <c r="X2376">
        <v>0</v>
      </c>
      <c r="Y2376">
        <v>30</v>
      </c>
      <c r="Z2376">
        <v>12</v>
      </c>
      <c r="AA2376">
        <v>105</v>
      </c>
      <c r="AB2376">
        <v>39</v>
      </c>
      <c r="AC2376">
        <v>118</v>
      </c>
      <c r="AD2376">
        <v>51</v>
      </c>
      <c r="AE2376">
        <v>115</v>
      </c>
      <c r="AF2376">
        <v>0</v>
      </c>
      <c r="AG2376">
        <v>50000</v>
      </c>
      <c r="AH2376">
        <v>0</v>
      </c>
      <c r="AI2376">
        <v>50000</v>
      </c>
      <c r="AJ2376">
        <v>0</v>
      </c>
      <c r="AK2376" t="s">
        <v>6</v>
      </c>
      <c r="AL2376">
        <v>0</v>
      </c>
      <c r="AM2376">
        <v>0</v>
      </c>
      <c r="AN2376">
        <v>0</v>
      </c>
      <c r="AO2376">
        <v>0</v>
      </c>
      <c r="AP2376">
        <v>0</v>
      </c>
      <c r="AQ2376">
        <v>0</v>
      </c>
      <c r="AR2376">
        <v>0</v>
      </c>
      <c r="AS2376">
        <v>0</v>
      </c>
      <c r="AT2376">
        <v>0</v>
      </c>
      <c r="AU2376">
        <v>0</v>
      </c>
      <c r="AV2376">
        <v>0</v>
      </c>
      <c r="AW2376">
        <v>0</v>
      </c>
      <c r="AX2376">
        <v>0</v>
      </c>
      <c r="AY2376">
        <v>0</v>
      </c>
      <c r="AZ2376">
        <v>0</v>
      </c>
      <c r="BA2376">
        <v>0</v>
      </c>
    </row>
    <row r="2377" spans="1:53" x14ac:dyDescent="0.4">
      <c r="A2377">
        <v>2421</v>
      </c>
      <c r="B2377" s="1">
        <v>43587</v>
      </c>
      <c r="C2377">
        <v>2</v>
      </c>
      <c r="D2377" s="1">
        <v>43587.412499999999</v>
      </c>
      <c r="E2377" s="1">
        <v>43587.728472222225</v>
      </c>
      <c r="F2377">
        <v>53000</v>
      </c>
      <c r="G2377">
        <v>3060</v>
      </c>
      <c r="H2377">
        <v>200</v>
      </c>
      <c r="I2377">
        <v>0</v>
      </c>
      <c r="J2377">
        <v>0</v>
      </c>
      <c r="K2377">
        <v>0</v>
      </c>
      <c r="L2377">
        <v>0</v>
      </c>
      <c r="M2377">
        <v>4500</v>
      </c>
      <c r="N2377">
        <v>0</v>
      </c>
      <c r="O2377">
        <v>0</v>
      </c>
      <c r="P2377">
        <v>22140</v>
      </c>
      <c r="Q2377">
        <v>0</v>
      </c>
      <c r="R2377">
        <v>82900</v>
      </c>
      <c r="S2377">
        <v>0</v>
      </c>
      <c r="T2377">
        <v>0</v>
      </c>
      <c r="U2377">
        <v>0</v>
      </c>
      <c r="V2377">
        <v>2</v>
      </c>
      <c r="W2377">
        <v>1</v>
      </c>
      <c r="X2377">
        <v>0</v>
      </c>
      <c r="Y2377">
        <v>67</v>
      </c>
      <c r="Z2377">
        <v>36</v>
      </c>
      <c r="AA2377">
        <v>124</v>
      </c>
      <c r="AB2377">
        <v>23</v>
      </c>
      <c r="AC2377">
        <v>240</v>
      </c>
      <c r="AD2377">
        <v>58</v>
      </c>
      <c r="AE2377">
        <v>123</v>
      </c>
      <c r="AF2377">
        <v>6537</v>
      </c>
      <c r="AG2377">
        <v>132900</v>
      </c>
      <c r="AH2377">
        <v>50000</v>
      </c>
      <c r="AI2377">
        <v>0</v>
      </c>
      <c r="AJ2377">
        <v>96</v>
      </c>
      <c r="AK2377" t="s">
        <v>4</v>
      </c>
      <c r="AL2377">
        <v>0</v>
      </c>
      <c r="AM2377">
        <v>0</v>
      </c>
      <c r="AN2377">
        <v>0</v>
      </c>
      <c r="AO2377">
        <v>0</v>
      </c>
      <c r="AP2377">
        <v>0</v>
      </c>
      <c r="AQ2377">
        <v>0</v>
      </c>
      <c r="AR2377">
        <v>0</v>
      </c>
      <c r="AS2377">
        <v>0</v>
      </c>
      <c r="AT2377">
        <v>0</v>
      </c>
      <c r="AU2377">
        <v>0</v>
      </c>
      <c r="AV2377">
        <v>0</v>
      </c>
      <c r="AW2377">
        <v>0</v>
      </c>
      <c r="AX2377">
        <v>2419</v>
      </c>
      <c r="AY2377">
        <v>52</v>
      </c>
      <c r="AZ2377">
        <v>144</v>
      </c>
      <c r="BA2377">
        <v>7445</v>
      </c>
    </row>
    <row r="2378" spans="1:53" x14ac:dyDescent="0.4">
      <c r="A2378">
        <v>2422</v>
      </c>
      <c r="B2378" s="1">
        <v>43587</v>
      </c>
      <c r="C2378">
        <v>3</v>
      </c>
      <c r="D2378" s="1">
        <v>43587.728472222225</v>
      </c>
      <c r="E2378" s="1">
        <v>43587.95416666667</v>
      </c>
      <c r="F2378">
        <v>72100</v>
      </c>
      <c r="G2378">
        <v>4290</v>
      </c>
      <c r="H2378">
        <v>0</v>
      </c>
      <c r="I2378">
        <v>0</v>
      </c>
      <c r="J2378">
        <v>1100</v>
      </c>
      <c r="K2378">
        <v>0</v>
      </c>
      <c r="L2378">
        <v>0</v>
      </c>
      <c r="M2378">
        <v>6022</v>
      </c>
      <c r="N2378">
        <v>0</v>
      </c>
      <c r="O2378">
        <v>0</v>
      </c>
      <c r="P2378">
        <v>-13500</v>
      </c>
      <c r="Q2378">
        <v>0</v>
      </c>
      <c r="R2378">
        <v>67812</v>
      </c>
      <c r="S2378">
        <v>0</v>
      </c>
      <c r="T2378">
        <v>0</v>
      </c>
      <c r="U2378">
        <v>0</v>
      </c>
      <c r="V2378">
        <v>6</v>
      </c>
      <c r="W2378">
        <v>1</v>
      </c>
      <c r="X2378">
        <v>0</v>
      </c>
      <c r="Y2378">
        <v>80</v>
      </c>
      <c r="Z2378">
        <v>46</v>
      </c>
      <c r="AA2378">
        <v>117</v>
      </c>
      <c r="AB2378">
        <v>25</v>
      </c>
      <c r="AC2378">
        <v>233</v>
      </c>
      <c r="AD2378">
        <v>55</v>
      </c>
      <c r="AE2378">
        <v>101</v>
      </c>
      <c r="AF2378">
        <v>17056</v>
      </c>
      <c r="AG2378">
        <v>200712</v>
      </c>
      <c r="AH2378">
        <v>50000</v>
      </c>
      <c r="AI2378">
        <v>0</v>
      </c>
      <c r="AJ2378">
        <v>108</v>
      </c>
      <c r="AK2378" t="s">
        <v>30</v>
      </c>
      <c r="AL2378">
        <v>0</v>
      </c>
      <c r="AM2378">
        <v>0</v>
      </c>
      <c r="AN2378">
        <v>0</v>
      </c>
      <c r="AO2378">
        <v>0</v>
      </c>
      <c r="AP2378">
        <v>0</v>
      </c>
      <c r="AQ2378">
        <v>0</v>
      </c>
      <c r="AR2378">
        <v>0</v>
      </c>
      <c r="AS2378">
        <v>0</v>
      </c>
      <c r="AT2378">
        <v>0</v>
      </c>
      <c r="AU2378">
        <v>0</v>
      </c>
      <c r="AV2378">
        <v>0</v>
      </c>
      <c r="AW2378">
        <v>0</v>
      </c>
      <c r="AX2378">
        <v>46044</v>
      </c>
      <c r="AY2378">
        <v>27</v>
      </c>
      <c r="AZ2378">
        <v>88</v>
      </c>
      <c r="BA2378">
        <v>4410</v>
      </c>
    </row>
    <row r="2379" spans="1:53" x14ac:dyDescent="0.4">
      <c r="A2379">
        <v>2423</v>
      </c>
      <c r="B2379" s="1">
        <v>43588</v>
      </c>
      <c r="C2379">
        <v>1</v>
      </c>
      <c r="D2379" s="1">
        <v>43588.291666666664</v>
      </c>
      <c r="E2379" s="1">
        <v>43588.411805555559</v>
      </c>
      <c r="F2379">
        <v>0</v>
      </c>
      <c r="G2379">
        <v>0</v>
      </c>
      <c r="H2379">
        <v>0</v>
      </c>
      <c r="I2379">
        <v>0</v>
      </c>
      <c r="J2379">
        <v>0</v>
      </c>
      <c r="K2379">
        <v>0</v>
      </c>
      <c r="L2379">
        <v>0</v>
      </c>
      <c r="M2379">
        <v>0</v>
      </c>
      <c r="N2379">
        <v>0</v>
      </c>
      <c r="O2379">
        <v>0</v>
      </c>
      <c r="P2379">
        <v>0</v>
      </c>
      <c r="Q2379">
        <v>0</v>
      </c>
      <c r="R2379">
        <v>0</v>
      </c>
      <c r="S2379">
        <v>0</v>
      </c>
      <c r="T2379">
        <v>0</v>
      </c>
      <c r="U2379">
        <v>0</v>
      </c>
      <c r="V2379">
        <v>0</v>
      </c>
      <c r="W2379">
        <v>0</v>
      </c>
      <c r="X2379">
        <v>0</v>
      </c>
      <c r="Y2379">
        <v>29</v>
      </c>
      <c r="Z2379">
        <v>13</v>
      </c>
      <c r="AA2379">
        <v>118</v>
      </c>
      <c r="AB2379">
        <v>23</v>
      </c>
      <c r="AC2379">
        <v>119</v>
      </c>
      <c r="AD2379">
        <v>54</v>
      </c>
      <c r="AE2379">
        <v>90</v>
      </c>
      <c r="AF2379">
        <v>0</v>
      </c>
      <c r="AG2379">
        <v>50000</v>
      </c>
      <c r="AH2379">
        <v>0</v>
      </c>
      <c r="AI2379">
        <v>50000</v>
      </c>
      <c r="AJ2379">
        <v>0</v>
      </c>
      <c r="AK2379" t="s">
        <v>6</v>
      </c>
      <c r="AL2379">
        <v>0</v>
      </c>
      <c r="AM2379">
        <v>0</v>
      </c>
      <c r="AN2379">
        <v>0</v>
      </c>
      <c r="AO2379">
        <v>0</v>
      </c>
      <c r="AP2379">
        <v>0</v>
      </c>
      <c r="AQ2379">
        <v>0</v>
      </c>
      <c r="AR2379">
        <v>0</v>
      </c>
      <c r="AS2379">
        <v>0</v>
      </c>
      <c r="AT2379">
        <v>0</v>
      </c>
      <c r="AU2379">
        <v>0</v>
      </c>
      <c r="AV2379">
        <v>0</v>
      </c>
      <c r="AW2379">
        <v>0</v>
      </c>
      <c r="AX2379">
        <v>0</v>
      </c>
      <c r="AY2379">
        <v>0</v>
      </c>
      <c r="AZ2379">
        <v>0</v>
      </c>
      <c r="BA2379">
        <v>0</v>
      </c>
    </row>
    <row r="2380" spans="1:53" x14ac:dyDescent="0.4">
      <c r="A2380">
        <v>2424</v>
      </c>
      <c r="B2380" s="1">
        <v>43588</v>
      </c>
      <c r="C2380">
        <v>2</v>
      </c>
      <c r="D2380" s="1">
        <v>43588.411805555559</v>
      </c>
      <c r="E2380" s="1">
        <v>43588.740972222222</v>
      </c>
      <c r="F2380">
        <v>45750</v>
      </c>
      <c r="G2380">
        <v>1180</v>
      </c>
      <c r="H2380">
        <v>200</v>
      </c>
      <c r="I2380">
        <v>0</v>
      </c>
      <c r="J2380">
        <v>0</v>
      </c>
      <c r="K2380">
        <v>0</v>
      </c>
      <c r="L2380">
        <v>0</v>
      </c>
      <c r="M2380">
        <v>3770</v>
      </c>
      <c r="N2380">
        <v>0</v>
      </c>
      <c r="O2380">
        <v>0</v>
      </c>
      <c r="P2380">
        <v>19440</v>
      </c>
      <c r="Q2380">
        <v>0</v>
      </c>
      <c r="R2380">
        <v>70340</v>
      </c>
      <c r="S2380">
        <v>0</v>
      </c>
      <c r="T2380">
        <v>0</v>
      </c>
      <c r="U2380">
        <v>0</v>
      </c>
      <c r="V2380">
        <v>1</v>
      </c>
      <c r="W2380">
        <v>2</v>
      </c>
      <c r="X2380">
        <v>0</v>
      </c>
      <c r="Y2380">
        <v>67</v>
      </c>
      <c r="Z2380">
        <v>29</v>
      </c>
      <c r="AA2380">
        <v>146</v>
      </c>
      <c r="AB2380">
        <v>28</v>
      </c>
      <c r="AC2380">
        <v>241</v>
      </c>
      <c r="AD2380">
        <v>65</v>
      </c>
      <c r="AE2380">
        <v>106</v>
      </c>
      <c r="AF2380">
        <v>0</v>
      </c>
      <c r="AG2380">
        <v>120341</v>
      </c>
      <c r="AH2380">
        <v>50000</v>
      </c>
      <c r="AI2380">
        <v>1</v>
      </c>
      <c r="AJ2380">
        <v>96</v>
      </c>
      <c r="AK2380" t="s">
        <v>4</v>
      </c>
      <c r="AL2380">
        <v>0</v>
      </c>
      <c r="AM2380">
        <v>0</v>
      </c>
      <c r="AN2380">
        <v>0</v>
      </c>
      <c r="AO2380">
        <v>0</v>
      </c>
      <c r="AP2380">
        <v>0</v>
      </c>
      <c r="AQ2380">
        <v>0</v>
      </c>
      <c r="AR2380">
        <v>0</v>
      </c>
      <c r="AS2380">
        <v>0</v>
      </c>
      <c r="AT2380">
        <v>0</v>
      </c>
      <c r="AU2380">
        <v>0</v>
      </c>
      <c r="AV2380">
        <v>0</v>
      </c>
      <c r="AW2380">
        <v>0</v>
      </c>
      <c r="AX2380">
        <v>1468</v>
      </c>
      <c r="AY2380">
        <v>51</v>
      </c>
      <c r="AZ2380">
        <v>120</v>
      </c>
      <c r="BA2380">
        <v>7760</v>
      </c>
    </row>
    <row r="2381" spans="1:53" x14ac:dyDescent="0.4">
      <c r="A2381">
        <v>2425</v>
      </c>
      <c r="B2381" s="1">
        <v>43589</v>
      </c>
      <c r="C2381">
        <v>1</v>
      </c>
      <c r="D2381" s="1">
        <v>43589.291666666664</v>
      </c>
      <c r="E2381" s="1">
        <v>43589.383333333331</v>
      </c>
      <c r="F2381">
        <v>0</v>
      </c>
      <c r="G2381">
        <v>0</v>
      </c>
      <c r="H2381">
        <v>0</v>
      </c>
      <c r="I2381">
        <v>0</v>
      </c>
      <c r="J2381">
        <v>0</v>
      </c>
      <c r="K2381">
        <v>0</v>
      </c>
      <c r="L2381">
        <v>0</v>
      </c>
      <c r="M2381">
        <v>0</v>
      </c>
      <c r="N2381">
        <v>0</v>
      </c>
      <c r="O2381">
        <v>0</v>
      </c>
      <c r="P2381">
        <v>0</v>
      </c>
      <c r="Q2381">
        <v>0</v>
      </c>
      <c r="R2381">
        <v>0</v>
      </c>
      <c r="S2381">
        <v>0</v>
      </c>
      <c r="T2381">
        <v>0</v>
      </c>
      <c r="U2381">
        <v>0</v>
      </c>
      <c r="V2381">
        <v>0</v>
      </c>
      <c r="W2381">
        <v>1</v>
      </c>
      <c r="X2381">
        <v>0</v>
      </c>
      <c r="Y2381">
        <v>23</v>
      </c>
      <c r="Z2381">
        <v>10</v>
      </c>
      <c r="AA2381">
        <v>142</v>
      </c>
      <c r="AB2381">
        <v>24</v>
      </c>
      <c r="AC2381">
        <v>122</v>
      </c>
      <c r="AD2381">
        <v>59</v>
      </c>
      <c r="AE2381">
        <v>85</v>
      </c>
      <c r="AF2381">
        <v>0</v>
      </c>
      <c r="AG2381">
        <v>50000</v>
      </c>
      <c r="AH2381">
        <v>50000</v>
      </c>
      <c r="AI2381">
        <v>0</v>
      </c>
      <c r="AJ2381">
        <v>0</v>
      </c>
      <c r="AK2381" t="s">
        <v>6</v>
      </c>
      <c r="AL2381">
        <v>0</v>
      </c>
      <c r="AM2381">
        <v>0</v>
      </c>
      <c r="AN2381">
        <v>0</v>
      </c>
      <c r="AO2381">
        <v>0</v>
      </c>
      <c r="AP2381">
        <v>0</v>
      </c>
      <c r="AQ2381">
        <v>0</v>
      </c>
      <c r="AR2381">
        <v>0</v>
      </c>
      <c r="AS2381">
        <v>0</v>
      </c>
      <c r="AT2381">
        <v>0</v>
      </c>
      <c r="AU2381">
        <v>0</v>
      </c>
      <c r="AV2381">
        <v>0</v>
      </c>
      <c r="AW2381">
        <v>0</v>
      </c>
      <c r="AX2381">
        <v>0</v>
      </c>
      <c r="AY2381">
        <v>0</v>
      </c>
      <c r="AZ2381">
        <v>0</v>
      </c>
      <c r="BA2381">
        <v>0</v>
      </c>
    </row>
    <row r="2382" spans="1:53" x14ac:dyDescent="0.4">
      <c r="A2382">
        <v>2426</v>
      </c>
      <c r="B2382" s="1">
        <v>43589</v>
      </c>
      <c r="C2382">
        <v>2</v>
      </c>
      <c r="D2382" s="1">
        <v>43589.383333333331</v>
      </c>
      <c r="E2382" s="1">
        <v>43589.736111111109</v>
      </c>
      <c r="F2382">
        <v>52000</v>
      </c>
      <c r="G2382">
        <v>2240</v>
      </c>
      <c r="H2382">
        <v>0</v>
      </c>
      <c r="I2382">
        <v>0</v>
      </c>
      <c r="J2382">
        <v>0</v>
      </c>
      <c r="K2382">
        <v>0</v>
      </c>
      <c r="L2382">
        <v>0</v>
      </c>
      <c r="M2382">
        <v>4339</v>
      </c>
      <c r="N2382">
        <v>0</v>
      </c>
      <c r="O2382">
        <v>0</v>
      </c>
      <c r="P2382">
        <v>21600</v>
      </c>
      <c r="Q2382">
        <v>0</v>
      </c>
      <c r="R2382">
        <v>80179</v>
      </c>
      <c r="S2382">
        <v>0</v>
      </c>
      <c r="T2382">
        <v>0</v>
      </c>
      <c r="U2382">
        <v>0</v>
      </c>
      <c r="V2382">
        <v>4</v>
      </c>
      <c r="W2382">
        <v>0</v>
      </c>
      <c r="X2382">
        <v>0</v>
      </c>
      <c r="Y2382">
        <v>64</v>
      </c>
      <c r="Z2382">
        <v>18</v>
      </c>
      <c r="AA2382">
        <v>133</v>
      </c>
      <c r="AB2382">
        <v>35</v>
      </c>
      <c r="AC2382">
        <v>173</v>
      </c>
      <c r="AD2382">
        <v>62</v>
      </c>
      <c r="AE2382">
        <v>89</v>
      </c>
      <c r="AF2382">
        <v>0</v>
      </c>
      <c r="AG2382">
        <v>130179</v>
      </c>
      <c r="AH2382">
        <v>50000</v>
      </c>
      <c r="AI2382">
        <v>0</v>
      </c>
      <c r="AJ2382">
        <v>101</v>
      </c>
      <c r="AK2382" t="s">
        <v>28</v>
      </c>
      <c r="AL2382">
        <v>0</v>
      </c>
      <c r="AM2382">
        <v>0</v>
      </c>
      <c r="AN2382">
        <v>0</v>
      </c>
      <c r="AO2382">
        <v>0</v>
      </c>
      <c r="AP2382">
        <v>0</v>
      </c>
      <c r="AQ2382">
        <v>0</v>
      </c>
      <c r="AR2382">
        <v>0</v>
      </c>
      <c r="AS2382">
        <v>0</v>
      </c>
      <c r="AT2382">
        <v>0</v>
      </c>
      <c r="AU2382">
        <v>0</v>
      </c>
      <c r="AV2382">
        <v>0</v>
      </c>
      <c r="AW2382">
        <v>0</v>
      </c>
      <c r="AX2382">
        <v>22</v>
      </c>
      <c r="AY2382">
        <v>52</v>
      </c>
      <c r="AZ2382">
        <v>145</v>
      </c>
      <c r="BA2382">
        <v>6911</v>
      </c>
    </row>
    <row r="2383" spans="1:53" x14ac:dyDescent="0.4">
      <c r="A2383">
        <v>2427</v>
      </c>
      <c r="B2383" s="1">
        <v>43590</v>
      </c>
      <c r="C2383">
        <v>1</v>
      </c>
      <c r="D2383" s="1">
        <v>43590.291666666664</v>
      </c>
      <c r="E2383" s="1">
        <v>43590.382638888892</v>
      </c>
      <c r="F2383">
        <v>0</v>
      </c>
      <c r="G2383">
        <v>0</v>
      </c>
      <c r="H2383">
        <v>0</v>
      </c>
      <c r="I2383">
        <v>0</v>
      </c>
      <c r="J2383">
        <v>0</v>
      </c>
      <c r="K2383">
        <v>0</v>
      </c>
      <c r="L2383">
        <v>0</v>
      </c>
      <c r="M2383">
        <v>0</v>
      </c>
      <c r="N2383">
        <v>0</v>
      </c>
      <c r="O2383">
        <v>0</v>
      </c>
      <c r="P2383">
        <v>0</v>
      </c>
      <c r="Q2383">
        <v>0</v>
      </c>
      <c r="R2383">
        <v>0</v>
      </c>
      <c r="S2383">
        <v>0</v>
      </c>
      <c r="T2383">
        <v>0</v>
      </c>
      <c r="U2383">
        <v>0</v>
      </c>
      <c r="V2383">
        <v>0</v>
      </c>
      <c r="W2383">
        <v>0</v>
      </c>
      <c r="X2383">
        <v>0</v>
      </c>
      <c r="Y2383">
        <v>31</v>
      </c>
      <c r="Z2383">
        <v>11</v>
      </c>
      <c r="AA2383">
        <v>106</v>
      </c>
      <c r="AB2383">
        <v>30</v>
      </c>
      <c r="AC2383">
        <v>101</v>
      </c>
      <c r="AD2383">
        <v>64</v>
      </c>
      <c r="AE2383">
        <v>70</v>
      </c>
      <c r="AF2383">
        <v>0</v>
      </c>
      <c r="AG2383">
        <v>50000</v>
      </c>
      <c r="AH2383">
        <v>50000</v>
      </c>
      <c r="AI2383">
        <v>0</v>
      </c>
      <c r="AJ2383">
        <v>0</v>
      </c>
      <c r="AK2383" t="s">
        <v>6</v>
      </c>
      <c r="AL2383">
        <v>0</v>
      </c>
      <c r="AM2383">
        <v>0</v>
      </c>
      <c r="AN2383">
        <v>0</v>
      </c>
      <c r="AO2383">
        <v>0</v>
      </c>
      <c r="AP2383">
        <v>0</v>
      </c>
      <c r="AQ2383">
        <v>0</v>
      </c>
      <c r="AR2383">
        <v>0</v>
      </c>
      <c r="AS2383">
        <v>0</v>
      </c>
      <c r="AT2383">
        <v>0</v>
      </c>
      <c r="AU2383">
        <v>0</v>
      </c>
      <c r="AV2383">
        <v>0</v>
      </c>
      <c r="AW2383">
        <v>0</v>
      </c>
      <c r="AX2383">
        <v>0</v>
      </c>
      <c r="AY2383">
        <v>0</v>
      </c>
      <c r="AZ2383">
        <v>0</v>
      </c>
      <c r="BA2383">
        <v>0</v>
      </c>
    </row>
    <row r="2384" spans="1:53" x14ac:dyDescent="0.4">
      <c r="A2384">
        <v>2428</v>
      </c>
      <c r="B2384" s="1">
        <v>43590</v>
      </c>
      <c r="C2384">
        <v>2</v>
      </c>
      <c r="D2384" s="1">
        <v>43590.382638888892</v>
      </c>
      <c r="E2384" s="1">
        <v>43590.754861111112</v>
      </c>
      <c r="F2384">
        <v>44250</v>
      </c>
      <c r="G2384">
        <v>1520</v>
      </c>
      <c r="H2384">
        <v>0</v>
      </c>
      <c r="I2384">
        <v>0</v>
      </c>
      <c r="J2384">
        <v>0</v>
      </c>
      <c r="K2384">
        <v>0</v>
      </c>
      <c r="L2384">
        <v>0</v>
      </c>
      <c r="M2384">
        <v>3661</v>
      </c>
      <c r="N2384">
        <v>0</v>
      </c>
      <c r="O2384">
        <v>0</v>
      </c>
      <c r="P2384">
        <v>18360</v>
      </c>
      <c r="Q2384">
        <v>0</v>
      </c>
      <c r="R2384">
        <v>67791</v>
      </c>
      <c r="S2384">
        <v>0</v>
      </c>
      <c r="T2384">
        <v>0</v>
      </c>
      <c r="U2384">
        <v>0</v>
      </c>
      <c r="V2384">
        <v>1</v>
      </c>
      <c r="W2384">
        <v>1</v>
      </c>
      <c r="X2384">
        <v>0</v>
      </c>
      <c r="Y2384">
        <v>63</v>
      </c>
      <c r="Z2384">
        <v>33</v>
      </c>
      <c r="AA2384">
        <v>99</v>
      </c>
      <c r="AB2384">
        <v>33</v>
      </c>
      <c r="AC2384">
        <v>169</v>
      </c>
      <c r="AD2384">
        <v>66</v>
      </c>
      <c r="AE2384">
        <v>71</v>
      </c>
      <c r="AF2384">
        <v>9650</v>
      </c>
      <c r="AG2384">
        <v>117791</v>
      </c>
      <c r="AH2384">
        <v>50000</v>
      </c>
      <c r="AI2384">
        <v>0</v>
      </c>
      <c r="AJ2384">
        <v>101</v>
      </c>
      <c r="AK2384" t="s">
        <v>28</v>
      </c>
      <c r="AL2384">
        <v>0</v>
      </c>
      <c r="AM2384">
        <v>0</v>
      </c>
      <c r="AN2384">
        <v>0</v>
      </c>
      <c r="AO2384">
        <v>0</v>
      </c>
      <c r="AP2384">
        <v>0</v>
      </c>
      <c r="AQ2384">
        <v>0</v>
      </c>
      <c r="AR2384">
        <v>0</v>
      </c>
      <c r="AS2384">
        <v>0</v>
      </c>
      <c r="AT2384">
        <v>0</v>
      </c>
      <c r="AU2384">
        <v>0</v>
      </c>
      <c r="AV2384">
        <v>0</v>
      </c>
      <c r="AW2384">
        <v>0</v>
      </c>
      <c r="AX2384">
        <v>0</v>
      </c>
      <c r="AY2384">
        <v>50</v>
      </c>
      <c r="AZ2384">
        <v>123</v>
      </c>
      <c r="BA2384">
        <v>7376</v>
      </c>
    </row>
    <row r="2385" spans="1:53" x14ac:dyDescent="0.4">
      <c r="A2385">
        <v>2429</v>
      </c>
      <c r="B2385" s="1">
        <v>43591</v>
      </c>
      <c r="C2385">
        <v>1</v>
      </c>
      <c r="D2385" s="1">
        <v>43591.291666666664</v>
      </c>
      <c r="E2385" s="1">
        <v>43591.413194444445</v>
      </c>
      <c r="F2385">
        <v>0</v>
      </c>
      <c r="G2385">
        <v>0</v>
      </c>
      <c r="H2385">
        <v>0</v>
      </c>
      <c r="I2385">
        <v>0</v>
      </c>
      <c r="J2385">
        <v>0</v>
      </c>
      <c r="K2385">
        <v>0</v>
      </c>
      <c r="L2385">
        <v>0</v>
      </c>
      <c r="M2385">
        <v>0</v>
      </c>
      <c r="N2385">
        <v>0</v>
      </c>
      <c r="O2385">
        <v>0</v>
      </c>
      <c r="P2385">
        <v>0</v>
      </c>
      <c r="Q2385">
        <v>0</v>
      </c>
      <c r="R2385">
        <v>0</v>
      </c>
      <c r="S2385">
        <v>0</v>
      </c>
      <c r="T2385">
        <v>0</v>
      </c>
      <c r="U2385">
        <v>0</v>
      </c>
      <c r="V2385">
        <v>0</v>
      </c>
      <c r="W2385">
        <v>0</v>
      </c>
      <c r="X2385">
        <v>0</v>
      </c>
      <c r="Y2385">
        <v>32</v>
      </c>
      <c r="Z2385">
        <v>11</v>
      </c>
      <c r="AA2385">
        <v>93</v>
      </c>
      <c r="AB2385">
        <v>34</v>
      </c>
      <c r="AC2385">
        <v>110</v>
      </c>
      <c r="AD2385">
        <v>69</v>
      </c>
      <c r="AE2385">
        <v>55</v>
      </c>
      <c r="AF2385">
        <v>0</v>
      </c>
      <c r="AG2385">
        <v>50000</v>
      </c>
      <c r="AH2385">
        <v>0</v>
      </c>
      <c r="AI2385">
        <v>50000</v>
      </c>
      <c r="AJ2385">
        <v>0</v>
      </c>
      <c r="AK2385" t="s">
        <v>6</v>
      </c>
      <c r="AL2385">
        <v>0</v>
      </c>
      <c r="AM2385">
        <v>0</v>
      </c>
      <c r="AN2385">
        <v>0</v>
      </c>
      <c r="AO2385">
        <v>0</v>
      </c>
      <c r="AP2385">
        <v>0</v>
      </c>
      <c r="AQ2385">
        <v>0</v>
      </c>
      <c r="AR2385">
        <v>0</v>
      </c>
      <c r="AS2385">
        <v>0</v>
      </c>
      <c r="AT2385">
        <v>0</v>
      </c>
      <c r="AU2385">
        <v>0</v>
      </c>
      <c r="AV2385">
        <v>0</v>
      </c>
      <c r="AW2385">
        <v>0</v>
      </c>
      <c r="AX2385">
        <v>0</v>
      </c>
      <c r="AY2385">
        <v>0</v>
      </c>
      <c r="AZ2385">
        <v>0</v>
      </c>
      <c r="BA2385">
        <v>0</v>
      </c>
    </row>
    <row r="2386" spans="1:53" x14ac:dyDescent="0.4">
      <c r="A2386">
        <v>2430</v>
      </c>
      <c r="B2386" s="1">
        <v>43591</v>
      </c>
      <c r="C2386">
        <v>2</v>
      </c>
      <c r="D2386" s="1">
        <v>43591.413194444445</v>
      </c>
      <c r="E2386" s="1">
        <v>43591.731944444444</v>
      </c>
      <c r="F2386">
        <v>41500</v>
      </c>
      <c r="G2386">
        <v>2220</v>
      </c>
      <c r="H2386">
        <v>0</v>
      </c>
      <c r="I2386">
        <v>0</v>
      </c>
      <c r="J2386">
        <v>0</v>
      </c>
      <c r="K2386">
        <v>0</v>
      </c>
      <c r="L2386">
        <v>0</v>
      </c>
      <c r="M2386">
        <v>3497</v>
      </c>
      <c r="N2386">
        <v>0</v>
      </c>
      <c r="O2386">
        <v>0</v>
      </c>
      <c r="P2386">
        <v>30780</v>
      </c>
      <c r="Q2386">
        <v>0</v>
      </c>
      <c r="R2386">
        <v>77997</v>
      </c>
      <c r="S2386">
        <v>0</v>
      </c>
      <c r="T2386">
        <v>0</v>
      </c>
      <c r="U2386">
        <v>0</v>
      </c>
      <c r="V2386">
        <v>4</v>
      </c>
      <c r="W2386">
        <v>2</v>
      </c>
      <c r="X2386">
        <v>0</v>
      </c>
      <c r="Y2386">
        <v>54</v>
      </c>
      <c r="Z2386">
        <v>31</v>
      </c>
      <c r="AA2386">
        <v>47</v>
      </c>
      <c r="AB2386">
        <v>20</v>
      </c>
      <c r="AC2386">
        <v>237</v>
      </c>
      <c r="AD2386">
        <v>74</v>
      </c>
      <c r="AE2386">
        <v>57</v>
      </c>
      <c r="AF2386">
        <v>0</v>
      </c>
      <c r="AG2386">
        <v>127997</v>
      </c>
      <c r="AH2386">
        <v>50000</v>
      </c>
      <c r="AI2386">
        <v>0</v>
      </c>
      <c r="AJ2386">
        <v>96</v>
      </c>
      <c r="AK2386" t="s">
        <v>4</v>
      </c>
      <c r="AL2386">
        <v>0</v>
      </c>
      <c r="AM2386">
        <v>0</v>
      </c>
      <c r="AN2386">
        <v>0</v>
      </c>
      <c r="AO2386">
        <v>0</v>
      </c>
      <c r="AP2386">
        <v>0</v>
      </c>
      <c r="AQ2386">
        <v>0</v>
      </c>
      <c r="AR2386">
        <v>0</v>
      </c>
      <c r="AS2386">
        <v>0</v>
      </c>
      <c r="AT2386">
        <v>0</v>
      </c>
      <c r="AU2386">
        <v>0</v>
      </c>
      <c r="AV2386">
        <v>0</v>
      </c>
      <c r="AW2386">
        <v>0</v>
      </c>
      <c r="AX2386">
        <v>-346</v>
      </c>
      <c r="AY2386">
        <v>52</v>
      </c>
      <c r="AZ2386">
        <v>131</v>
      </c>
      <c r="BA2386">
        <v>7520</v>
      </c>
    </row>
    <row r="2387" spans="1:53" x14ac:dyDescent="0.4">
      <c r="A2387">
        <v>2431</v>
      </c>
      <c r="B2387" s="1">
        <v>43591</v>
      </c>
      <c r="C2387">
        <v>3</v>
      </c>
      <c r="D2387" s="1">
        <v>43591.731944444444</v>
      </c>
      <c r="E2387" s="1">
        <v>43591.949305555558</v>
      </c>
      <c r="F2387">
        <v>37500</v>
      </c>
      <c r="G2387">
        <v>1860</v>
      </c>
      <c r="H2387">
        <v>0</v>
      </c>
      <c r="I2387">
        <v>0</v>
      </c>
      <c r="J2387">
        <v>0</v>
      </c>
      <c r="K2387">
        <v>0</v>
      </c>
      <c r="L2387">
        <v>0</v>
      </c>
      <c r="M2387">
        <v>3149</v>
      </c>
      <c r="N2387">
        <v>0</v>
      </c>
      <c r="O2387">
        <v>0</v>
      </c>
      <c r="P2387">
        <v>-30780</v>
      </c>
      <c r="Q2387">
        <v>0</v>
      </c>
      <c r="R2387">
        <v>11729</v>
      </c>
      <c r="S2387">
        <v>0</v>
      </c>
      <c r="T2387">
        <v>0</v>
      </c>
      <c r="U2387">
        <v>0</v>
      </c>
      <c r="V2387">
        <v>6</v>
      </c>
      <c r="W2387">
        <v>0</v>
      </c>
      <c r="X2387">
        <v>0</v>
      </c>
      <c r="Y2387">
        <v>57</v>
      </c>
      <c r="Z2387">
        <v>30</v>
      </c>
      <c r="AA2387">
        <v>41</v>
      </c>
      <c r="AB2387">
        <v>18</v>
      </c>
      <c r="AC2387">
        <v>230</v>
      </c>
      <c r="AD2387">
        <v>74</v>
      </c>
      <c r="AE2387">
        <v>56</v>
      </c>
      <c r="AF2387">
        <v>0</v>
      </c>
      <c r="AG2387">
        <v>139726</v>
      </c>
      <c r="AH2387">
        <v>50000</v>
      </c>
      <c r="AI2387">
        <v>0</v>
      </c>
      <c r="AJ2387">
        <v>84</v>
      </c>
      <c r="AK2387" t="s">
        <v>16</v>
      </c>
      <c r="AL2387">
        <v>0</v>
      </c>
      <c r="AM2387">
        <v>0</v>
      </c>
      <c r="AN2387">
        <v>0</v>
      </c>
      <c r="AO2387">
        <v>0</v>
      </c>
      <c r="AP2387">
        <v>0</v>
      </c>
      <c r="AQ2387">
        <v>0</v>
      </c>
      <c r="AR2387">
        <v>0</v>
      </c>
      <c r="AS2387">
        <v>0</v>
      </c>
      <c r="AT2387">
        <v>0</v>
      </c>
      <c r="AU2387">
        <v>0</v>
      </c>
      <c r="AV2387">
        <v>0</v>
      </c>
      <c r="AW2387">
        <v>0</v>
      </c>
      <c r="AX2387">
        <v>8532</v>
      </c>
      <c r="AY2387">
        <v>7</v>
      </c>
      <c r="AZ2387">
        <v>17</v>
      </c>
      <c r="BA2387">
        <v>2798</v>
      </c>
    </row>
    <row r="2388" spans="1:53" x14ac:dyDescent="0.4">
      <c r="A2388">
        <v>2432</v>
      </c>
      <c r="B2388" s="1">
        <v>43592</v>
      </c>
      <c r="C2388">
        <v>1</v>
      </c>
      <c r="D2388" s="1">
        <v>43592.291666666664</v>
      </c>
      <c r="E2388" s="1">
        <v>43592.443749999999</v>
      </c>
      <c r="F2388">
        <v>0</v>
      </c>
      <c r="G2388">
        <v>0</v>
      </c>
      <c r="H2388">
        <v>0</v>
      </c>
      <c r="I2388">
        <v>0</v>
      </c>
      <c r="J2388">
        <v>0</v>
      </c>
      <c r="K2388">
        <v>0</v>
      </c>
      <c r="L2388">
        <v>0</v>
      </c>
      <c r="M2388">
        <v>0</v>
      </c>
      <c r="N2388">
        <v>0</v>
      </c>
      <c r="O2388">
        <v>0</v>
      </c>
      <c r="P2388">
        <v>0</v>
      </c>
      <c r="Q2388">
        <v>0</v>
      </c>
      <c r="R2388">
        <v>0</v>
      </c>
      <c r="S2388">
        <v>0</v>
      </c>
      <c r="T2388">
        <v>0</v>
      </c>
      <c r="U2388">
        <v>0</v>
      </c>
      <c r="V2388">
        <v>0</v>
      </c>
      <c r="W2388">
        <v>0</v>
      </c>
      <c r="X2388">
        <v>0</v>
      </c>
      <c r="Y2388">
        <v>39</v>
      </c>
      <c r="Z2388">
        <v>9</v>
      </c>
      <c r="AA2388">
        <v>40</v>
      </c>
      <c r="AB2388">
        <v>16</v>
      </c>
      <c r="AC2388">
        <v>128</v>
      </c>
      <c r="AD2388">
        <v>73</v>
      </c>
      <c r="AE2388">
        <v>55</v>
      </c>
      <c r="AF2388">
        <v>0</v>
      </c>
      <c r="AG2388">
        <v>50000</v>
      </c>
      <c r="AH2388">
        <v>50000</v>
      </c>
      <c r="AI2388">
        <v>0</v>
      </c>
      <c r="AJ2388">
        <v>0</v>
      </c>
      <c r="AK2388" t="s">
        <v>6</v>
      </c>
      <c r="AL2388">
        <v>0</v>
      </c>
      <c r="AM2388">
        <v>0</v>
      </c>
      <c r="AN2388">
        <v>0</v>
      </c>
      <c r="AO2388">
        <v>0</v>
      </c>
      <c r="AP2388">
        <v>0</v>
      </c>
      <c r="AQ2388">
        <v>0</v>
      </c>
      <c r="AR2388">
        <v>0</v>
      </c>
      <c r="AS2388">
        <v>0</v>
      </c>
      <c r="AT2388">
        <v>0</v>
      </c>
      <c r="AU2388">
        <v>0</v>
      </c>
      <c r="AV2388">
        <v>0</v>
      </c>
      <c r="AW2388">
        <v>0</v>
      </c>
      <c r="AX2388">
        <v>0</v>
      </c>
      <c r="AY2388">
        <v>0</v>
      </c>
      <c r="AZ2388">
        <v>0</v>
      </c>
      <c r="BA2388">
        <v>0</v>
      </c>
    </row>
    <row r="2389" spans="1:53" x14ac:dyDescent="0.4">
      <c r="A2389">
        <v>2433</v>
      </c>
      <c r="B2389" s="1">
        <v>43592</v>
      </c>
      <c r="C2389">
        <v>2</v>
      </c>
      <c r="D2389" s="1">
        <v>43592.443749999999</v>
      </c>
      <c r="E2389" s="1">
        <v>43592.729166666664</v>
      </c>
      <c r="F2389">
        <v>11000</v>
      </c>
      <c r="G2389">
        <v>500</v>
      </c>
      <c r="H2389">
        <v>0</v>
      </c>
      <c r="I2389">
        <v>0</v>
      </c>
      <c r="J2389">
        <v>0</v>
      </c>
      <c r="K2389">
        <v>0</v>
      </c>
      <c r="L2389">
        <v>0</v>
      </c>
      <c r="M2389">
        <v>920</v>
      </c>
      <c r="N2389">
        <v>0</v>
      </c>
      <c r="O2389">
        <v>0</v>
      </c>
      <c r="P2389">
        <v>14040</v>
      </c>
      <c r="Q2389">
        <v>0</v>
      </c>
      <c r="R2389">
        <v>26460</v>
      </c>
      <c r="S2389">
        <v>0</v>
      </c>
      <c r="T2389">
        <v>0</v>
      </c>
      <c r="U2389">
        <v>0</v>
      </c>
      <c r="V2389">
        <v>1</v>
      </c>
      <c r="W2389">
        <v>0</v>
      </c>
      <c r="X2389">
        <v>0</v>
      </c>
      <c r="Y2389">
        <v>56</v>
      </c>
      <c r="Z2389">
        <v>11</v>
      </c>
      <c r="AA2389">
        <v>21</v>
      </c>
      <c r="AB2389">
        <v>8</v>
      </c>
      <c r="AC2389">
        <v>150</v>
      </c>
      <c r="AD2389">
        <v>73</v>
      </c>
      <c r="AE2389">
        <v>55</v>
      </c>
      <c r="AF2389">
        <v>540</v>
      </c>
      <c r="AG2389">
        <v>76460</v>
      </c>
      <c r="AH2389">
        <v>50000</v>
      </c>
      <c r="AI2389">
        <v>0</v>
      </c>
      <c r="AJ2389">
        <v>97</v>
      </c>
      <c r="AK2389" t="s">
        <v>33</v>
      </c>
      <c r="AL2389">
        <v>0</v>
      </c>
      <c r="AM2389">
        <v>0</v>
      </c>
      <c r="AN2389">
        <v>0</v>
      </c>
      <c r="AO2389">
        <v>0</v>
      </c>
      <c r="AP2389">
        <v>0</v>
      </c>
      <c r="AQ2389">
        <v>0</v>
      </c>
      <c r="AR2389">
        <v>0</v>
      </c>
      <c r="AS2389">
        <v>0</v>
      </c>
      <c r="AT2389">
        <v>0</v>
      </c>
      <c r="AU2389">
        <v>0</v>
      </c>
      <c r="AV2389">
        <v>0</v>
      </c>
      <c r="AW2389">
        <v>0</v>
      </c>
      <c r="AX2389">
        <v>540</v>
      </c>
      <c r="AY2389">
        <v>34</v>
      </c>
      <c r="AZ2389">
        <v>48</v>
      </c>
      <c r="BA2389">
        <v>4259</v>
      </c>
    </row>
    <row r="2390" spans="1:53" x14ac:dyDescent="0.4">
      <c r="A2390">
        <v>2434</v>
      </c>
      <c r="B2390" s="1">
        <v>43592</v>
      </c>
      <c r="C2390">
        <v>3</v>
      </c>
      <c r="D2390" s="1">
        <v>43592.729166666664</v>
      </c>
      <c r="E2390" s="1">
        <v>43592.956250000003</v>
      </c>
      <c r="F2390">
        <v>25000</v>
      </c>
      <c r="G2390">
        <v>1000</v>
      </c>
      <c r="H2390">
        <v>0</v>
      </c>
      <c r="I2390">
        <v>0</v>
      </c>
      <c r="J2390">
        <v>0</v>
      </c>
      <c r="K2390">
        <v>0</v>
      </c>
      <c r="L2390">
        <v>0</v>
      </c>
      <c r="M2390">
        <v>2080</v>
      </c>
      <c r="N2390">
        <v>0</v>
      </c>
      <c r="O2390">
        <v>0</v>
      </c>
      <c r="P2390">
        <v>-10152</v>
      </c>
      <c r="Q2390">
        <v>0</v>
      </c>
      <c r="R2390">
        <v>17928</v>
      </c>
      <c r="S2390">
        <v>0</v>
      </c>
      <c r="T2390">
        <v>0</v>
      </c>
      <c r="U2390">
        <v>0</v>
      </c>
      <c r="V2390">
        <v>1</v>
      </c>
      <c r="W2390">
        <v>2</v>
      </c>
      <c r="X2390">
        <v>0</v>
      </c>
      <c r="Y2390">
        <v>62</v>
      </c>
      <c r="Z2390">
        <v>13</v>
      </c>
      <c r="AA2390">
        <v>29</v>
      </c>
      <c r="AB2390">
        <v>10</v>
      </c>
      <c r="AC2390">
        <v>153</v>
      </c>
      <c r="AD2390">
        <v>73</v>
      </c>
      <c r="AE2390">
        <v>53</v>
      </c>
      <c r="AF2390">
        <v>540</v>
      </c>
      <c r="AG2390">
        <v>94388</v>
      </c>
      <c r="AH2390">
        <v>50000</v>
      </c>
      <c r="AI2390">
        <v>0</v>
      </c>
      <c r="AJ2390">
        <v>84</v>
      </c>
      <c r="AK2390" t="s">
        <v>16</v>
      </c>
      <c r="AL2390">
        <v>0</v>
      </c>
      <c r="AM2390">
        <v>0</v>
      </c>
      <c r="AN2390">
        <v>0</v>
      </c>
      <c r="AO2390">
        <v>0</v>
      </c>
      <c r="AP2390">
        <v>0</v>
      </c>
      <c r="AQ2390">
        <v>0</v>
      </c>
      <c r="AR2390">
        <v>0</v>
      </c>
      <c r="AS2390">
        <v>0</v>
      </c>
      <c r="AT2390">
        <v>0</v>
      </c>
      <c r="AU2390">
        <v>0</v>
      </c>
      <c r="AV2390">
        <v>0</v>
      </c>
      <c r="AW2390">
        <v>0</v>
      </c>
      <c r="AX2390">
        <v>1080</v>
      </c>
      <c r="AY2390">
        <v>8</v>
      </c>
      <c r="AZ2390">
        <v>18</v>
      </c>
      <c r="BA2390">
        <v>2410</v>
      </c>
    </row>
    <row r="2391" spans="1:53" x14ac:dyDescent="0.4">
      <c r="A2391">
        <v>2435</v>
      </c>
      <c r="B2391" s="1">
        <v>43593</v>
      </c>
      <c r="C2391">
        <v>1</v>
      </c>
      <c r="D2391" s="1">
        <v>43593.291666666664</v>
      </c>
      <c r="E2391" s="1">
        <v>43593.442361111112</v>
      </c>
      <c r="F2391">
        <v>0</v>
      </c>
      <c r="G2391">
        <v>0</v>
      </c>
      <c r="H2391">
        <v>0</v>
      </c>
      <c r="I2391">
        <v>0</v>
      </c>
      <c r="J2391">
        <v>0</v>
      </c>
      <c r="K2391">
        <v>0</v>
      </c>
      <c r="L2391">
        <v>0</v>
      </c>
      <c r="M2391">
        <v>0</v>
      </c>
      <c r="N2391">
        <v>0</v>
      </c>
      <c r="O2391">
        <v>0</v>
      </c>
      <c r="P2391">
        <v>0</v>
      </c>
      <c r="Q2391">
        <v>0</v>
      </c>
      <c r="R2391">
        <v>0</v>
      </c>
      <c r="S2391">
        <v>0</v>
      </c>
      <c r="T2391">
        <v>0</v>
      </c>
      <c r="U2391">
        <v>0</v>
      </c>
      <c r="V2391">
        <v>0</v>
      </c>
      <c r="W2391">
        <v>1</v>
      </c>
      <c r="X2391">
        <v>0</v>
      </c>
      <c r="Y2391">
        <v>37</v>
      </c>
      <c r="Z2391">
        <v>9</v>
      </c>
      <c r="AA2391">
        <v>20</v>
      </c>
      <c r="AB2391">
        <v>10</v>
      </c>
      <c r="AC2391">
        <v>58</v>
      </c>
      <c r="AD2391">
        <v>72</v>
      </c>
      <c r="AE2391">
        <v>60</v>
      </c>
      <c r="AF2391">
        <v>0</v>
      </c>
      <c r="AG2391">
        <v>50000</v>
      </c>
      <c r="AH2391">
        <v>50000</v>
      </c>
      <c r="AI2391">
        <v>0</v>
      </c>
      <c r="AJ2391">
        <v>0</v>
      </c>
      <c r="AK2391" t="s">
        <v>6</v>
      </c>
      <c r="AL2391">
        <v>0</v>
      </c>
      <c r="AM2391">
        <v>0</v>
      </c>
      <c r="AN2391">
        <v>0</v>
      </c>
      <c r="AO2391">
        <v>0</v>
      </c>
      <c r="AP2391">
        <v>0</v>
      </c>
      <c r="AQ2391">
        <v>0</v>
      </c>
      <c r="AR2391">
        <v>0</v>
      </c>
      <c r="AS2391">
        <v>0</v>
      </c>
      <c r="AT2391">
        <v>0</v>
      </c>
      <c r="AU2391">
        <v>0</v>
      </c>
      <c r="AV2391">
        <v>0</v>
      </c>
      <c r="AW2391">
        <v>0</v>
      </c>
      <c r="AX2391">
        <v>0</v>
      </c>
      <c r="AY2391">
        <v>0</v>
      </c>
      <c r="AZ2391">
        <v>0</v>
      </c>
      <c r="BA2391">
        <v>0</v>
      </c>
    </row>
    <row r="2392" spans="1:53" x14ac:dyDescent="0.4">
      <c r="A2392">
        <v>2436</v>
      </c>
      <c r="B2392" s="1">
        <v>43593</v>
      </c>
      <c r="C2392">
        <v>2</v>
      </c>
      <c r="D2392" s="1">
        <v>43593.442361111112</v>
      </c>
      <c r="E2392" s="1">
        <v>43593.729166666664</v>
      </c>
      <c r="F2392">
        <v>15000</v>
      </c>
      <c r="G2392">
        <v>0</v>
      </c>
      <c r="H2392">
        <v>200</v>
      </c>
      <c r="I2392">
        <v>0</v>
      </c>
      <c r="J2392">
        <v>0</v>
      </c>
      <c r="K2392">
        <v>0</v>
      </c>
      <c r="L2392">
        <v>0</v>
      </c>
      <c r="M2392">
        <v>1216</v>
      </c>
      <c r="N2392">
        <v>0</v>
      </c>
      <c r="O2392">
        <v>0</v>
      </c>
      <c r="P2392">
        <v>8100</v>
      </c>
      <c r="Q2392">
        <v>0</v>
      </c>
      <c r="R2392">
        <v>24516</v>
      </c>
      <c r="S2392">
        <v>0</v>
      </c>
      <c r="T2392">
        <v>0</v>
      </c>
      <c r="U2392">
        <v>0</v>
      </c>
      <c r="V2392">
        <v>1</v>
      </c>
      <c r="W2392">
        <v>1</v>
      </c>
      <c r="X2392">
        <v>0</v>
      </c>
      <c r="Y2392">
        <v>46</v>
      </c>
      <c r="Z2392">
        <v>21</v>
      </c>
      <c r="AA2392">
        <v>14</v>
      </c>
      <c r="AB2392">
        <v>4</v>
      </c>
      <c r="AC2392">
        <v>99</v>
      </c>
      <c r="AD2392">
        <v>73</v>
      </c>
      <c r="AE2392">
        <v>61</v>
      </c>
      <c r="AF2392">
        <v>0</v>
      </c>
      <c r="AG2392">
        <v>74516</v>
      </c>
      <c r="AH2392">
        <v>50000</v>
      </c>
      <c r="AI2392">
        <v>0</v>
      </c>
      <c r="AJ2392">
        <v>97</v>
      </c>
      <c r="AK2392" t="s">
        <v>33</v>
      </c>
      <c r="AL2392">
        <v>0</v>
      </c>
      <c r="AM2392">
        <v>0</v>
      </c>
      <c r="AN2392">
        <v>0</v>
      </c>
      <c r="AO2392">
        <v>0</v>
      </c>
      <c r="AP2392">
        <v>0</v>
      </c>
      <c r="AQ2392">
        <v>0</v>
      </c>
      <c r="AR2392">
        <v>0</v>
      </c>
      <c r="AS2392">
        <v>0</v>
      </c>
      <c r="AT2392">
        <v>0</v>
      </c>
      <c r="AU2392">
        <v>0</v>
      </c>
      <c r="AV2392">
        <v>0</v>
      </c>
      <c r="AW2392">
        <v>0</v>
      </c>
      <c r="AX2392">
        <v>-2160</v>
      </c>
      <c r="AY2392">
        <v>29</v>
      </c>
      <c r="AZ2392">
        <v>45</v>
      </c>
      <c r="BA2392">
        <v>4009</v>
      </c>
    </row>
    <row r="2393" spans="1:53" x14ac:dyDescent="0.4">
      <c r="A2393">
        <v>2437</v>
      </c>
      <c r="B2393" s="1">
        <v>43593</v>
      </c>
      <c r="C2393">
        <v>3</v>
      </c>
      <c r="D2393" s="1">
        <v>43593.729166666664</v>
      </c>
      <c r="E2393" s="1">
        <v>43593.957638888889</v>
      </c>
      <c r="F2393">
        <v>21600</v>
      </c>
      <c r="G2393">
        <v>2590</v>
      </c>
      <c r="H2393">
        <v>0</v>
      </c>
      <c r="I2393">
        <v>0</v>
      </c>
      <c r="J2393">
        <v>0</v>
      </c>
      <c r="K2393">
        <v>0</v>
      </c>
      <c r="L2393">
        <v>0</v>
      </c>
      <c r="M2393">
        <v>1935</v>
      </c>
      <c r="N2393">
        <v>0</v>
      </c>
      <c r="O2393">
        <v>0</v>
      </c>
      <c r="P2393">
        <v>-8100</v>
      </c>
      <c r="Q2393">
        <v>0</v>
      </c>
      <c r="R2393">
        <v>18025</v>
      </c>
      <c r="S2393">
        <v>0</v>
      </c>
      <c r="T2393">
        <v>0</v>
      </c>
      <c r="U2393">
        <v>0</v>
      </c>
      <c r="V2393">
        <v>2</v>
      </c>
      <c r="W2393">
        <v>0</v>
      </c>
      <c r="X2393">
        <v>0</v>
      </c>
      <c r="Y2393">
        <v>59</v>
      </c>
      <c r="Z2393">
        <v>19</v>
      </c>
      <c r="AA2393">
        <v>22</v>
      </c>
      <c r="AB2393">
        <v>5</v>
      </c>
      <c r="AC2393">
        <v>100</v>
      </c>
      <c r="AD2393">
        <v>75</v>
      </c>
      <c r="AE2393">
        <v>57</v>
      </c>
      <c r="AF2393">
        <v>164</v>
      </c>
      <c r="AG2393">
        <v>92546</v>
      </c>
      <c r="AH2393">
        <v>50000</v>
      </c>
      <c r="AI2393">
        <v>5</v>
      </c>
      <c r="AJ2393">
        <v>105</v>
      </c>
      <c r="AK2393" t="s">
        <v>34</v>
      </c>
      <c r="AL2393">
        <v>0</v>
      </c>
      <c r="AM2393">
        <v>0</v>
      </c>
      <c r="AN2393">
        <v>0</v>
      </c>
      <c r="AO2393">
        <v>0</v>
      </c>
      <c r="AP2393">
        <v>0</v>
      </c>
      <c r="AQ2393">
        <v>0</v>
      </c>
      <c r="AR2393">
        <v>0</v>
      </c>
      <c r="AS2393">
        <v>0</v>
      </c>
      <c r="AT2393">
        <v>0</v>
      </c>
      <c r="AU2393">
        <v>0</v>
      </c>
      <c r="AV2393">
        <v>0</v>
      </c>
      <c r="AW2393">
        <v>0</v>
      </c>
      <c r="AX2393">
        <v>2700</v>
      </c>
      <c r="AY2393">
        <v>10</v>
      </c>
      <c r="AZ2393">
        <v>23</v>
      </c>
      <c r="BA2393">
        <v>1727</v>
      </c>
    </row>
    <row r="2394" spans="1:53" x14ac:dyDescent="0.4">
      <c r="A2394">
        <v>2438</v>
      </c>
      <c r="B2394" s="1">
        <v>43594</v>
      </c>
      <c r="C2394">
        <v>1</v>
      </c>
      <c r="D2394" s="1">
        <v>43594.291666666664</v>
      </c>
      <c r="E2394" s="1">
        <v>43594.448611111111</v>
      </c>
      <c r="F2394">
        <v>0</v>
      </c>
      <c r="G2394">
        <v>0</v>
      </c>
      <c r="H2394">
        <v>0</v>
      </c>
      <c r="I2394">
        <v>0</v>
      </c>
      <c r="J2394">
        <v>0</v>
      </c>
      <c r="K2394">
        <v>0</v>
      </c>
      <c r="L2394">
        <v>0</v>
      </c>
      <c r="M2394">
        <v>0</v>
      </c>
      <c r="N2394">
        <v>0</v>
      </c>
      <c r="O2394">
        <v>0</v>
      </c>
      <c r="P2394">
        <v>0</v>
      </c>
      <c r="Q2394">
        <v>0</v>
      </c>
      <c r="R2394">
        <v>0</v>
      </c>
      <c r="S2394">
        <v>0</v>
      </c>
      <c r="T2394">
        <v>0</v>
      </c>
      <c r="U2394">
        <v>0</v>
      </c>
      <c r="V2394">
        <v>0</v>
      </c>
      <c r="W2394">
        <v>0</v>
      </c>
      <c r="X2394">
        <v>0</v>
      </c>
      <c r="Y2394">
        <v>38</v>
      </c>
      <c r="Z2394">
        <v>15</v>
      </c>
      <c r="AA2394">
        <v>27</v>
      </c>
      <c r="AB2394">
        <v>7</v>
      </c>
      <c r="AC2394">
        <v>103</v>
      </c>
      <c r="AD2394">
        <v>73</v>
      </c>
      <c r="AE2394">
        <v>55</v>
      </c>
      <c r="AF2394">
        <v>0</v>
      </c>
      <c r="AG2394">
        <v>50000</v>
      </c>
      <c r="AH2394">
        <v>0</v>
      </c>
      <c r="AI2394">
        <v>50000</v>
      </c>
      <c r="AJ2394">
        <v>0</v>
      </c>
      <c r="AK2394" t="s">
        <v>6</v>
      </c>
      <c r="AL2394">
        <v>0</v>
      </c>
      <c r="AM2394">
        <v>0</v>
      </c>
      <c r="AN2394">
        <v>0</v>
      </c>
      <c r="AO2394">
        <v>0</v>
      </c>
      <c r="AP2394">
        <v>0</v>
      </c>
      <c r="AQ2394">
        <v>0</v>
      </c>
      <c r="AR2394">
        <v>0</v>
      </c>
      <c r="AS2394">
        <v>0</v>
      </c>
      <c r="AT2394">
        <v>0</v>
      </c>
      <c r="AU2394">
        <v>0</v>
      </c>
      <c r="AV2394">
        <v>0</v>
      </c>
      <c r="AW2394">
        <v>0</v>
      </c>
      <c r="AX2394">
        <v>0</v>
      </c>
      <c r="AY2394">
        <v>0</v>
      </c>
      <c r="AZ2394">
        <v>0</v>
      </c>
      <c r="BA2394">
        <v>0</v>
      </c>
    </row>
    <row r="2395" spans="1:53" x14ac:dyDescent="0.4">
      <c r="A2395">
        <v>2439</v>
      </c>
      <c r="B2395" s="1">
        <v>43594</v>
      </c>
      <c r="C2395">
        <v>2</v>
      </c>
      <c r="D2395" s="1">
        <v>43594.448611111111</v>
      </c>
      <c r="E2395" s="1">
        <v>43594.739583333336</v>
      </c>
      <c r="F2395">
        <v>11000</v>
      </c>
      <c r="G2395">
        <v>0</v>
      </c>
      <c r="H2395">
        <v>0</v>
      </c>
      <c r="I2395">
        <v>0</v>
      </c>
      <c r="J2395">
        <v>0</v>
      </c>
      <c r="K2395">
        <v>0</v>
      </c>
      <c r="L2395">
        <v>0</v>
      </c>
      <c r="M2395">
        <v>880</v>
      </c>
      <c r="N2395">
        <v>0</v>
      </c>
      <c r="O2395">
        <v>0</v>
      </c>
      <c r="P2395">
        <v>17820</v>
      </c>
      <c r="Q2395">
        <v>0</v>
      </c>
      <c r="R2395">
        <v>29700</v>
      </c>
      <c r="S2395">
        <v>0</v>
      </c>
      <c r="T2395">
        <v>0</v>
      </c>
      <c r="U2395">
        <v>0</v>
      </c>
      <c r="V2395">
        <v>0</v>
      </c>
      <c r="W2395">
        <v>0</v>
      </c>
      <c r="X2395">
        <v>0</v>
      </c>
      <c r="Y2395">
        <v>61</v>
      </c>
      <c r="Z2395">
        <v>27</v>
      </c>
      <c r="AA2395">
        <v>14</v>
      </c>
      <c r="AB2395">
        <v>3</v>
      </c>
      <c r="AC2395">
        <v>159</v>
      </c>
      <c r="AD2395">
        <v>77</v>
      </c>
      <c r="AE2395">
        <v>55</v>
      </c>
      <c r="AF2395">
        <v>1620</v>
      </c>
      <c r="AG2395">
        <v>79700</v>
      </c>
      <c r="AH2395">
        <v>0</v>
      </c>
      <c r="AI2395">
        <v>50000</v>
      </c>
      <c r="AJ2395">
        <v>96</v>
      </c>
      <c r="AK2395" t="s">
        <v>4</v>
      </c>
      <c r="AL2395">
        <v>0</v>
      </c>
      <c r="AM2395">
        <v>0</v>
      </c>
      <c r="AN2395">
        <v>0</v>
      </c>
      <c r="AO2395">
        <v>0</v>
      </c>
      <c r="AP2395">
        <v>0</v>
      </c>
      <c r="AQ2395">
        <v>0</v>
      </c>
      <c r="AR2395">
        <v>0</v>
      </c>
      <c r="AS2395">
        <v>0</v>
      </c>
      <c r="AT2395">
        <v>0</v>
      </c>
      <c r="AU2395">
        <v>0</v>
      </c>
      <c r="AV2395">
        <v>0</v>
      </c>
      <c r="AW2395">
        <v>0</v>
      </c>
      <c r="AX2395">
        <v>410</v>
      </c>
      <c r="AY2395">
        <v>29</v>
      </c>
      <c r="AZ2395">
        <v>50</v>
      </c>
      <c r="BA2395">
        <v>3948</v>
      </c>
    </row>
    <row r="2396" spans="1:53" x14ac:dyDescent="0.4">
      <c r="A2396">
        <v>2440</v>
      </c>
      <c r="B2396" s="1">
        <v>43594</v>
      </c>
      <c r="C2396">
        <v>3</v>
      </c>
      <c r="D2396" s="1">
        <v>43594.739583333336</v>
      </c>
      <c r="E2396" s="1">
        <v>43594.96597222222</v>
      </c>
      <c r="F2396">
        <v>26160</v>
      </c>
      <c r="G2396">
        <v>1480</v>
      </c>
      <c r="H2396">
        <v>0</v>
      </c>
      <c r="I2396">
        <v>0</v>
      </c>
      <c r="J2396">
        <v>0</v>
      </c>
      <c r="K2396">
        <v>500</v>
      </c>
      <c r="L2396">
        <v>0</v>
      </c>
      <c r="M2396">
        <v>2251</v>
      </c>
      <c r="N2396">
        <v>0</v>
      </c>
      <c r="O2396">
        <v>0</v>
      </c>
      <c r="P2396">
        <v>-10476</v>
      </c>
      <c r="Q2396">
        <v>0</v>
      </c>
      <c r="R2396">
        <v>19915</v>
      </c>
      <c r="S2396">
        <v>0</v>
      </c>
      <c r="T2396">
        <v>0</v>
      </c>
      <c r="U2396">
        <v>0</v>
      </c>
      <c r="V2396">
        <v>1</v>
      </c>
      <c r="W2396">
        <v>0</v>
      </c>
      <c r="X2396">
        <v>0</v>
      </c>
      <c r="Y2396">
        <v>64</v>
      </c>
      <c r="Z2396">
        <v>26</v>
      </c>
      <c r="AA2396">
        <v>30</v>
      </c>
      <c r="AB2396">
        <v>3</v>
      </c>
      <c r="AC2396">
        <v>163</v>
      </c>
      <c r="AD2396">
        <v>76</v>
      </c>
      <c r="AE2396">
        <v>98</v>
      </c>
      <c r="AF2396">
        <v>7357</v>
      </c>
      <c r="AG2396">
        <v>99615</v>
      </c>
      <c r="AH2396">
        <v>50000</v>
      </c>
      <c r="AI2396">
        <v>0</v>
      </c>
      <c r="AJ2396">
        <v>101</v>
      </c>
      <c r="AK2396" t="s">
        <v>28</v>
      </c>
      <c r="AL2396">
        <v>0</v>
      </c>
      <c r="AM2396">
        <v>0</v>
      </c>
      <c r="AN2396">
        <v>0</v>
      </c>
      <c r="AO2396">
        <v>0</v>
      </c>
      <c r="AP2396">
        <v>0</v>
      </c>
      <c r="AQ2396">
        <v>0</v>
      </c>
      <c r="AR2396">
        <v>0</v>
      </c>
      <c r="AS2396">
        <v>0</v>
      </c>
      <c r="AT2396">
        <v>0</v>
      </c>
      <c r="AU2396">
        <v>0</v>
      </c>
      <c r="AV2396">
        <v>0</v>
      </c>
      <c r="AW2396">
        <v>0</v>
      </c>
      <c r="AX2396">
        <v>108</v>
      </c>
      <c r="AY2396">
        <v>9</v>
      </c>
      <c r="AZ2396">
        <v>20</v>
      </c>
      <c r="BA2396">
        <v>2242</v>
      </c>
    </row>
    <row r="2397" spans="1:53" x14ac:dyDescent="0.4">
      <c r="A2397">
        <v>2441</v>
      </c>
      <c r="B2397" s="1">
        <v>43595</v>
      </c>
      <c r="C2397">
        <v>1</v>
      </c>
      <c r="D2397" s="1">
        <v>43595.291666666664</v>
      </c>
      <c r="E2397" s="1">
        <v>43595.452777777777</v>
      </c>
      <c r="F2397">
        <v>0</v>
      </c>
      <c r="G2397">
        <v>0</v>
      </c>
      <c r="H2397">
        <v>0</v>
      </c>
      <c r="I2397">
        <v>0</v>
      </c>
      <c r="J2397">
        <v>0</v>
      </c>
      <c r="K2397">
        <v>0</v>
      </c>
      <c r="L2397">
        <v>0</v>
      </c>
      <c r="M2397">
        <v>0</v>
      </c>
      <c r="N2397">
        <v>0</v>
      </c>
      <c r="O2397">
        <v>0</v>
      </c>
      <c r="P2397">
        <v>0</v>
      </c>
      <c r="Q2397">
        <v>0</v>
      </c>
      <c r="R2397">
        <v>0</v>
      </c>
      <c r="S2397">
        <v>0</v>
      </c>
      <c r="T2397">
        <v>0</v>
      </c>
      <c r="U2397">
        <v>0</v>
      </c>
      <c r="V2397">
        <v>0</v>
      </c>
      <c r="W2397">
        <v>0</v>
      </c>
      <c r="X2397">
        <v>0</v>
      </c>
      <c r="Y2397">
        <v>36</v>
      </c>
      <c r="Z2397">
        <v>18</v>
      </c>
      <c r="AA2397">
        <v>31</v>
      </c>
      <c r="AB2397">
        <v>2</v>
      </c>
      <c r="AC2397">
        <v>135</v>
      </c>
      <c r="AD2397">
        <v>74</v>
      </c>
      <c r="AE2397">
        <v>80</v>
      </c>
      <c r="AF2397">
        <v>0</v>
      </c>
      <c r="AG2397">
        <v>50000</v>
      </c>
      <c r="AH2397">
        <v>0</v>
      </c>
      <c r="AI2397">
        <v>50000</v>
      </c>
      <c r="AJ2397">
        <v>0</v>
      </c>
      <c r="AK2397" t="s">
        <v>6</v>
      </c>
      <c r="AL2397">
        <v>0</v>
      </c>
      <c r="AM2397">
        <v>0</v>
      </c>
      <c r="AN2397">
        <v>0</v>
      </c>
      <c r="AO2397">
        <v>0</v>
      </c>
      <c r="AP2397">
        <v>0</v>
      </c>
      <c r="AQ2397">
        <v>0</v>
      </c>
      <c r="AR2397">
        <v>0</v>
      </c>
      <c r="AS2397">
        <v>0</v>
      </c>
      <c r="AT2397">
        <v>0</v>
      </c>
      <c r="AU2397">
        <v>0</v>
      </c>
      <c r="AV2397">
        <v>0</v>
      </c>
      <c r="AW2397">
        <v>0</v>
      </c>
      <c r="AX2397">
        <v>0</v>
      </c>
      <c r="AY2397">
        <v>0</v>
      </c>
      <c r="AZ2397">
        <v>0</v>
      </c>
      <c r="BA2397">
        <v>0</v>
      </c>
    </row>
    <row r="2398" spans="1:53" x14ac:dyDescent="0.4">
      <c r="A2398">
        <v>2442</v>
      </c>
      <c r="B2398" s="1">
        <v>43595</v>
      </c>
      <c r="C2398">
        <v>2</v>
      </c>
      <c r="D2398" s="1">
        <v>43595.452777777777</v>
      </c>
      <c r="E2398" s="1">
        <v>43595.73333333333</v>
      </c>
      <c r="F2398">
        <v>7500</v>
      </c>
      <c r="G2398">
        <v>0</v>
      </c>
      <c r="H2398">
        <v>0</v>
      </c>
      <c r="I2398">
        <v>0</v>
      </c>
      <c r="J2398">
        <v>0</v>
      </c>
      <c r="K2398">
        <v>0</v>
      </c>
      <c r="L2398">
        <v>0</v>
      </c>
      <c r="M2398">
        <v>600</v>
      </c>
      <c r="N2398">
        <v>0</v>
      </c>
      <c r="O2398">
        <v>0</v>
      </c>
      <c r="P2398">
        <v>9180</v>
      </c>
      <c r="Q2398">
        <v>0</v>
      </c>
      <c r="R2398">
        <v>17280</v>
      </c>
      <c r="S2398">
        <v>0</v>
      </c>
      <c r="T2398">
        <v>0</v>
      </c>
      <c r="U2398">
        <v>0</v>
      </c>
      <c r="V2398">
        <v>0</v>
      </c>
      <c r="W2398">
        <v>1</v>
      </c>
      <c r="X2398">
        <v>0</v>
      </c>
      <c r="Y2398">
        <v>46</v>
      </c>
      <c r="Z2398">
        <v>19</v>
      </c>
      <c r="AA2398">
        <v>43</v>
      </c>
      <c r="AB2398">
        <v>8</v>
      </c>
      <c r="AC2398">
        <v>163</v>
      </c>
      <c r="AD2398">
        <v>74</v>
      </c>
      <c r="AE2398">
        <v>80</v>
      </c>
      <c r="AF2398">
        <v>0</v>
      </c>
      <c r="AG2398">
        <v>67280</v>
      </c>
      <c r="AH2398">
        <v>50000</v>
      </c>
      <c r="AI2398">
        <v>0</v>
      </c>
      <c r="AJ2398">
        <v>96</v>
      </c>
      <c r="AK2398" t="s">
        <v>4</v>
      </c>
      <c r="AL2398">
        <v>0</v>
      </c>
      <c r="AM2398">
        <v>0</v>
      </c>
      <c r="AN2398">
        <v>0</v>
      </c>
      <c r="AO2398">
        <v>0</v>
      </c>
      <c r="AP2398">
        <v>0</v>
      </c>
      <c r="AQ2398">
        <v>0</v>
      </c>
      <c r="AR2398">
        <v>0</v>
      </c>
      <c r="AS2398">
        <v>0</v>
      </c>
      <c r="AT2398">
        <v>0</v>
      </c>
      <c r="AU2398">
        <v>0</v>
      </c>
      <c r="AV2398">
        <v>0</v>
      </c>
      <c r="AW2398">
        <v>0</v>
      </c>
      <c r="AX2398">
        <v>-390</v>
      </c>
      <c r="AY2398">
        <v>22</v>
      </c>
      <c r="AZ2398">
        <v>32</v>
      </c>
      <c r="BA2398">
        <v>2719</v>
      </c>
    </row>
    <row r="2399" spans="1:53" x14ac:dyDescent="0.4">
      <c r="A2399">
        <v>2443</v>
      </c>
      <c r="B2399" s="1">
        <v>43595</v>
      </c>
      <c r="C2399">
        <v>3</v>
      </c>
      <c r="D2399" s="1">
        <v>43595.73333333333</v>
      </c>
      <c r="E2399" s="1">
        <v>43595.95208333333</v>
      </c>
      <c r="F2399">
        <v>73780</v>
      </c>
      <c r="G2399">
        <v>5100</v>
      </c>
      <c r="H2399">
        <v>0</v>
      </c>
      <c r="I2399">
        <v>0</v>
      </c>
      <c r="J2399">
        <v>0</v>
      </c>
      <c r="K2399">
        <v>0</v>
      </c>
      <c r="L2399">
        <v>0</v>
      </c>
      <c r="M2399">
        <v>6308</v>
      </c>
      <c r="N2399">
        <v>0</v>
      </c>
      <c r="O2399">
        <v>0</v>
      </c>
      <c r="P2399">
        <v>2830</v>
      </c>
      <c r="Q2399">
        <v>0</v>
      </c>
      <c r="R2399">
        <v>88018</v>
      </c>
      <c r="S2399">
        <v>0</v>
      </c>
      <c r="T2399">
        <v>0</v>
      </c>
      <c r="U2399">
        <v>0</v>
      </c>
      <c r="V2399">
        <v>8</v>
      </c>
      <c r="W2399">
        <v>0</v>
      </c>
      <c r="X2399">
        <v>0</v>
      </c>
      <c r="Y2399">
        <v>42</v>
      </c>
      <c r="Z2399">
        <v>22</v>
      </c>
      <c r="AA2399">
        <v>52</v>
      </c>
      <c r="AB2399">
        <v>13</v>
      </c>
      <c r="AC2399">
        <v>175</v>
      </c>
      <c r="AD2399">
        <v>73</v>
      </c>
      <c r="AE2399">
        <v>77</v>
      </c>
      <c r="AF2399">
        <v>14256</v>
      </c>
      <c r="AG2399">
        <v>155298</v>
      </c>
      <c r="AH2399">
        <v>50000</v>
      </c>
      <c r="AI2399">
        <v>0</v>
      </c>
      <c r="AJ2399">
        <v>108</v>
      </c>
      <c r="AK2399" t="s">
        <v>30</v>
      </c>
      <c r="AL2399">
        <v>0</v>
      </c>
      <c r="AM2399">
        <v>0</v>
      </c>
      <c r="AN2399">
        <v>0</v>
      </c>
      <c r="AO2399">
        <v>0</v>
      </c>
      <c r="AP2399">
        <v>0</v>
      </c>
      <c r="AQ2399">
        <v>0</v>
      </c>
      <c r="AR2399">
        <v>0</v>
      </c>
      <c r="AS2399">
        <v>0</v>
      </c>
      <c r="AT2399">
        <v>0</v>
      </c>
      <c r="AU2399">
        <v>0</v>
      </c>
      <c r="AV2399">
        <v>0</v>
      </c>
      <c r="AW2399">
        <v>0</v>
      </c>
      <c r="AX2399">
        <v>33490</v>
      </c>
      <c r="AY2399">
        <v>21</v>
      </c>
      <c r="AZ2399">
        <v>83</v>
      </c>
      <c r="BA2399">
        <v>3113</v>
      </c>
    </row>
    <row r="2400" spans="1:53" x14ac:dyDescent="0.4">
      <c r="A2400">
        <v>2444</v>
      </c>
      <c r="B2400" s="1">
        <v>43596</v>
      </c>
      <c r="C2400">
        <v>1</v>
      </c>
      <c r="D2400" s="1">
        <v>43596.291666666664</v>
      </c>
      <c r="E2400" s="1">
        <v>43596.4</v>
      </c>
      <c r="F2400">
        <v>0</v>
      </c>
      <c r="G2400">
        <v>0</v>
      </c>
      <c r="H2400">
        <v>0</v>
      </c>
      <c r="I2400">
        <v>0</v>
      </c>
      <c r="J2400">
        <v>0</v>
      </c>
      <c r="K2400">
        <v>0</v>
      </c>
      <c r="L2400">
        <v>0</v>
      </c>
      <c r="M2400">
        <v>0</v>
      </c>
      <c r="N2400">
        <v>0</v>
      </c>
      <c r="O2400">
        <v>0</v>
      </c>
      <c r="P2400">
        <v>0</v>
      </c>
      <c r="Q2400">
        <v>0</v>
      </c>
      <c r="R2400">
        <v>0</v>
      </c>
      <c r="S2400">
        <v>0</v>
      </c>
      <c r="T2400">
        <v>0</v>
      </c>
      <c r="U2400">
        <v>0</v>
      </c>
      <c r="V2400">
        <v>0</v>
      </c>
      <c r="W2400">
        <v>0</v>
      </c>
      <c r="X2400">
        <v>0</v>
      </c>
      <c r="Y2400">
        <v>32</v>
      </c>
      <c r="Z2400">
        <v>19</v>
      </c>
      <c r="AA2400">
        <v>65</v>
      </c>
      <c r="AB2400">
        <v>10</v>
      </c>
      <c r="AC2400">
        <v>110</v>
      </c>
      <c r="AD2400">
        <v>70</v>
      </c>
      <c r="AE2400">
        <v>50</v>
      </c>
      <c r="AF2400">
        <v>0</v>
      </c>
      <c r="AG2400">
        <v>50000</v>
      </c>
      <c r="AH2400">
        <v>50000</v>
      </c>
      <c r="AI2400">
        <v>0</v>
      </c>
      <c r="AJ2400">
        <v>0</v>
      </c>
      <c r="AK2400" t="s">
        <v>6</v>
      </c>
      <c r="AL2400">
        <v>0</v>
      </c>
      <c r="AM2400">
        <v>0</v>
      </c>
      <c r="AN2400">
        <v>0</v>
      </c>
      <c r="AO2400">
        <v>0</v>
      </c>
      <c r="AP2400">
        <v>0</v>
      </c>
      <c r="AQ2400">
        <v>0</v>
      </c>
      <c r="AR2400">
        <v>0</v>
      </c>
      <c r="AS2400">
        <v>0</v>
      </c>
      <c r="AT2400">
        <v>0</v>
      </c>
      <c r="AU2400">
        <v>0</v>
      </c>
      <c r="AV2400">
        <v>0</v>
      </c>
      <c r="AW2400">
        <v>0</v>
      </c>
      <c r="AX2400">
        <v>0</v>
      </c>
      <c r="AY2400">
        <v>0</v>
      </c>
      <c r="AZ2400">
        <v>0</v>
      </c>
      <c r="BA2400">
        <v>0</v>
      </c>
    </row>
    <row r="2401" spans="1:53" x14ac:dyDescent="0.4">
      <c r="A2401">
        <v>2445</v>
      </c>
      <c r="B2401" s="1">
        <v>43596</v>
      </c>
      <c r="C2401">
        <v>2</v>
      </c>
      <c r="D2401" s="1">
        <v>43596.4</v>
      </c>
      <c r="E2401" s="1">
        <v>43596.743055555555</v>
      </c>
      <c r="F2401">
        <v>42000</v>
      </c>
      <c r="G2401">
        <v>4560</v>
      </c>
      <c r="H2401">
        <v>0</v>
      </c>
      <c r="I2401">
        <v>0</v>
      </c>
      <c r="J2401">
        <v>0</v>
      </c>
      <c r="K2401">
        <v>0</v>
      </c>
      <c r="L2401">
        <v>0</v>
      </c>
      <c r="M2401">
        <v>3723</v>
      </c>
      <c r="N2401">
        <v>0</v>
      </c>
      <c r="O2401">
        <v>0</v>
      </c>
      <c r="P2401">
        <v>16200</v>
      </c>
      <c r="Q2401">
        <v>0</v>
      </c>
      <c r="R2401">
        <v>66483</v>
      </c>
      <c r="S2401">
        <v>0</v>
      </c>
      <c r="T2401">
        <v>0</v>
      </c>
      <c r="U2401">
        <v>0</v>
      </c>
      <c r="V2401">
        <v>6</v>
      </c>
      <c r="W2401">
        <v>1</v>
      </c>
      <c r="X2401">
        <v>0</v>
      </c>
      <c r="Y2401">
        <v>30</v>
      </c>
      <c r="Z2401">
        <v>27</v>
      </c>
      <c r="AA2401">
        <v>41</v>
      </c>
      <c r="AB2401">
        <v>11</v>
      </c>
      <c r="AC2401">
        <v>178</v>
      </c>
      <c r="AD2401">
        <v>74</v>
      </c>
      <c r="AE2401">
        <v>53</v>
      </c>
      <c r="AF2401">
        <v>1080</v>
      </c>
      <c r="AG2401">
        <v>116433</v>
      </c>
      <c r="AH2401">
        <v>50000</v>
      </c>
      <c r="AI2401">
        <v>-50</v>
      </c>
      <c r="AJ2401">
        <v>93</v>
      </c>
      <c r="AK2401" t="s">
        <v>20</v>
      </c>
      <c r="AL2401">
        <v>0</v>
      </c>
      <c r="AM2401">
        <v>0</v>
      </c>
      <c r="AN2401">
        <v>0</v>
      </c>
      <c r="AO2401">
        <v>0</v>
      </c>
      <c r="AP2401">
        <v>0</v>
      </c>
      <c r="AQ2401">
        <v>0</v>
      </c>
      <c r="AR2401">
        <v>0</v>
      </c>
      <c r="AS2401">
        <v>0</v>
      </c>
      <c r="AT2401">
        <v>0</v>
      </c>
      <c r="AU2401">
        <v>0</v>
      </c>
      <c r="AV2401">
        <v>0</v>
      </c>
      <c r="AW2401">
        <v>0</v>
      </c>
      <c r="AX2401">
        <v>2570</v>
      </c>
      <c r="AY2401">
        <v>50</v>
      </c>
      <c r="AZ2401">
        <v>111</v>
      </c>
      <c r="BA2401">
        <v>7661</v>
      </c>
    </row>
    <row r="2402" spans="1:53" x14ac:dyDescent="0.4">
      <c r="A2402">
        <v>2446</v>
      </c>
      <c r="B2402" s="1">
        <v>43597</v>
      </c>
      <c r="C2402">
        <v>1</v>
      </c>
      <c r="D2402" s="1">
        <v>43597.291666666664</v>
      </c>
      <c r="E2402" s="1">
        <v>43597.406944444447</v>
      </c>
      <c r="F2402">
        <v>0</v>
      </c>
      <c r="G2402">
        <v>0</v>
      </c>
      <c r="H2402">
        <v>0</v>
      </c>
      <c r="I2402">
        <v>0</v>
      </c>
      <c r="J2402">
        <v>0</v>
      </c>
      <c r="K2402">
        <v>0</v>
      </c>
      <c r="L2402">
        <v>0</v>
      </c>
      <c r="M2402">
        <v>0</v>
      </c>
      <c r="N2402">
        <v>0</v>
      </c>
      <c r="O2402">
        <v>0</v>
      </c>
      <c r="P2402">
        <v>0</v>
      </c>
      <c r="Q2402">
        <v>0</v>
      </c>
      <c r="R2402">
        <v>0</v>
      </c>
      <c r="S2402">
        <v>0</v>
      </c>
      <c r="T2402">
        <v>0</v>
      </c>
      <c r="U2402">
        <v>0</v>
      </c>
      <c r="V2402">
        <v>0</v>
      </c>
      <c r="W2402">
        <v>0</v>
      </c>
      <c r="X2402">
        <v>0</v>
      </c>
      <c r="Y2402">
        <v>31</v>
      </c>
      <c r="Z2402">
        <v>18</v>
      </c>
      <c r="AA2402">
        <v>73</v>
      </c>
      <c r="AB2402">
        <v>18</v>
      </c>
      <c r="AC2402">
        <v>139</v>
      </c>
      <c r="AD2402">
        <v>70</v>
      </c>
      <c r="AE2402">
        <v>60</v>
      </c>
      <c r="AF2402">
        <v>0</v>
      </c>
      <c r="AG2402">
        <v>50000</v>
      </c>
      <c r="AH2402">
        <v>50000</v>
      </c>
      <c r="AI2402">
        <v>0</v>
      </c>
      <c r="AJ2402">
        <v>0</v>
      </c>
      <c r="AK2402" t="s">
        <v>6</v>
      </c>
      <c r="AL2402">
        <v>0</v>
      </c>
      <c r="AM2402">
        <v>0</v>
      </c>
      <c r="AN2402">
        <v>0</v>
      </c>
      <c r="AO2402">
        <v>0</v>
      </c>
      <c r="AP2402">
        <v>0</v>
      </c>
      <c r="AQ2402">
        <v>0</v>
      </c>
      <c r="AR2402">
        <v>0</v>
      </c>
      <c r="AS2402">
        <v>0</v>
      </c>
      <c r="AT2402">
        <v>0</v>
      </c>
      <c r="AU2402">
        <v>0</v>
      </c>
      <c r="AV2402">
        <v>0</v>
      </c>
      <c r="AW2402">
        <v>0</v>
      </c>
      <c r="AX2402">
        <v>0</v>
      </c>
      <c r="AY2402">
        <v>0</v>
      </c>
      <c r="AZ2402">
        <v>0</v>
      </c>
      <c r="BA2402">
        <v>0</v>
      </c>
    </row>
    <row r="2403" spans="1:53" x14ac:dyDescent="0.4">
      <c r="A2403">
        <v>2447</v>
      </c>
      <c r="B2403" s="1">
        <v>43597</v>
      </c>
      <c r="C2403">
        <v>2</v>
      </c>
      <c r="D2403" s="1">
        <v>43597.406944444447</v>
      </c>
      <c r="E2403" s="1">
        <v>43597.737500000003</v>
      </c>
      <c r="F2403">
        <v>48750</v>
      </c>
      <c r="G2403">
        <v>1900</v>
      </c>
      <c r="H2403">
        <v>400</v>
      </c>
      <c r="I2403">
        <v>0</v>
      </c>
      <c r="J2403">
        <v>0</v>
      </c>
      <c r="K2403">
        <v>0</v>
      </c>
      <c r="L2403">
        <v>0</v>
      </c>
      <c r="M2403">
        <v>4083</v>
      </c>
      <c r="N2403">
        <v>0</v>
      </c>
      <c r="O2403">
        <v>0</v>
      </c>
      <c r="P2403">
        <v>24840</v>
      </c>
      <c r="Q2403">
        <v>0</v>
      </c>
      <c r="R2403">
        <v>79973</v>
      </c>
      <c r="S2403">
        <v>0</v>
      </c>
      <c r="T2403">
        <v>0</v>
      </c>
      <c r="U2403">
        <v>0</v>
      </c>
      <c r="V2403">
        <v>1</v>
      </c>
      <c r="W2403">
        <v>1</v>
      </c>
      <c r="X2403">
        <v>0</v>
      </c>
      <c r="Y2403">
        <v>79</v>
      </c>
      <c r="Z2403">
        <v>41</v>
      </c>
      <c r="AA2403">
        <v>72</v>
      </c>
      <c r="AB2403">
        <v>30</v>
      </c>
      <c r="AC2403">
        <v>281</v>
      </c>
      <c r="AD2403">
        <v>78</v>
      </c>
      <c r="AE2403">
        <v>63</v>
      </c>
      <c r="AF2403">
        <v>3510</v>
      </c>
      <c r="AG2403">
        <v>129973</v>
      </c>
      <c r="AH2403">
        <v>50000</v>
      </c>
      <c r="AI2403">
        <v>0</v>
      </c>
      <c r="AJ2403">
        <v>97</v>
      </c>
      <c r="AK2403" t="s">
        <v>33</v>
      </c>
      <c r="AL2403">
        <v>0</v>
      </c>
      <c r="AM2403">
        <v>0</v>
      </c>
      <c r="AN2403">
        <v>0</v>
      </c>
      <c r="AO2403">
        <v>0</v>
      </c>
      <c r="AP2403">
        <v>0</v>
      </c>
      <c r="AQ2403">
        <v>0</v>
      </c>
      <c r="AR2403">
        <v>0</v>
      </c>
      <c r="AS2403">
        <v>0</v>
      </c>
      <c r="AT2403">
        <v>0</v>
      </c>
      <c r="AU2403">
        <v>0</v>
      </c>
      <c r="AV2403">
        <v>0</v>
      </c>
      <c r="AW2403">
        <v>0</v>
      </c>
      <c r="AX2403">
        <v>734</v>
      </c>
      <c r="AY2403">
        <v>52</v>
      </c>
      <c r="AZ2403">
        <v>136</v>
      </c>
      <c r="BA2403">
        <v>7847</v>
      </c>
    </row>
    <row r="2404" spans="1:53" x14ac:dyDescent="0.4">
      <c r="A2404">
        <v>2448</v>
      </c>
      <c r="B2404" s="1">
        <v>43597</v>
      </c>
      <c r="C2404">
        <v>3</v>
      </c>
      <c r="D2404" s="1">
        <v>43597.737500000003</v>
      </c>
      <c r="E2404" s="1">
        <v>43597.965277777781</v>
      </c>
      <c r="F2404">
        <v>42200</v>
      </c>
      <c r="G2404">
        <v>2740</v>
      </c>
      <c r="H2404">
        <v>0</v>
      </c>
      <c r="I2404">
        <v>0</v>
      </c>
      <c r="J2404">
        <v>0</v>
      </c>
      <c r="K2404">
        <v>0</v>
      </c>
      <c r="L2404">
        <v>0</v>
      </c>
      <c r="M2404">
        <v>3594</v>
      </c>
      <c r="N2404">
        <v>0</v>
      </c>
      <c r="O2404">
        <v>0</v>
      </c>
      <c r="P2404">
        <v>-20952</v>
      </c>
      <c r="Q2404">
        <v>0</v>
      </c>
      <c r="R2404">
        <v>27582</v>
      </c>
      <c r="S2404">
        <v>0</v>
      </c>
      <c r="T2404">
        <v>0</v>
      </c>
      <c r="U2404">
        <v>0</v>
      </c>
      <c r="V2404">
        <v>1</v>
      </c>
      <c r="W2404">
        <v>3</v>
      </c>
      <c r="X2404">
        <v>0</v>
      </c>
      <c r="Y2404">
        <v>96</v>
      </c>
      <c r="Z2404">
        <v>42</v>
      </c>
      <c r="AA2404">
        <v>71</v>
      </c>
      <c r="AB2404">
        <v>34</v>
      </c>
      <c r="AC2404">
        <v>277</v>
      </c>
      <c r="AD2404">
        <v>82</v>
      </c>
      <c r="AE2404">
        <v>65</v>
      </c>
      <c r="AF2404">
        <v>3510</v>
      </c>
      <c r="AG2404">
        <v>157555</v>
      </c>
      <c r="AH2404">
        <v>50000</v>
      </c>
      <c r="AI2404">
        <v>0</v>
      </c>
      <c r="AJ2404">
        <v>98</v>
      </c>
      <c r="AK2404" t="s">
        <v>35</v>
      </c>
      <c r="AL2404">
        <v>0</v>
      </c>
      <c r="AM2404">
        <v>0</v>
      </c>
      <c r="AN2404">
        <v>0</v>
      </c>
      <c r="AO2404">
        <v>0</v>
      </c>
      <c r="AP2404">
        <v>0</v>
      </c>
      <c r="AQ2404">
        <v>0</v>
      </c>
      <c r="AR2404">
        <v>0</v>
      </c>
      <c r="AS2404">
        <v>0</v>
      </c>
      <c r="AT2404">
        <v>0</v>
      </c>
      <c r="AU2404">
        <v>0</v>
      </c>
      <c r="AV2404">
        <v>0</v>
      </c>
      <c r="AW2404">
        <v>0</v>
      </c>
      <c r="AX2404">
        <v>7128</v>
      </c>
      <c r="AY2404">
        <v>12</v>
      </c>
      <c r="AZ2404">
        <v>24</v>
      </c>
      <c r="BA2404">
        <v>2621</v>
      </c>
    </row>
    <row r="2405" spans="1:53" x14ac:dyDescent="0.4">
      <c r="A2405">
        <v>2449</v>
      </c>
      <c r="B2405" s="1">
        <v>43597</v>
      </c>
      <c r="C2405">
        <v>4</v>
      </c>
      <c r="D2405" s="1">
        <v>43597.965277777781</v>
      </c>
      <c r="E2405" s="1">
        <v>43598.079861111109</v>
      </c>
      <c r="F2405">
        <v>13360</v>
      </c>
      <c r="G2405">
        <v>600</v>
      </c>
      <c r="H2405">
        <v>0</v>
      </c>
      <c r="I2405">
        <v>0</v>
      </c>
      <c r="J2405">
        <v>0</v>
      </c>
      <c r="K2405">
        <v>0</v>
      </c>
      <c r="L2405">
        <v>0</v>
      </c>
      <c r="M2405">
        <v>1117</v>
      </c>
      <c r="N2405">
        <v>0</v>
      </c>
      <c r="O2405">
        <v>0</v>
      </c>
      <c r="P2405">
        <v>-3888</v>
      </c>
      <c r="Q2405">
        <v>0</v>
      </c>
      <c r="R2405">
        <v>11189</v>
      </c>
      <c r="S2405">
        <v>0</v>
      </c>
      <c r="T2405">
        <v>0</v>
      </c>
      <c r="U2405">
        <v>0</v>
      </c>
      <c r="V2405">
        <v>1</v>
      </c>
      <c r="W2405">
        <v>4</v>
      </c>
      <c r="X2405">
        <v>0</v>
      </c>
      <c r="Y2405">
        <v>102</v>
      </c>
      <c r="Z2405">
        <v>43</v>
      </c>
      <c r="AA2405">
        <v>68</v>
      </c>
      <c r="AB2405">
        <v>34</v>
      </c>
      <c r="AC2405">
        <v>276</v>
      </c>
      <c r="AD2405">
        <v>82</v>
      </c>
      <c r="AE2405">
        <v>64</v>
      </c>
      <c r="AF2405">
        <v>3510</v>
      </c>
      <c r="AG2405">
        <v>168744</v>
      </c>
      <c r="AH2405">
        <v>50000</v>
      </c>
      <c r="AI2405">
        <v>0</v>
      </c>
      <c r="AJ2405">
        <v>108</v>
      </c>
      <c r="AK2405" t="s">
        <v>30</v>
      </c>
      <c r="AL2405">
        <v>0</v>
      </c>
      <c r="AM2405">
        <v>0</v>
      </c>
      <c r="AN2405">
        <v>0</v>
      </c>
      <c r="AO2405">
        <v>0</v>
      </c>
      <c r="AP2405">
        <v>0</v>
      </c>
      <c r="AQ2405">
        <v>0</v>
      </c>
      <c r="AR2405">
        <v>0</v>
      </c>
      <c r="AS2405">
        <v>0</v>
      </c>
      <c r="AT2405">
        <v>0</v>
      </c>
      <c r="AU2405">
        <v>0</v>
      </c>
      <c r="AV2405">
        <v>0</v>
      </c>
      <c r="AW2405">
        <v>0</v>
      </c>
      <c r="AX2405">
        <v>0</v>
      </c>
      <c r="AY2405">
        <v>1</v>
      </c>
      <c r="AZ2405">
        <v>2</v>
      </c>
      <c r="BA2405">
        <v>220</v>
      </c>
    </row>
    <row r="2406" spans="1:53" x14ac:dyDescent="0.4">
      <c r="A2406">
        <v>2450</v>
      </c>
      <c r="B2406" s="1">
        <v>43598</v>
      </c>
      <c r="C2406">
        <v>1</v>
      </c>
      <c r="D2406" s="1">
        <v>43598.291666666664</v>
      </c>
      <c r="E2406" s="1">
        <v>43598.453472222223</v>
      </c>
      <c r="F2406">
        <v>0</v>
      </c>
      <c r="G2406">
        <v>0</v>
      </c>
      <c r="H2406">
        <v>0</v>
      </c>
      <c r="I2406">
        <v>0</v>
      </c>
      <c r="J2406">
        <v>0</v>
      </c>
      <c r="K2406">
        <v>0</v>
      </c>
      <c r="L2406">
        <v>0</v>
      </c>
      <c r="M2406">
        <v>0</v>
      </c>
      <c r="N2406">
        <v>0</v>
      </c>
      <c r="O2406">
        <v>0</v>
      </c>
      <c r="P2406">
        <v>0</v>
      </c>
      <c r="Q2406">
        <v>0</v>
      </c>
      <c r="R2406">
        <v>0</v>
      </c>
      <c r="S2406">
        <v>0</v>
      </c>
      <c r="T2406">
        <v>0</v>
      </c>
      <c r="U2406">
        <v>0</v>
      </c>
      <c r="V2406">
        <v>0</v>
      </c>
      <c r="W2406">
        <v>0</v>
      </c>
      <c r="X2406">
        <v>0</v>
      </c>
      <c r="Y2406">
        <v>38</v>
      </c>
      <c r="Z2406">
        <v>13</v>
      </c>
      <c r="AA2406">
        <v>23</v>
      </c>
      <c r="AB2406">
        <v>34</v>
      </c>
      <c r="AC2406">
        <v>103</v>
      </c>
      <c r="AD2406">
        <v>81</v>
      </c>
      <c r="AE2406">
        <v>65</v>
      </c>
      <c r="AF2406">
        <v>0</v>
      </c>
      <c r="AG2406">
        <v>50000</v>
      </c>
      <c r="AH2406">
        <v>0</v>
      </c>
      <c r="AI2406">
        <v>50000</v>
      </c>
      <c r="AJ2406">
        <v>0</v>
      </c>
      <c r="AK2406" t="s">
        <v>6</v>
      </c>
      <c r="AL2406">
        <v>0</v>
      </c>
      <c r="AM2406">
        <v>0</v>
      </c>
      <c r="AN2406">
        <v>0</v>
      </c>
      <c r="AO2406">
        <v>0</v>
      </c>
      <c r="AP2406">
        <v>0</v>
      </c>
      <c r="AQ2406">
        <v>0</v>
      </c>
      <c r="AR2406">
        <v>0</v>
      </c>
      <c r="AS2406">
        <v>0</v>
      </c>
      <c r="AT2406">
        <v>0</v>
      </c>
      <c r="AU2406">
        <v>0</v>
      </c>
      <c r="AV2406">
        <v>0</v>
      </c>
      <c r="AW2406">
        <v>0</v>
      </c>
      <c r="AX2406">
        <v>0</v>
      </c>
      <c r="AY2406">
        <v>0</v>
      </c>
      <c r="AZ2406">
        <v>0</v>
      </c>
      <c r="BA2406">
        <v>0</v>
      </c>
    </row>
    <row r="2407" spans="1:53" x14ac:dyDescent="0.4">
      <c r="A2407">
        <v>2451</v>
      </c>
      <c r="B2407" s="1">
        <v>43598</v>
      </c>
      <c r="C2407">
        <v>2</v>
      </c>
      <c r="D2407" s="1">
        <v>43598.453472222223</v>
      </c>
      <c r="E2407" s="1">
        <v>43598.744444444441</v>
      </c>
      <c r="F2407">
        <v>17750</v>
      </c>
      <c r="G2407">
        <v>2520</v>
      </c>
      <c r="H2407">
        <v>200</v>
      </c>
      <c r="I2407">
        <v>0</v>
      </c>
      <c r="J2407">
        <v>0</v>
      </c>
      <c r="K2407">
        <v>0</v>
      </c>
      <c r="L2407">
        <v>0</v>
      </c>
      <c r="M2407">
        <v>1637</v>
      </c>
      <c r="N2407">
        <v>0</v>
      </c>
      <c r="O2407">
        <v>0</v>
      </c>
      <c r="P2407">
        <v>18360</v>
      </c>
      <c r="Q2407">
        <v>0</v>
      </c>
      <c r="R2407">
        <v>40467</v>
      </c>
      <c r="S2407">
        <v>0</v>
      </c>
      <c r="T2407">
        <v>0</v>
      </c>
      <c r="U2407">
        <v>0</v>
      </c>
      <c r="V2407">
        <v>1</v>
      </c>
      <c r="W2407">
        <v>2</v>
      </c>
      <c r="X2407">
        <v>0</v>
      </c>
      <c r="Y2407">
        <v>53</v>
      </c>
      <c r="Z2407">
        <v>21</v>
      </c>
      <c r="AA2407">
        <v>37</v>
      </c>
      <c r="AB2407">
        <v>20</v>
      </c>
      <c r="AC2407">
        <v>176</v>
      </c>
      <c r="AD2407">
        <v>87</v>
      </c>
      <c r="AE2407">
        <v>72</v>
      </c>
      <c r="AF2407">
        <v>0</v>
      </c>
      <c r="AG2407">
        <v>90467</v>
      </c>
      <c r="AH2407">
        <v>50000</v>
      </c>
      <c r="AI2407">
        <v>0</v>
      </c>
      <c r="AJ2407">
        <v>96</v>
      </c>
      <c r="AK2407" t="s">
        <v>4</v>
      </c>
      <c r="AL2407">
        <v>0</v>
      </c>
      <c r="AM2407">
        <v>0</v>
      </c>
      <c r="AN2407">
        <v>0</v>
      </c>
      <c r="AO2407">
        <v>0</v>
      </c>
      <c r="AP2407">
        <v>0</v>
      </c>
      <c r="AQ2407">
        <v>0</v>
      </c>
      <c r="AR2407">
        <v>0</v>
      </c>
      <c r="AS2407">
        <v>0</v>
      </c>
      <c r="AT2407">
        <v>0</v>
      </c>
      <c r="AU2407">
        <v>0</v>
      </c>
      <c r="AV2407">
        <v>0</v>
      </c>
      <c r="AW2407">
        <v>0</v>
      </c>
      <c r="AX2407">
        <v>-3780</v>
      </c>
      <c r="AY2407">
        <v>42</v>
      </c>
      <c r="AZ2407">
        <v>69</v>
      </c>
      <c r="BA2407">
        <v>5062</v>
      </c>
    </row>
    <row r="2408" spans="1:53" x14ac:dyDescent="0.4">
      <c r="A2408">
        <v>2452</v>
      </c>
      <c r="B2408" s="1">
        <v>43598</v>
      </c>
      <c r="C2408">
        <v>3</v>
      </c>
      <c r="D2408" s="1">
        <v>43598.744444444441</v>
      </c>
      <c r="E2408" s="1">
        <v>43598.958333333336</v>
      </c>
      <c r="F2408">
        <v>19500</v>
      </c>
      <c r="G2408">
        <v>680</v>
      </c>
      <c r="H2408">
        <v>0</v>
      </c>
      <c r="I2408">
        <v>0</v>
      </c>
      <c r="J2408">
        <v>0</v>
      </c>
      <c r="K2408">
        <v>0</v>
      </c>
      <c r="L2408">
        <v>0</v>
      </c>
      <c r="M2408">
        <v>1614</v>
      </c>
      <c r="N2408">
        <v>0</v>
      </c>
      <c r="O2408">
        <v>0</v>
      </c>
      <c r="P2408">
        <v>-18360</v>
      </c>
      <c r="Q2408">
        <v>0</v>
      </c>
      <c r="R2408">
        <v>3434</v>
      </c>
      <c r="S2408">
        <v>0</v>
      </c>
      <c r="T2408">
        <v>0</v>
      </c>
      <c r="U2408">
        <v>0</v>
      </c>
      <c r="V2408">
        <v>1</v>
      </c>
      <c r="W2408">
        <v>2</v>
      </c>
      <c r="X2408">
        <v>0</v>
      </c>
      <c r="Y2408">
        <v>56</v>
      </c>
      <c r="Z2408">
        <v>21</v>
      </c>
      <c r="AA2408">
        <v>42</v>
      </c>
      <c r="AB2408">
        <v>19</v>
      </c>
      <c r="AC2408">
        <v>175</v>
      </c>
      <c r="AD2408">
        <v>86</v>
      </c>
      <c r="AE2408">
        <v>71</v>
      </c>
      <c r="AF2408">
        <v>0</v>
      </c>
      <c r="AG2408">
        <v>93901</v>
      </c>
      <c r="AH2408">
        <v>50000</v>
      </c>
      <c r="AI2408">
        <v>0</v>
      </c>
      <c r="AJ2408">
        <v>70</v>
      </c>
      <c r="AK2408" t="s">
        <v>36</v>
      </c>
      <c r="AL2408">
        <v>0</v>
      </c>
      <c r="AM2408">
        <v>0</v>
      </c>
      <c r="AN2408">
        <v>0</v>
      </c>
      <c r="AO2408">
        <v>0</v>
      </c>
      <c r="AP2408">
        <v>0</v>
      </c>
      <c r="AQ2408">
        <v>0</v>
      </c>
      <c r="AR2408">
        <v>0</v>
      </c>
      <c r="AS2408">
        <v>0</v>
      </c>
      <c r="AT2408">
        <v>0</v>
      </c>
      <c r="AU2408">
        <v>0</v>
      </c>
      <c r="AV2408">
        <v>0</v>
      </c>
      <c r="AW2408">
        <v>0</v>
      </c>
      <c r="AX2408">
        <v>0</v>
      </c>
      <c r="AY2408">
        <v>2</v>
      </c>
      <c r="AZ2408">
        <v>4</v>
      </c>
      <c r="BA2408">
        <v>2069</v>
      </c>
    </row>
    <row r="2409" spans="1:53" x14ac:dyDescent="0.4">
      <c r="A2409">
        <v>2453</v>
      </c>
      <c r="B2409" s="1">
        <v>43599</v>
      </c>
      <c r="C2409">
        <v>1</v>
      </c>
      <c r="D2409" s="1">
        <v>43599.291666666664</v>
      </c>
      <c r="E2409" s="1">
        <v>43599.443055555559</v>
      </c>
      <c r="F2409">
        <v>0</v>
      </c>
      <c r="G2409">
        <v>0</v>
      </c>
      <c r="H2409">
        <v>0</v>
      </c>
      <c r="I2409">
        <v>0</v>
      </c>
      <c r="J2409">
        <v>0</v>
      </c>
      <c r="K2409">
        <v>0</v>
      </c>
      <c r="L2409">
        <v>0</v>
      </c>
      <c r="M2409">
        <v>0</v>
      </c>
      <c r="N2409">
        <v>0</v>
      </c>
      <c r="O2409">
        <v>0</v>
      </c>
      <c r="P2409">
        <v>0</v>
      </c>
      <c r="Q2409">
        <v>0</v>
      </c>
      <c r="R2409">
        <v>0</v>
      </c>
      <c r="S2409">
        <v>0</v>
      </c>
      <c r="T2409">
        <v>0</v>
      </c>
      <c r="U2409">
        <v>0</v>
      </c>
      <c r="V2409">
        <v>0</v>
      </c>
      <c r="W2409">
        <v>1</v>
      </c>
      <c r="X2409">
        <v>0</v>
      </c>
      <c r="Y2409">
        <v>36</v>
      </c>
      <c r="Z2409">
        <v>9</v>
      </c>
      <c r="AA2409">
        <v>25</v>
      </c>
      <c r="AB2409">
        <v>17</v>
      </c>
      <c r="AC2409">
        <v>77</v>
      </c>
      <c r="AD2409">
        <v>64</v>
      </c>
      <c r="AE2409">
        <v>60</v>
      </c>
      <c r="AF2409">
        <v>0</v>
      </c>
      <c r="AG2409">
        <v>50000</v>
      </c>
      <c r="AH2409">
        <v>50000</v>
      </c>
      <c r="AI2409">
        <v>0</v>
      </c>
      <c r="AJ2409">
        <v>0</v>
      </c>
      <c r="AK2409" t="s">
        <v>6</v>
      </c>
      <c r="AL2409">
        <v>0</v>
      </c>
      <c r="AM2409">
        <v>0</v>
      </c>
      <c r="AN2409">
        <v>0</v>
      </c>
      <c r="AO2409">
        <v>0</v>
      </c>
      <c r="AP2409">
        <v>0</v>
      </c>
      <c r="AQ2409">
        <v>0</v>
      </c>
      <c r="AR2409">
        <v>0</v>
      </c>
      <c r="AS2409">
        <v>0</v>
      </c>
      <c r="AT2409">
        <v>0</v>
      </c>
      <c r="AU2409">
        <v>0</v>
      </c>
      <c r="AV2409">
        <v>0</v>
      </c>
      <c r="AW2409">
        <v>0</v>
      </c>
      <c r="AX2409">
        <v>0</v>
      </c>
      <c r="AY2409">
        <v>0</v>
      </c>
      <c r="AZ2409">
        <v>0</v>
      </c>
      <c r="BA2409">
        <v>0</v>
      </c>
    </row>
    <row r="2410" spans="1:53" x14ac:dyDescent="0.4">
      <c r="A2410">
        <v>2454</v>
      </c>
      <c r="B2410" s="1">
        <v>43599</v>
      </c>
      <c r="C2410">
        <v>2</v>
      </c>
      <c r="D2410" s="1">
        <v>43599.443055555559</v>
      </c>
      <c r="E2410" s="1">
        <v>43599.732638888891</v>
      </c>
      <c r="F2410">
        <v>13000</v>
      </c>
      <c r="G2410">
        <v>680</v>
      </c>
      <c r="H2410">
        <v>0</v>
      </c>
      <c r="I2410">
        <v>0</v>
      </c>
      <c r="J2410">
        <v>0</v>
      </c>
      <c r="K2410">
        <v>0</v>
      </c>
      <c r="L2410">
        <v>0</v>
      </c>
      <c r="M2410">
        <v>1094</v>
      </c>
      <c r="N2410">
        <v>0</v>
      </c>
      <c r="O2410">
        <v>0</v>
      </c>
      <c r="P2410">
        <v>4860</v>
      </c>
      <c r="Q2410">
        <v>0</v>
      </c>
      <c r="R2410">
        <v>19634</v>
      </c>
      <c r="S2410">
        <v>0</v>
      </c>
      <c r="T2410">
        <v>0</v>
      </c>
      <c r="U2410">
        <v>0</v>
      </c>
      <c r="V2410">
        <v>1</v>
      </c>
      <c r="W2410">
        <v>1</v>
      </c>
      <c r="X2410">
        <v>0</v>
      </c>
      <c r="Y2410">
        <v>44</v>
      </c>
      <c r="Z2410">
        <v>12</v>
      </c>
      <c r="AA2410">
        <v>22</v>
      </c>
      <c r="AB2410">
        <v>17</v>
      </c>
      <c r="AC2410">
        <v>120</v>
      </c>
      <c r="AD2410">
        <v>64</v>
      </c>
      <c r="AE2410">
        <v>64</v>
      </c>
      <c r="AF2410">
        <v>0</v>
      </c>
      <c r="AG2410">
        <v>69634</v>
      </c>
      <c r="AH2410">
        <v>50000</v>
      </c>
      <c r="AI2410">
        <v>0</v>
      </c>
      <c r="AJ2410">
        <v>97</v>
      </c>
      <c r="AK2410" t="s">
        <v>33</v>
      </c>
      <c r="AL2410">
        <v>0</v>
      </c>
      <c r="AM2410">
        <v>0</v>
      </c>
      <c r="AN2410">
        <v>0</v>
      </c>
      <c r="AO2410">
        <v>0</v>
      </c>
      <c r="AP2410">
        <v>0</v>
      </c>
      <c r="AQ2410">
        <v>0</v>
      </c>
      <c r="AR2410">
        <v>0</v>
      </c>
      <c r="AS2410">
        <v>0</v>
      </c>
      <c r="AT2410">
        <v>0</v>
      </c>
      <c r="AU2410">
        <v>0</v>
      </c>
      <c r="AV2410">
        <v>0</v>
      </c>
      <c r="AW2410">
        <v>0</v>
      </c>
      <c r="AX2410">
        <v>0</v>
      </c>
      <c r="AY2410">
        <v>21</v>
      </c>
      <c r="AZ2410">
        <v>33</v>
      </c>
      <c r="BA2410">
        <v>3006</v>
      </c>
    </row>
    <row r="2411" spans="1:53" x14ac:dyDescent="0.4">
      <c r="A2411">
        <v>2455</v>
      </c>
      <c r="B2411" s="1">
        <v>43599</v>
      </c>
      <c r="C2411">
        <v>3</v>
      </c>
      <c r="D2411" s="1">
        <v>43599.732638888891</v>
      </c>
      <c r="E2411" s="1">
        <v>43599.95416666667</v>
      </c>
      <c r="F2411">
        <v>9260</v>
      </c>
      <c r="G2411">
        <v>0</v>
      </c>
      <c r="H2411">
        <v>0</v>
      </c>
      <c r="I2411">
        <v>0</v>
      </c>
      <c r="J2411">
        <v>0</v>
      </c>
      <c r="K2411">
        <v>0</v>
      </c>
      <c r="L2411">
        <v>0</v>
      </c>
      <c r="M2411">
        <v>741</v>
      </c>
      <c r="N2411">
        <v>0</v>
      </c>
      <c r="O2411">
        <v>0</v>
      </c>
      <c r="P2411">
        <v>-2700</v>
      </c>
      <c r="Q2411">
        <v>0</v>
      </c>
      <c r="R2411">
        <v>7301</v>
      </c>
      <c r="S2411">
        <v>0</v>
      </c>
      <c r="T2411">
        <v>0</v>
      </c>
      <c r="U2411">
        <v>0</v>
      </c>
      <c r="V2411">
        <v>3</v>
      </c>
      <c r="W2411">
        <v>0</v>
      </c>
      <c r="X2411">
        <v>0</v>
      </c>
      <c r="Y2411">
        <v>34</v>
      </c>
      <c r="Z2411">
        <v>12</v>
      </c>
      <c r="AA2411">
        <v>24</v>
      </c>
      <c r="AB2411">
        <v>20</v>
      </c>
      <c r="AC2411">
        <v>124</v>
      </c>
      <c r="AD2411">
        <v>66</v>
      </c>
      <c r="AE2411">
        <v>64</v>
      </c>
      <c r="AF2411">
        <v>1901</v>
      </c>
      <c r="AG2411">
        <v>76935</v>
      </c>
      <c r="AH2411">
        <v>50000</v>
      </c>
      <c r="AI2411">
        <v>0</v>
      </c>
      <c r="AJ2411">
        <v>84</v>
      </c>
      <c r="AK2411" t="s">
        <v>16</v>
      </c>
      <c r="AL2411">
        <v>0</v>
      </c>
      <c r="AM2411">
        <v>0</v>
      </c>
      <c r="AN2411">
        <v>0</v>
      </c>
      <c r="AO2411">
        <v>0</v>
      </c>
      <c r="AP2411">
        <v>0</v>
      </c>
      <c r="AQ2411">
        <v>0</v>
      </c>
      <c r="AR2411">
        <v>0</v>
      </c>
      <c r="AS2411">
        <v>0</v>
      </c>
      <c r="AT2411">
        <v>0</v>
      </c>
      <c r="AU2411">
        <v>0</v>
      </c>
      <c r="AV2411">
        <v>0</v>
      </c>
      <c r="AW2411">
        <v>0</v>
      </c>
      <c r="AX2411">
        <v>14580</v>
      </c>
      <c r="AY2411">
        <v>6</v>
      </c>
      <c r="AZ2411">
        <v>16</v>
      </c>
      <c r="BA2411">
        <v>1044</v>
      </c>
    </row>
    <row r="2412" spans="1:53" x14ac:dyDescent="0.4">
      <c r="A2412">
        <v>2456</v>
      </c>
      <c r="B2412" s="1">
        <v>43600</v>
      </c>
      <c r="C2412">
        <v>1</v>
      </c>
      <c r="D2412" s="1">
        <v>43600.291666666664</v>
      </c>
      <c r="E2412" s="1">
        <v>43600.447916666664</v>
      </c>
      <c r="F2412">
        <v>0</v>
      </c>
      <c r="G2412">
        <v>0</v>
      </c>
      <c r="H2412">
        <v>0</v>
      </c>
      <c r="I2412">
        <v>0</v>
      </c>
      <c r="J2412">
        <v>0</v>
      </c>
      <c r="K2412">
        <v>0</v>
      </c>
      <c r="L2412">
        <v>0</v>
      </c>
      <c r="M2412">
        <v>0</v>
      </c>
      <c r="N2412">
        <v>0</v>
      </c>
      <c r="O2412">
        <v>0</v>
      </c>
      <c r="P2412">
        <v>0</v>
      </c>
      <c r="Q2412">
        <v>0</v>
      </c>
      <c r="R2412">
        <v>0</v>
      </c>
      <c r="S2412">
        <v>0</v>
      </c>
      <c r="T2412">
        <v>0</v>
      </c>
      <c r="U2412">
        <v>0</v>
      </c>
      <c r="V2412">
        <v>1</v>
      </c>
      <c r="W2412">
        <v>0</v>
      </c>
      <c r="X2412">
        <v>0</v>
      </c>
      <c r="Y2412">
        <v>33</v>
      </c>
      <c r="Z2412">
        <v>6</v>
      </c>
      <c r="AA2412">
        <v>20</v>
      </c>
      <c r="AB2412">
        <v>19</v>
      </c>
      <c r="AC2412">
        <v>66</v>
      </c>
      <c r="AD2412">
        <v>66</v>
      </c>
      <c r="AE2412">
        <v>60</v>
      </c>
      <c r="AF2412">
        <v>0</v>
      </c>
      <c r="AG2412">
        <v>50000</v>
      </c>
      <c r="AH2412">
        <v>0</v>
      </c>
      <c r="AI2412">
        <v>50000</v>
      </c>
      <c r="AJ2412">
        <v>0</v>
      </c>
      <c r="AK2412" t="s">
        <v>6</v>
      </c>
      <c r="AL2412">
        <v>0</v>
      </c>
      <c r="AM2412">
        <v>0</v>
      </c>
      <c r="AN2412">
        <v>0</v>
      </c>
      <c r="AO2412">
        <v>0</v>
      </c>
      <c r="AP2412">
        <v>0</v>
      </c>
      <c r="AQ2412">
        <v>0</v>
      </c>
      <c r="AR2412">
        <v>0</v>
      </c>
      <c r="AS2412">
        <v>0</v>
      </c>
      <c r="AT2412">
        <v>0</v>
      </c>
      <c r="AU2412">
        <v>0</v>
      </c>
      <c r="AV2412">
        <v>0</v>
      </c>
      <c r="AW2412">
        <v>0</v>
      </c>
      <c r="AX2412">
        <v>0</v>
      </c>
      <c r="AY2412">
        <v>0</v>
      </c>
      <c r="AZ2412">
        <v>0</v>
      </c>
      <c r="BA2412">
        <v>0</v>
      </c>
    </row>
    <row r="2413" spans="1:53" x14ac:dyDescent="0.4">
      <c r="A2413">
        <v>2457</v>
      </c>
      <c r="B2413" s="1">
        <v>43600</v>
      </c>
      <c r="C2413">
        <v>2</v>
      </c>
      <c r="D2413" s="1">
        <v>43600.447916666664</v>
      </c>
      <c r="E2413" s="1">
        <v>43600.724305555559</v>
      </c>
      <c r="F2413">
        <v>15500</v>
      </c>
      <c r="G2413">
        <v>4050</v>
      </c>
      <c r="H2413">
        <v>200</v>
      </c>
      <c r="I2413">
        <v>0</v>
      </c>
      <c r="J2413">
        <v>0</v>
      </c>
      <c r="K2413">
        <v>0</v>
      </c>
      <c r="L2413">
        <v>0</v>
      </c>
      <c r="M2413">
        <v>1580</v>
      </c>
      <c r="N2413">
        <v>0</v>
      </c>
      <c r="O2413">
        <v>0</v>
      </c>
      <c r="P2413">
        <v>16740</v>
      </c>
      <c r="Q2413">
        <v>0</v>
      </c>
      <c r="R2413">
        <v>38070</v>
      </c>
      <c r="S2413">
        <v>0</v>
      </c>
      <c r="T2413">
        <v>0</v>
      </c>
      <c r="U2413">
        <v>0</v>
      </c>
      <c r="V2413">
        <v>3</v>
      </c>
      <c r="W2413">
        <v>2</v>
      </c>
      <c r="X2413">
        <v>0</v>
      </c>
      <c r="Y2413">
        <v>38</v>
      </c>
      <c r="Z2413">
        <v>14</v>
      </c>
      <c r="AA2413">
        <v>5</v>
      </c>
      <c r="AB2413">
        <v>23</v>
      </c>
      <c r="AC2413">
        <v>102</v>
      </c>
      <c r="AD2413">
        <v>67</v>
      </c>
      <c r="AE2413">
        <v>65</v>
      </c>
      <c r="AF2413">
        <v>0</v>
      </c>
      <c r="AG2413">
        <v>88070</v>
      </c>
      <c r="AH2413">
        <v>50000</v>
      </c>
      <c r="AI2413">
        <v>0</v>
      </c>
      <c r="AJ2413">
        <v>96</v>
      </c>
      <c r="AK2413" t="s">
        <v>4</v>
      </c>
      <c r="AL2413">
        <v>0</v>
      </c>
      <c r="AM2413">
        <v>0</v>
      </c>
      <c r="AN2413">
        <v>0</v>
      </c>
      <c r="AO2413">
        <v>0</v>
      </c>
      <c r="AP2413">
        <v>0</v>
      </c>
      <c r="AQ2413">
        <v>0</v>
      </c>
      <c r="AR2413">
        <v>0</v>
      </c>
      <c r="AS2413">
        <v>0</v>
      </c>
      <c r="AT2413">
        <v>0</v>
      </c>
      <c r="AU2413">
        <v>0</v>
      </c>
      <c r="AV2413">
        <v>0</v>
      </c>
      <c r="AW2413">
        <v>0</v>
      </c>
      <c r="AX2413">
        <v>-2160</v>
      </c>
      <c r="AY2413">
        <v>39</v>
      </c>
      <c r="AZ2413">
        <v>62</v>
      </c>
      <c r="BA2413">
        <v>4864</v>
      </c>
    </row>
    <row r="2414" spans="1:53" x14ac:dyDescent="0.4">
      <c r="A2414">
        <v>2458</v>
      </c>
      <c r="B2414" s="1">
        <v>43600</v>
      </c>
      <c r="C2414">
        <v>3</v>
      </c>
      <c r="D2414" s="1">
        <v>43600.724305555559</v>
      </c>
      <c r="E2414" s="1">
        <v>43600.956944444442</v>
      </c>
      <c r="F2414">
        <v>27500</v>
      </c>
      <c r="G2414">
        <v>1420</v>
      </c>
      <c r="H2414">
        <v>0</v>
      </c>
      <c r="I2414">
        <v>0</v>
      </c>
      <c r="J2414">
        <v>0</v>
      </c>
      <c r="K2414">
        <v>0</v>
      </c>
      <c r="L2414">
        <v>0</v>
      </c>
      <c r="M2414">
        <v>2314</v>
      </c>
      <c r="N2414">
        <v>0</v>
      </c>
      <c r="O2414">
        <v>0</v>
      </c>
      <c r="P2414">
        <v>-2484</v>
      </c>
      <c r="Q2414">
        <v>0</v>
      </c>
      <c r="R2414">
        <v>28750</v>
      </c>
      <c r="S2414">
        <v>0</v>
      </c>
      <c r="T2414">
        <v>0</v>
      </c>
      <c r="U2414">
        <v>0</v>
      </c>
      <c r="V2414">
        <v>5</v>
      </c>
      <c r="W2414">
        <v>1</v>
      </c>
      <c r="X2414">
        <v>0</v>
      </c>
      <c r="Y2414">
        <v>44</v>
      </c>
      <c r="Z2414">
        <v>20</v>
      </c>
      <c r="AA2414">
        <v>47</v>
      </c>
      <c r="AB2414">
        <v>8</v>
      </c>
      <c r="AC2414">
        <v>88</v>
      </c>
      <c r="AD2414">
        <v>65</v>
      </c>
      <c r="AE2414">
        <v>116</v>
      </c>
      <c r="AF2414">
        <v>1399</v>
      </c>
      <c r="AG2414">
        <v>116820</v>
      </c>
      <c r="AH2414">
        <v>50000</v>
      </c>
      <c r="AI2414">
        <v>0</v>
      </c>
      <c r="AJ2414">
        <v>108</v>
      </c>
      <c r="AK2414" t="s">
        <v>30</v>
      </c>
      <c r="AL2414">
        <v>0</v>
      </c>
      <c r="AM2414">
        <v>0</v>
      </c>
      <c r="AN2414">
        <v>0</v>
      </c>
      <c r="AO2414">
        <v>0</v>
      </c>
      <c r="AP2414">
        <v>0</v>
      </c>
      <c r="AQ2414">
        <v>0</v>
      </c>
      <c r="AR2414">
        <v>0</v>
      </c>
      <c r="AS2414">
        <v>0</v>
      </c>
      <c r="AT2414">
        <v>0</v>
      </c>
      <c r="AU2414">
        <v>0</v>
      </c>
      <c r="AV2414">
        <v>0</v>
      </c>
      <c r="AW2414">
        <v>0</v>
      </c>
      <c r="AX2414">
        <v>2819</v>
      </c>
      <c r="AY2414">
        <v>7</v>
      </c>
      <c r="AZ2414">
        <v>21</v>
      </c>
      <c r="BA2414">
        <v>2274</v>
      </c>
    </row>
    <row r="2415" spans="1:53" x14ac:dyDescent="0.4">
      <c r="A2415">
        <v>2459</v>
      </c>
      <c r="B2415" s="1">
        <v>43600</v>
      </c>
      <c r="C2415">
        <v>4</v>
      </c>
      <c r="D2415" s="1">
        <v>43600.956944444442</v>
      </c>
      <c r="E2415" s="1">
        <v>43601.095138888886</v>
      </c>
      <c r="F2415">
        <v>14200</v>
      </c>
      <c r="G2415">
        <v>1610</v>
      </c>
      <c r="H2415">
        <v>0</v>
      </c>
      <c r="I2415">
        <v>0</v>
      </c>
      <c r="J2415">
        <v>0</v>
      </c>
      <c r="K2415">
        <v>0</v>
      </c>
      <c r="L2415">
        <v>0</v>
      </c>
      <c r="M2415">
        <v>1265</v>
      </c>
      <c r="N2415">
        <v>0</v>
      </c>
      <c r="O2415">
        <v>0</v>
      </c>
      <c r="P2415">
        <v>-9504</v>
      </c>
      <c r="Q2415">
        <v>0</v>
      </c>
      <c r="R2415">
        <v>7571</v>
      </c>
      <c r="S2415">
        <v>0</v>
      </c>
      <c r="T2415">
        <v>0</v>
      </c>
      <c r="U2415">
        <v>0</v>
      </c>
      <c r="V2415">
        <v>5</v>
      </c>
      <c r="W2415">
        <v>1</v>
      </c>
      <c r="X2415">
        <v>0</v>
      </c>
      <c r="Y2415">
        <v>51</v>
      </c>
      <c r="Z2415">
        <v>20</v>
      </c>
      <c r="AA2415">
        <v>43</v>
      </c>
      <c r="AB2415">
        <v>6</v>
      </c>
      <c r="AC2415">
        <v>87</v>
      </c>
      <c r="AD2415">
        <v>66</v>
      </c>
      <c r="AE2415">
        <v>112</v>
      </c>
      <c r="AF2415">
        <v>2479</v>
      </c>
      <c r="AG2415">
        <v>124391</v>
      </c>
      <c r="AH2415">
        <v>50000</v>
      </c>
      <c r="AI2415">
        <v>0</v>
      </c>
      <c r="AJ2415">
        <v>108</v>
      </c>
      <c r="AK2415" t="s">
        <v>30</v>
      </c>
      <c r="AL2415">
        <v>0</v>
      </c>
      <c r="AM2415">
        <v>0</v>
      </c>
      <c r="AN2415">
        <v>0</v>
      </c>
      <c r="AO2415">
        <v>0</v>
      </c>
      <c r="AP2415">
        <v>0</v>
      </c>
      <c r="AQ2415">
        <v>0</v>
      </c>
      <c r="AR2415">
        <v>0</v>
      </c>
      <c r="AS2415">
        <v>0</v>
      </c>
      <c r="AT2415">
        <v>0</v>
      </c>
      <c r="AU2415">
        <v>0</v>
      </c>
      <c r="AV2415">
        <v>0</v>
      </c>
      <c r="AW2415">
        <v>0</v>
      </c>
      <c r="AX2415">
        <v>691</v>
      </c>
      <c r="AY2415">
        <v>2</v>
      </c>
      <c r="AZ2415">
        <v>4</v>
      </c>
      <c r="BA2415">
        <v>440</v>
      </c>
    </row>
    <row r="2416" spans="1:53" x14ac:dyDescent="0.4">
      <c r="A2416">
        <v>2460</v>
      </c>
      <c r="B2416" s="1">
        <v>43601</v>
      </c>
      <c r="C2416">
        <v>1</v>
      </c>
      <c r="D2416" s="1">
        <v>43601.291666666664</v>
      </c>
      <c r="E2416" s="1">
        <v>43601.454861111109</v>
      </c>
      <c r="F2416">
        <v>0</v>
      </c>
      <c r="G2416">
        <v>0</v>
      </c>
      <c r="H2416">
        <v>0</v>
      </c>
      <c r="I2416">
        <v>0</v>
      </c>
      <c r="J2416">
        <v>0</v>
      </c>
      <c r="K2416">
        <v>0</v>
      </c>
      <c r="L2416">
        <v>0</v>
      </c>
      <c r="M2416">
        <v>0</v>
      </c>
      <c r="N2416">
        <v>0</v>
      </c>
      <c r="O2416">
        <v>0</v>
      </c>
      <c r="P2416">
        <v>0</v>
      </c>
      <c r="Q2416">
        <v>0</v>
      </c>
      <c r="R2416">
        <v>0</v>
      </c>
      <c r="S2416">
        <v>0</v>
      </c>
      <c r="T2416">
        <v>0</v>
      </c>
      <c r="U2416">
        <v>0</v>
      </c>
      <c r="V2416">
        <v>0</v>
      </c>
      <c r="W2416">
        <v>1</v>
      </c>
      <c r="X2416">
        <v>0</v>
      </c>
      <c r="Y2416">
        <v>32</v>
      </c>
      <c r="Z2416">
        <v>15</v>
      </c>
      <c r="AA2416">
        <v>40</v>
      </c>
      <c r="AB2416">
        <v>6</v>
      </c>
      <c r="AC2416">
        <v>76</v>
      </c>
      <c r="AD2416">
        <v>66</v>
      </c>
      <c r="AE2416">
        <v>110</v>
      </c>
      <c r="AF2416">
        <v>0</v>
      </c>
      <c r="AG2416">
        <v>50000</v>
      </c>
      <c r="AH2416">
        <v>0</v>
      </c>
      <c r="AI2416">
        <v>50000</v>
      </c>
      <c r="AJ2416">
        <v>0</v>
      </c>
      <c r="AK2416" t="s">
        <v>6</v>
      </c>
      <c r="AL2416">
        <v>0</v>
      </c>
      <c r="AM2416">
        <v>0</v>
      </c>
      <c r="AN2416">
        <v>0</v>
      </c>
      <c r="AO2416">
        <v>0</v>
      </c>
      <c r="AP2416">
        <v>0</v>
      </c>
      <c r="AQ2416">
        <v>0</v>
      </c>
      <c r="AR2416">
        <v>0</v>
      </c>
      <c r="AS2416">
        <v>0</v>
      </c>
      <c r="AT2416">
        <v>0</v>
      </c>
      <c r="AU2416">
        <v>0</v>
      </c>
      <c r="AV2416">
        <v>0</v>
      </c>
      <c r="AW2416">
        <v>0</v>
      </c>
      <c r="AX2416">
        <v>0</v>
      </c>
      <c r="AY2416">
        <v>0</v>
      </c>
      <c r="AZ2416">
        <v>0</v>
      </c>
      <c r="BA2416">
        <v>0</v>
      </c>
    </row>
    <row r="2417" spans="1:53" x14ac:dyDescent="0.4">
      <c r="A2417">
        <v>2461</v>
      </c>
      <c r="B2417" s="1">
        <v>43601</v>
      </c>
      <c r="C2417">
        <v>2</v>
      </c>
      <c r="D2417" s="1">
        <v>43601.454861111109</v>
      </c>
      <c r="E2417" s="1">
        <v>43601.754861111112</v>
      </c>
      <c r="F2417">
        <v>24000</v>
      </c>
      <c r="G2417">
        <v>1880</v>
      </c>
      <c r="H2417">
        <v>0</v>
      </c>
      <c r="I2417">
        <v>0</v>
      </c>
      <c r="J2417">
        <v>0</v>
      </c>
      <c r="K2417">
        <v>0</v>
      </c>
      <c r="L2417">
        <v>0</v>
      </c>
      <c r="M2417">
        <v>2070</v>
      </c>
      <c r="N2417">
        <v>0</v>
      </c>
      <c r="O2417">
        <v>0</v>
      </c>
      <c r="P2417">
        <v>14310</v>
      </c>
      <c r="Q2417">
        <v>0</v>
      </c>
      <c r="R2417">
        <v>42260</v>
      </c>
      <c r="S2417">
        <v>0</v>
      </c>
      <c r="T2417">
        <v>0</v>
      </c>
      <c r="U2417">
        <v>0</v>
      </c>
      <c r="V2417">
        <v>0</v>
      </c>
      <c r="W2417">
        <v>4</v>
      </c>
      <c r="X2417">
        <v>0</v>
      </c>
      <c r="Y2417">
        <v>55</v>
      </c>
      <c r="Z2417">
        <v>23</v>
      </c>
      <c r="AA2417">
        <v>37</v>
      </c>
      <c r="AB2417">
        <v>8</v>
      </c>
      <c r="AC2417">
        <v>122</v>
      </c>
      <c r="AD2417">
        <v>67</v>
      </c>
      <c r="AE2417">
        <v>115</v>
      </c>
      <c r="AF2417">
        <v>0</v>
      </c>
      <c r="AG2417">
        <v>92270</v>
      </c>
      <c r="AH2417">
        <v>50000</v>
      </c>
      <c r="AI2417">
        <v>10</v>
      </c>
      <c r="AJ2417">
        <v>84</v>
      </c>
      <c r="AK2417" t="s">
        <v>16</v>
      </c>
      <c r="AL2417">
        <v>0</v>
      </c>
      <c r="AM2417">
        <v>0</v>
      </c>
      <c r="AN2417">
        <v>0</v>
      </c>
      <c r="AO2417">
        <v>0</v>
      </c>
      <c r="AP2417">
        <v>0</v>
      </c>
      <c r="AQ2417">
        <v>0</v>
      </c>
      <c r="AR2417">
        <v>0</v>
      </c>
      <c r="AS2417">
        <v>0</v>
      </c>
      <c r="AT2417">
        <v>0</v>
      </c>
      <c r="AU2417">
        <v>0</v>
      </c>
      <c r="AV2417">
        <v>0</v>
      </c>
      <c r="AW2417">
        <v>0</v>
      </c>
      <c r="AX2417">
        <v>238</v>
      </c>
      <c r="AY2417">
        <v>37</v>
      </c>
      <c r="AZ2417">
        <v>70</v>
      </c>
      <c r="BA2417">
        <v>4857</v>
      </c>
    </row>
    <row r="2418" spans="1:53" x14ac:dyDescent="0.4">
      <c r="A2418">
        <v>2462</v>
      </c>
      <c r="B2418" s="1">
        <v>43601</v>
      </c>
      <c r="C2418">
        <v>3</v>
      </c>
      <c r="D2418" s="1">
        <v>43601.754861111112</v>
      </c>
      <c r="E2418" s="1">
        <v>43601.956944444442</v>
      </c>
      <c r="F2418">
        <v>15750</v>
      </c>
      <c r="G2418">
        <v>380</v>
      </c>
      <c r="H2418">
        <v>0</v>
      </c>
      <c r="I2418">
        <v>0</v>
      </c>
      <c r="J2418">
        <v>0</v>
      </c>
      <c r="K2418">
        <v>0</v>
      </c>
      <c r="L2418">
        <v>0</v>
      </c>
      <c r="M2418">
        <v>1290</v>
      </c>
      <c r="N2418">
        <v>0</v>
      </c>
      <c r="O2418">
        <v>0</v>
      </c>
      <c r="P2418">
        <v>-7182</v>
      </c>
      <c r="Q2418">
        <v>0</v>
      </c>
      <c r="R2418">
        <v>10238</v>
      </c>
      <c r="S2418">
        <v>0</v>
      </c>
      <c r="T2418">
        <v>0</v>
      </c>
      <c r="U2418">
        <v>0</v>
      </c>
      <c r="V2418">
        <v>0</v>
      </c>
      <c r="W2418">
        <v>5</v>
      </c>
      <c r="X2418">
        <v>0</v>
      </c>
      <c r="Y2418">
        <v>60</v>
      </c>
      <c r="Z2418">
        <v>23</v>
      </c>
      <c r="AA2418">
        <v>37</v>
      </c>
      <c r="AB2418">
        <v>12</v>
      </c>
      <c r="AC2418">
        <v>125</v>
      </c>
      <c r="AD2418">
        <v>67</v>
      </c>
      <c r="AE2418">
        <v>113</v>
      </c>
      <c r="AF2418">
        <v>0</v>
      </c>
      <c r="AG2418">
        <v>102498</v>
      </c>
      <c r="AH2418">
        <v>50000</v>
      </c>
      <c r="AI2418">
        <v>0</v>
      </c>
      <c r="AJ2418">
        <v>84</v>
      </c>
      <c r="AK2418" t="s">
        <v>16</v>
      </c>
      <c r="AL2418">
        <v>0</v>
      </c>
      <c r="AM2418">
        <v>0</v>
      </c>
      <c r="AN2418">
        <v>0</v>
      </c>
      <c r="AO2418">
        <v>0</v>
      </c>
      <c r="AP2418">
        <v>0</v>
      </c>
      <c r="AQ2418">
        <v>0</v>
      </c>
      <c r="AR2418">
        <v>0</v>
      </c>
      <c r="AS2418">
        <v>0</v>
      </c>
      <c r="AT2418">
        <v>0</v>
      </c>
      <c r="AU2418">
        <v>0</v>
      </c>
      <c r="AV2418">
        <v>0</v>
      </c>
      <c r="AW2418">
        <v>0</v>
      </c>
      <c r="AX2418">
        <v>7113</v>
      </c>
      <c r="AY2418">
        <v>6</v>
      </c>
      <c r="AZ2418">
        <v>12</v>
      </c>
      <c r="BA2418">
        <v>1964</v>
      </c>
    </row>
    <row r="2419" spans="1:53" x14ac:dyDescent="0.4">
      <c r="A2419">
        <v>2463</v>
      </c>
      <c r="B2419" s="1">
        <v>43602</v>
      </c>
      <c r="C2419">
        <v>1</v>
      </c>
      <c r="D2419" s="1">
        <v>43602.291666666664</v>
      </c>
      <c r="E2419" s="1">
        <v>43602.450694444444</v>
      </c>
      <c r="F2419">
        <v>0</v>
      </c>
      <c r="G2419">
        <v>0</v>
      </c>
      <c r="H2419">
        <v>0</v>
      </c>
      <c r="I2419">
        <v>0</v>
      </c>
      <c r="J2419">
        <v>0</v>
      </c>
      <c r="K2419">
        <v>0</v>
      </c>
      <c r="L2419">
        <v>0</v>
      </c>
      <c r="M2419">
        <v>0</v>
      </c>
      <c r="N2419">
        <v>0</v>
      </c>
      <c r="O2419">
        <v>0</v>
      </c>
      <c r="P2419">
        <v>0</v>
      </c>
      <c r="Q2419">
        <v>0</v>
      </c>
      <c r="R2419">
        <v>0</v>
      </c>
      <c r="S2419">
        <v>0</v>
      </c>
      <c r="T2419">
        <v>0</v>
      </c>
      <c r="U2419">
        <v>0</v>
      </c>
      <c r="V2419">
        <v>0</v>
      </c>
      <c r="W2419">
        <v>0</v>
      </c>
      <c r="X2419">
        <v>0</v>
      </c>
      <c r="Y2419">
        <v>33</v>
      </c>
      <c r="Z2419">
        <v>22</v>
      </c>
      <c r="AA2419">
        <v>39</v>
      </c>
      <c r="AB2419">
        <v>13</v>
      </c>
      <c r="AC2419">
        <v>102</v>
      </c>
      <c r="AD2419">
        <v>65</v>
      </c>
      <c r="AE2419">
        <v>105</v>
      </c>
      <c r="AF2419">
        <v>0</v>
      </c>
      <c r="AG2419">
        <v>50000</v>
      </c>
      <c r="AH2419">
        <v>0</v>
      </c>
      <c r="AI2419">
        <v>50000</v>
      </c>
      <c r="AJ2419">
        <v>0</v>
      </c>
      <c r="AK2419" t="s">
        <v>6</v>
      </c>
      <c r="AL2419">
        <v>0</v>
      </c>
      <c r="AM2419">
        <v>0</v>
      </c>
      <c r="AN2419">
        <v>0</v>
      </c>
      <c r="AO2419">
        <v>0</v>
      </c>
      <c r="AP2419">
        <v>0</v>
      </c>
      <c r="AQ2419">
        <v>0</v>
      </c>
      <c r="AR2419">
        <v>0</v>
      </c>
      <c r="AS2419">
        <v>0</v>
      </c>
      <c r="AT2419">
        <v>0</v>
      </c>
      <c r="AU2419">
        <v>0</v>
      </c>
      <c r="AV2419">
        <v>0</v>
      </c>
      <c r="AW2419">
        <v>0</v>
      </c>
      <c r="AX2419">
        <v>0</v>
      </c>
      <c r="AY2419">
        <v>0</v>
      </c>
      <c r="AZ2419">
        <v>0</v>
      </c>
      <c r="BA2419">
        <v>0</v>
      </c>
    </row>
    <row r="2420" spans="1:53" x14ac:dyDescent="0.4">
      <c r="A2420">
        <v>2464</v>
      </c>
      <c r="B2420" s="1">
        <v>43602</v>
      </c>
      <c r="C2420">
        <v>2</v>
      </c>
      <c r="D2420" s="1">
        <v>43602.450694444444</v>
      </c>
      <c r="E2420" s="1">
        <v>43602.740972222222</v>
      </c>
      <c r="F2420">
        <v>27500</v>
      </c>
      <c r="G2420">
        <v>1360</v>
      </c>
      <c r="H2420">
        <v>200</v>
      </c>
      <c r="I2420">
        <v>0</v>
      </c>
      <c r="J2420">
        <v>0</v>
      </c>
      <c r="K2420">
        <v>0</v>
      </c>
      <c r="L2420">
        <v>0</v>
      </c>
      <c r="M2420">
        <v>2324</v>
      </c>
      <c r="N2420">
        <v>0</v>
      </c>
      <c r="O2420">
        <v>0</v>
      </c>
      <c r="P2420">
        <v>12420</v>
      </c>
      <c r="Q2420">
        <v>0</v>
      </c>
      <c r="R2420">
        <v>43804</v>
      </c>
      <c r="S2420">
        <v>0</v>
      </c>
      <c r="T2420">
        <v>0</v>
      </c>
      <c r="U2420">
        <v>0</v>
      </c>
      <c r="V2420">
        <v>1</v>
      </c>
      <c r="W2420">
        <v>3</v>
      </c>
      <c r="X2420">
        <v>0</v>
      </c>
      <c r="Y2420">
        <v>48</v>
      </c>
      <c r="Z2420">
        <v>32</v>
      </c>
      <c r="AA2420">
        <v>24</v>
      </c>
      <c r="AB2420">
        <v>12</v>
      </c>
      <c r="AC2420">
        <v>137</v>
      </c>
      <c r="AD2420">
        <v>66</v>
      </c>
      <c r="AE2420">
        <v>104</v>
      </c>
      <c r="AF2420">
        <v>0</v>
      </c>
      <c r="AG2420">
        <v>93804</v>
      </c>
      <c r="AH2420">
        <v>50000</v>
      </c>
      <c r="AI2420">
        <v>0</v>
      </c>
      <c r="AJ2420">
        <v>96</v>
      </c>
      <c r="AK2420" t="s">
        <v>4</v>
      </c>
      <c r="AL2420">
        <v>0</v>
      </c>
      <c r="AM2420">
        <v>0</v>
      </c>
      <c r="AN2420">
        <v>0</v>
      </c>
      <c r="AO2420">
        <v>0</v>
      </c>
      <c r="AP2420">
        <v>0</v>
      </c>
      <c r="AQ2420">
        <v>0</v>
      </c>
      <c r="AR2420">
        <v>0</v>
      </c>
      <c r="AS2420">
        <v>0</v>
      </c>
      <c r="AT2420">
        <v>0</v>
      </c>
      <c r="AU2420">
        <v>0</v>
      </c>
      <c r="AV2420">
        <v>0</v>
      </c>
      <c r="AW2420">
        <v>0</v>
      </c>
      <c r="AX2420">
        <v>0</v>
      </c>
      <c r="AY2420">
        <v>35</v>
      </c>
      <c r="AZ2420">
        <v>77</v>
      </c>
      <c r="BA2420">
        <v>5629</v>
      </c>
    </row>
    <row r="2421" spans="1:53" x14ac:dyDescent="0.4">
      <c r="A2421">
        <v>2465</v>
      </c>
      <c r="B2421" s="1">
        <v>43603</v>
      </c>
      <c r="C2421">
        <v>1</v>
      </c>
      <c r="D2421" s="1">
        <v>43603.291666666664</v>
      </c>
      <c r="E2421" s="1">
        <v>43603.410416666666</v>
      </c>
      <c r="F2421">
        <v>0</v>
      </c>
      <c r="G2421">
        <v>0</v>
      </c>
      <c r="H2421">
        <v>0</v>
      </c>
      <c r="I2421">
        <v>0</v>
      </c>
      <c r="J2421">
        <v>0</v>
      </c>
      <c r="K2421">
        <v>0</v>
      </c>
      <c r="L2421">
        <v>0</v>
      </c>
      <c r="M2421">
        <v>0</v>
      </c>
      <c r="N2421">
        <v>0</v>
      </c>
      <c r="O2421">
        <v>0</v>
      </c>
      <c r="P2421">
        <v>0</v>
      </c>
      <c r="Q2421">
        <v>0</v>
      </c>
      <c r="R2421">
        <v>0</v>
      </c>
      <c r="S2421">
        <v>0</v>
      </c>
      <c r="T2421">
        <v>0</v>
      </c>
      <c r="U2421">
        <v>0</v>
      </c>
      <c r="V2421">
        <v>0</v>
      </c>
      <c r="W2421">
        <v>0</v>
      </c>
      <c r="X2421">
        <v>0</v>
      </c>
      <c r="Y2421">
        <v>38</v>
      </c>
      <c r="Z2421">
        <v>12</v>
      </c>
      <c r="AA2421">
        <v>38</v>
      </c>
      <c r="AB2421">
        <v>9</v>
      </c>
      <c r="AC2421">
        <v>133</v>
      </c>
      <c r="AD2421">
        <v>66</v>
      </c>
      <c r="AE2421">
        <v>90</v>
      </c>
      <c r="AF2421">
        <v>0</v>
      </c>
      <c r="AG2421">
        <v>50000</v>
      </c>
      <c r="AH2421">
        <v>50000</v>
      </c>
      <c r="AI2421">
        <v>0</v>
      </c>
      <c r="AJ2421">
        <v>0</v>
      </c>
      <c r="AK2421" t="s">
        <v>6</v>
      </c>
      <c r="AL2421">
        <v>0</v>
      </c>
      <c r="AM2421">
        <v>0</v>
      </c>
      <c r="AN2421">
        <v>0</v>
      </c>
      <c r="AO2421">
        <v>0</v>
      </c>
      <c r="AP2421">
        <v>0</v>
      </c>
      <c r="AQ2421">
        <v>0</v>
      </c>
      <c r="AR2421">
        <v>0</v>
      </c>
      <c r="AS2421">
        <v>0</v>
      </c>
      <c r="AT2421">
        <v>0</v>
      </c>
      <c r="AU2421">
        <v>0</v>
      </c>
      <c r="AV2421">
        <v>0</v>
      </c>
      <c r="AW2421">
        <v>0</v>
      </c>
      <c r="AX2421">
        <v>0</v>
      </c>
      <c r="AY2421">
        <v>0</v>
      </c>
      <c r="AZ2421">
        <v>0</v>
      </c>
      <c r="BA2421">
        <v>0</v>
      </c>
    </row>
    <row r="2422" spans="1:53" x14ac:dyDescent="0.4">
      <c r="A2422">
        <v>2466</v>
      </c>
      <c r="B2422" s="1">
        <v>43603</v>
      </c>
      <c r="C2422">
        <v>2</v>
      </c>
      <c r="D2422" s="1">
        <v>43603.410416666666</v>
      </c>
      <c r="E2422" s="1">
        <v>43603.730555555558</v>
      </c>
      <c r="F2422">
        <v>31000</v>
      </c>
      <c r="G2422">
        <v>380</v>
      </c>
      <c r="H2422">
        <v>0</v>
      </c>
      <c r="I2422">
        <v>0</v>
      </c>
      <c r="J2422">
        <v>0</v>
      </c>
      <c r="K2422">
        <v>0</v>
      </c>
      <c r="L2422">
        <v>0</v>
      </c>
      <c r="M2422">
        <v>2510</v>
      </c>
      <c r="N2422">
        <v>0</v>
      </c>
      <c r="O2422">
        <v>0</v>
      </c>
      <c r="P2422">
        <v>20520</v>
      </c>
      <c r="Q2422">
        <v>0</v>
      </c>
      <c r="R2422">
        <v>54410</v>
      </c>
      <c r="S2422">
        <v>0</v>
      </c>
      <c r="T2422">
        <v>0</v>
      </c>
      <c r="U2422">
        <v>0</v>
      </c>
      <c r="V2422">
        <v>0</v>
      </c>
      <c r="W2422">
        <v>0</v>
      </c>
      <c r="X2422">
        <v>0</v>
      </c>
      <c r="Y2422">
        <v>78</v>
      </c>
      <c r="Z2422">
        <v>24</v>
      </c>
      <c r="AA2422">
        <v>52</v>
      </c>
      <c r="AB2422">
        <v>12</v>
      </c>
      <c r="AC2422">
        <v>197</v>
      </c>
      <c r="AD2422">
        <v>66</v>
      </c>
      <c r="AE2422">
        <v>88</v>
      </c>
      <c r="AF2422">
        <v>6222</v>
      </c>
      <c r="AG2422">
        <v>104410</v>
      </c>
      <c r="AH2422">
        <v>50000</v>
      </c>
      <c r="AI2422">
        <v>0</v>
      </c>
      <c r="AJ2422">
        <v>97</v>
      </c>
      <c r="AK2422" t="s">
        <v>33</v>
      </c>
      <c r="AL2422">
        <v>0</v>
      </c>
      <c r="AM2422">
        <v>0</v>
      </c>
      <c r="AN2422">
        <v>0</v>
      </c>
      <c r="AO2422">
        <v>0</v>
      </c>
      <c r="AP2422">
        <v>0</v>
      </c>
      <c r="AQ2422">
        <v>0</v>
      </c>
      <c r="AR2422">
        <v>0</v>
      </c>
      <c r="AS2422">
        <v>0</v>
      </c>
      <c r="AT2422">
        <v>0</v>
      </c>
      <c r="AU2422">
        <v>0</v>
      </c>
      <c r="AV2422">
        <v>0</v>
      </c>
      <c r="AW2422">
        <v>0</v>
      </c>
      <c r="AX2422">
        <v>-886</v>
      </c>
      <c r="AY2422">
        <v>51</v>
      </c>
      <c r="AZ2422">
        <v>100</v>
      </c>
      <c r="BA2422">
        <v>7018</v>
      </c>
    </row>
    <row r="2423" spans="1:53" x14ac:dyDescent="0.4">
      <c r="A2423">
        <v>2467</v>
      </c>
      <c r="B2423" s="1">
        <v>43604</v>
      </c>
      <c r="C2423">
        <v>1</v>
      </c>
      <c r="D2423" s="1">
        <v>43604.291666666664</v>
      </c>
      <c r="E2423" s="1">
        <v>43604.407638888886</v>
      </c>
      <c r="F2423">
        <v>0</v>
      </c>
      <c r="G2423">
        <v>0</v>
      </c>
      <c r="H2423">
        <v>0</v>
      </c>
      <c r="I2423">
        <v>0</v>
      </c>
      <c r="J2423">
        <v>0</v>
      </c>
      <c r="K2423">
        <v>0</v>
      </c>
      <c r="L2423">
        <v>0</v>
      </c>
      <c r="M2423">
        <v>0</v>
      </c>
      <c r="N2423">
        <v>0</v>
      </c>
      <c r="O2423">
        <v>0</v>
      </c>
      <c r="P2423">
        <v>0</v>
      </c>
      <c r="Q2423">
        <v>0</v>
      </c>
      <c r="R2423">
        <v>0</v>
      </c>
      <c r="S2423">
        <v>0</v>
      </c>
      <c r="T2423">
        <v>0</v>
      </c>
      <c r="U2423">
        <v>0</v>
      </c>
      <c r="V2423">
        <v>0</v>
      </c>
      <c r="W2423">
        <v>0</v>
      </c>
      <c r="X2423">
        <v>0</v>
      </c>
      <c r="Y2423">
        <v>33</v>
      </c>
      <c r="Z2423">
        <v>18</v>
      </c>
      <c r="AA2423">
        <v>60</v>
      </c>
      <c r="AB2423">
        <v>12</v>
      </c>
      <c r="AC2423">
        <v>102</v>
      </c>
      <c r="AD2423">
        <v>65</v>
      </c>
      <c r="AE2423">
        <v>55</v>
      </c>
      <c r="AF2423">
        <v>0</v>
      </c>
      <c r="AG2423">
        <v>50000</v>
      </c>
      <c r="AH2423">
        <v>50000</v>
      </c>
      <c r="AI2423">
        <v>0</v>
      </c>
      <c r="AJ2423">
        <v>0</v>
      </c>
      <c r="AK2423" t="s">
        <v>6</v>
      </c>
      <c r="AL2423">
        <v>0</v>
      </c>
      <c r="AM2423">
        <v>0</v>
      </c>
      <c r="AN2423">
        <v>0</v>
      </c>
      <c r="AO2423">
        <v>0</v>
      </c>
      <c r="AP2423">
        <v>0</v>
      </c>
      <c r="AQ2423">
        <v>0</v>
      </c>
      <c r="AR2423">
        <v>0</v>
      </c>
      <c r="AS2423">
        <v>0</v>
      </c>
      <c r="AT2423">
        <v>0</v>
      </c>
      <c r="AU2423">
        <v>0</v>
      </c>
      <c r="AV2423">
        <v>0</v>
      </c>
      <c r="AW2423">
        <v>0</v>
      </c>
      <c r="AX2423">
        <v>0</v>
      </c>
      <c r="AY2423">
        <v>0</v>
      </c>
      <c r="AZ2423">
        <v>0</v>
      </c>
      <c r="BA2423">
        <v>0</v>
      </c>
    </row>
    <row r="2424" spans="1:53" x14ac:dyDescent="0.4">
      <c r="A2424">
        <v>2468</v>
      </c>
      <c r="B2424" s="1">
        <v>43604</v>
      </c>
      <c r="C2424">
        <v>2</v>
      </c>
      <c r="D2424" s="1">
        <v>43604.407638888886</v>
      </c>
      <c r="E2424" s="1">
        <v>43604.739583333336</v>
      </c>
      <c r="F2424">
        <v>48250</v>
      </c>
      <c r="G2424">
        <v>2020</v>
      </c>
      <c r="H2424">
        <v>400</v>
      </c>
      <c r="I2424">
        <v>0</v>
      </c>
      <c r="J2424">
        <v>0</v>
      </c>
      <c r="K2424">
        <v>0</v>
      </c>
      <c r="L2424">
        <v>0</v>
      </c>
      <c r="M2424">
        <v>4053</v>
      </c>
      <c r="N2424">
        <v>0</v>
      </c>
      <c r="O2424">
        <v>0</v>
      </c>
      <c r="P2424">
        <v>19440</v>
      </c>
      <c r="Q2424">
        <v>0</v>
      </c>
      <c r="R2424">
        <v>74163</v>
      </c>
      <c r="S2424">
        <v>0</v>
      </c>
      <c r="T2424">
        <v>0</v>
      </c>
      <c r="U2424">
        <v>0</v>
      </c>
      <c r="V2424">
        <v>4</v>
      </c>
      <c r="W2424">
        <v>0</v>
      </c>
      <c r="X2424">
        <v>0</v>
      </c>
      <c r="Y2424">
        <v>52</v>
      </c>
      <c r="Z2424">
        <v>34</v>
      </c>
      <c r="AA2424">
        <v>84</v>
      </c>
      <c r="AB2424">
        <v>22</v>
      </c>
      <c r="AC2424">
        <v>213</v>
      </c>
      <c r="AD2424">
        <v>81</v>
      </c>
      <c r="AE2424">
        <v>58</v>
      </c>
      <c r="AF2424">
        <v>2970</v>
      </c>
      <c r="AG2424">
        <v>124063</v>
      </c>
      <c r="AH2424">
        <v>50000</v>
      </c>
      <c r="AI2424">
        <v>-100</v>
      </c>
      <c r="AJ2424">
        <v>97</v>
      </c>
      <c r="AK2424" t="s">
        <v>33</v>
      </c>
      <c r="AL2424">
        <v>0</v>
      </c>
      <c r="AM2424">
        <v>0</v>
      </c>
      <c r="AN2424">
        <v>0</v>
      </c>
      <c r="AO2424">
        <v>0</v>
      </c>
      <c r="AP2424">
        <v>0</v>
      </c>
      <c r="AQ2424">
        <v>0</v>
      </c>
      <c r="AR2424">
        <v>0</v>
      </c>
      <c r="AS2424">
        <v>0</v>
      </c>
      <c r="AT2424">
        <v>0</v>
      </c>
      <c r="AU2424">
        <v>0</v>
      </c>
      <c r="AV2424">
        <v>0</v>
      </c>
      <c r="AW2424">
        <v>0</v>
      </c>
      <c r="AX2424">
        <v>1144</v>
      </c>
      <c r="AY2424">
        <v>53</v>
      </c>
      <c r="AZ2424">
        <v>128</v>
      </c>
      <c r="BA2424">
        <v>7936</v>
      </c>
    </row>
    <row r="2425" spans="1:53" x14ac:dyDescent="0.4">
      <c r="A2425">
        <v>2469</v>
      </c>
      <c r="B2425" s="1">
        <v>43605</v>
      </c>
      <c r="C2425">
        <v>1</v>
      </c>
      <c r="D2425" s="1">
        <v>43605.291666666664</v>
      </c>
      <c r="E2425" s="1">
        <v>43605.45416666667</v>
      </c>
      <c r="F2425">
        <v>0</v>
      </c>
      <c r="G2425">
        <v>0</v>
      </c>
      <c r="H2425">
        <v>0</v>
      </c>
      <c r="I2425">
        <v>0</v>
      </c>
      <c r="J2425">
        <v>0</v>
      </c>
      <c r="K2425">
        <v>0</v>
      </c>
      <c r="L2425">
        <v>0</v>
      </c>
      <c r="M2425">
        <v>0</v>
      </c>
      <c r="N2425">
        <v>0</v>
      </c>
      <c r="O2425">
        <v>0</v>
      </c>
      <c r="P2425">
        <v>0</v>
      </c>
      <c r="Q2425">
        <v>0</v>
      </c>
      <c r="R2425">
        <v>0</v>
      </c>
      <c r="S2425">
        <v>0</v>
      </c>
      <c r="T2425">
        <v>0</v>
      </c>
      <c r="U2425">
        <v>0</v>
      </c>
      <c r="V2425">
        <v>0</v>
      </c>
      <c r="W2425">
        <v>0</v>
      </c>
      <c r="X2425">
        <v>0</v>
      </c>
      <c r="Y2425">
        <v>36</v>
      </c>
      <c r="Z2425">
        <v>14</v>
      </c>
      <c r="AA2425">
        <v>43</v>
      </c>
      <c r="AB2425">
        <v>23</v>
      </c>
      <c r="AC2425">
        <v>110</v>
      </c>
      <c r="AD2425">
        <v>78</v>
      </c>
      <c r="AE2425">
        <v>60</v>
      </c>
      <c r="AF2425">
        <v>0</v>
      </c>
      <c r="AG2425">
        <v>50000</v>
      </c>
      <c r="AH2425">
        <v>0</v>
      </c>
      <c r="AI2425">
        <v>50000</v>
      </c>
      <c r="AJ2425">
        <v>0</v>
      </c>
      <c r="AK2425" t="s">
        <v>6</v>
      </c>
      <c r="AL2425">
        <v>0</v>
      </c>
      <c r="AM2425">
        <v>0</v>
      </c>
      <c r="AN2425">
        <v>0</v>
      </c>
      <c r="AO2425">
        <v>0</v>
      </c>
      <c r="AP2425">
        <v>0</v>
      </c>
      <c r="AQ2425">
        <v>0</v>
      </c>
      <c r="AR2425">
        <v>0</v>
      </c>
      <c r="AS2425">
        <v>0</v>
      </c>
      <c r="AT2425">
        <v>0</v>
      </c>
      <c r="AU2425">
        <v>0</v>
      </c>
      <c r="AV2425">
        <v>0</v>
      </c>
      <c r="AW2425">
        <v>0</v>
      </c>
      <c r="AX2425">
        <v>0</v>
      </c>
      <c r="AY2425">
        <v>0</v>
      </c>
      <c r="AZ2425">
        <v>0</v>
      </c>
      <c r="BA2425">
        <v>0</v>
      </c>
    </row>
    <row r="2426" spans="1:53" x14ac:dyDescent="0.4">
      <c r="A2426">
        <v>2470</v>
      </c>
      <c r="B2426" s="1">
        <v>43605</v>
      </c>
      <c r="C2426">
        <v>2</v>
      </c>
      <c r="D2426" s="1">
        <v>43605.45416666667</v>
      </c>
      <c r="E2426" s="1">
        <v>43605.768055555556</v>
      </c>
      <c r="F2426">
        <v>36500</v>
      </c>
      <c r="G2426">
        <v>4120</v>
      </c>
      <c r="H2426">
        <v>0</v>
      </c>
      <c r="I2426">
        <v>0</v>
      </c>
      <c r="J2426">
        <v>0</v>
      </c>
      <c r="K2426">
        <v>0</v>
      </c>
      <c r="L2426">
        <v>0</v>
      </c>
      <c r="M2426">
        <v>3248</v>
      </c>
      <c r="N2426">
        <v>0</v>
      </c>
      <c r="O2426">
        <v>0</v>
      </c>
      <c r="P2426">
        <v>9180</v>
      </c>
      <c r="Q2426">
        <v>0</v>
      </c>
      <c r="R2426">
        <v>53048</v>
      </c>
      <c r="S2426">
        <v>0</v>
      </c>
      <c r="T2426">
        <v>0</v>
      </c>
      <c r="U2426">
        <v>0</v>
      </c>
      <c r="V2426">
        <v>1</v>
      </c>
      <c r="W2426">
        <v>2</v>
      </c>
      <c r="X2426">
        <v>0</v>
      </c>
      <c r="Y2426">
        <v>59</v>
      </c>
      <c r="Z2426">
        <v>26</v>
      </c>
      <c r="AA2426">
        <v>72</v>
      </c>
      <c r="AB2426">
        <v>27</v>
      </c>
      <c r="AC2426">
        <v>203</v>
      </c>
      <c r="AD2426">
        <v>81</v>
      </c>
      <c r="AE2426">
        <v>63</v>
      </c>
      <c r="AF2426">
        <v>0</v>
      </c>
      <c r="AG2426">
        <v>103048</v>
      </c>
      <c r="AH2426">
        <v>50000</v>
      </c>
      <c r="AI2426">
        <v>0</v>
      </c>
      <c r="AJ2426">
        <v>99</v>
      </c>
      <c r="AK2426" t="s">
        <v>9</v>
      </c>
      <c r="AL2426">
        <v>0</v>
      </c>
      <c r="AM2426">
        <v>0</v>
      </c>
      <c r="AN2426">
        <v>0</v>
      </c>
      <c r="AO2426">
        <v>0</v>
      </c>
      <c r="AP2426">
        <v>0</v>
      </c>
      <c r="AQ2426">
        <v>0</v>
      </c>
      <c r="AR2426">
        <v>0</v>
      </c>
      <c r="AS2426">
        <v>0</v>
      </c>
      <c r="AT2426">
        <v>0</v>
      </c>
      <c r="AU2426">
        <v>0</v>
      </c>
      <c r="AV2426">
        <v>0</v>
      </c>
      <c r="AW2426">
        <v>0</v>
      </c>
      <c r="AX2426">
        <v>410</v>
      </c>
      <c r="AY2426">
        <v>41</v>
      </c>
      <c r="AZ2426">
        <v>77</v>
      </c>
      <c r="BA2426">
        <v>6420</v>
      </c>
    </row>
    <row r="2427" spans="1:53" x14ac:dyDescent="0.4">
      <c r="A2427">
        <v>2471</v>
      </c>
      <c r="B2427" s="1">
        <v>43605</v>
      </c>
      <c r="C2427">
        <v>3</v>
      </c>
      <c r="D2427" s="1">
        <v>43605.768055555556</v>
      </c>
      <c r="E2427" s="1">
        <v>43605.963888888888</v>
      </c>
      <c r="F2427">
        <v>18280</v>
      </c>
      <c r="G2427">
        <v>880</v>
      </c>
      <c r="H2427">
        <v>0</v>
      </c>
      <c r="I2427">
        <v>0</v>
      </c>
      <c r="J2427">
        <v>0</v>
      </c>
      <c r="K2427">
        <v>0</v>
      </c>
      <c r="L2427">
        <v>0</v>
      </c>
      <c r="M2427">
        <v>1532</v>
      </c>
      <c r="N2427">
        <v>0</v>
      </c>
      <c r="O2427">
        <v>0</v>
      </c>
      <c r="P2427">
        <v>-6588</v>
      </c>
      <c r="Q2427">
        <v>0</v>
      </c>
      <c r="R2427">
        <v>14104</v>
      </c>
      <c r="S2427">
        <v>0</v>
      </c>
      <c r="T2427">
        <v>0</v>
      </c>
      <c r="U2427">
        <v>0</v>
      </c>
      <c r="V2427">
        <v>1</v>
      </c>
      <c r="W2427">
        <v>3</v>
      </c>
      <c r="X2427">
        <v>0</v>
      </c>
      <c r="Y2427">
        <v>67</v>
      </c>
      <c r="Z2427">
        <v>27</v>
      </c>
      <c r="AA2427">
        <v>77</v>
      </c>
      <c r="AB2427">
        <v>28</v>
      </c>
      <c r="AC2427">
        <v>209</v>
      </c>
      <c r="AD2427">
        <v>80</v>
      </c>
      <c r="AE2427">
        <v>62</v>
      </c>
      <c r="AF2427">
        <v>0</v>
      </c>
      <c r="AG2427">
        <v>117152</v>
      </c>
      <c r="AH2427">
        <v>50000</v>
      </c>
      <c r="AI2427">
        <v>0</v>
      </c>
      <c r="AJ2427">
        <v>101</v>
      </c>
      <c r="AK2427" t="s">
        <v>28</v>
      </c>
      <c r="AL2427">
        <v>0</v>
      </c>
      <c r="AM2427">
        <v>0</v>
      </c>
      <c r="AN2427">
        <v>0</v>
      </c>
      <c r="AO2427">
        <v>0</v>
      </c>
      <c r="AP2427">
        <v>0</v>
      </c>
      <c r="AQ2427">
        <v>0</v>
      </c>
      <c r="AR2427">
        <v>0</v>
      </c>
      <c r="AS2427">
        <v>0</v>
      </c>
      <c r="AT2427">
        <v>0</v>
      </c>
      <c r="AU2427">
        <v>0</v>
      </c>
      <c r="AV2427">
        <v>0</v>
      </c>
      <c r="AW2427">
        <v>0</v>
      </c>
      <c r="AX2427">
        <v>10670</v>
      </c>
      <c r="AY2427">
        <v>10</v>
      </c>
      <c r="AZ2427">
        <v>33</v>
      </c>
      <c r="BA2427">
        <v>1604</v>
      </c>
    </row>
    <row r="2428" spans="1:53" x14ac:dyDescent="0.4">
      <c r="A2428">
        <v>2472</v>
      </c>
      <c r="B2428" s="1">
        <v>43605</v>
      </c>
      <c r="C2428">
        <v>4</v>
      </c>
      <c r="D2428" s="1">
        <v>43605.963888888888</v>
      </c>
      <c r="E2428" s="1">
        <v>43606.072222222225</v>
      </c>
      <c r="F2428">
        <v>26420</v>
      </c>
      <c r="G2428">
        <v>0</v>
      </c>
      <c r="H2428">
        <v>200</v>
      </c>
      <c r="I2428">
        <v>0</v>
      </c>
      <c r="J2428">
        <v>760</v>
      </c>
      <c r="K2428">
        <v>0</v>
      </c>
      <c r="L2428">
        <v>0</v>
      </c>
      <c r="M2428">
        <v>2069</v>
      </c>
      <c r="N2428">
        <v>0</v>
      </c>
      <c r="O2428">
        <v>0</v>
      </c>
      <c r="P2428">
        <v>-2592</v>
      </c>
      <c r="Q2428">
        <v>0</v>
      </c>
      <c r="R2428">
        <v>25337</v>
      </c>
      <c r="S2428">
        <v>0</v>
      </c>
      <c r="T2428">
        <v>0</v>
      </c>
      <c r="U2428">
        <v>0</v>
      </c>
      <c r="V2428">
        <v>3</v>
      </c>
      <c r="W2428">
        <v>3</v>
      </c>
      <c r="X2428">
        <v>0</v>
      </c>
      <c r="Y2428">
        <v>73</v>
      </c>
      <c r="Z2428">
        <v>24</v>
      </c>
      <c r="AA2428">
        <v>86</v>
      </c>
      <c r="AB2428">
        <v>27</v>
      </c>
      <c r="AC2428">
        <v>208</v>
      </c>
      <c r="AD2428">
        <v>79</v>
      </c>
      <c r="AE2428">
        <v>64</v>
      </c>
      <c r="AF2428">
        <v>0</v>
      </c>
      <c r="AG2428">
        <v>142489</v>
      </c>
      <c r="AH2428">
        <v>50000</v>
      </c>
      <c r="AI2428">
        <v>0</v>
      </c>
      <c r="AJ2428">
        <v>101</v>
      </c>
      <c r="AK2428" t="s">
        <v>28</v>
      </c>
      <c r="AL2428">
        <v>0</v>
      </c>
      <c r="AM2428">
        <v>0</v>
      </c>
      <c r="AN2428">
        <v>0</v>
      </c>
      <c r="AO2428">
        <v>0</v>
      </c>
      <c r="AP2428">
        <v>0</v>
      </c>
      <c r="AQ2428">
        <v>0</v>
      </c>
      <c r="AR2428">
        <v>0</v>
      </c>
      <c r="AS2428">
        <v>0</v>
      </c>
      <c r="AT2428">
        <v>0</v>
      </c>
      <c r="AU2428">
        <v>0</v>
      </c>
      <c r="AV2428">
        <v>0</v>
      </c>
      <c r="AW2428">
        <v>0</v>
      </c>
      <c r="AX2428">
        <v>0</v>
      </c>
      <c r="AY2428">
        <v>1</v>
      </c>
      <c r="AZ2428">
        <v>2</v>
      </c>
      <c r="BA2428">
        <v>344</v>
      </c>
    </row>
    <row r="2429" spans="1:53" x14ac:dyDescent="0.4">
      <c r="A2429">
        <v>2473</v>
      </c>
      <c r="B2429" s="1">
        <v>43606</v>
      </c>
      <c r="C2429">
        <v>1</v>
      </c>
      <c r="D2429" s="1">
        <v>43606.291666666664</v>
      </c>
      <c r="E2429" s="1">
        <v>43606.449305555558</v>
      </c>
      <c r="F2429">
        <v>0</v>
      </c>
      <c r="G2429">
        <v>0</v>
      </c>
      <c r="H2429">
        <v>0</v>
      </c>
      <c r="I2429">
        <v>0</v>
      </c>
      <c r="J2429">
        <v>0</v>
      </c>
      <c r="K2429">
        <v>0</v>
      </c>
      <c r="L2429">
        <v>0</v>
      </c>
      <c r="M2429">
        <v>0</v>
      </c>
      <c r="N2429">
        <v>0</v>
      </c>
      <c r="O2429">
        <v>0</v>
      </c>
      <c r="P2429">
        <v>0</v>
      </c>
      <c r="Q2429">
        <v>0</v>
      </c>
      <c r="R2429">
        <v>0</v>
      </c>
      <c r="S2429">
        <v>0</v>
      </c>
      <c r="T2429">
        <v>0</v>
      </c>
      <c r="U2429">
        <v>0</v>
      </c>
      <c r="V2429">
        <v>0</v>
      </c>
      <c r="W2429">
        <v>0</v>
      </c>
      <c r="X2429">
        <v>0</v>
      </c>
      <c r="Y2429">
        <v>31</v>
      </c>
      <c r="Z2429">
        <v>14</v>
      </c>
      <c r="AA2429">
        <v>90</v>
      </c>
      <c r="AB2429">
        <v>28</v>
      </c>
      <c r="AC2429">
        <v>115</v>
      </c>
      <c r="AD2429">
        <v>78</v>
      </c>
      <c r="AE2429">
        <v>60</v>
      </c>
      <c r="AF2429">
        <v>0</v>
      </c>
      <c r="AG2429">
        <v>50000</v>
      </c>
      <c r="AH2429">
        <v>50000</v>
      </c>
      <c r="AI2429">
        <v>0</v>
      </c>
      <c r="AJ2429">
        <v>0</v>
      </c>
      <c r="AK2429" t="s">
        <v>6</v>
      </c>
      <c r="AL2429">
        <v>0</v>
      </c>
      <c r="AM2429">
        <v>0</v>
      </c>
      <c r="AN2429">
        <v>0</v>
      </c>
      <c r="AO2429">
        <v>0</v>
      </c>
      <c r="AP2429">
        <v>0</v>
      </c>
      <c r="AQ2429">
        <v>0</v>
      </c>
      <c r="AR2429">
        <v>0</v>
      </c>
      <c r="AS2429">
        <v>0</v>
      </c>
      <c r="AT2429">
        <v>0</v>
      </c>
      <c r="AU2429">
        <v>0</v>
      </c>
      <c r="AV2429">
        <v>0</v>
      </c>
      <c r="AW2429">
        <v>0</v>
      </c>
      <c r="AX2429">
        <v>0</v>
      </c>
      <c r="AY2429">
        <v>0</v>
      </c>
      <c r="AZ2429">
        <v>0</v>
      </c>
      <c r="BA2429">
        <v>0</v>
      </c>
    </row>
    <row r="2430" spans="1:53" x14ac:dyDescent="0.4">
      <c r="A2430">
        <v>2474</v>
      </c>
      <c r="B2430" s="1">
        <v>43606</v>
      </c>
      <c r="C2430">
        <v>2</v>
      </c>
      <c r="D2430" s="1">
        <v>43606.449305555558</v>
      </c>
      <c r="E2430" s="1">
        <v>43606.724305555559</v>
      </c>
      <c r="F2430">
        <v>18000</v>
      </c>
      <c r="G2430">
        <v>760</v>
      </c>
      <c r="H2430">
        <v>0</v>
      </c>
      <c r="I2430">
        <v>0</v>
      </c>
      <c r="J2430">
        <v>0</v>
      </c>
      <c r="K2430">
        <v>0</v>
      </c>
      <c r="L2430">
        <v>0</v>
      </c>
      <c r="M2430">
        <v>1500</v>
      </c>
      <c r="N2430">
        <v>0</v>
      </c>
      <c r="O2430">
        <v>0</v>
      </c>
      <c r="P2430">
        <v>18900</v>
      </c>
      <c r="Q2430">
        <v>0</v>
      </c>
      <c r="R2430">
        <v>39160</v>
      </c>
      <c r="S2430">
        <v>0</v>
      </c>
      <c r="T2430">
        <v>0</v>
      </c>
      <c r="U2430">
        <v>0</v>
      </c>
      <c r="V2430">
        <v>2</v>
      </c>
      <c r="W2430">
        <v>0</v>
      </c>
      <c r="X2430">
        <v>0</v>
      </c>
      <c r="Y2430">
        <v>44</v>
      </c>
      <c r="Z2430">
        <v>19</v>
      </c>
      <c r="AA2430">
        <v>85</v>
      </c>
      <c r="AB2430">
        <v>37</v>
      </c>
      <c r="AC2430">
        <v>135</v>
      </c>
      <c r="AD2430">
        <v>81</v>
      </c>
      <c r="AE2430">
        <v>58</v>
      </c>
      <c r="AF2430">
        <v>3497</v>
      </c>
      <c r="AG2430">
        <v>89160</v>
      </c>
      <c r="AH2430">
        <v>50000</v>
      </c>
      <c r="AI2430">
        <v>0</v>
      </c>
      <c r="AJ2430">
        <v>97</v>
      </c>
      <c r="AK2430" t="s">
        <v>33</v>
      </c>
      <c r="AL2430">
        <v>0</v>
      </c>
      <c r="AM2430">
        <v>0</v>
      </c>
      <c r="AN2430">
        <v>0</v>
      </c>
      <c r="AO2430">
        <v>0</v>
      </c>
      <c r="AP2430">
        <v>0</v>
      </c>
      <c r="AQ2430">
        <v>0</v>
      </c>
      <c r="AR2430">
        <v>0</v>
      </c>
      <c r="AS2430">
        <v>0</v>
      </c>
      <c r="AT2430">
        <v>0</v>
      </c>
      <c r="AU2430">
        <v>0</v>
      </c>
      <c r="AV2430">
        <v>0</v>
      </c>
      <c r="AW2430">
        <v>0</v>
      </c>
      <c r="AX2430">
        <v>1080</v>
      </c>
      <c r="AY2430">
        <v>38</v>
      </c>
      <c r="AZ2430">
        <v>71</v>
      </c>
      <c r="BA2430">
        <v>4955</v>
      </c>
    </row>
    <row r="2431" spans="1:53" x14ac:dyDescent="0.4">
      <c r="A2431">
        <v>2475</v>
      </c>
      <c r="B2431" s="1">
        <v>43606</v>
      </c>
      <c r="C2431">
        <v>3</v>
      </c>
      <c r="D2431" s="1">
        <v>43606.724305555559</v>
      </c>
      <c r="E2431" s="1">
        <v>43606.954861111109</v>
      </c>
      <c r="F2431">
        <v>33600</v>
      </c>
      <c r="G2431">
        <v>2420</v>
      </c>
      <c r="H2431">
        <v>0</v>
      </c>
      <c r="I2431">
        <v>0</v>
      </c>
      <c r="J2431">
        <v>0</v>
      </c>
      <c r="K2431">
        <v>0</v>
      </c>
      <c r="L2431">
        <v>0</v>
      </c>
      <c r="M2431">
        <v>2882</v>
      </c>
      <c r="N2431">
        <v>0</v>
      </c>
      <c r="O2431">
        <v>0</v>
      </c>
      <c r="P2431">
        <v>-16308</v>
      </c>
      <c r="Q2431">
        <v>0</v>
      </c>
      <c r="R2431">
        <v>22594</v>
      </c>
      <c r="S2431">
        <v>0</v>
      </c>
      <c r="T2431">
        <v>0</v>
      </c>
      <c r="U2431">
        <v>0</v>
      </c>
      <c r="V2431">
        <v>3</v>
      </c>
      <c r="W2431">
        <v>2</v>
      </c>
      <c r="X2431">
        <v>0</v>
      </c>
      <c r="Y2431">
        <v>42</v>
      </c>
      <c r="Z2431">
        <v>19</v>
      </c>
      <c r="AA2431">
        <v>105</v>
      </c>
      <c r="AB2431">
        <v>38</v>
      </c>
      <c r="AC2431">
        <v>131</v>
      </c>
      <c r="AD2431">
        <v>80</v>
      </c>
      <c r="AE2431">
        <v>55</v>
      </c>
      <c r="AF2431">
        <v>6089</v>
      </c>
      <c r="AG2431">
        <v>111754</v>
      </c>
      <c r="AH2431">
        <v>50000</v>
      </c>
      <c r="AI2431">
        <v>0</v>
      </c>
      <c r="AJ2431">
        <v>100</v>
      </c>
      <c r="AK2431" t="s">
        <v>0</v>
      </c>
      <c r="AL2431">
        <v>0</v>
      </c>
      <c r="AM2431">
        <v>0</v>
      </c>
      <c r="AN2431">
        <v>0</v>
      </c>
      <c r="AO2431">
        <v>0</v>
      </c>
      <c r="AP2431">
        <v>0</v>
      </c>
      <c r="AQ2431">
        <v>0</v>
      </c>
      <c r="AR2431">
        <v>0</v>
      </c>
      <c r="AS2431">
        <v>0</v>
      </c>
      <c r="AT2431">
        <v>0</v>
      </c>
      <c r="AU2431">
        <v>0</v>
      </c>
      <c r="AV2431">
        <v>0</v>
      </c>
      <c r="AW2431">
        <v>0</v>
      </c>
      <c r="AX2431">
        <v>8791</v>
      </c>
      <c r="AY2431">
        <v>16</v>
      </c>
      <c r="AZ2431">
        <v>33</v>
      </c>
      <c r="BA2431">
        <v>2642</v>
      </c>
    </row>
    <row r="2432" spans="1:53" x14ac:dyDescent="0.4">
      <c r="A2432">
        <v>2476</v>
      </c>
      <c r="B2432" s="1">
        <v>43607</v>
      </c>
      <c r="C2432">
        <v>1</v>
      </c>
      <c r="D2432" s="1">
        <v>43607.291666666664</v>
      </c>
      <c r="E2432" s="1">
        <v>43607.443055555559</v>
      </c>
      <c r="F2432">
        <v>0</v>
      </c>
      <c r="G2432">
        <v>0</v>
      </c>
      <c r="H2432">
        <v>0</v>
      </c>
      <c r="I2432">
        <v>0</v>
      </c>
      <c r="J2432">
        <v>0</v>
      </c>
      <c r="K2432">
        <v>0</v>
      </c>
      <c r="L2432">
        <v>0</v>
      </c>
      <c r="M2432">
        <v>0</v>
      </c>
      <c r="N2432">
        <v>0</v>
      </c>
      <c r="O2432">
        <v>0</v>
      </c>
      <c r="P2432">
        <v>0</v>
      </c>
      <c r="Q2432">
        <v>0</v>
      </c>
      <c r="R2432">
        <v>0</v>
      </c>
      <c r="S2432">
        <v>0</v>
      </c>
      <c r="T2432">
        <v>0</v>
      </c>
      <c r="U2432">
        <v>0</v>
      </c>
      <c r="V2432">
        <v>0</v>
      </c>
      <c r="W2432">
        <v>0</v>
      </c>
      <c r="X2432">
        <v>0</v>
      </c>
      <c r="Y2432">
        <v>31</v>
      </c>
      <c r="Z2432">
        <v>10</v>
      </c>
      <c r="AA2432">
        <v>102</v>
      </c>
      <c r="AB2432">
        <v>40</v>
      </c>
      <c r="AC2432">
        <v>134</v>
      </c>
      <c r="AD2432">
        <v>81</v>
      </c>
      <c r="AE2432">
        <v>55</v>
      </c>
      <c r="AF2432">
        <v>0</v>
      </c>
      <c r="AG2432">
        <v>50000</v>
      </c>
      <c r="AH2432">
        <v>50000</v>
      </c>
      <c r="AI2432">
        <v>0</v>
      </c>
      <c r="AJ2432">
        <v>0</v>
      </c>
      <c r="AK2432" t="s">
        <v>6</v>
      </c>
      <c r="AL2432">
        <v>0</v>
      </c>
      <c r="AM2432">
        <v>0</v>
      </c>
      <c r="AN2432">
        <v>0</v>
      </c>
      <c r="AO2432">
        <v>0</v>
      </c>
      <c r="AP2432">
        <v>0</v>
      </c>
      <c r="AQ2432">
        <v>0</v>
      </c>
      <c r="AR2432">
        <v>0</v>
      </c>
      <c r="AS2432">
        <v>0</v>
      </c>
      <c r="AT2432">
        <v>0</v>
      </c>
      <c r="AU2432">
        <v>0</v>
      </c>
      <c r="AV2432">
        <v>0</v>
      </c>
      <c r="AW2432">
        <v>0</v>
      </c>
      <c r="AX2432">
        <v>0</v>
      </c>
      <c r="AY2432">
        <v>0</v>
      </c>
      <c r="AZ2432">
        <v>0</v>
      </c>
      <c r="BA2432">
        <v>0</v>
      </c>
    </row>
    <row r="2433" spans="1:53" x14ac:dyDescent="0.4">
      <c r="A2433">
        <v>2477</v>
      </c>
      <c r="B2433" s="1">
        <v>43607</v>
      </c>
      <c r="C2433">
        <v>2</v>
      </c>
      <c r="D2433" s="1">
        <v>43607.443055555559</v>
      </c>
      <c r="E2433" s="1">
        <v>43607.739583333336</v>
      </c>
      <c r="F2433">
        <v>21000</v>
      </c>
      <c r="G2433">
        <v>0</v>
      </c>
      <c r="H2433">
        <v>200</v>
      </c>
      <c r="I2433">
        <v>0</v>
      </c>
      <c r="J2433">
        <v>0</v>
      </c>
      <c r="K2433">
        <v>0</v>
      </c>
      <c r="L2433">
        <v>0</v>
      </c>
      <c r="M2433">
        <v>1696</v>
      </c>
      <c r="N2433">
        <v>0</v>
      </c>
      <c r="O2433">
        <v>0</v>
      </c>
      <c r="P2433">
        <v>18360</v>
      </c>
      <c r="Q2433">
        <v>0</v>
      </c>
      <c r="R2433">
        <v>41256</v>
      </c>
      <c r="S2433">
        <v>0</v>
      </c>
      <c r="T2433">
        <v>0</v>
      </c>
      <c r="U2433">
        <v>0</v>
      </c>
      <c r="V2433">
        <v>3</v>
      </c>
      <c r="W2433">
        <v>2</v>
      </c>
      <c r="X2433">
        <v>0</v>
      </c>
      <c r="Y2433">
        <v>28</v>
      </c>
      <c r="Z2433">
        <v>13</v>
      </c>
      <c r="AA2433">
        <v>122</v>
      </c>
      <c r="AB2433">
        <v>50</v>
      </c>
      <c r="AC2433">
        <v>162</v>
      </c>
      <c r="AD2433">
        <v>81</v>
      </c>
      <c r="AE2433">
        <v>51</v>
      </c>
      <c r="AF2433">
        <v>0</v>
      </c>
      <c r="AG2433">
        <v>91276</v>
      </c>
      <c r="AH2433">
        <v>50000</v>
      </c>
      <c r="AI2433">
        <v>20</v>
      </c>
      <c r="AJ2433">
        <v>97</v>
      </c>
      <c r="AK2433" t="s">
        <v>33</v>
      </c>
      <c r="AL2433">
        <v>0</v>
      </c>
      <c r="AM2433">
        <v>0</v>
      </c>
      <c r="AN2433">
        <v>0</v>
      </c>
      <c r="AO2433">
        <v>0</v>
      </c>
      <c r="AP2433">
        <v>0</v>
      </c>
      <c r="AQ2433">
        <v>0</v>
      </c>
      <c r="AR2433">
        <v>0</v>
      </c>
      <c r="AS2433">
        <v>0</v>
      </c>
      <c r="AT2433">
        <v>0</v>
      </c>
      <c r="AU2433">
        <v>0</v>
      </c>
      <c r="AV2433">
        <v>0</v>
      </c>
      <c r="AW2433">
        <v>0</v>
      </c>
      <c r="AX2433">
        <v>-2700</v>
      </c>
      <c r="AY2433">
        <v>34</v>
      </c>
      <c r="AZ2433">
        <v>76</v>
      </c>
      <c r="BA2433">
        <v>4391</v>
      </c>
    </row>
    <row r="2434" spans="1:53" x14ac:dyDescent="0.4">
      <c r="A2434">
        <v>2478</v>
      </c>
      <c r="B2434" s="1">
        <v>43607</v>
      </c>
      <c r="C2434">
        <v>3</v>
      </c>
      <c r="D2434" s="1">
        <v>43607.739583333336</v>
      </c>
      <c r="E2434" s="1">
        <v>43607.951388888891</v>
      </c>
      <c r="F2434">
        <v>21900</v>
      </c>
      <c r="G2434">
        <v>500</v>
      </c>
      <c r="H2434">
        <v>0</v>
      </c>
      <c r="I2434">
        <v>0</v>
      </c>
      <c r="J2434">
        <v>0</v>
      </c>
      <c r="K2434">
        <v>0</v>
      </c>
      <c r="L2434">
        <v>0</v>
      </c>
      <c r="M2434">
        <v>1792</v>
      </c>
      <c r="N2434">
        <v>0</v>
      </c>
      <c r="O2434">
        <v>0</v>
      </c>
      <c r="P2434">
        <v>-15768</v>
      </c>
      <c r="Q2434">
        <v>0</v>
      </c>
      <c r="R2434">
        <v>8424</v>
      </c>
      <c r="S2434">
        <v>0</v>
      </c>
      <c r="T2434">
        <v>0</v>
      </c>
      <c r="U2434">
        <v>0</v>
      </c>
      <c r="V2434">
        <v>6</v>
      </c>
      <c r="W2434">
        <v>0</v>
      </c>
      <c r="X2434">
        <v>0</v>
      </c>
      <c r="Y2434">
        <v>16</v>
      </c>
      <c r="Z2434">
        <v>12</v>
      </c>
      <c r="AA2434">
        <v>129</v>
      </c>
      <c r="AB2434">
        <v>51</v>
      </c>
      <c r="AC2434">
        <v>178</v>
      </c>
      <c r="AD2434">
        <v>81</v>
      </c>
      <c r="AE2434">
        <v>45</v>
      </c>
      <c r="AF2434">
        <v>0</v>
      </c>
      <c r="AG2434">
        <v>99680</v>
      </c>
      <c r="AH2434">
        <v>50000</v>
      </c>
      <c r="AI2434">
        <v>0</v>
      </c>
      <c r="AJ2434">
        <v>16</v>
      </c>
      <c r="AK2434" t="s">
        <v>29</v>
      </c>
      <c r="AL2434">
        <v>0</v>
      </c>
      <c r="AM2434">
        <v>0</v>
      </c>
      <c r="AN2434">
        <v>0</v>
      </c>
      <c r="AO2434">
        <v>0</v>
      </c>
      <c r="AP2434">
        <v>0</v>
      </c>
      <c r="AQ2434">
        <v>0</v>
      </c>
      <c r="AR2434">
        <v>0</v>
      </c>
      <c r="AS2434">
        <v>0</v>
      </c>
      <c r="AT2434">
        <v>0</v>
      </c>
      <c r="AU2434">
        <v>0</v>
      </c>
      <c r="AV2434">
        <v>0</v>
      </c>
      <c r="AW2434">
        <v>0</v>
      </c>
      <c r="AX2434">
        <v>4784</v>
      </c>
      <c r="AY2434">
        <v>6</v>
      </c>
      <c r="AZ2434">
        <v>12</v>
      </c>
      <c r="BA2434">
        <v>1993</v>
      </c>
    </row>
    <row r="2435" spans="1:53" x14ac:dyDescent="0.4">
      <c r="A2435">
        <v>2479</v>
      </c>
      <c r="B2435" s="1">
        <v>43608</v>
      </c>
      <c r="C2435">
        <v>1</v>
      </c>
      <c r="D2435" s="1">
        <v>43608.291666666664</v>
      </c>
      <c r="E2435" s="1">
        <v>43608.456944444442</v>
      </c>
      <c r="F2435">
        <v>0</v>
      </c>
      <c r="G2435">
        <v>0</v>
      </c>
      <c r="H2435">
        <v>0</v>
      </c>
      <c r="I2435">
        <v>0</v>
      </c>
      <c r="J2435">
        <v>0</v>
      </c>
      <c r="K2435">
        <v>0</v>
      </c>
      <c r="L2435">
        <v>0</v>
      </c>
      <c r="M2435">
        <v>0</v>
      </c>
      <c r="N2435">
        <v>0</v>
      </c>
      <c r="O2435">
        <v>0</v>
      </c>
      <c r="P2435">
        <v>0</v>
      </c>
      <c r="Q2435">
        <v>0</v>
      </c>
      <c r="R2435">
        <v>0</v>
      </c>
      <c r="S2435">
        <v>0</v>
      </c>
      <c r="T2435">
        <v>0</v>
      </c>
      <c r="U2435">
        <v>0</v>
      </c>
      <c r="V2435">
        <v>2</v>
      </c>
      <c r="W2435">
        <v>1</v>
      </c>
      <c r="X2435">
        <v>0</v>
      </c>
      <c r="Y2435">
        <v>12</v>
      </c>
      <c r="Z2435">
        <v>5</v>
      </c>
      <c r="AA2435">
        <v>66</v>
      </c>
      <c r="AB2435">
        <v>45</v>
      </c>
      <c r="AC2435">
        <v>119</v>
      </c>
      <c r="AD2435">
        <v>82</v>
      </c>
      <c r="AE2435">
        <v>50</v>
      </c>
      <c r="AF2435">
        <v>0</v>
      </c>
      <c r="AG2435">
        <v>50000</v>
      </c>
      <c r="AH2435">
        <v>0</v>
      </c>
      <c r="AI2435">
        <v>50000</v>
      </c>
      <c r="AJ2435">
        <v>0</v>
      </c>
      <c r="AK2435" t="s">
        <v>6</v>
      </c>
      <c r="AL2435">
        <v>0</v>
      </c>
      <c r="AM2435">
        <v>0</v>
      </c>
      <c r="AN2435">
        <v>0</v>
      </c>
      <c r="AO2435">
        <v>0</v>
      </c>
      <c r="AP2435">
        <v>0</v>
      </c>
      <c r="AQ2435">
        <v>0</v>
      </c>
      <c r="AR2435">
        <v>0</v>
      </c>
      <c r="AS2435">
        <v>0</v>
      </c>
      <c r="AT2435">
        <v>0</v>
      </c>
      <c r="AU2435">
        <v>0</v>
      </c>
      <c r="AV2435">
        <v>0</v>
      </c>
      <c r="AW2435">
        <v>0</v>
      </c>
      <c r="AX2435">
        <v>0</v>
      </c>
      <c r="AY2435">
        <v>0</v>
      </c>
      <c r="AZ2435">
        <v>0</v>
      </c>
      <c r="BA2435">
        <v>0</v>
      </c>
    </row>
    <row r="2436" spans="1:53" x14ac:dyDescent="0.4">
      <c r="A2436">
        <v>2480</v>
      </c>
      <c r="B2436" s="1">
        <v>43608</v>
      </c>
      <c r="C2436">
        <v>2</v>
      </c>
      <c r="D2436" s="1">
        <v>43608.456944444442</v>
      </c>
      <c r="E2436" s="1">
        <v>43608.749305555553</v>
      </c>
      <c r="F2436">
        <v>18500</v>
      </c>
      <c r="G2436">
        <v>500</v>
      </c>
      <c r="H2436">
        <v>200</v>
      </c>
      <c r="I2436">
        <v>0</v>
      </c>
      <c r="J2436">
        <v>0</v>
      </c>
      <c r="K2436">
        <v>0</v>
      </c>
      <c r="L2436">
        <v>0</v>
      </c>
      <c r="M2436">
        <v>1536</v>
      </c>
      <c r="N2436">
        <v>0</v>
      </c>
      <c r="O2436">
        <v>0</v>
      </c>
      <c r="P2436">
        <v>16200</v>
      </c>
      <c r="Q2436">
        <v>0</v>
      </c>
      <c r="R2436">
        <v>36936</v>
      </c>
      <c r="S2436">
        <v>0</v>
      </c>
      <c r="T2436">
        <v>0</v>
      </c>
      <c r="U2436">
        <v>0</v>
      </c>
      <c r="V2436">
        <v>4</v>
      </c>
      <c r="W2436">
        <v>3</v>
      </c>
      <c r="X2436">
        <v>0</v>
      </c>
      <c r="Y2436">
        <v>13</v>
      </c>
      <c r="Z2436">
        <v>14</v>
      </c>
      <c r="AA2436">
        <v>72</v>
      </c>
      <c r="AB2436">
        <v>53</v>
      </c>
      <c r="AC2436">
        <v>161</v>
      </c>
      <c r="AD2436">
        <v>85</v>
      </c>
      <c r="AE2436">
        <v>51</v>
      </c>
      <c r="AF2436">
        <v>0</v>
      </c>
      <c r="AG2436">
        <v>86936</v>
      </c>
      <c r="AH2436">
        <v>50000</v>
      </c>
      <c r="AI2436">
        <v>0</v>
      </c>
      <c r="AJ2436">
        <v>96</v>
      </c>
      <c r="AK2436" t="s">
        <v>4</v>
      </c>
      <c r="AL2436">
        <v>0</v>
      </c>
      <c r="AM2436">
        <v>0</v>
      </c>
      <c r="AN2436">
        <v>0</v>
      </c>
      <c r="AO2436">
        <v>0</v>
      </c>
      <c r="AP2436">
        <v>0</v>
      </c>
      <c r="AQ2436">
        <v>0</v>
      </c>
      <c r="AR2436">
        <v>0</v>
      </c>
      <c r="AS2436">
        <v>0</v>
      </c>
      <c r="AT2436">
        <v>0</v>
      </c>
      <c r="AU2436">
        <v>0</v>
      </c>
      <c r="AV2436">
        <v>0</v>
      </c>
      <c r="AW2436">
        <v>0</v>
      </c>
      <c r="AX2436">
        <v>410</v>
      </c>
      <c r="AY2436">
        <v>40</v>
      </c>
      <c r="AZ2436">
        <v>67</v>
      </c>
      <c r="BA2436">
        <v>5616</v>
      </c>
    </row>
    <row r="2437" spans="1:53" x14ac:dyDescent="0.4">
      <c r="A2437">
        <v>2481</v>
      </c>
      <c r="B2437" s="1">
        <v>43608</v>
      </c>
      <c r="C2437">
        <v>3</v>
      </c>
      <c r="D2437" s="1">
        <v>43608.749305555553</v>
      </c>
      <c r="E2437" s="1">
        <v>43608.95416666667</v>
      </c>
      <c r="F2437">
        <v>27920</v>
      </c>
      <c r="G2437">
        <v>1230</v>
      </c>
      <c r="H2437">
        <v>0</v>
      </c>
      <c r="I2437">
        <v>0</v>
      </c>
      <c r="J2437">
        <v>0</v>
      </c>
      <c r="K2437">
        <v>0</v>
      </c>
      <c r="L2437">
        <v>0</v>
      </c>
      <c r="M2437">
        <v>2332</v>
      </c>
      <c r="N2437">
        <v>0</v>
      </c>
      <c r="O2437">
        <v>0</v>
      </c>
      <c r="P2437">
        <v>-16200</v>
      </c>
      <c r="Q2437">
        <v>0</v>
      </c>
      <c r="R2437">
        <v>15282</v>
      </c>
      <c r="S2437">
        <v>0</v>
      </c>
      <c r="T2437">
        <v>0</v>
      </c>
      <c r="U2437">
        <v>0</v>
      </c>
      <c r="V2437">
        <v>5</v>
      </c>
      <c r="W2437">
        <v>3</v>
      </c>
      <c r="X2437">
        <v>0</v>
      </c>
      <c r="Y2437">
        <v>16</v>
      </c>
      <c r="Z2437">
        <v>14</v>
      </c>
      <c r="AA2437">
        <v>69</v>
      </c>
      <c r="AB2437">
        <v>56</v>
      </c>
      <c r="AC2437">
        <v>160</v>
      </c>
      <c r="AD2437">
        <v>85</v>
      </c>
      <c r="AE2437">
        <v>52</v>
      </c>
      <c r="AF2437">
        <v>2441</v>
      </c>
      <c r="AG2437">
        <v>102218</v>
      </c>
      <c r="AH2437">
        <v>50000</v>
      </c>
      <c r="AI2437">
        <v>0</v>
      </c>
      <c r="AJ2437">
        <v>84</v>
      </c>
      <c r="AK2437" t="s">
        <v>16</v>
      </c>
      <c r="AL2437">
        <v>0</v>
      </c>
      <c r="AM2437">
        <v>0</v>
      </c>
      <c r="AN2437">
        <v>0</v>
      </c>
      <c r="AO2437">
        <v>0</v>
      </c>
      <c r="AP2437">
        <v>0</v>
      </c>
      <c r="AQ2437">
        <v>0</v>
      </c>
      <c r="AR2437">
        <v>0</v>
      </c>
      <c r="AS2437">
        <v>0</v>
      </c>
      <c r="AT2437">
        <v>0</v>
      </c>
      <c r="AU2437">
        <v>0</v>
      </c>
      <c r="AV2437">
        <v>0</v>
      </c>
      <c r="AW2437">
        <v>0</v>
      </c>
      <c r="AX2437">
        <v>2160</v>
      </c>
      <c r="AY2437">
        <v>8</v>
      </c>
      <c r="AZ2437">
        <v>17</v>
      </c>
      <c r="BA2437">
        <v>1531</v>
      </c>
    </row>
    <row r="2438" spans="1:53" x14ac:dyDescent="0.4">
      <c r="A2438">
        <v>2482</v>
      </c>
      <c r="B2438" s="1">
        <v>43608</v>
      </c>
      <c r="C2438">
        <v>4</v>
      </c>
      <c r="D2438" s="1">
        <v>43608.95416666667</v>
      </c>
      <c r="E2438" s="1">
        <v>43609.084027777775</v>
      </c>
      <c r="F2438">
        <v>4000</v>
      </c>
      <c r="G2438">
        <v>0</v>
      </c>
      <c r="H2438">
        <v>200</v>
      </c>
      <c r="I2438">
        <v>0</v>
      </c>
      <c r="J2438">
        <v>0</v>
      </c>
      <c r="K2438">
        <v>0</v>
      </c>
      <c r="L2438">
        <v>0</v>
      </c>
      <c r="M2438">
        <v>336</v>
      </c>
      <c r="N2438">
        <v>0</v>
      </c>
      <c r="O2438">
        <v>0</v>
      </c>
      <c r="P2438">
        <v>3564</v>
      </c>
      <c r="Q2438">
        <v>0</v>
      </c>
      <c r="R2438">
        <v>8100</v>
      </c>
      <c r="S2438">
        <v>0</v>
      </c>
      <c r="T2438">
        <v>0</v>
      </c>
      <c r="U2438">
        <v>0</v>
      </c>
      <c r="V2438">
        <v>6</v>
      </c>
      <c r="W2438">
        <v>2</v>
      </c>
      <c r="X2438">
        <v>0</v>
      </c>
      <c r="Y2438">
        <v>23</v>
      </c>
      <c r="Z2438">
        <v>7</v>
      </c>
      <c r="AA2438">
        <v>65</v>
      </c>
      <c r="AB2438">
        <v>56</v>
      </c>
      <c r="AC2438">
        <v>161</v>
      </c>
      <c r="AD2438">
        <v>84</v>
      </c>
      <c r="AE2438">
        <v>47</v>
      </c>
      <c r="AF2438">
        <v>2441</v>
      </c>
      <c r="AG2438">
        <v>110318</v>
      </c>
      <c r="AH2438">
        <v>50000</v>
      </c>
      <c r="AI2438">
        <v>0</v>
      </c>
      <c r="AJ2438">
        <v>101</v>
      </c>
      <c r="AK2438" t="s">
        <v>28</v>
      </c>
      <c r="AL2438">
        <v>0</v>
      </c>
      <c r="AM2438">
        <v>0</v>
      </c>
      <c r="AN2438">
        <v>0</v>
      </c>
      <c r="AO2438">
        <v>0</v>
      </c>
      <c r="AP2438">
        <v>0</v>
      </c>
      <c r="AQ2438">
        <v>0</v>
      </c>
      <c r="AR2438">
        <v>0</v>
      </c>
      <c r="AS2438">
        <v>0</v>
      </c>
      <c r="AT2438">
        <v>0</v>
      </c>
      <c r="AU2438">
        <v>0</v>
      </c>
      <c r="AV2438">
        <v>0</v>
      </c>
      <c r="AW2438">
        <v>0</v>
      </c>
      <c r="AX2438">
        <v>0</v>
      </c>
      <c r="AY2438">
        <v>1</v>
      </c>
      <c r="AZ2438">
        <v>3</v>
      </c>
      <c r="BA2438">
        <v>75</v>
      </c>
    </row>
    <row r="2439" spans="1:53" x14ac:dyDescent="0.4">
      <c r="A2439">
        <v>2483</v>
      </c>
      <c r="B2439" s="1">
        <v>43609</v>
      </c>
      <c r="C2439">
        <v>1</v>
      </c>
      <c r="D2439" s="1">
        <v>43609.291666666664</v>
      </c>
      <c r="E2439" s="1">
        <v>43609.457638888889</v>
      </c>
      <c r="F2439">
        <v>0</v>
      </c>
      <c r="G2439">
        <v>0</v>
      </c>
      <c r="H2439">
        <v>0</v>
      </c>
      <c r="I2439">
        <v>0</v>
      </c>
      <c r="J2439">
        <v>0</v>
      </c>
      <c r="K2439">
        <v>0</v>
      </c>
      <c r="L2439">
        <v>0</v>
      </c>
      <c r="M2439">
        <v>0</v>
      </c>
      <c r="N2439">
        <v>0</v>
      </c>
      <c r="O2439">
        <v>0</v>
      </c>
      <c r="P2439">
        <v>0</v>
      </c>
      <c r="Q2439">
        <v>0</v>
      </c>
      <c r="R2439">
        <v>0</v>
      </c>
      <c r="S2439">
        <v>0</v>
      </c>
      <c r="T2439">
        <v>0</v>
      </c>
      <c r="U2439">
        <v>0</v>
      </c>
      <c r="V2439">
        <v>1</v>
      </c>
      <c r="W2439">
        <v>1</v>
      </c>
      <c r="X2439">
        <v>0</v>
      </c>
      <c r="Y2439">
        <v>23</v>
      </c>
      <c r="Z2439">
        <v>3</v>
      </c>
      <c r="AA2439">
        <v>63</v>
      </c>
      <c r="AB2439">
        <v>55</v>
      </c>
      <c r="AC2439">
        <v>105</v>
      </c>
      <c r="AD2439">
        <v>71</v>
      </c>
      <c r="AE2439">
        <v>45</v>
      </c>
      <c r="AF2439">
        <v>0</v>
      </c>
      <c r="AG2439">
        <v>50000</v>
      </c>
      <c r="AH2439">
        <v>0</v>
      </c>
      <c r="AI2439">
        <v>50000</v>
      </c>
      <c r="AJ2439">
        <v>0</v>
      </c>
      <c r="AK2439" t="s">
        <v>6</v>
      </c>
      <c r="AL2439">
        <v>0</v>
      </c>
      <c r="AM2439">
        <v>0</v>
      </c>
      <c r="AN2439">
        <v>0</v>
      </c>
      <c r="AO2439">
        <v>0</v>
      </c>
      <c r="AP2439">
        <v>0</v>
      </c>
      <c r="AQ2439">
        <v>0</v>
      </c>
      <c r="AR2439">
        <v>0</v>
      </c>
      <c r="AS2439">
        <v>0</v>
      </c>
      <c r="AT2439">
        <v>0</v>
      </c>
      <c r="AU2439">
        <v>0</v>
      </c>
      <c r="AV2439">
        <v>0</v>
      </c>
      <c r="AW2439">
        <v>0</v>
      </c>
      <c r="AX2439">
        <v>0</v>
      </c>
      <c r="AY2439">
        <v>0</v>
      </c>
      <c r="AZ2439">
        <v>0</v>
      </c>
      <c r="BA2439">
        <v>0</v>
      </c>
    </row>
    <row r="2440" spans="1:53" x14ac:dyDescent="0.4">
      <c r="A2440">
        <v>2484</v>
      </c>
      <c r="B2440" s="1">
        <v>43609</v>
      </c>
      <c r="C2440">
        <v>2</v>
      </c>
      <c r="D2440" s="1">
        <v>43609.457638888889</v>
      </c>
      <c r="E2440" s="1">
        <v>43609.741666666669</v>
      </c>
      <c r="F2440">
        <v>20500</v>
      </c>
      <c r="G2440">
        <v>680</v>
      </c>
      <c r="H2440">
        <v>200</v>
      </c>
      <c r="I2440">
        <v>0</v>
      </c>
      <c r="J2440">
        <v>0</v>
      </c>
      <c r="K2440">
        <v>0</v>
      </c>
      <c r="L2440">
        <v>0</v>
      </c>
      <c r="M2440">
        <v>1710</v>
      </c>
      <c r="N2440">
        <v>0</v>
      </c>
      <c r="O2440">
        <v>0</v>
      </c>
      <c r="P2440">
        <v>19440</v>
      </c>
      <c r="Q2440">
        <v>0</v>
      </c>
      <c r="R2440">
        <v>42530</v>
      </c>
      <c r="S2440">
        <v>0</v>
      </c>
      <c r="T2440">
        <v>0</v>
      </c>
      <c r="U2440">
        <v>0</v>
      </c>
      <c r="V2440">
        <v>1</v>
      </c>
      <c r="W2440">
        <v>1</v>
      </c>
      <c r="X2440">
        <v>0</v>
      </c>
      <c r="Y2440">
        <v>54</v>
      </c>
      <c r="Z2440">
        <v>17</v>
      </c>
      <c r="AA2440">
        <v>100</v>
      </c>
      <c r="AB2440">
        <v>57</v>
      </c>
      <c r="AC2440">
        <v>176</v>
      </c>
      <c r="AD2440">
        <v>75</v>
      </c>
      <c r="AE2440">
        <v>45</v>
      </c>
      <c r="AF2440">
        <v>0</v>
      </c>
      <c r="AG2440">
        <v>92530</v>
      </c>
      <c r="AH2440">
        <v>50000</v>
      </c>
      <c r="AI2440">
        <v>0</v>
      </c>
      <c r="AJ2440">
        <v>96</v>
      </c>
      <c r="AK2440" t="s">
        <v>4</v>
      </c>
      <c r="AL2440">
        <v>0</v>
      </c>
      <c r="AM2440">
        <v>0</v>
      </c>
      <c r="AN2440">
        <v>0</v>
      </c>
      <c r="AO2440">
        <v>0</v>
      </c>
      <c r="AP2440">
        <v>0</v>
      </c>
      <c r="AQ2440">
        <v>0</v>
      </c>
      <c r="AR2440">
        <v>0</v>
      </c>
      <c r="AS2440">
        <v>0</v>
      </c>
      <c r="AT2440">
        <v>0</v>
      </c>
      <c r="AU2440">
        <v>0</v>
      </c>
      <c r="AV2440">
        <v>0</v>
      </c>
      <c r="AW2440">
        <v>0</v>
      </c>
      <c r="AX2440">
        <v>0</v>
      </c>
      <c r="AY2440">
        <v>40</v>
      </c>
      <c r="AZ2440">
        <v>76</v>
      </c>
      <c r="BA2440">
        <v>5677</v>
      </c>
    </row>
    <row r="2441" spans="1:53" x14ac:dyDescent="0.4">
      <c r="A2441">
        <v>2485</v>
      </c>
      <c r="B2441" s="1">
        <v>43610</v>
      </c>
      <c r="C2441">
        <v>1</v>
      </c>
      <c r="D2441" s="1">
        <v>43610.291666666664</v>
      </c>
      <c r="E2441" s="1">
        <v>43610.398611111108</v>
      </c>
      <c r="F2441">
        <v>0</v>
      </c>
      <c r="G2441">
        <v>0</v>
      </c>
      <c r="H2441">
        <v>0</v>
      </c>
      <c r="I2441">
        <v>0</v>
      </c>
      <c r="J2441">
        <v>0</v>
      </c>
      <c r="K2441">
        <v>0</v>
      </c>
      <c r="L2441">
        <v>0</v>
      </c>
      <c r="M2441">
        <v>0</v>
      </c>
      <c r="N2441">
        <v>0</v>
      </c>
      <c r="O2441">
        <v>0</v>
      </c>
      <c r="P2441">
        <v>0</v>
      </c>
      <c r="Q2441">
        <v>0</v>
      </c>
      <c r="R2441">
        <v>0</v>
      </c>
      <c r="S2441">
        <v>0</v>
      </c>
      <c r="T2441">
        <v>0</v>
      </c>
      <c r="U2441">
        <v>0</v>
      </c>
      <c r="V2441">
        <v>0</v>
      </c>
      <c r="W2441">
        <v>0</v>
      </c>
      <c r="X2441">
        <v>0</v>
      </c>
      <c r="Y2441">
        <v>31</v>
      </c>
      <c r="Z2441">
        <v>12</v>
      </c>
      <c r="AA2441">
        <v>89</v>
      </c>
      <c r="AB2441">
        <v>52</v>
      </c>
      <c r="AC2441">
        <v>108</v>
      </c>
      <c r="AD2441">
        <v>76</v>
      </c>
      <c r="AE2441">
        <v>40</v>
      </c>
      <c r="AF2441">
        <v>0</v>
      </c>
      <c r="AG2441">
        <v>50000</v>
      </c>
      <c r="AH2441">
        <v>50000</v>
      </c>
      <c r="AI2441">
        <v>0</v>
      </c>
      <c r="AJ2441">
        <v>0</v>
      </c>
      <c r="AK2441" t="s">
        <v>6</v>
      </c>
      <c r="AL2441">
        <v>0</v>
      </c>
      <c r="AM2441">
        <v>0</v>
      </c>
      <c r="AN2441">
        <v>0</v>
      </c>
      <c r="AO2441">
        <v>0</v>
      </c>
      <c r="AP2441">
        <v>0</v>
      </c>
      <c r="AQ2441">
        <v>0</v>
      </c>
      <c r="AR2441">
        <v>0</v>
      </c>
      <c r="AS2441">
        <v>0</v>
      </c>
      <c r="AT2441">
        <v>0</v>
      </c>
      <c r="AU2441">
        <v>0</v>
      </c>
      <c r="AV2441">
        <v>0</v>
      </c>
      <c r="AW2441">
        <v>0</v>
      </c>
      <c r="AX2441">
        <v>0</v>
      </c>
      <c r="AY2441">
        <v>0</v>
      </c>
      <c r="AZ2441">
        <v>0</v>
      </c>
      <c r="BA2441">
        <v>0</v>
      </c>
    </row>
    <row r="2442" spans="1:53" x14ac:dyDescent="0.4">
      <c r="A2442">
        <v>2486</v>
      </c>
      <c r="B2442" s="1">
        <v>43610</v>
      </c>
      <c r="C2442">
        <v>2</v>
      </c>
      <c r="D2442" s="1">
        <v>43610.398611111108</v>
      </c>
      <c r="E2442" s="1">
        <v>43610.746527777781</v>
      </c>
      <c r="F2442">
        <v>42000</v>
      </c>
      <c r="G2442">
        <v>2700</v>
      </c>
      <c r="H2442">
        <v>0</v>
      </c>
      <c r="I2442">
        <v>0</v>
      </c>
      <c r="J2442">
        <v>0</v>
      </c>
      <c r="K2442">
        <v>0</v>
      </c>
      <c r="L2442">
        <v>0</v>
      </c>
      <c r="M2442">
        <v>3575</v>
      </c>
      <c r="N2442">
        <v>0</v>
      </c>
      <c r="O2442">
        <v>0</v>
      </c>
      <c r="P2442">
        <v>32670</v>
      </c>
      <c r="Q2442">
        <v>0</v>
      </c>
      <c r="R2442">
        <v>80945</v>
      </c>
      <c r="S2442">
        <v>0</v>
      </c>
      <c r="T2442">
        <v>0</v>
      </c>
      <c r="U2442">
        <v>0</v>
      </c>
      <c r="V2442">
        <v>5</v>
      </c>
      <c r="W2442">
        <v>1</v>
      </c>
      <c r="X2442">
        <v>0</v>
      </c>
      <c r="Y2442">
        <v>43</v>
      </c>
      <c r="Z2442">
        <v>36</v>
      </c>
      <c r="AA2442">
        <v>95</v>
      </c>
      <c r="AB2442">
        <v>60</v>
      </c>
      <c r="AC2442">
        <v>203</v>
      </c>
      <c r="AD2442">
        <v>75</v>
      </c>
      <c r="AE2442">
        <v>40</v>
      </c>
      <c r="AF2442">
        <v>0</v>
      </c>
      <c r="AG2442">
        <v>130945</v>
      </c>
      <c r="AH2442">
        <v>50000</v>
      </c>
      <c r="AI2442">
        <v>0</v>
      </c>
      <c r="AJ2442">
        <v>93</v>
      </c>
      <c r="AK2442" t="s">
        <v>20</v>
      </c>
      <c r="AL2442">
        <v>0</v>
      </c>
      <c r="AM2442">
        <v>0</v>
      </c>
      <c r="AN2442">
        <v>0</v>
      </c>
      <c r="AO2442">
        <v>0</v>
      </c>
      <c r="AP2442">
        <v>0</v>
      </c>
      <c r="AQ2442">
        <v>0</v>
      </c>
      <c r="AR2442">
        <v>0</v>
      </c>
      <c r="AS2442">
        <v>0</v>
      </c>
      <c r="AT2442">
        <v>0</v>
      </c>
      <c r="AU2442">
        <v>0</v>
      </c>
      <c r="AV2442">
        <v>0</v>
      </c>
      <c r="AW2442">
        <v>0</v>
      </c>
      <c r="AX2442">
        <v>7862</v>
      </c>
      <c r="AY2442">
        <v>52</v>
      </c>
      <c r="AZ2442">
        <v>131</v>
      </c>
      <c r="BA2442">
        <v>7594</v>
      </c>
    </row>
    <row r="2443" spans="1:53" x14ac:dyDescent="0.4">
      <c r="A2443">
        <v>2487</v>
      </c>
      <c r="B2443" s="1">
        <v>43610</v>
      </c>
      <c r="C2443">
        <v>3</v>
      </c>
      <c r="D2443" s="1">
        <v>43610.746527777781</v>
      </c>
      <c r="E2443" s="1">
        <v>43611.074999999997</v>
      </c>
      <c r="F2443">
        <v>207150</v>
      </c>
      <c r="G2443">
        <v>27280</v>
      </c>
      <c r="H2443">
        <v>200</v>
      </c>
      <c r="I2443">
        <v>0</v>
      </c>
      <c r="J2443">
        <v>0</v>
      </c>
      <c r="K2443">
        <v>4000</v>
      </c>
      <c r="L2443">
        <v>0</v>
      </c>
      <c r="M2443">
        <v>19089</v>
      </c>
      <c r="N2443">
        <v>0</v>
      </c>
      <c r="O2443">
        <v>0</v>
      </c>
      <c r="P2443">
        <v>21978</v>
      </c>
      <c r="Q2443">
        <v>0</v>
      </c>
      <c r="R2443">
        <v>279697</v>
      </c>
      <c r="S2443">
        <v>0</v>
      </c>
      <c r="T2443">
        <v>0</v>
      </c>
      <c r="U2443">
        <v>0</v>
      </c>
      <c r="V2443">
        <v>26</v>
      </c>
      <c r="W2443">
        <v>0</v>
      </c>
      <c r="X2443">
        <v>0</v>
      </c>
      <c r="Y2443">
        <v>88</v>
      </c>
      <c r="Z2443">
        <v>33</v>
      </c>
      <c r="AA2443">
        <v>66</v>
      </c>
      <c r="AB2443">
        <v>52</v>
      </c>
      <c r="AC2443">
        <v>165</v>
      </c>
      <c r="AD2443">
        <v>19</v>
      </c>
      <c r="AE2443">
        <v>41</v>
      </c>
      <c r="AF2443">
        <v>35156</v>
      </c>
      <c r="AG2443">
        <v>410642</v>
      </c>
      <c r="AH2443">
        <v>50000</v>
      </c>
      <c r="AI2443">
        <v>0</v>
      </c>
      <c r="AJ2443">
        <v>108</v>
      </c>
      <c r="AK2443" t="s">
        <v>30</v>
      </c>
      <c r="AL2443">
        <v>0</v>
      </c>
      <c r="AM2443">
        <v>0</v>
      </c>
      <c r="AN2443">
        <v>0</v>
      </c>
      <c r="AO2443">
        <v>0</v>
      </c>
      <c r="AP2443">
        <v>0</v>
      </c>
      <c r="AQ2443">
        <v>0</v>
      </c>
      <c r="AR2443">
        <v>0</v>
      </c>
      <c r="AS2443">
        <v>0</v>
      </c>
      <c r="AT2443">
        <v>0</v>
      </c>
      <c r="AU2443">
        <v>0</v>
      </c>
      <c r="AV2443">
        <v>0</v>
      </c>
      <c r="AW2443">
        <v>0</v>
      </c>
      <c r="AX2443">
        <v>15908</v>
      </c>
      <c r="AY2443">
        <v>47</v>
      </c>
      <c r="AZ2443">
        <v>178</v>
      </c>
      <c r="BA2443">
        <v>5999</v>
      </c>
    </row>
    <row r="2444" spans="1:53" x14ac:dyDescent="0.4">
      <c r="A2444">
        <v>2488</v>
      </c>
      <c r="B2444" s="1">
        <v>43611</v>
      </c>
      <c r="C2444">
        <v>1</v>
      </c>
      <c r="D2444" s="1">
        <v>43611.291666666664</v>
      </c>
      <c r="E2444" s="1">
        <v>43611.405555555553</v>
      </c>
      <c r="F2444">
        <v>0</v>
      </c>
      <c r="G2444">
        <v>0</v>
      </c>
      <c r="H2444">
        <v>0</v>
      </c>
      <c r="I2444">
        <v>0</v>
      </c>
      <c r="J2444">
        <v>0</v>
      </c>
      <c r="K2444">
        <v>0</v>
      </c>
      <c r="L2444">
        <v>0</v>
      </c>
      <c r="M2444">
        <v>0</v>
      </c>
      <c r="N2444">
        <v>0</v>
      </c>
      <c r="O2444">
        <v>0</v>
      </c>
      <c r="P2444">
        <v>0</v>
      </c>
      <c r="Q2444">
        <v>0</v>
      </c>
      <c r="R2444">
        <v>0</v>
      </c>
      <c r="S2444">
        <v>0</v>
      </c>
      <c r="T2444">
        <v>0</v>
      </c>
      <c r="U2444">
        <v>0</v>
      </c>
      <c r="V2444">
        <v>0</v>
      </c>
      <c r="W2444">
        <v>0</v>
      </c>
      <c r="X2444">
        <v>0</v>
      </c>
      <c r="Y2444">
        <v>34</v>
      </c>
      <c r="Z2444">
        <v>12</v>
      </c>
      <c r="AA2444">
        <v>63</v>
      </c>
      <c r="AB2444">
        <v>51</v>
      </c>
      <c r="AC2444">
        <v>103</v>
      </c>
      <c r="AD2444">
        <v>18</v>
      </c>
      <c r="AE2444">
        <v>30</v>
      </c>
      <c r="AF2444">
        <v>0</v>
      </c>
      <c r="AG2444">
        <v>50000</v>
      </c>
      <c r="AH2444">
        <v>50000</v>
      </c>
      <c r="AI2444">
        <v>0</v>
      </c>
      <c r="AJ2444">
        <v>0</v>
      </c>
      <c r="AK2444" t="s">
        <v>6</v>
      </c>
      <c r="AL2444">
        <v>0</v>
      </c>
      <c r="AM2444">
        <v>0</v>
      </c>
      <c r="AN2444">
        <v>0</v>
      </c>
      <c r="AO2444">
        <v>0</v>
      </c>
      <c r="AP2444">
        <v>0</v>
      </c>
      <c r="AQ2444">
        <v>0</v>
      </c>
      <c r="AR2444">
        <v>0</v>
      </c>
      <c r="AS2444">
        <v>0</v>
      </c>
      <c r="AT2444">
        <v>0</v>
      </c>
      <c r="AU2444">
        <v>0</v>
      </c>
      <c r="AV2444">
        <v>0</v>
      </c>
      <c r="AW2444">
        <v>0</v>
      </c>
      <c r="AX2444">
        <v>0</v>
      </c>
      <c r="AY2444">
        <v>0</v>
      </c>
      <c r="AZ2444">
        <v>0</v>
      </c>
      <c r="BA2444">
        <v>0</v>
      </c>
    </row>
    <row r="2445" spans="1:53" x14ac:dyDescent="0.4">
      <c r="A2445">
        <v>2489</v>
      </c>
      <c r="B2445" s="1">
        <v>43611</v>
      </c>
      <c r="C2445">
        <v>2</v>
      </c>
      <c r="D2445" s="1">
        <v>43611.405555555553</v>
      </c>
      <c r="E2445" s="1">
        <v>43611.749305555553</v>
      </c>
      <c r="F2445">
        <v>50000</v>
      </c>
      <c r="G2445">
        <v>3580</v>
      </c>
      <c r="H2445">
        <v>400</v>
      </c>
      <c r="I2445">
        <v>0</v>
      </c>
      <c r="J2445">
        <v>0</v>
      </c>
      <c r="K2445">
        <v>0</v>
      </c>
      <c r="L2445">
        <v>0</v>
      </c>
      <c r="M2445">
        <v>4317</v>
      </c>
      <c r="N2445">
        <v>0</v>
      </c>
      <c r="O2445">
        <v>0</v>
      </c>
      <c r="P2445">
        <v>19980</v>
      </c>
      <c r="Q2445">
        <v>0</v>
      </c>
      <c r="R2445">
        <v>78277</v>
      </c>
      <c r="S2445">
        <v>0</v>
      </c>
      <c r="T2445">
        <v>0</v>
      </c>
      <c r="U2445">
        <v>0</v>
      </c>
      <c r="V2445">
        <v>0</v>
      </c>
      <c r="W2445">
        <v>3</v>
      </c>
      <c r="X2445">
        <v>0</v>
      </c>
      <c r="Y2445">
        <v>71</v>
      </c>
      <c r="Z2445">
        <v>49</v>
      </c>
      <c r="AA2445">
        <v>66</v>
      </c>
      <c r="AB2445">
        <v>53</v>
      </c>
      <c r="AC2445">
        <v>184</v>
      </c>
      <c r="AD2445">
        <v>26</v>
      </c>
      <c r="AE2445">
        <v>18</v>
      </c>
      <c r="AF2445">
        <v>6539</v>
      </c>
      <c r="AG2445">
        <v>128277</v>
      </c>
      <c r="AH2445">
        <v>50000</v>
      </c>
      <c r="AI2445">
        <v>0</v>
      </c>
      <c r="AJ2445">
        <v>85</v>
      </c>
      <c r="AK2445" t="s">
        <v>37</v>
      </c>
      <c r="AL2445">
        <v>0</v>
      </c>
      <c r="AM2445">
        <v>0</v>
      </c>
      <c r="AN2445">
        <v>0</v>
      </c>
      <c r="AO2445">
        <v>0</v>
      </c>
      <c r="AP2445">
        <v>0</v>
      </c>
      <c r="AQ2445">
        <v>0</v>
      </c>
      <c r="AR2445">
        <v>0</v>
      </c>
      <c r="AS2445">
        <v>0</v>
      </c>
      <c r="AT2445">
        <v>0</v>
      </c>
      <c r="AU2445">
        <v>0</v>
      </c>
      <c r="AV2445">
        <v>0</v>
      </c>
      <c r="AW2445">
        <v>0</v>
      </c>
      <c r="AX2445">
        <v>734</v>
      </c>
      <c r="AY2445">
        <v>56</v>
      </c>
      <c r="AZ2445">
        <v>138</v>
      </c>
      <c r="BA2445">
        <v>8271</v>
      </c>
    </row>
    <row r="2446" spans="1:53" x14ac:dyDescent="0.4">
      <c r="A2446">
        <v>2490</v>
      </c>
      <c r="B2446" s="1">
        <v>43611</v>
      </c>
      <c r="C2446">
        <v>3</v>
      </c>
      <c r="D2446" s="1">
        <v>43611.749305555553</v>
      </c>
      <c r="E2446" s="1">
        <v>43611.956250000003</v>
      </c>
      <c r="F2446">
        <v>36740</v>
      </c>
      <c r="G2446">
        <v>680</v>
      </c>
      <c r="H2446">
        <v>0</v>
      </c>
      <c r="I2446">
        <v>0</v>
      </c>
      <c r="J2446">
        <v>760</v>
      </c>
      <c r="K2446">
        <v>0</v>
      </c>
      <c r="L2446">
        <v>0</v>
      </c>
      <c r="M2446">
        <v>2933</v>
      </c>
      <c r="N2446">
        <v>0</v>
      </c>
      <c r="O2446">
        <v>0</v>
      </c>
      <c r="P2446">
        <v>-19980</v>
      </c>
      <c r="Q2446">
        <v>0</v>
      </c>
      <c r="R2446">
        <v>19613</v>
      </c>
      <c r="S2446">
        <v>0</v>
      </c>
      <c r="T2446">
        <v>0</v>
      </c>
      <c r="U2446">
        <v>0</v>
      </c>
      <c r="V2446">
        <v>2</v>
      </c>
      <c r="W2446">
        <v>3</v>
      </c>
      <c r="X2446">
        <v>0</v>
      </c>
      <c r="Y2446">
        <v>69</v>
      </c>
      <c r="Z2446">
        <v>50</v>
      </c>
      <c r="AA2446">
        <v>68</v>
      </c>
      <c r="AB2446">
        <v>57</v>
      </c>
      <c r="AC2446">
        <v>200</v>
      </c>
      <c r="AD2446">
        <v>27</v>
      </c>
      <c r="AE2446">
        <v>26</v>
      </c>
      <c r="AF2446">
        <v>7079</v>
      </c>
      <c r="AG2446">
        <v>147890</v>
      </c>
      <c r="AH2446">
        <v>50000</v>
      </c>
      <c r="AI2446">
        <v>0</v>
      </c>
      <c r="AJ2446">
        <v>99</v>
      </c>
      <c r="AK2446" t="s">
        <v>9</v>
      </c>
      <c r="AL2446">
        <v>0</v>
      </c>
      <c r="AM2446">
        <v>0</v>
      </c>
      <c r="AN2446">
        <v>0</v>
      </c>
      <c r="AO2446">
        <v>0</v>
      </c>
      <c r="AP2446">
        <v>0</v>
      </c>
      <c r="AQ2446">
        <v>0</v>
      </c>
      <c r="AR2446">
        <v>0</v>
      </c>
      <c r="AS2446">
        <v>0</v>
      </c>
      <c r="AT2446">
        <v>0</v>
      </c>
      <c r="AU2446">
        <v>0</v>
      </c>
      <c r="AV2446">
        <v>0</v>
      </c>
      <c r="AW2446">
        <v>0</v>
      </c>
      <c r="AX2446">
        <v>8662</v>
      </c>
      <c r="AY2446">
        <v>11</v>
      </c>
      <c r="AZ2446">
        <v>26</v>
      </c>
      <c r="BA2446">
        <v>2400</v>
      </c>
    </row>
    <row r="2447" spans="1:53" x14ac:dyDescent="0.4">
      <c r="A2447">
        <v>2491</v>
      </c>
      <c r="B2447" s="1">
        <v>43611</v>
      </c>
      <c r="C2447">
        <v>4</v>
      </c>
      <c r="D2447" s="1">
        <v>43611.956250000003</v>
      </c>
      <c r="E2447" s="1">
        <v>43612.071527777778</v>
      </c>
      <c r="F2447">
        <v>12000</v>
      </c>
      <c r="G2447">
        <v>3520</v>
      </c>
      <c r="H2447">
        <v>200</v>
      </c>
      <c r="I2447">
        <v>0</v>
      </c>
      <c r="J2447">
        <v>0</v>
      </c>
      <c r="K2447">
        <v>0</v>
      </c>
      <c r="L2447">
        <v>0</v>
      </c>
      <c r="M2447">
        <v>1258</v>
      </c>
      <c r="N2447">
        <v>0</v>
      </c>
      <c r="O2447">
        <v>0</v>
      </c>
      <c r="P2447">
        <v>0</v>
      </c>
      <c r="Q2447">
        <v>0</v>
      </c>
      <c r="R2447">
        <v>16978</v>
      </c>
      <c r="S2447">
        <v>0</v>
      </c>
      <c r="T2447">
        <v>0</v>
      </c>
      <c r="U2447">
        <v>0</v>
      </c>
      <c r="V2447">
        <v>3</v>
      </c>
      <c r="W2447">
        <v>3</v>
      </c>
      <c r="X2447">
        <v>0</v>
      </c>
      <c r="Y2447">
        <v>76</v>
      </c>
      <c r="Z2447">
        <v>50</v>
      </c>
      <c r="AA2447">
        <v>66</v>
      </c>
      <c r="AB2447">
        <v>58</v>
      </c>
      <c r="AC2447">
        <v>192</v>
      </c>
      <c r="AD2447">
        <v>26</v>
      </c>
      <c r="AE2447">
        <v>23</v>
      </c>
      <c r="AF2447">
        <v>7295</v>
      </c>
      <c r="AG2447">
        <v>164868</v>
      </c>
      <c r="AH2447">
        <v>50000</v>
      </c>
      <c r="AI2447">
        <v>0</v>
      </c>
      <c r="AJ2447">
        <v>108</v>
      </c>
      <c r="AK2447" t="s">
        <v>30</v>
      </c>
      <c r="AL2447">
        <v>0</v>
      </c>
      <c r="AM2447">
        <v>0</v>
      </c>
      <c r="AN2447">
        <v>0</v>
      </c>
      <c r="AO2447">
        <v>0</v>
      </c>
      <c r="AP2447">
        <v>0</v>
      </c>
      <c r="AQ2447">
        <v>0</v>
      </c>
      <c r="AR2447">
        <v>0</v>
      </c>
      <c r="AS2447">
        <v>0</v>
      </c>
      <c r="AT2447">
        <v>0</v>
      </c>
      <c r="AU2447">
        <v>0</v>
      </c>
      <c r="AV2447">
        <v>0</v>
      </c>
      <c r="AW2447">
        <v>0</v>
      </c>
      <c r="AX2447">
        <v>7560</v>
      </c>
      <c r="AY2447">
        <v>2</v>
      </c>
      <c r="AZ2447">
        <v>6</v>
      </c>
      <c r="BA2447">
        <v>359</v>
      </c>
    </row>
    <row r="2448" spans="1:53" x14ac:dyDescent="0.4">
      <c r="A2448">
        <v>2492</v>
      </c>
      <c r="B2448" s="1">
        <v>43612</v>
      </c>
      <c r="C2448">
        <v>1</v>
      </c>
      <c r="D2448" s="1">
        <v>43612.291666666664</v>
      </c>
      <c r="E2448" s="1">
        <v>43612.449305555558</v>
      </c>
      <c r="F2448">
        <v>0</v>
      </c>
      <c r="G2448">
        <v>0</v>
      </c>
      <c r="H2448">
        <v>0</v>
      </c>
      <c r="I2448">
        <v>0</v>
      </c>
      <c r="J2448">
        <v>0</v>
      </c>
      <c r="K2448">
        <v>0</v>
      </c>
      <c r="L2448">
        <v>0</v>
      </c>
      <c r="M2448">
        <v>0</v>
      </c>
      <c r="N2448">
        <v>0</v>
      </c>
      <c r="O2448">
        <v>0</v>
      </c>
      <c r="P2448">
        <v>0</v>
      </c>
      <c r="Q2448">
        <v>0</v>
      </c>
      <c r="R2448">
        <v>0</v>
      </c>
      <c r="S2448">
        <v>0</v>
      </c>
      <c r="T2448">
        <v>0</v>
      </c>
      <c r="U2448">
        <v>0</v>
      </c>
      <c r="V2448">
        <v>0</v>
      </c>
      <c r="W2448">
        <v>0</v>
      </c>
      <c r="X2448">
        <v>0</v>
      </c>
      <c r="Y2448">
        <v>34</v>
      </c>
      <c r="Z2448">
        <v>11</v>
      </c>
      <c r="AA2448">
        <v>65</v>
      </c>
      <c r="AB2448">
        <v>56</v>
      </c>
      <c r="AC2448">
        <v>106</v>
      </c>
      <c r="AD2448">
        <v>25</v>
      </c>
      <c r="AE2448">
        <v>15</v>
      </c>
      <c r="AF2448">
        <v>0</v>
      </c>
      <c r="AG2448">
        <v>50000</v>
      </c>
      <c r="AH2448">
        <v>0</v>
      </c>
      <c r="AI2448">
        <v>50000</v>
      </c>
      <c r="AJ2448">
        <v>0</v>
      </c>
      <c r="AK2448" t="s">
        <v>6</v>
      </c>
      <c r="AL2448">
        <v>0</v>
      </c>
      <c r="AM2448">
        <v>0</v>
      </c>
      <c r="AN2448">
        <v>0</v>
      </c>
      <c r="AO2448">
        <v>0</v>
      </c>
      <c r="AP2448">
        <v>0</v>
      </c>
      <c r="AQ2448">
        <v>0</v>
      </c>
      <c r="AR2448">
        <v>0</v>
      </c>
      <c r="AS2448">
        <v>0</v>
      </c>
      <c r="AT2448">
        <v>0</v>
      </c>
      <c r="AU2448">
        <v>0</v>
      </c>
      <c r="AV2448">
        <v>0</v>
      </c>
      <c r="AW2448">
        <v>0</v>
      </c>
      <c r="AX2448">
        <v>0</v>
      </c>
      <c r="AY2448">
        <v>0</v>
      </c>
      <c r="AZ2448">
        <v>0</v>
      </c>
      <c r="BA2448">
        <v>0</v>
      </c>
    </row>
    <row r="2449" spans="1:53" x14ac:dyDescent="0.4">
      <c r="A2449">
        <v>2493</v>
      </c>
      <c r="B2449" s="1">
        <v>43612</v>
      </c>
      <c r="C2449">
        <v>2</v>
      </c>
      <c r="D2449" s="1">
        <v>43612.449305555558</v>
      </c>
      <c r="E2449" s="1">
        <v>43612.747916666667</v>
      </c>
      <c r="F2449">
        <v>27750</v>
      </c>
      <c r="G2449">
        <v>1500</v>
      </c>
      <c r="H2449">
        <v>200</v>
      </c>
      <c r="I2449">
        <v>0</v>
      </c>
      <c r="J2449">
        <v>0</v>
      </c>
      <c r="K2449">
        <v>0</v>
      </c>
      <c r="L2449">
        <v>0</v>
      </c>
      <c r="M2449">
        <v>2356</v>
      </c>
      <c r="N2449">
        <v>0</v>
      </c>
      <c r="O2449">
        <v>0</v>
      </c>
      <c r="P2449">
        <v>14580</v>
      </c>
      <c r="Q2449">
        <v>0</v>
      </c>
      <c r="R2449">
        <v>46386</v>
      </c>
      <c r="S2449">
        <v>0</v>
      </c>
      <c r="T2449">
        <v>0</v>
      </c>
      <c r="U2449">
        <v>0</v>
      </c>
      <c r="V2449">
        <v>0</v>
      </c>
      <c r="W2449">
        <v>1</v>
      </c>
      <c r="X2449">
        <v>0</v>
      </c>
      <c r="Y2449">
        <v>66</v>
      </c>
      <c r="Z2449">
        <v>22</v>
      </c>
      <c r="AA2449">
        <v>100</v>
      </c>
      <c r="AB2449">
        <v>48</v>
      </c>
      <c r="AC2449">
        <v>179</v>
      </c>
      <c r="AD2449">
        <v>31</v>
      </c>
      <c r="AE2449">
        <v>41</v>
      </c>
      <c r="AF2449">
        <v>0</v>
      </c>
      <c r="AG2449">
        <v>96386</v>
      </c>
      <c r="AH2449">
        <v>50000</v>
      </c>
      <c r="AI2449">
        <v>0</v>
      </c>
      <c r="AJ2449">
        <v>84</v>
      </c>
      <c r="AK2449" t="s">
        <v>16</v>
      </c>
      <c r="AL2449">
        <v>0</v>
      </c>
      <c r="AM2449">
        <v>0</v>
      </c>
      <c r="AN2449">
        <v>0</v>
      </c>
      <c r="AO2449">
        <v>0</v>
      </c>
      <c r="AP2449">
        <v>0</v>
      </c>
      <c r="AQ2449">
        <v>0</v>
      </c>
      <c r="AR2449">
        <v>0</v>
      </c>
      <c r="AS2449">
        <v>0</v>
      </c>
      <c r="AT2449">
        <v>0</v>
      </c>
      <c r="AU2449">
        <v>0</v>
      </c>
      <c r="AV2449">
        <v>0</v>
      </c>
      <c r="AW2449">
        <v>0</v>
      </c>
      <c r="AX2449">
        <v>-670</v>
      </c>
      <c r="AY2449">
        <v>41</v>
      </c>
      <c r="AZ2449">
        <v>82</v>
      </c>
      <c r="BA2449">
        <v>6005</v>
      </c>
    </row>
    <row r="2450" spans="1:53" x14ac:dyDescent="0.4">
      <c r="A2450">
        <v>2494</v>
      </c>
      <c r="B2450" s="1">
        <v>43612</v>
      </c>
      <c r="C2450">
        <v>3</v>
      </c>
      <c r="D2450" s="1">
        <v>43612.747916666667</v>
      </c>
      <c r="E2450" s="1">
        <v>43612.960416666669</v>
      </c>
      <c r="F2450">
        <v>30000</v>
      </c>
      <c r="G2450">
        <v>380</v>
      </c>
      <c r="H2450">
        <v>0</v>
      </c>
      <c r="I2450">
        <v>0</v>
      </c>
      <c r="J2450">
        <v>0</v>
      </c>
      <c r="K2450">
        <v>0</v>
      </c>
      <c r="L2450">
        <v>0</v>
      </c>
      <c r="M2450">
        <v>2430</v>
      </c>
      <c r="N2450">
        <v>0</v>
      </c>
      <c r="O2450">
        <v>0</v>
      </c>
      <c r="P2450">
        <v>-7344</v>
      </c>
      <c r="Q2450">
        <v>0</v>
      </c>
      <c r="R2450">
        <v>25466</v>
      </c>
      <c r="S2450">
        <v>0</v>
      </c>
      <c r="T2450">
        <v>0</v>
      </c>
      <c r="U2450">
        <v>0</v>
      </c>
      <c r="V2450">
        <v>2</v>
      </c>
      <c r="W2450">
        <v>0</v>
      </c>
      <c r="X2450">
        <v>0</v>
      </c>
      <c r="Y2450">
        <v>78</v>
      </c>
      <c r="Z2450">
        <v>21</v>
      </c>
      <c r="AA2450">
        <v>88</v>
      </c>
      <c r="AB2450">
        <v>49</v>
      </c>
      <c r="AC2450">
        <v>190</v>
      </c>
      <c r="AD2450">
        <v>32</v>
      </c>
      <c r="AE2450">
        <v>42</v>
      </c>
      <c r="AF2450">
        <v>0</v>
      </c>
      <c r="AG2450">
        <v>121852</v>
      </c>
      <c r="AH2450">
        <v>50000</v>
      </c>
      <c r="AI2450">
        <v>0</v>
      </c>
      <c r="AJ2450">
        <v>94</v>
      </c>
      <c r="AK2450" t="s">
        <v>21</v>
      </c>
      <c r="AL2450">
        <v>0</v>
      </c>
      <c r="AM2450">
        <v>0</v>
      </c>
      <c r="AN2450">
        <v>0</v>
      </c>
      <c r="AO2450">
        <v>0</v>
      </c>
      <c r="AP2450">
        <v>0</v>
      </c>
      <c r="AQ2450">
        <v>0</v>
      </c>
      <c r="AR2450">
        <v>0</v>
      </c>
      <c r="AS2450">
        <v>0</v>
      </c>
      <c r="AT2450">
        <v>0</v>
      </c>
      <c r="AU2450">
        <v>0</v>
      </c>
      <c r="AV2450">
        <v>0</v>
      </c>
      <c r="AW2450">
        <v>0</v>
      </c>
      <c r="AX2450">
        <v>2773</v>
      </c>
      <c r="AY2450">
        <v>13</v>
      </c>
      <c r="AZ2450">
        <v>26</v>
      </c>
      <c r="BA2450">
        <v>2396</v>
      </c>
    </row>
    <row r="2451" spans="1:53" x14ac:dyDescent="0.4">
      <c r="A2451">
        <v>2495</v>
      </c>
      <c r="B2451" s="1">
        <v>43613</v>
      </c>
      <c r="C2451">
        <v>1</v>
      </c>
      <c r="D2451" s="1">
        <v>43613.291666666664</v>
      </c>
      <c r="E2451" s="1">
        <v>43613.45</v>
      </c>
      <c r="F2451">
        <v>0</v>
      </c>
      <c r="G2451">
        <v>0</v>
      </c>
      <c r="H2451">
        <v>0</v>
      </c>
      <c r="I2451">
        <v>0</v>
      </c>
      <c r="J2451">
        <v>0</v>
      </c>
      <c r="K2451">
        <v>0</v>
      </c>
      <c r="L2451">
        <v>0</v>
      </c>
      <c r="M2451">
        <v>0</v>
      </c>
      <c r="N2451">
        <v>0</v>
      </c>
      <c r="O2451">
        <v>0</v>
      </c>
      <c r="P2451">
        <v>0</v>
      </c>
      <c r="Q2451">
        <v>0</v>
      </c>
      <c r="R2451">
        <v>0</v>
      </c>
      <c r="S2451">
        <v>0</v>
      </c>
      <c r="T2451">
        <v>0</v>
      </c>
      <c r="U2451">
        <v>0</v>
      </c>
      <c r="V2451">
        <v>0</v>
      </c>
      <c r="W2451">
        <v>1</v>
      </c>
      <c r="X2451">
        <v>0</v>
      </c>
      <c r="Y2451">
        <v>28</v>
      </c>
      <c r="Z2451">
        <v>10</v>
      </c>
      <c r="AA2451">
        <v>81</v>
      </c>
      <c r="AB2451">
        <v>44</v>
      </c>
      <c r="AC2451">
        <v>149</v>
      </c>
      <c r="AD2451">
        <v>32</v>
      </c>
      <c r="AE2451">
        <v>50</v>
      </c>
      <c r="AF2451">
        <v>0</v>
      </c>
      <c r="AG2451">
        <v>50000</v>
      </c>
      <c r="AH2451">
        <v>50000</v>
      </c>
      <c r="AI2451">
        <v>0</v>
      </c>
      <c r="AJ2451">
        <v>0</v>
      </c>
      <c r="AK2451" t="s">
        <v>6</v>
      </c>
      <c r="AL2451">
        <v>0</v>
      </c>
      <c r="AM2451">
        <v>0</v>
      </c>
      <c r="AN2451">
        <v>0</v>
      </c>
      <c r="AO2451">
        <v>0</v>
      </c>
      <c r="AP2451">
        <v>0</v>
      </c>
      <c r="AQ2451">
        <v>0</v>
      </c>
      <c r="AR2451">
        <v>0</v>
      </c>
      <c r="AS2451">
        <v>0</v>
      </c>
      <c r="AT2451">
        <v>0</v>
      </c>
      <c r="AU2451">
        <v>0</v>
      </c>
      <c r="AV2451">
        <v>0</v>
      </c>
      <c r="AW2451">
        <v>0</v>
      </c>
      <c r="AX2451">
        <v>0</v>
      </c>
      <c r="AY2451">
        <v>0</v>
      </c>
      <c r="AZ2451">
        <v>0</v>
      </c>
      <c r="BA2451">
        <v>0</v>
      </c>
    </row>
    <row r="2452" spans="1:53" x14ac:dyDescent="0.4">
      <c r="A2452">
        <v>2496</v>
      </c>
      <c r="B2452" s="1">
        <v>43613</v>
      </c>
      <c r="C2452">
        <v>2</v>
      </c>
      <c r="D2452" s="1">
        <v>43613.45</v>
      </c>
      <c r="E2452" s="1">
        <v>43613.730555555558</v>
      </c>
      <c r="F2452">
        <v>11000</v>
      </c>
      <c r="G2452">
        <v>760</v>
      </c>
      <c r="H2452">
        <v>200</v>
      </c>
      <c r="I2452">
        <v>0</v>
      </c>
      <c r="J2452">
        <v>0</v>
      </c>
      <c r="K2452">
        <v>0</v>
      </c>
      <c r="L2452">
        <v>0</v>
      </c>
      <c r="M2452">
        <v>956</v>
      </c>
      <c r="N2452">
        <v>0</v>
      </c>
      <c r="O2452">
        <v>0</v>
      </c>
      <c r="P2452">
        <v>8100</v>
      </c>
      <c r="Q2452">
        <v>0</v>
      </c>
      <c r="R2452">
        <v>21016</v>
      </c>
      <c r="S2452">
        <v>0</v>
      </c>
      <c r="T2452">
        <v>0</v>
      </c>
      <c r="U2452">
        <v>0</v>
      </c>
      <c r="V2452">
        <v>0</v>
      </c>
      <c r="W2452">
        <v>3</v>
      </c>
      <c r="X2452">
        <v>0</v>
      </c>
      <c r="Y2452">
        <v>34</v>
      </c>
      <c r="Z2452">
        <v>20</v>
      </c>
      <c r="AA2452">
        <v>71</v>
      </c>
      <c r="AB2452">
        <v>47</v>
      </c>
      <c r="AC2452">
        <v>166</v>
      </c>
      <c r="AD2452">
        <v>52</v>
      </c>
      <c r="AE2452">
        <v>106</v>
      </c>
      <c r="AF2452">
        <v>540</v>
      </c>
      <c r="AG2452">
        <v>71016</v>
      </c>
      <c r="AH2452">
        <v>50000</v>
      </c>
      <c r="AI2452">
        <v>0</v>
      </c>
      <c r="AJ2452">
        <v>97</v>
      </c>
      <c r="AK2452" t="s">
        <v>33</v>
      </c>
      <c r="AL2452">
        <v>0</v>
      </c>
      <c r="AM2452">
        <v>0</v>
      </c>
      <c r="AN2452">
        <v>0</v>
      </c>
      <c r="AO2452">
        <v>0</v>
      </c>
      <c r="AP2452">
        <v>0</v>
      </c>
      <c r="AQ2452">
        <v>0</v>
      </c>
      <c r="AR2452">
        <v>0</v>
      </c>
      <c r="AS2452">
        <v>0</v>
      </c>
      <c r="AT2452">
        <v>0</v>
      </c>
      <c r="AU2452">
        <v>0</v>
      </c>
      <c r="AV2452">
        <v>0</v>
      </c>
      <c r="AW2452">
        <v>0</v>
      </c>
      <c r="AX2452">
        <v>-2700</v>
      </c>
      <c r="AY2452">
        <v>23</v>
      </c>
      <c r="AZ2452">
        <v>35</v>
      </c>
      <c r="BA2452">
        <v>3158</v>
      </c>
    </row>
    <row r="2453" spans="1:53" x14ac:dyDescent="0.4">
      <c r="A2453">
        <v>2497</v>
      </c>
      <c r="B2453" s="1">
        <v>43613</v>
      </c>
      <c r="C2453">
        <v>3</v>
      </c>
      <c r="D2453" s="1">
        <v>43613.730555555558</v>
      </c>
      <c r="E2453" s="1">
        <v>43613.95208333333</v>
      </c>
      <c r="F2453">
        <v>35660</v>
      </c>
      <c r="G2453">
        <v>500</v>
      </c>
      <c r="H2453">
        <v>0</v>
      </c>
      <c r="I2453">
        <v>0</v>
      </c>
      <c r="J2453">
        <v>0</v>
      </c>
      <c r="K2453">
        <v>0</v>
      </c>
      <c r="L2453">
        <v>0</v>
      </c>
      <c r="M2453">
        <v>2893</v>
      </c>
      <c r="N2453">
        <v>0</v>
      </c>
      <c r="O2453">
        <v>0</v>
      </c>
      <c r="P2453">
        <v>-1404</v>
      </c>
      <c r="Q2453">
        <v>0</v>
      </c>
      <c r="R2453">
        <v>37649</v>
      </c>
      <c r="S2453">
        <v>0</v>
      </c>
      <c r="T2453">
        <v>0</v>
      </c>
      <c r="U2453">
        <v>0</v>
      </c>
      <c r="V2453">
        <v>1</v>
      </c>
      <c r="W2453">
        <v>3</v>
      </c>
      <c r="X2453">
        <v>0</v>
      </c>
      <c r="Y2453">
        <v>62</v>
      </c>
      <c r="Z2453">
        <v>19</v>
      </c>
      <c r="AA2453">
        <v>71</v>
      </c>
      <c r="AB2453">
        <v>49</v>
      </c>
      <c r="AC2453">
        <v>172</v>
      </c>
      <c r="AD2453">
        <v>51</v>
      </c>
      <c r="AE2453">
        <v>100</v>
      </c>
      <c r="AF2453">
        <v>540</v>
      </c>
      <c r="AG2453">
        <v>108665</v>
      </c>
      <c r="AH2453">
        <v>50000</v>
      </c>
      <c r="AI2453">
        <v>0</v>
      </c>
      <c r="AJ2453">
        <v>98</v>
      </c>
      <c r="AK2453" t="s">
        <v>35</v>
      </c>
      <c r="AL2453">
        <v>0</v>
      </c>
      <c r="AM2453">
        <v>0</v>
      </c>
      <c r="AN2453">
        <v>0</v>
      </c>
      <c r="AO2453">
        <v>0</v>
      </c>
      <c r="AP2453">
        <v>0</v>
      </c>
      <c r="AQ2453">
        <v>0</v>
      </c>
      <c r="AR2453">
        <v>0</v>
      </c>
      <c r="AS2453">
        <v>0</v>
      </c>
      <c r="AT2453">
        <v>0</v>
      </c>
      <c r="AU2453">
        <v>0</v>
      </c>
      <c r="AV2453">
        <v>0</v>
      </c>
      <c r="AW2453">
        <v>0</v>
      </c>
      <c r="AX2453">
        <v>5076</v>
      </c>
      <c r="AY2453">
        <v>13</v>
      </c>
      <c r="AZ2453">
        <v>31</v>
      </c>
      <c r="BA2453">
        <v>2429</v>
      </c>
    </row>
    <row r="2454" spans="1:53" x14ac:dyDescent="0.4">
      <c r="A2454">
        <v>2498</v>
      </c>
      <c r="B2454" s="1">
        <v>43614</v>
      </c>
      <c r="C2454">
        <v>1</v>
      </c>
      <c r="D2454" s="1">
        <v>43614.291666666664</v>
      </c>
      <c r="E2454" s="1">
        <v>43614.443055555559</v>
      </c>
      <c r="F2454">
        <v>0</v>
      </c>
      <c r="G2454">
        <v>0</v>
      </c>
      <c r="H2454">
        <v>0</v>
      </c>
      <c r="I2454">
        <v>0</v>
      </c>
      <c r="J2454">
        <v>0</v>
      </c>
      <c r="K2454">
        <v>0</v>
      </c>
      <c r="L2454">
        <v>0</v>
      </c>
      <c r="M2454">
        <v>0</v>
      </c>
      <c r="N2454">
        <v>0</v>
      </c>
      <c r="O2454">
        <v>0</v>
      </c>
      <c r="P2454">
        <v>0</v>
      </c>
      <c r="Q2454">
        <v>0</v>
      </c>
      <c r="R2454">
        <v>0</v>
      </c>
      <c r="S2454">
        <v>0</v>
      </c>
      <c r="T2454">
        <v>0</v>
      </c>
      <c r="U2454">
        <v>0</v>
      </c>
      <c r="V2454">
        <v>0</v>
      </c>
      <c r="W2454">
        <v>1</v>
      </c>
      <c r="X2454">
        <v>0</v>
      </c>
      <c r="Y2454">
        <v>27</v>
      </c>
      <c r="Z2454">
        <v>11</v>
      </c>
      <c r="AA2454">
        <v>85</v>
      </c>
      <c r="AB2454">
        <v>47</v>
      </c>
      <c r="AC2454">
        <v>131</v>
      </c>
      <c r="AD2454">
        <v>45</v>
      </c>
      <c r="AE2454">
        <v>115</v>
      </c>
      <c r="AF2454">
        <v>0</v>
      </c>
      <c r="AG2454">
        <v>50000</v>
      </c>
      <c r="AH2454">
        <v>50000</v>
      </c>
      <c r="AI2454">
        <v>0</v>
      </c>
      <c r="AJ2454">
        <v>0</v>
      </c>
      <c r="AK2454" t="s">
        <v>6</v>
      </c>
      <c r="AL2454">
        <v>0</v>
      </c>
      <c r="AM2454">
        <v>0</v>
      </c>
      <c r="AN2454">
        <v>0</v>
      </c>
      <c r="AO2454">
        <v>0</v>
      </c>
      <c r="AP2454">
        <v>0</v>
      </c>
      <c r="AQ2454">
        <v>0</v>
      </c>
      <c r="AR2454">
        <v>0</v>
      </c>
      <c r="AS2454">
        <v>0</v>
      </c>
      <c r="AT2454">
        <v>0</v>
      </c>
      <c r="AU2454">
        <v>0</v>
      </c>
      <c r="AV2454">
        <v>0</v>
      </c>
      <c r="AW2454">
        <v>0</v>
      </c>
      <c r="AX2454">
        <v>0</v>
      </c>
      <c r="AY2454">
        <v>0</v>
      </c>
      <c r="AZ2454">
        <v>0</v>
      </c>
      <c r="BA2454">
        <v>0</v>
      </c>
    </row>
    <row r="2455" spans="1:53" x14ac:dyDescent="0.4">
      <c r="A2455">
        <v>2499</v>
      </c>
      <c r="B2455" s="1">
        <v>43614</v>
      </c>
      <c r="C2455">
        <v>2</v>
      </c>
      <c r="D2455" s="1">
        <v>43614.443055555559</v>
      </c>
      <c r="E2455" s="1">
        <v>43614.734722222223</v>
      </c>
      <c r="F2455">
        <v>7500</v>
      </c>
      <c r="G2455">
        <v>0</v>
      </c>
      <c r="H2455">
        <v>0</v>
      </c>
      <c r="I2455">
        <v>0</v>
      </c>
      <c r="J2455">
        <v>0</v>
      </c>
      <c r="K2455">
        <v>0</v>
      </c>
      <c r="L2455">
        <v>0</v>
      </c>
      <c r="M2455">
        <v>600</v>
      </c>
      <c r="N2455">
        <v>0</v>
      </c>
      <c r="O2455">
        <v>0</v>
      </c>
      <c r="P2455">
        <v>7560</v>
      </c>
      <c r="Q2455">
        <v>0</v>
      </c>
      <c r="R2455">
        <v>15660</v>
      </c>
      <c r="S2455">
        <v>0</v>
      </c>
      <c r="T2455">
        <v>0</v>
      </c>
      <c r="U2455">
        <v>0</v>
      </c>
      <c r="V2455">
        <v>0</v>
      </c>
      <c r="W2455">
        <v>1</v>
      </c>
      <c r="X2455">
        <v>0</v>
      </c>
      <c r="Y2455">
        <v>38</v>
      </c>
      <c r="Z2455">
        <v>12</v>
      </c>
      <c r="AA2455">
        <v>112</v>
      </c>
      <c r="AB2455">
        <v>50</v>
      </c>
      <c r="AC2455">
        <v>153</v>
      </c>
      <c r="AD2455">
        <v>47</v>
      </c>
      <c r="AE2455">
        <v>115</v>
      </c>
      <c r="AF2455">
        <v>1080</v>
      </c>
      <c r="AG2455">
        <v>65660</v>
      </c>
      <c r="AH2455">
        <v>50000</v>
      </c>
      <c r="AI2455">
        <v>0</v>
      </c>
      <c r="AJ2455">
        <v>97</v>
      </c>
      <c r="AK2455" t="s">
        <v>33</v>
      </c>
      <c r="AL2455">
        <v>0</v>
      </c>
      <c r="AM2455">
        <v>0</v>
      </c>
      <c r="AN2455">
        <v>0</v>
      </c>
      <c r="AO2455">
        <v>0</v>
      </c>
      <c r="AP2455">
        <v>0</v>
      </c>
      <c r="AQ2455">
        <v>0</v>
      </c>
      <c r="AR2455">
        <v>0</v>
      </c>
      <c r="AS2455">
        <v>0</v>
      </c>
      <c r="AT2455">
        <v>0</v>
      </c>
      <c r="AU2455">
        <v>0</v>
      </c>
      <c r="AV2455">
        <v>0</v>
      </c>
      <c r="AW2455">
        <v>0</v>
      </c>
      <c r="AX2455">
        <v>-346</v>
      </c>
      <c r="AY2455">
        <v>17</v>
      </c>
      <c r="AZ2455">
        <v>29</v>
      </c>
      <c r="BA2455">
        <v>2338</v>
      </c>
    </row>
    <row r="2456" spans="1:53" x14ac:dyDescent="0.4">
      <c r="A2456">
        <v>2500</v>
      </c>
      <c r="B2456" s="1">
        <v>43614</v>
      </c>
      <c r="C2456">
        <v>3</v>
      </c>
      <c r="D2456" s="1">
        <v>43614.734722222223</v>
      </c>
      <c r="E2456" s="1">
        <v>43614.95</v>
      </c>
      <c r="F2456">
        <v>24540</v>
      </c>
      <c r="G2456">
        <v>1260</v>
      </c>
      <c r="H2456">
        <v>0</v>
      </c>
      <c r="I2456">
        <v>0</v>
      </c>
      <c r="J2456">
        <v>0</v>
      </c>
      <c r="K2456">
        <v>0</v>
      </c>
      <c r="L2456">
        <v>0</v>
      </c>
      <c r="M2456">
        <v>2063</v>
      </c>
      <c r="N2456">
        <v>0</v>
      </c>
      <c r="O2456">
        <v>0</v>
      </c>
      <c r="P2456">
        <v>-2376</v>
      </c>
      <c r="Q2456">
        <v>0</v>
      </c>
      <c r="R2456">
        <v>25487</v>
      </c>
      <c r="S2456">
        <v>0</v>
      </c>
      <c r="T2456">
        <v>0</v>
      </c>
      <c r="U2456">
        <v>0</v>
      </c>
      <c r="V2456">
        <v>1</v>
      </c>
      <c r="W2456">
        <v>0</v>
      </c>
      <c r="X2456">
        <v>0</v>
      </c>
      <c r="Y2456">
        <v>45</v>
      </c>
      <c r="Z2456">
        <v>14</v>
      </c>
      <c r="AA2456">
        <v>130</v>
      </c>
      <c r="AB2456">
        <v>53</v>
      </c>
      <c r="AC2456">
        <v>157</v>
      </c>
      <c r="AD2456">
        <v>47</v>
      </c>
      <c r="AE2456">
        <v>115</v>
      </c>
      <c r="AF2456">
        <v>11577</v>
      </c>
      <c r="AG2456">
        <v>91147</v>
      </c>
      <c r="AH2456">
        <v>50000</v>
      </c>
      <c r="AI2456">
        <v>0</v>
      </c>
      <c r="AJ2456">
        <v>16</v>
      </c>
      <c r="AK2456" t="s">
        <v>29</v>
      </c>
      <c r="AL2456">
        <v>0</v>
      </c>
      <c r="AM2456">
        <v>0</v>
      </c>
      <c r="AN2456">
        <v>0</v>
      </c>
      <c r="AO2456">
        <v>0</v>
      </c>
      <c r="AP2456">
        <v>0</v>
      </c>
      <c r="AQ2456">
        <v>0</v>
      </c>
      <c r="AR2456">
        <v>0</v>
      </c>
      <c r="AS2456">
        <v>0</v>
      </c>
      <c r="AT2456">
        <v>0</v>
      </c>
      <c r="AU2456">
        <v>0</v>
      </c>
      <c r="AV2456">
        <v>0</v>
      </c>
      <c r="AW2456">
        <v>0</v>
      </c>
      <c r="AX2456">
        <v>6221</v>
      </c>
      <c r="AY2456">
        <v>14</v>
      </c>
      <c r="AZ2456">
        <v>28</v>
      </c>
      <c r="BA2456">
        <v>1940</v>
      </c>
    </row>
    <row r="2457" spans="1:53" x14ac:dyDescent="0.4">
      <c r="A2457">
        <v>2501</v>
      </c>
      <c r="B2457" s="1">
        <v>43615</v>
      </c>
      <c r="C2457">
        <v>1</v>
      </c>
      <c r="D2457" s="1">
        <v>43615.291666666664</v>
      </c>
      <c r="E2457" s="1">
        <v>43615.45208333333</v>
      </c>
      <c r="F2457">
        <v>0</v>
      </c>
      <c r="G2457">
        <v>0</v>
      </c>
      <c r="H2457">
        <v>0</v>
      </c>
      <c r="I2457">
        <v>0</v>
      </c>
      <c r="J2457">
        <v>0</v>
      </c>
      <c r="K2457">
        <v>0</v>
      </c>
      <c r="L2457">
        <v>0</v>
      </c>
      <c r="M2457">
        <v>0</v>
      </c>
      <c r="N2457">
        <v>0</v>
      </c>
      <c r="O2457">
        <v>0</v>
      </c>
      <c r="P2457">
        <v>0</v>
      </c>
      <c r="Q2457">
        <v>0</v>
      </c>
      <c r="R2457">
        <v>0</v>
      </c>
      <c r="S2457">
        <v>0</v>
      </c>
      <c r="T2457">
        <v>0</v>
      </c>
      <c r="U2457">
        <v>0</v>
      </c>
      <c r="V2457">
        <v>0</v>
      </c>
      <c r="W2457">
        <v>0</v>
      </c>
      <c r="X2457">
        <v>0</v>
      </c>
      <c r="Y2457">
        <v>27</v>
      </c>
      <c r="Z2457">
        <v>10</v>
      </c>
      <c r="AA2457">
        <v>140</v>
      </c>
      <c r="AB2457">
        <v>52</v>
      </c>
      <c r="AC2457">
        <v>110</v>
      </c>
      <c r="AD2457">
        <v>47</v>
      </c>
      <c r="AE2457">
        <v>65</v>
      </c>
      <c r="AF2457">
        <v>0</v>
      </c>
      <c r="AG2457">
        <v>50000</v>
      </c>
      <c r="AH2457">
        <v>0</v>
      </c>
      <c r="AI2457">
        <v>50000</v>
      </c>
      <c r="AJ2457">
        <v>0</v>
      </c>
      <c r="AK2457" t="s">
        <v>6</v>
      </c>
      <c r="AL2457">
        <v>0</v>
      </c>
      <c r="AM2457">
        <v>0</v>
      </c>
      <c r="AN2457">
        <v>0</v>
      </c>
      <c r="AO2457">
        <v>0</v>
      </c>
      <c r="AP2457">
        <v>0</v>
      </c>
      <c r="AQ2457">
        <v>0</v>
      </c>
      <c r="AR2457">
        <v>0</v>
      </c>
      <c r="AS2457">
        <v>0</v>
      </c>
      <c r="AT2457">
        <v>0</v>
      </c>
      <c r="AU2457">
        <v>0</v>
      </c>
      <c r="AV2457">
        <v>0</v>
      </c>
      <c r="AW2457">
        <v>0</v>
      </c>
      <c r="AX2457">
        <v>0</v>
      </c>
      <c r="AY2457">
        <v>0</v>
      </c>
      <c r="AZ2457">
        <v>0</v>
      </c>
      <c r="BA2457">
        <v>0</v>
      </c>
    </row>
    <row r="2458" spans="1:53" x14ac:dyDescent="0.4">
      <c r="A2458">
        <v>2502</v>
      </c>
      <c r="B2458" s="1">
        <v>43615</v>
      </c>
      <c r="C2458">
        <v>2</v>
      </c>
      <c r="D2458" s="1">
        <v>43615.45208333333</v>
      </c>
      <c r="E2458" s="1">
        <v>43615.75</v>
      </c>
      <c r="F2458">
        <v>13500</v>
      </c>
      <c r="G2458">
        <v>1060</v>
      </c>
      <c r="H2458">
        <v>0</v>
      </c>
      <c r="I2458">
        <v>0</v>
      </c>
      <c r="J2458">
        <v>0</v>
      </c>
      <c r="K2458">
        <v>0</v>
      </c>
      <c r="L2458">
        <v>0</v>
      </c>
      <c r="M2458">
        <v>1164</v>
      </c>
      <c r="N2458">
        <v>0</v>
      </c>
      <c r="O2458">
        <v>0</v>
      </c>
      <c r="P2458">
        <v>7020</v>
      </c>
      <c r="Q2458">
        <v>0</v>
      </c>
      <c r="R2458">
        <v>22744</v>
      </c>
      <c r="S2458">
        <v>0</v>
      </c>
      <c r="T2458">
        <v>0</v>
      </c>
      <c r="U2458">
        <v>0</v>
      </c>
      <c r="V2458">
        <v>2</v>
      </c>
      <c r="W2458">
        <v>1</v>
      </c>
      <c r="X2458">
        <v>0</v>
      </c>
      <c r="Y2458">
        <v>17</v>
      </c>
      <c r="Z2458">
        <v>9</v>
      </c>
      <c r="AA2458">
        <v>140</v>
      </c>
      <c r="AB2458">
        <v>52</v>
      </c>
      <c r="AC2458">
        <v>155</v>
      </c>
      <c r="AD2458">
        <v>48</v>
      </c>
      <c r="AE2458">
        <v>66</v>
      </c>
      <c r="AF2458">
        <v>7788</v>
      </c>
      <c r="AG2458">
        <v>72744</v>
      </c>
      <c r="AH2458">
        <v>50000</v>
      </c>
      <c r="AI2458">
        <v>0</v>
      </c>
      <c r="AJ2458">
        <v>98</v>
      </c>
      <c r="AK2458" t="s">
        <v>35</v>
      </c>
      <c r="AL2458">
        <v>0</v>
      </c>
      <c r="AM2458">
        <v>0</v>
      </c>
      <c r="AN2458">
        <v>0</v>
      </c>
      <c r="AO2458">
        <v>0</v>
      </c>
      <c r="AP2458">
        <v>0</v>
      </c>
      <c r="AQ2458">
        <v>0</v>
      </c>
      <c r="AR2458">
        <v>0</v>
      </c>
      <c r="AS2458">
        <v>0</v>
      </c>
      <c r="AT2458">
        <v>0</v>
      </c>
      <c r="AU2458">
        <v>0</v>
      </c>
      <c r="AV2458">
        <v>0</v>
      </c>
      <c r="AW2458">
        <v>0</v>
      </c>
      <c r="AX2458">
        <v>0</v>
      </c>
      <c r="AY2458">
        <v>25</v>
      </c>
      <c r="AZ2458">
        <v>40</v>
      </c>
      <c r="BA2458">
        <v>3335</v>
      </c>
    </row>
    <row r="2459" spans="1:53" x14ac:dyDescent="0.4">
      <c r="A2459">
        <v>2503</v>
      </c>
      <c r="B2459" s="1">
        <v>43615</v>
      </c>
      <c r="C2459">
        <v>3</v>
      </c>
      <c r="D2459" s="1">
        <v>43615.75</v>
      </c>
      <c r="E2459" s="1">
        <v>43615.956944444442</v>
      </c>
      <c r="F2459">
        <v>41500</v>
      </c>
      <c r="G2459">
        <v>640</v>
      </c>
      <c r="H2459">
        <v>0</v>
      </c>
      <c r="I2459">
        <v>0</v>
      </c>
      <c r="J2459">
        <v>0</v>
      </c>
      <c r="K2459">
        <v>0</v>
      </c>
      <c r="L2459">
        <v>0</v>
      </c>
      <c r="M2459">
        <v>3371</v>
      </c>
      <c r="N2459">
        <v>0</v>
      </c>
      <c r="O2459">
        <v>0</v>
      </c>
      <c r="P2459">
        <v>-1836</v>
      </c>
      <c r="Q2459">
        <v>0</v>
      </c>
      <c r="R2459">
        <v>43675</v>
      </c>
      <c r="S2459">
        <v>0</v>
      </c>
      <c r="T2459">
        <v>0</v>
      </c>
      <c r="U2459">
        <v>0</v>
      </c>
      <c r="V2459">
        <v>6</v>
      </c>
      <c r="W2459">
        <v>1</v>
      </c>
      <c r="X2459">
        <v>0</v>
      </c>
      <c r="Y2459">
        <v>16</v>
      </c>
      <c r="Z2459">
        <v>7</v>
      </c>
      <c r="AA2459">
        <v>142</v>
      </c>
      <c r="AB2459">
        <v>53</v>
      </c>
      <c r="AC2459">
        <v>158</v>
      </c>
      <c r="AD2459">
        <v>47</v>
      </c>
      <c r="AE2459">
        <v>66</v>
      </c>
      <c r="AF2459">
        <v>13188</v>
      </c>
      <c r="AG2459">
        <v>116419</v>
      </c>
      <c r="AH2459">
        <v>50000</v>
      </c>
      <c r="AI2459">
        <v>0</v>
      </c>
      <c r="AJ2459">
        <v>100</v>
      </c>
      <c r="AK2459" t="s">
        <v>0</v>
      </c>
      <c r="AL2459">
        <v>0</v>
      </c>
      <c r="AM2459">
        <v>0</v>
      </c>
      <c r="AN2459">
        <v>0</v>
      </c>
      <c r="AO2459">
        <v>0</v>
      </c>
      <c r="AP2459">
        <v>0</v>
      </c>
      <c r="AQ2459">
        <v>0</v>
      </c>
      <c r="AR2459">
        <v>0</v>
      </c>
      <c r="AS2459">
        <v>0</v>
      </c>
      <c r="AT2459">
        <v>0</v>
      </c>
      <c r="AU2459">
        <v>0</v>
      </c>
      <c r="AV2459">
        <v>0</v>
      </c>
      <c r="AW2459">
        <v>0</v>
      </c>
      <c r="AX2459">
        <v>4180</v>
      </c>
      <c r="AY2459">
        <v>12</v>
      </c>
      <c r="AZ2459">
        <v>42</v>
      </c>
      <c r="BA2459">
        <v>1730</v>
      </c>
    </row>
    <row r="2460" spans="1:53" x14ac:dyDescent="0.4">
      <c r="A2460">
        <v>2504</v>
      </c>
      <c r="B2460" s="1">
        <v>43615</v>
      </c>
      <c r="C2460">
        <v>4</v>
      </c>
      <c r="D2460" s="1">
        <v>43615.956944444442</v>
      </c>
      <c r="E2460" s="1">
        <v>43616.109722222223</v>
      </c>
      <c r="F2460">
        <v>15720</v>
      </c>
      <c r="G2460">
        <v>420</v>
      </c>
      <c r="H2460">
        <v>400</v>
      </c>
      <c r="I2460">
        <v>0</v>
      </c>
      <c r="J2460">
        <v>0</v>
      </c>
      <c r="K2460">
        <v>0</v>
      </c>
      <c r="L2460">
        <v>0</v>
      </c>
      <c r="M2460">
        <v>1324</v>
      </c>
      <c r="N2460">
        <v>0</v>
      </c>
      <c r="O2460">
        <v>0</v>
      </c>
      <c r="P2460">
        <v>-2808</v>
      </c>
      <c r="Q2460">
        <v>0</v>
      </c>
      <c r="R2460">
        <v>15056</v>
      </c>
      <c r="S2460">
        <v>0</v>
      </c>
      <c r="T2460">
        <v>0</v>
      </c>
      <c r="U2460">
        <v>0</v>
      </c>
      <c r="V2460">
        <v>7</v>
      </c>
      <c r="W2460">
        <v>1</v>
      </c>
      <c r="X2460">
        <v>0</v>
      </c>
      <c r="Y2460">
        <v>23</v>
      </c>
      <c r="Z2460">
        <v>5</v>
      </c>
      <c r="AA2460">
        <v>132</v>
      </c>
      <c r="AB2460">
        <v>54</v>
      </c>
      <c r="AC2460">
        <v>159</v>
      </c>
      <c r="AD2460">
        <v>46</v>
      </c>
      <c r="AE2460">
        <v>67</v>
      </c>
      <c r="AF2460">
        <v>13188</v>
      </c>
      <c r="AG2460">
        <v>131475</v>
      </c>
      <c r="AH2460">
        <v>50000</v>
      </c>
      <c r="AI2460">
        <v>0</v>
      </c>
      <c r="AJ2460">
        <v>100</v>
      </c>
      <c r="AK2460" t="s">
        <v>0</v>
      </c>
      <c r="AL2460">
        <v>0</v>
      </c>
      <c r="AM2460">
        <v>0</v>
      </c>
      <c r="AN2460">
        <v>0</v>
      </c>
      <c r="AO2460">
        <v>0</v>
      </c>
      <c r="AP2460">
        <v>0</v>
      </c>
      <c r="AQ2460">
        <v>0</v>
      </c>
      <c r="AR2460">
        <v>0</v>
      </c>
      <c r="AS2460">
        <v>0</v>
      </c>
      <c r="AT2460">
        <v>0</v>
      </c>
      <c r="AU2460">
        <v>0</v>
      </c>
      <c r="AV2460">
        <v>0</v>
      </c>
      <c r="AW2460">
        <v>0</v>
      </c>
      <c r="AX2460">
        <v>6944</v>
      </c>
      <c r="AY2460">
        <v>6</v>
      </c>
      <c r="AZ2460">
        <v>13</v>
      </c>
      <c r="BA2460">
        <v>434</v>
      </c>
    </row>
    <row r="2461" spans="1:53" x14ac:dyDescent="0.4">
      <c r="A2461">
        <v>2505</v>
      </c>
      <c r="B2461" s="1">
        <v>43616</v>
      </c>
      <c r="C2461">
        <v>1</v>
      </c>
      <c r="D2461" s="1">
        <v>43616.291666666664</v>
      </c>
      <c r="E2461" s="1">
        <v>43616.45</v>
      </c>
      <c r="F2461">
        <v>0</v>
      </c>
      <c r="G2461">
        <v>0</v>
      </c>
      <c r="H2461">
        <v>0</v>
      </c>
      <c r="I2461">
        <v>0</v>
      </c>
      <c r="J2461">
        <v>0</v>
      </c>
      <c r="K2461">
        <v>0</v>
      </c>
      <c r="L2461">
        <v>0</v>
      </c>
      <c r="M2461">
        <v>0</v>
      </c>
      <c r="N2461">
        <v>0</v>
      </c>
      <c r="O2461">
        <v>0</v>
      </c>
      <c r="P2461">
        <v>0</v>
      </c>
      <c r="Q2461">
        <v>0</v>
      </c>
      <c r="R2461">
        <v>0</v>
      </c>
      <c r="S2461">
        <v>0</v>
      </c>
      <c r="T2461">
        <v>0</v>
      </c>
      <c r="U2461">
        <v>0</v>
      </c>
      <c r="V2461">
        <v>0</v>
      </c>
      <c r="W2461">
        <v>1</v>
      </c>
      <c r="X2461">
        <v>0</v>
      </c>
      <c r="Y2461">
        <v>27</v>
      </c>
      <c r="Z2461">
        <v>2</v>
      </c>
      <c r="AA2461">
        <v>130</v>
      </c>
      <c r="AB2461">
        <v>53</v>
      </c>
      <c r="AC2461">
        <v>106</v>
      </c>
      <c r="AD2461">
        <v>45</v>
      </c>
      <c r="AE2461">
        <v>65</v>
      </c>
      <c r="AF2461">
        <v>0</v>
      </c>
      <c r="AG2461">
        <v>50000</v>
      </c>
      <c r="AH2461">
        <v>0</v>
      </c>
      <c r="AI2461">
        <v>50000</v>
      </c>
      <c r="AJ2461">
        <v>0</v>
      </c>
      <c r="AK2461" t="s">
        <v>6</v>
      </c>
      <c r="AL2461">
        <v>0</v>
      </c>
      <c r="AM2461">
        <v>0</v>
      </c>
      <c r="AN2461">
        <v>0</v>
      </c>
      <c r="AO2461">
        <v>0</v>
      </c>
      <c r="AP2461">
        <v>0</v>
      </c>
      <c r="AQ2461">
        <v>0</v>
      </c>
      <c r="AR2461">
        <v>0</v>
      </c>
      <c r="AS2461">
        <v>0</v>
      </c>
      <c r="AT2461">
        <v>0</v>
      </c>
      <c r="AU2461">
        <v>0</v>
      </c>
      <c r="AV2461">
        <v>0</v>
      </c>
      <c r="AW2461">
        <v>0</v>
      </c>
      <c r="AX2461">
        <v>0</v>
      </c>
      <c r="AY2461">
        <v>0</v>
      </c>
      <c r="AZ2461">
        <v>0</v>
      </c>
      <c r="BA2461">
        <v>0</v>
      </c>
    </row>
    <row r="2462" spans="1:53" x14ac:dyDescent="0.4">
      <c r="A2462">
        <v>2506</v>
      </c>
      <c r="B2462" s="1">
        <v>43616</v>
      </c>
      <c r="C2462">
        <v>2</v>
      </c>
      <c r="D2462" s="1">
        <v>43616.45</v>
      </c>
      <c r="E2462" s="1">
        <v>43616.730555555558</v>
      </c>
      <c r="F2462">
        <v>10000</v>
      </c>
      <c r="G2462">
        <v>1680</v>
      </c>
      <c r="H2462">
        <v>200</v>
      </c>
      <c r="I2462">
        <v>0</v>
      </c>
      <c r="J2462">
        <v>0</v>
      </c>
      <c r="K2462">
        <v>0</v>
      </c>
      <c r="L2462">
        <v>0</v>
      </c>
      <c r="M2462">
        <v>950</v>
      </c>
      <c r="N2462">
        <v>0</v>
      </c>
      <c r="O2462">
        <v>0</v>
      </c>
      <c r="P2462">
        <v>12960</v>
      </c>
      <c r="Q2462">
        <v>0</v>
      </c>
      <c r="R2462">
        <v>25790</v>
      </c>
      <c r="S2462">
        <v>0</v>
      </c>
      <c r="T2462">
        <v>0</v>
      </c>
      <c r="U2462">
        <v>0</v>
      </c>
      <c r="V2462">
        <v>0</v>
      </c>
      <c r="W2462">
        <v>3</v>
      </c>
      <c r="X2462">
        <v>0</v>
      </c>
      <c r="Y2462">
        <v>43</v>
      </c>
      <c r="Z2462">
        <v>5</v>
      </c>
      <c r="AA2462">
        <v>112</v>
      </c>
      <c r="AB2462">
        <v>49</v>
      </c>
      <c r="AC2462">
        <v>133</v>
      </c>
      <c r="AD2462">
        <v>49</v>
      </c>
      <c r="AE2462">
        <v>65</v>
      </c>
      <c r="AF2462">
        <v>0</v>
      </c>
      <c r="AG2462">
        <v>75790</v>
      </c>
      <c r="AH2462">
        <v>50000</v>
      </c>
      <c r="AI2462">
        <v>0</v>
      </c>
      <c r="AJ2462">
        <v>96</v>
      </c>
      <c r="AK2462" t="s">
        <v>4</v>
      </c>
      <c r="AL2462">
        <v>0</v>
      </c>
      <c r="AM2462">
        <v>0</v>
      </c>
      <c r="AN2462">
        <v>0</v>
      </c>
      <c r="AO2462">
        <v>0</v>
      </c>
      <c r="AP2462">
        <v>0</v>
      </c>
      <c r="AQ2462">
        <v>0</v>
      </c>
      <c r="AR2462">
        <v>0</v>
      </c>
      <c r="AS2462">
        <v>0</v>
      </c>
      <c r="AT2462">
        <v>0</v>
      </c>
      <c r="AU2462">
        <v>0</v>
      </c>
      <c r="AV2462">
        <v>0</v>
      </c>
      <c r="AW2462">
        <v>0</v>
      </c>
      <c r="AX2462">
        <v>1426</v>
      </c>
      <c r="AY2462">
        <v>28</v>
      </c>
      <c r="AZ2462">
        <v>44</v>
      </c>
      <c r="BA2462">
        <v>3093</v>
      </c>
    </row>
    <row r="2463" spans="1:53" x14ac:dyDescent="0.4">
      <c r="A2463">
        <v>2507</v>
      </c>
      <c r="B2463" s="1">
        <v>43617</v>
      </c>
      <c r="C2463">
        <v>1</v>
      </c>
      <c r="D2463" s="1">
        <v>43617.291666666664</v>
      </c>
      <c r="E2463" s="1">
        <v>43617.404166666667</v>
      </c>
      <c r="F2463">
        <v>0</v>
      </c>
      <c r="G2463">
        <v>0</v>
      </c>
      <c r="H2463">
        <v>0</v>
      </c>
      <c r="I2463">
        <v>0</v>
      </c>
      <c r="J2463">
        <v>0</v>
      </c>
      <c r="K2463">
        <v>0</v>
      </c>
      <c r="L2463">
        <v>0</v>
      </c>
      <c r="M2463">
        <v>0</v>
      </c>
      <c r="N2463">
        <v>0</v>
      </c>
      <c r="O2463">
        <v>0</v>
      </c>
      <c r="P2463">
        <v>0</v>
      </c>
      <c r="Q2463">
        <v>0</v>
      </c>
      <c r="R2463">
        <v>0</v>
      </c>
      <c r="S2463">
        <v>0</v>
      </c>
      <c r="T2463">
        <v>0</v>
      </c>
      <c r="U2463">
        <v>0</v>
      </c>
      <c r="V2463">
        <v>0</v>
      </c>
      <c r="W2463">
        <v>0</v>
      </c>
      <c r="X2463">
        <v>0</v>
      </c>
      <c r="Y2463">
        <v>33</v>
      </c>
      <c r="Z2463">
        <v>5</v>
      </c>
      <c r="AA2463">
        <v>113</v>
      </c>
      <c r="AB2463">
        <v>39</v>
      </c>
      <c r="AC2463">
        <v>97</v>
      </c>
      <c r="AD2463">
        <v>43</v>
      </c>
      <c r="AE2463">
        <v>65</v>
      </c>
      <c r="AF2463">
        <v>0</v>
      </c>
      <c r="AG2463">
        <v>50000</v>
      </c>
      <c r="AH2463">
        <v>50000</v>
      </c>
      <c r="AI2463">
        <v>0</v>
      </c>
      <c r="AJ2463">
        <v>0</v>
      </c>
      <c r="AK2463" t="s">
        <v>6</v>
      </c>
      <c r="AL2463">
        <v>0</v>
      </c>
      <c r="AM2463">
        <v>0</v>
      </c>
      <c r="AN2463">
        <v>0</v>
      </c>
      <c r="AO2463">
        <v>0</v>
      </c>
      <c r="AP2463">
        <v>0</v>
      </c>
      <c r="AQ2463">
        <v>0</v>
      </c>
      <c r="AR2463">
        <v>0</v>
      </c>
      <c r="AS2463">
        <v>0</v>
      </c>
      <c r="AT2463">
        <v>0</v>
      </c>
      <c r="AU2463">
        <v>0</v>
      </c>
      <c r="AV2463">
        <v>0</v>
      </c>
      <c r="AW2463">
        <v>0</v>
      </c>
      <c r="AX2463">
        <v>0</v>
      </c>
      <c r="AY2463">
        <v>0</v>
      </c>
      <c r="AZ2463">
        <v>0</v>
      </c>
      <c r="BA2463">
        <v>0</v>
      </c>
    </row>
    <row r="2464" spans="1:53" x14ac:dyDescent="0.4">
      <c r="A2464">
        <v>2508</v>
      </c>
      <c r="B2464" s="1">
        <v>43617</v>
      </c>
      <c r="C2464">
        <v>2</v>
      </c>
      <c r="D2464" s="1">
        <v>43617.404166666667</v>
      </c>
      <c r="E2464" s="1">
        <v>43617.729166666664</v>
      </c>
      <c r="F2464">
        <v>43000</v>
      </c>
      <c r="G2464">
        <v>3640</v>
      </c>
      <c r="H2464">
        <v>0</v>
      </c>
      <c r="I2464">
        <v>0</v>
      </c>
      <c r="J2464">
        <v>0</v>
      </c>
      <c r="K2464">
        <v>0</v>
      </c>
      <c r="L2464">
        <v>0</v>
      </c>
      <c r="M2464">
        <v>3731</v>
      </c>
      <c r="N2464">
        <v>0</v>
      </c>
      <c r="O2464">
        <v>0</v>
      </c>
      <c r="P2464">
        <v>21600</v>
      </c>
      <c r="Q2464">
        <v>0</v>
      </c>
      <c r="R2464">
        <v>71971</v>
      </c>
      <c r="S2464">
        <v>0</v>
      </c>
      <c r="T2464">
        <v>0</v>
      </c>
      <c r="U2464">
        <v>0</v>
      </c>
      <c r="V2464">
        <v>2</v>
      </c>
      <c r="W2464">
        <v>2</v>
      </c>
      <c r="X2464">
        <v>0</v>
      </c>
      <c r="Y2464">
        <v>59</v>
      </c>
      <c r="Z2464">
        <v>18</v>
      </c>
      <c r="AA2464">
        <v>132</v>
      </c>
      <c r="AB2464">
        <v>31</v>
      </c>
      <c r="AC2464">
        <v>199</v>
      </c>
      <c r="AD2464">
        <v>47</v>
      </c>
      <c r="AE2464">
        <v>61</v>
      </c>
      <c r="AF2464">
        <v>6935</v>
      </c>
      <c r="AG2464">
        <v>121971</v>
      </c>
      <c r="AH2464">
        <v>50000</v>
      </c>
      <c r="AI2464">
        <v>0</v>
      </c>
      <c r="AJ2464">
        <v>90</v>
      </c>
      <c r="AK2464" t="s">
        <v>38</v>
      </c>
      <c r="AL2464">
        <v>0</v>
      </c>
      <c r="AM2464">
        <v>0</v>
      </c>
      <c r="AN2464">
        <v>0</v>
      </c>
      <c r="AO2464">
        <v>0</v>
      </c>
      <c r="AP2464">
        <v>0</v>
      </c>
      <c r="AQ2464">
        <v>0</v>
      </c>
      <c r="AR2464">
        <v>0</v>
      </c>
      <c r="AS2464">
        <v>0</v>
      </c>
      <c r="AT2464">
        <v>0</v>
      </c>
      <c r="AU2464">
        <v>0</v>
      </c>
      <c r="AV2464">
        <v>0</v>
      </c>
      <c r="AW2464">
        <v>0</v>
      </c>
      <c r="AX2464">
        <v>734</v>
      </c>
      <c r="AY2464">
        <v>46</v>
      </c>
      <c r="AZ2464">
        <v>110</v>
      </c>
      <c r="BA2464">
        <v>7676</v>
      </c>
    </row>
    <row r="2465" spans="1:53" x14ac:dyDescent="0.4">
      <c r="A2465">
        <v>2509</v>
      </c>
      <c r="B2465" s="1">
        <v>43618</v>
      </c>
      <c r="C2465">
        <v>1</v>
      </c>
      <c r="D2465" s="1">
        <v>43618.291666666664</v>
      </c>
      <c r="E2465" s="1">
        <v>43618.387499999997</v>
      </c>
      <c r="F2465">
        <v>0</v>
      </c>
      <c r="G2465">
        <v>0</v>
      </c>
      <c r="H2465">
        <v>0</v>
      </c>
      <c r="I2465">
        <v>0</v>
      </c>
      <c r="J2465">
        <v>0</v>
      </c>
      <c r="K2465">
        <v>0</v>
      </c>
      <c r="L2465">
        <v>0</v>
      </c>
      <c r="M2465">
        <v>0</v>
      </c>
      <c r="N2465">
        <v>0</v>
      </c>
      <c r="O2465">
        <v>0</v>
      </c>
      <c r="P2465">
        <v>0</v>
      </c>
      <c r="Q2465">
        <v>0</v>
      </c>
      <c r="R2465">
        <v>0</v>
      </c>
      <c r="S2465">
        <v>0</v>
      </c>
      <c r="T2465">
        <v>0</v>
      </c>
      <c r="U2465">
        <v>0</v>
      </c>
      <c r="V2465">
        <v>0</v>
      </c>
      <c r="W2465">
        <v>0</v>
      </c>
      <c r="X2465">
        <v>0</v>
      </c>
      <c r="Y2465">
        <v>28</v>
      </c>
      <c r="Z2465">
        <v>11</v>
      </c>
      <c r="AA2465">
        <v>135</v>
      </c>
      <c r="AB2465">
        <v>28</v>
      </c>
      <c r="AC2465">
        <v>132</v>
      </c>
      <c r="AD2465">
        <v>40</v>
      </c>
      <c r="AE2465">
        <v>80</v>
      </c>
      <c r="AF2465">
        <v>0</v>
      </c>
      <c r="AG2465">
        <v>50000</v>
      </c>
      <c r="AH2465">
        <v>50000</v>
      </c>
      <c r="AI2465">
        <v>0</v>
      </c>
      <c r="AJ2465">
        <v>0</v>
      </c>
      <c r="AK2465" t="s">
        <v>6</v>
      </c>
      <c r="AL2465">
        <v>0</v>
      </c>
      <c r="AM2465">
        <v>0</v>
      </c>
      <c r="AN2465">
        <v>0</v>
      </c>
      <c r="AO2465">
        <v>0</v>
      </c>
      <c r="AP2465">
        <v>0</v>
      </c>
      <c r="AQ2465">
        <v>0</v>
      </c>
      <c r="AR2465">
        <v>0</v>
      </c>
      <c r="AS2465">
        <v>0</v>
      </c>
      <c r="AT2465">
        <v>0</v>
      </c>
      <c r="AU2465">
        <v>0</v>
      </c>
      <c r="AV2465">
        <v>0</v>
      </c>
      <c r="AW2465">
        <v>0</v>
      </c>
      <c r="AX2465">
        <v>0</v>
      </c>
      <c r="AY2465">
        <v>0</v>
      </c>
      <c r="AZ2465">
        <v>0</v>
      </c>
      <c r="BA2465">
        <v>0</v>
      </c>
    </row>
    <row r="2466" spans="1:53" x14ac:dyDescent="0.4">
      <c r="A2466">
        <v>2510</v>
      </c>
      <c r="B2466" s="1">
        <v>43618</v>
      </c>
      <c r="C2466">
        <v>2</v>
      </c>
      <c r="D2466" s="1">
        <v>43618.387499999997</v>
      </c>
      <c r="E2466" s="1">
        <v>43618.739583333336</v>
      </c>
      <c r="F2466">
        <v>42250</v>
      </c>
      <c r="G2466">
        <v>3480</v>
      </c>
      <c r="H2466">
        <v>0</v>
      </c>
      <c r="I2466">
        <v>0</v>
      </c>
      <c r="J2466">
        <v>0</v>
      </c>
      <c r="K2466">
        <v>0</v>
      </c>
      <c r="L2466">
        <v>0</v>
      </c>
      <c r="M2466">
        <v>3658</v>
      </c>
      <c r="N2466">
        <v>0</v>
      </c>
      <c r="O2466">
        <v>0</v>
      </c>
      <c r="P2466">
        <v>20520</v>
      </c>
      <c r="Q2466">
        <v>0</v>
      </c>
      <c r="R2466">
        <v>69908</v>
      </c>
      <c r="S2466">
        <v>0</v>
      </c>
      <c r="T2466">
        <v>0</v>
      </c>
      <c r="U2466">
        <v>0</v>
      </c>
      <c r="V2466">
        <v>2</v>
      </c>
      <c r="W2466">
        <v>1</v>
      </c>
      <c r="X2466">
        <v>0</v>
      </c>
      <c r="Y2466">
        <v>55</v>
      </c>
      <c r="Z2466">
        <v>33</v>
      </c>
      <c r="AA2466">
        <v>164</v>
      </c>
      <c r="AB2466">
        <v>44</v>
      </c>
      <c r="AC2466">
        <v>208</v>
      </c>
      <c r="AD2466">
        <v>41</v>
      </c>
      <c r="AE2466">
        <v>93</v>
      </c>
      <c r="AF2466">
        <v>2430</v>
      </c>
      <c r="AG2466">
        <v>119908</v>
      </c>
      <c r="AH2466">
        <v>50000</v>
      </c>
      <c r="AI2466">
        <v>0</v>
      </c>
      <c r="AJ2466">
        <v>101</v>
      </c>
      <c r="AK2466" t="s">
        <v>28</v>
      </c>
      <c r="AL2466">
        <v>0</v>
      </c>
      <c r="AM2466">
        <v>0</v>
      </c>
      <c r="AN2466">
        <v>0</v>
      </c>
      <c r="AO2466">
        <v>0</v>
      </c>
      <c r="AP2466">
        <v>0</v>
      </c>
      <c r="AQ2466">
        <v>0</v>
      </c>
      <c r="AR2466">
        <v>0</v>
      </c>
      <c r="AS2466">
        <v>0</v>
      </c>
      <c r="AT2466">
        <v>0</v>
      </c>
      <c r="AU2466">
        <v>0</v>
      </c>
      <c r="AV2466">
        <v>0</v>
      </c>
      <c r="AW2466">
        <v>0</v>
      </c>
      <c r="AX2466">
        <v>-1620</v>
      </c>
      <c r="AY2466">
        <v>50</v>
      </c>
      <c r="AZ2466">
        <v>118</v>
      </c>
      <c r="BA2466">
        <v>7022</v>
      </c>
    </row>
    <row r="2467" spans="1:53" x14ac:dyDescent="0.4">
      <c r="A2467">
        <v>2511</v>
      </c>
      <c r="B2467" s="1">
        <v>43618</v>
      </c>
      <c r="C2467">
        <v>3</v>
      </c>
      <c r="D2467" s="1">
        <v>43618.739583333336</v>
      </c>
      <c r="E2467" s="1">
        <v>43618.941666666666</v>
      </c>
      <c r="F2467">
        <v>43420</v>
      </c>
      <c r="G2467">
        <v>680</v>
      </c>
      <c r="H2467">
        <v>0</v>
      </c>
      <c r="I2467">
        <v>0</v>
      </c>
      <c r="J2467">
        <v>0</v>
      </c>
      <c r="K2467">
        <v>0</v>
      </c>
      <c r="L2467">
        <v>0</v>
      </c>
      <c r="M2467">
        <v>3528</v>
      </c>
      <c r="N2467">
        <v>0</v>
      </c>
      <c r="O2467">
        <v>0</v>
      </c>
      <c r="P2467">
        <v>-7128</v>
      </c>
      <c r="Q2467">
        <v>0</v>
      </c>
      <c r="R2467">
        <v>40500</v>
      </c>
      <c r="S2467">
        <v>0</v>
      </c>
      <c r="T2467">
        <v>0</v>
      </c>
      <c r="U2467">
        <v>0</v>
      </c>
      <c r="V2467">
        <v>4</v>
      </c>
      <c r="W2467">
        <v>1</v>
      </c>
      <c r="X2467">
        <v>0</v>
      </c>
      <c r="Y2467">
        <v>65</v>
      </c>
      <c r="Z2467">
        <v>35</v>
      </c>
      <c r="AA2467">
        <v>173</v>
      </c>
      <c r="AB2467">
        <v>46</v>
      </c>
      <c r="AC2467">
        <v>203</v>
      </c>
      <c r="AD2467">
        <v>40</v>
      </c>
      <c r="AE2467">
        <v>94</v>
      </c>
      <c r="AF2467">
        <v>10984</v>
      </c>
      <c r="AG2467">
        <v>160408</v>
      </c>
      <c r="AH2467">
        <v>50000</v>
      </c>
      <c r="AI2467">
        <v>0</v>
      </c>
      <c r="AJ2467">
        <v>108</v>
      </c>
      <c r="AK2467" t="s">
        <v>30</v>
      </c>
      <c r="AL2467">
        <v>0</v>
      </c>
      <c r="AM2467">
        <v>0</v>
      </c>
      <c r="AN2467">
        <v>0</v>
      </c>
      <c r="AO2467">
        <v>0</v>
      </c>
      <c r="AP2467">
        <v>0</v>
      </c>
      <c r="AQ2467">
        <v>0</v>
      </c>
      <c r="AR2467">
        <v>0</v>
      </c>
      <c r="AS2467">
        <v>0</v>
      </c>
      <c r="AT2467">
        <v>0</v>
      </c>
      <c r="AU2467">
        <v>0</v>
      </c>
      <c r="AV2467">
        <v>0</v>
      </c>
      <c r="AW2467">
        <v>0</v>
      </c>
      <c r="AX2467">
        <v>8348</v>
      </c>
      <c r="AY2467">
        <v>15</v>
      </c>
      <c r="AZ2467">
        <v>41</v>
      </c>
      <c r="BA2467">
        <v>3118</v>
      </c>
    </row>
    <row r="2468" spans="1:53" x14ac:dyDescent="0.4">
      <c r="A2468">
        <v>2512</v>
      </c>
      <c r="B2468" s="1">
        <v>43618</v>
      </c>
      <c r="C2468">
        <v>4</v>
      </c>
      <c r="D2468" s="1">
        <v>43618.941666666666</v>
      </c>
      <c r="E2468" s="1">
        <v>43619.086805555555</v>
      </c>
      <c r="F2468">
        <v>21900</v>
      </c>
      <c r="G2468">
        <v>730</v>
      </c>
      <c r="H2468">
        <v>200</v>
      </c>
      <c r="I2468">
        <v>0</v>
      </c>
      <c r="J2468">
        <v>0</v>
      </c>
      <c r="K2468">
        <v>0</v>
      </c>
      <c r="L2468">
        <v>0</v>
      </c>
      <c r="M2468">
        <v>1826</v>
      </c>
      <c r="N2468">
        <v>0</v>
      </c>
      <c r="O2468">
        <v>0</v>
      </c>
      <c r="P2468">
        <v>-4320</v>
      </c>
      <c r="Q2468">
        <v>0</v>
      </c>
      <c r="R2468">
        <v>20336</v>
      </c>
      <c r="S2468">
        <v>0</v>
      </c>
      <c r="T2468">
        <v>0</v>
      </c>
      <c r="U2468">
        <v>0</v>
      </c>
      <c r="V2468">
        <v>4</v>
      </c>
      <c r="W2468">
        <v>3</v>
      </c>
      <c r="X2468">
        <v>0</v>
      </c>
      <c r="Y2468">
        <v>74</v>
      </c>
      <c r="Z2468">
        <v>35</v>
      </c>
      <c r="AA2468">
        <v>174</v>
      </c>
      <c r="AB2468">
        <v>46</v>
      </c>
      <c r="AC2468">
        <v>198</v>
      </c>
      <c r="AD2468">
        <v>39</v>
      </c>
      <c r="AE2468">
        <v>89</v>
      </c>
      <c r="AF2468">
        <v>12280</v>
      </c>
      <c r="AG2468">
        <v>180744</v>
      </c>
      <c r="AH2468">
        <v>50000</v>
      </c>
      <c r="AI2468">
        <v>0</v>
      </c>
      <c r="AJ2468">
        <v>100</v>
      </c>
      <c r="AK2468" t="s">
        <v>0</v>
      </c>
      <c r="AL2468">
        <v>0</v>
      </c>
      <c r="AM2468">
        <v>0</v>
      </c>
      <c r="AN2468">
        <v>0</v>
      </c>
      <c r="AO2468">
        <v>0</v>
      </c>
      <c r="AP2468">
        <v>0</v>
      </c>
      <c r="AQ2468">
        <v>0</v>
      </c>
      <c r="AR2468">
        <v>0</v>
      </c>
      <c r="AS2468">
        <v>0</v>
      </c>
      <c r="AT2468">
        <v>0</v>
      </c>
      <c r="AU2468">
        <v>0</v>
      </c>
      <c r="AV2468">
        <v>0</v>
      </c>
      <c r="AW2468">
        <v>0</v>
      </c>
      <c r="AX2468">
        <v>540</v>
      </c>
      <c r="AY2468">
        <v>3</v>
      </c>
      <c r="AZ2468">
        <v>6</v>
      </c>
      <c r="BA2468">
        <v>565</v>
      </c>
    </row>
    <row r="2469" spans="1:53" x14ac:dyDescent="0.4">
      <c r="A2469">
        <v>2513</v>
      </c>
      <c r="B2469" s="1">
        <v>43619</v>
      </c>
      <c r="C2469">
        <v>1</v>
      </c>
      <c r="D2469" s="1">
        <v>43619.291666666664</v>
      </c>
      <c r="E2469" s="1">
        <v>43619.45208333333</v>
      </c>
      <c r="F2469">
        <v>0</v>
      </c>
      <c r="G2469">
        <v>0</v>
      </c>
      <c r="H2469">
        <v>0</v>
      </c>
      <c r="I2469">
        <v>0</v>
      </c>
      <c r="J2469">
        <v>0</v>
      </c>
      <c r="K2469">
        <v>0</v>
      </c>
      <c r="L2469">
        <v>0</v>
      </c>
      <c r="M2469">
        <v>0</v>
      </c>
      <c r="N2469">
        <v>0</v>
      </c>
      <c r="O2469">
        <v>0</v>
      </c>
      <c r="P2469">
        <v>0</v>
      </c>
      <c r="Q2469">
        <v>0</v>
      </c>
      <c r="R2469">
        <v>0</v>
      </c>
      <c r="S2469">
        <v>0</v>
      </c>
      <c r="T2469">
        <v>0</v>
      </c>
      <c r="U2469">
        <v>0</v>
      </c>
      <c r="V2469">
        <v>0</v>
      </c>
      <c r="W2469">
        <v>0</v>
      </c>
      <c r="X2469">
        <v>0</v>
      </c>
      <c r="Y2469">
        <v>31</v>
      </c>
      <c r="Z2469">
        <v>10</v>
      </c>
      <c r="AA2469">
        <v>105</v>
      </c>
      <c r="AB2469">
        <v>44</v>
      </c>
      <c r="AC2469">
        <v>102</v>
      </c>
      <c r="AD2469">
        <v>38</v>
      </c>
      <c r="AE2469">
        <v>90</v>
      </c>
      <c r="AF2469">
        <v>0</v>
      </c>
      <c r="AG2469">
        <v>50000</v>
      </c>
      <c r="AH2469">
        <v>0</v>
      </c>
      <c r="AI2469">
        <v>50000</v>
      </c>
      <c r="AJ2469">
        <v>0</v>
      </c>
      <c r="AK2469" t="s">
        <v>6</v>
      </c>
      <c r="AL2469">
        <v>0</v>
      </c>
      <c r="AM2469">
        <v>0</v>
      </c>
      <c r="AN2469">
        <v>0</v>
      </c>
      <c r="AO2469">
        <v>0</v>
      </c>
      <c r="AP2469">
        <v>0</v>
      </c>
      <c r="AQ2469">
        <v>0</v>
      </c>
      <c r="AR2469">
        <v>0</v>
      </c>
      <c r="AS2469">
        <v>0</v>
      </c>
      <c r="AT2469">
        <v>0</v>
      </c>
      <c r="AU2469">
        <v>0</v>
      </c>
      <c r="AV2469">
        <v>0</v>
      </c>
      <c r="AW2469">
        <v>0</v>
      </c>
      <c r="AX2469">
        <v>0</v>
      </c>
      <c r="AY2469">
        <v>0</v>
      </c>
      <c r="AZ2469">
        <v>0</v>
      </c>
      <c r="BA2469">
        <v>0</v>
      </c>
    </row>
    <row r="2470" spans="1:53" x14ac:dyDescent="0.4">
      <c r="A2470">
        <v>2514</v>
      </c>
      <c r="B2470" s="1">
        <v>43619</v>
      </c>
      <c r="C2470">
        <v>2</v>
      </c>
      <c r="D2470" s="1">
        <v>43619.45208333333</v>
      </c>
      <c r="E2470" s="1">
        <v>43619.738194444442</v>
      </c>
      <c r="F2470">
        <v>9500</v>
      </c>
      <c r="G2470">
        <v>840</v>
      </c>
      <c r="H2470">
        <v>200</v>
      </c>
      <c r="I2470">
        <v>0</v>
      </c>
      <c r="J2470">
        <v>0</v>
      </c>
      <c r="K2470">
        <v>0</v>
      </c>
      <c r="L2470">
        <v>0</v>
      </c>
      <c r="M2470">
        <v>843</v>
      </c>
      <c r="N2470">
        <v>0</v>
      </c>
      <c r="O2470">
        <v>0</v>
      </c>
      <c r="P2470">
        <v>16200</v>
      </c>
      <c r="Q2470">
        <v>0</v>
      </c>
      <c r="R2470">
        <v>27583</v>
      </c>
      <c r="S2470">
        <v>0</v>
      </c>
      <c r="T2470">
        <v>0</v>
      </c>
      <c r="U2470">
        <v>0</v>
      </c>
      <c r="V2470">
        <v>2</v>
      </c>
      <c r="W2470">
        <v>0</v>
      </c>
      <c r="X2470">
        <v>0</v>
      </c>
      <c r="Y2470">
        <v>30</v>
      </c>
      <c r="Z2470">
        <v>21</v>
      </c>
      <c r="AA2470">
        <v>131</v>
      </c>
      <c r="AB2470">
        <v>45</v>
      </c>
      <c r="AC2470">
        <v>145</v>
      </c>
      <c r="AD2470">
        <v>37</v>
      </c>
      <c r="AE2470">
        <v>98</v>
      </c>
      <c r="AF2470">
        <v>0</v>
      </c>
      <c r="AG2470">
        <v>77583</v>
      </c>
      <c r="AH2470">
        <v>50000</v>
      </c>
      <c r="AI2470">
        <v>0</v>
      </c>
      <c r="AJ2470">
        <v>96</v>
      </c>
      <c r="AK2470" t="s">
        <v>4</v>
      </c>
      <c r="AL2470">
        <v>0</v>
      </c>
      <c r="AM2470">
        <v>0</v>
      </c>
      <c r="AN2470">
        <v>0</v>
      </c>
      <c r="AO2470">
        <v>0</v>
      </c>
      <c r="AP2470">
        <v>0</v>
      </c>
      <c r="AQ2470">
        <v>0</v>
      </c>
      <c r="AR2470">
        <v>0</v>
      </c>
      <c r="AS2470">
        <v>0</v>
      </c>
      <c r="AT2470">
        <v>0</v>
      </c>
      <c r="AU2470">
        <v>0</v>
      </c>
      <c r="AV2470">
        <v>0</v>
      </c>
      <c r="AW2470">
        <v>0</v>
      </c>
      <c r="AX2470">
        <v>-540</v>
      </c>
      <c r="AY2470">
        <v>31</v>
      </c>
      <c r="AZ2470">
        <v>49</v>
      </c>
      <c r="BA2470">
        <v>3213</v>
      </c>
    </row>
    <row r="2471" spans="1:53" x14ac:dyDescent="0.4">
      <c r="A2471">
        <v>2515</v>
      </c>
      <c r="B2471" s="1">
        <v>43619</v>
      </c>
      <c r="C2471">
        <v>3</v>
      </c>
      <c r="D2471" s="1">
        <v>43619.738194444442</v>
      </c>
      <c r="E2471" s="1">
        <v>43619.952777777777</v>
      </c>
      <c r="F2471">
        <v>30620</v>
      </c>
      <c r="G2471">
        <v>3990</v>
      </c>
      <c r="H2471">
        <v>0</v>
      </c>
      <c r="I2471">
        <v>0</v>
      </c>
      <c r="J2471">
        <v>0</v>
      </c>
      <c r="K2471">
        <v>0</v>
      </c>
      <c r="L2471">
        <v>0</v>
      </c>
      <c r="M2471">
        <v>2768</v>
      </c>
      <c r="N2471">
        <v>0</v>
      </c>
      <c r="O2471">
        <v>0</v>
      </c>
      <c r="P2471">
        <v>-16200</v>
      </c>
      <c r="Q2471">
        <v>0</v>
      </c>
      <c r="R2471">
        <v>21178</v>
      </c>
      <c r="S2471">
        <v>0</v>
      </c>
      <c r="T2471">
        <v>0</v>
      </c>
      <c r="U2471">
        <v>0</v>
      </c>
      <c r="V2471">
        <v>4</v>
      </c>
      <c r="W2471">
        <v>0</v>
      </c>
      <c r="X2471">
        <v>0</v>
      </c>
      <c r="Y2471">
        <v>29</v>
      </c>
      <c r="Z2471">
        <v>21</v>
      </c>
      <c r="AA2471">
        <v>132</v>
      </c>
      <c r="AB2471">
        <v>43</v>
      </c>
      <c r="AC2471">
        <v>160</v>
      </c>
      <c r="AD2471">
        <v>36</v>
      </c>
      <c r="AE2471">
        <v>111</v>
      </c>
      <c r="AF2471">
        <v>2030</v>
      </c>
      <c r="AG2471">
        <v>98771</v>
      </c>
      <c r="AH2471">
        <v>50000</v>
      </c>
      <c r="AI2471">
        <v>10</v>
      </c>
      <c r="AJ2471">
        <v>84</v>
      </c>
      <c r="AK2471" t="s">
        <v>16</v>
      </c>
      <c r="AL2471">
        <v>0</v>
      </c>
      <c r="AM2471">
        <v>0</v>
      </c>
      <c r="AN2471">
        <v>0</v>
      </c>
      <c r="AO2471">
        <v>0</v>
      </c>
      <c r="AP2471">
        <v>0</v>
      </c>
      <c r="AQ2471">
        <v>0</v>
      </c>
      <c r="AR2471">
        <v>0</v>
      </c>
      <c r="AS2471">
        <v>0</v>
      </c>
      <c r="AT2471">
        <v>0</v>
      </c>
      <c r="AU2471">
        <v>0</v>
      </c>
      <c r="AV2471">
        <v>0</v>
      </c>
      <c r="AW2471">
        <v>0</v>
      </c>
      <c r="AX2471">
        <v>8554</v>
      </c>
      <c r="AY2471">
        <v>11</v>
      </c>
      <c r="AZ2471">
        <v>26</v>
      </c>
      <c r="BA2471">
        <v>2917</v>
      </c>
    </row>
    <row r="2472" spans="1:53" x14ac:dyDescent="0.4">
      <c r="A2472">
        <v>2516</v>
      </c>
      <c r="B2472" s="1">
        <v>43619</v>
      </c>
      <c r="C2472">
        <v>4</v>
      </c>
      <c r="D2472" s="1">
        <v>43619.952777777777</v>
      </c>
      <c r="E2472" s="1">
        <v>43620.082638888889</v>
      </c>
      <c r="F2472">
        <v>32720</v>
      </c>
      <c r="G2472">
        <v>1260</v>
      </c>
      <c r="H2472">
        <v>0</v>
      </c>
      <c r="I2472">
        <v>0</v>
      </c>
      <c r="J2472">
        <v>0</v>
      </c>
      <c r="K2472">
        <v>0</v>
      </c>
      <c r="L2472">
        <v>0</v>
      </c>
      <c r="M2472">
        <v>2719</v>
      </c>
      <c r="N2472">
        <v>0</v>
      </c>
      <c r="O2472">
        <v>0</v>
      </c>
      <c r="P2472">
        <v>15444</v>
      </c>
      <c r="Q2472">
        <v>0</v>
      </c>
      <c r="R2472">
        <v>52143</v>
      </c>
      <c r="S2472">
        <v>0</v>
      </c>
      <c r="T2472">
        <v>0</v>
      </c>
      <c r="U2472">
        <v>0</v>
      </c>
      <c r="V2472">
        <v>8</v>
      </c>
      <c r="W2472">
        <v>1</v>
      </c>
      <c r="X2472">
        <v>0</v>
      </c>
      <c r="Y2472">
        <v>23</v>
      </c>
      <c r="Z2472">
        <v>21</v>
      </c>
      <c r="AA2472">
        <v>145</v>
      </c>
      <c r="AB2472">
        <v>46</v>
      </c>
      <c r="AC2472">
        <v>159</v>
      </c>
      <c r="AD2472">
        <v>37</v>
      </c>
      <c r="AE2472">
        <v>113</v>
      </c>
      <c r="AF2472">
        <v>13716</v>
      </c>
      <c r="AG2472">
        <v>150904</v>
      </c>
      <c r="AH2472">
        <v>50000</v>
      </c>
      <c r="AI2472">
        <v>0</v>
      </c>
      <c r="AJ2472">
        <v>101</v>
      </c>
      <c r="AK2472" t="s">
        <v>28</v>
      </c>
      <c r="AL2472">
        <v>0</v>
      </c>
      <c r="AM2472">
        <v>0</v>
      </c>
      <c r="AN2472">
        <v>0</v>
      </c>
      <c r="AO2472">
        <v>0</v>
      </c>
      <c r="AP2472">
        <v>0</v>
      </c>
      <c r="AQ2472">
        <v>0</v>
      </c>
      <c r="AR2472">
        <v>0</v>
      </c>
      <c r="AS2472">
        <v>0</v>
      </c>
      <c r="AT2472">
        <v>0</v>
      </c>
      <c r="AU2472">
        <v>0</v>
      </c>
      <c r="AV2472">
        <v>0</v>
      </c>
      <c r="AW2472">
        <v>0</v>
      </c>
      <c r="AX2472">
        <v>2700</v>
      </c>
      <c r="AY2472">
        <v>6</v>
      </c>
      <c r="AZ2472">
        <v>20</v>
      </c>
      <c r="BA2472">
        <v>963</v>
      </c>
    </row>
    <row r="2473" spans="1:53" x14ac:dyDescent="0.4">
      <c r="A2473">
        <v>2517</v>
      </c>
      <c r="B2473" s="1">
        <v>43620</v>
      </c>
      <c r="C2473">
        <v>1</v>
      </c>
      <c r="D2473" s="1">
        <v>43620.291666666664</v>
      </c>
      <c r="E2473" s="1">
        <v>43620.447222222225</v>
      </c>
      <c r="F2473">
        <v>0</v>
      </c>
      <c r="G2473">
        <v>0</v>
      </c>
      <c r="H2473">
        <v>0</v>
      </c>
      <c r="I2473">
        <v>0</v>
      </c>
      <c r="J2473">
        <v>0</v>
      </c>
      <c r="K2473">
        <v>0</v>
      </c>
      <c r="L2473">
        <v>0</v>
      </c>
      <c r="M2473">
        <v>0</v>
      </c>
      <c r="N2473">
        <v>0</v>
      </c>
      <c r="O2473">
        <v>0</v>
      </c>
      <c r="P2473">
        <v>0</v>
      </c>
      <c r="Q2473">
        <v>0</v>
      </c>
      <c r="R2473">
        <v>0</v>
      </c>
      <c r="S2473">
        <v>0</v>
      </c>
      <c r="T2473">
        <v>0</v>
      </c>
      <c r="U2473">
        <v>0</v>
      </c>
      <c r="V2473">
        <v>0</v>
      </c>
      <c r="W2473">
        <v>0</v>
      </c>
      <c r="X2473">
        <v>0</v>
      </c>
      <c r="Y2473">
        <v>26</v>
      </c>
      <c r="Z2473">
        <v>22</v>
      </c>
      <c r="AA2473">
        <v>98</v>
      </c>
      <c r="AB2473">
        <v>46</v>
      </c>
      <c r="AC2473">
        <v>61</v>
      </c>
      <c r="AD2473">
        <v>36</v>
      </c>
      <c r="AE2473">
        <v>110</v>
      </c>
      <c r="AF2473">
        <v>0</v>
      </c>
      <c r="AG2473">
        <v>50000</v>
      </c>
      <c r="AH2473">
        <v>50000</v>
      </c>
      <c r="AI2473">
        <v>0</v>
      </c>
      <c r="AJ2473">
        <v>0</v>
      </c>
      <c r="AK2473" t="s">
        <v>6</v>
      </c>
      <c r="AL2473">
        <v>0</v>
      </c>
      <c r="AM2473">
        <v>0</v>
      </c>
      <c r="AN2473">
        <v>0</v>
      </c>
      <c r="AO2473">
        <v>0</v>
      </c>
      <c r="AP2473">
        <v>0</v>
      </c>
      <c r="AQ2473">
        <v>0</v>
      </c>
      <c r="AR2473">
        <v>0</v>
      </c>
      <c r="AS2473">
        <v>0</v>
      </c>
      <c r="AT2473">
        <v>0</v>
      </c>
      <c r="AU2473">
        <v>0</v>
      </c>
      <c r="AV2473">
        <v>0</v>
      </c>
      <c r="AW2473">
        <v>0</v>
      </c>
      <c r="AX2473">
        <v>0</v>
      </c>
      <c r="AY2473">
        <v>0</v>
      </c>
      <c r="AZ2473">
        <v>0</v>
      </c>
      <c r="BA2473">
        <v>0</v>
      </c>
    </row>
    <row r="2474" spans="1:53" x14ac:dyDescent="0.4">
      <c r="A2474">
        <v>2518</v>
      </c>
      <c r="B2474" s="1">
        <v>43620</v>
      </c>
      <c r="C2474">
        <v>2</v>
      </c>
      <c r="D2474" s="1">
        <v>43620.447222222225</v>
      </c>
      <c r="E2474" s="1">
        <v>43620.737500000003</v>
      </c>
      <c r="F2474">
        <v>12000</v>
      </c>
      <c r="G2474">
        <v>1280</v>
      </c>
      <c r="H2474">
        <v>0</v>
      </c>
      <c r="I2474">
        <v>0</v>
      </c>
      <c r="J2474">
        <v>0</v>
      </c>
      <c r="K2474">
        <v>0</v>
      </c>
      <c r="L2474">
        <v>0</v>
      </c>
      <c r="M2474">
        <v>1062</v>
      </c>
      <c r="N2474">
        <v>0</v>
      </c>
      <c r="O2474">
        <v>0</v>
      </c>
      <c r="P2474">
        <v>4860</v>
      </c>
      <c r="Q2474">
        <v>0</v>
      </c>
      <c r="R2474">
        <v>19202</v>
      </c>
      <c r="S2474">
        <v>0</v>
      </c>
      <c r="T2474">
        <v>0</v>
      </c>
      <c r="U2474">
        <v>0</v>
      </c>
      <c r="V2474">
        <v>2</v>
      </c>
      <c r="W2474">
        <v>0</v>
      </c>
      <c r="X2474">
        <v>0</v>
      </c>
      <c r="Y2474">
        <v>30</v>
      </c>
      <c r="Z2474">
        <v>23</v>
      </c>
      <c r="AA2474">
        <v>53</v>
      </c>
      <c r="AB2474">
        <v>34</v>
      </c>
      <c r="AC2474">
        <v>42</v>
      </c>
      <c r="AD2474">
        <v>35</v>
      </c>
      <c r="AE2474">
        <v>107</v>
      </c>
      <c r="AF2474">
        <v>0</v>
      </c>
      <c r="AG2474">
        <v>69202</v>
      </c>
      <c r="AH2474">
        <v>50000</v>
      </c>
      <c r="AI2474">
        <v>0</v>
      </c>
      <c r="AJ2474">
        <v>97</v>
      </c>
      <c r="AK2474" t="s">
        <v>33</v>
      </c>
      <c r="AL2474">
        <v>0</v>
      </c>
      <c r="AM2474">
        <v>0</v>
      </c>
      <c r="AN2474">
        <v>0</v>
      </c>
      <c r="AO2474">
        <v>0</v>
      </c>
      <c r="AP2474">
        <v>0</v>
      </c>
      <c r="AQ2474">
        <v>0</v>
      </c>
      <c r="AR2474">
        <v>0</v>
      </c>
      <c r="AS2474">
        <v>0</v>
      </c>
      <c r="AT2474">
        <v>0</v>
      </c>
      <c r="AU2474">
        <v>0</v>
      </c>
      <c r="AV2474">
        <v>0</v>
      </c>
      <c r="AW2474">
        <v>0</v>
      </c>
      <c r="AX2474">
        <v>-540</v>
      </c>
      <c r="AY2474">
        <v>21</v>
      </c>
      <c r="AZ2474">
        <v>33</v>
      </c>
      <c r="BA2474">
        <v>2824</v>
      </c>
    </row>
    <row r="2475" spans="1:53" x14ac:dyDescent="0.4">
      <c r="A2475">
        <v>2519</v>
      </c>
      <c r="B2475" s="1">
        <v>43620</v>
      </c>
      <c r="C2475">
        <v>3</v>
      </c>
      <c r="D2475" s="1">
        <v>43620.737500000003</v>
      </c>
      <c r="E2475" s="1">
        <v>43620.95208333333</v>
      </c>
      <c r="F2475">
        <v>12000</v>
      </c>
      <c r="G2475">
        <v>640</v>
      </c>
      <c r="H2475">
        <v>0</v>
      </c>
      <c r="I2475">
        <v>0</v>
      </c>
      <c r="J2475">
        <v>0</v>
      </c>
      <c r="K2475">
        <v>0</v>
      </c>
      <c r="L2475">
        <v>0</v>
      </c>
      <c r="M2475">
        <v>1011</v>
      </c>
      <c r="N2475">
        <v>0</v>
      </c>
      <c r="O2475">
        <v>0</v>
      </c>
      <c r="P2475">
        <v>42660</v>
      </c>
      <c r="Q2475">
        <v>0</v>
      </c>
      <c r="R2475">
        <v>56311</v>
      </c>
      <c r="S2475">
        <v>0</v>
      </c>
      <c r="T2475">
        <v>0</v>
      </c>
      <c r="U2475">
        <v>0</v>
      </c>
      <c r="V2475">
        <v>7</v>
      </c>
      <c r="W2475">
        <v>1</v>
      </c>
      <c r="X2475">
        <v>0</v>
      </c>
      <c r="Y2475">
        <v>31</v>
      </c>
      <c r="Z2475">
        <v>24</v>
      </c>
      <c r="AA2475">
        <v>52</v>
      </c>
      <c r="AB2475">
        <v>33</v>
      </c>
      <c r="AC2475">
        <v>39</v>
      </c>
      <c r="AD2475">
        <v>34</v>
      </c>
      <c r="AE2475">
        <v>103</v>
      </c>
      <c r="AF2475">
        <v>0</v>
      </c>
      <c r="AG2475">
        <v>125513</v>
      </c>
      <c r="AH2475">
        <v>0</v>
      </c>
      <c r="AI2475">
        <v>50000</v>
      </c>
      <c r="AJ2475">
        <v>94</v>
      </c>
      <c r="AK2475" t="s">
        <v>21</v>
      </c>
      <c r="AL2475">
        <v>0</v>
      </c>
      <c r="AM2475">
        <v>0</v>
      </c>
      <c r="AN2475">
        <v>0</v>
      </c>
      <c r="AO2475">
        <v>0</v>
      </c>
      <c r="AP2475">
        <v>0</v>
      </c>
      <c r="AQ2475">
        <v>0</v>
      </c>
      <c r="AR2475">
        <v>0</v>
      </c>
      <c r="AS2475">
        <v>0</v>
      </c>
      <c r="AT2475">
        <v>0</v>
      </c>
      <c r="AU2475">
        <v>0</v>
      </c>
      <c r="AV2475">
        <v>0</v>
      </c>
      <c r="AW2475">
        <v>0</v>
      </c>
      <c r="AX2475">
        <v>15401</v>
      </c>
      <c r="AY2475">
        <v>12</v>
      </c>
      <c r="AZ2475">
        <v>48</v>
      </c>
      <c r="BA2475">
        <v>1398</v>
      </c>
    </row>
    <row r="2476" spans="1:53" x14ac:dyDescent="0.4">
      <c r="A2476">
        <v>2520</v>
      </c>
      <c r="B2476" s="1">
        <v>43621</v>
      </c>
      <c r="C2476">
        <v>1</v>
      </c>
      <c r="D2476" s="1">
        <v>43621.291666666664</v>
      </c>
      <c r="E2476" s="1">
        <v>43621.439583333333</v>
      </c>
      <c r="F2476">
        <v>0</v>
      </c>
      <c r="G2476">
        <v>0</v>
      </c>
      <c r="H2476">
        <v>0</v>
      </c>
      <c r="I2476">
        <v>0</v>
      </c>
      <c r="J2476">
        <v>0</v>
      </c>
      <c r="K2476">
        <v>0</v>
      </c>
      <c r="L2476">
        <v>0</v>
      </c>
      <c r="M2476">
        <v>0</v>
      </c>
      <c r="N2476">
        <v>0</v>
      </c>
      <c r="O2476">
        <v>0</v>
      </c>
      <c r="P2476">
        <v>0</v>
      </c>
      <c r="Q2476">
        <v>0</v>
      </c>
      <c r="R2476">
        <v>0</v>
      </c>
      <c r="S2476">
        <v>0</v>
      </c>
      <c r="T2476">
        <v>0</v>
      </c>
      <c r="U2476">
        <v>0</v>
      </c>
      <c r="V2476">
        <v>0</v>
      </c>
      <c r="W2476">
        <v>1</v>
      </c>
      <c r="X2476">
        <v>0</v>
      </c>
      <c r="Y2476">
        <v>31</v>
      </c>
      <c r="Z2476">
        <v>14</v>
      </c>
      <c r="AA2476">
        <v>50</v>
      </c>
      <c r="AB2476">
        <v>28</v>
      </c>
      <c r="AC2476">
        <v>33</v>
      </c>
      <c r="AD2476">
        <v>34</v>
      </c>
      <c r="AE2476">
        <v>100</v>
      </c>
      <c r="AF2476">
        <v>0</v>
      </c>
      <c r="AG2476">
        <v>50000</v>
      </c>
      <c r="AH2476">
        <v>50000</v>
      </c>
      <c r="AI2476">
        <v>0</v>
      </c>
      <c r="AJ2476">
        <v>0</v>
      </c>
      <c r="AK2476" t="s">
        <v>6</v>
      </c>
      <c r="AL2476">
        <v>0</v>
      </c>
      <c r="AM2476">
        <v>0</v>
      </c>
      <c r="AN2476">
        <v>0</v>
      </c>
      <c r="AO2476">
        <v>0</v>
      </c>
      <c r="AP2476">
        <v>0</v>
      </c>
      <c r="AQ2476">
        <v>0</v>
      </c>
      <c r="AR2476">
        <v>0</v>
      </c>
      <c r="AS2476">
        <v>0</v>
      </c>
      <c r="AT2476">
        <v>0</v>
      </c>
      <c r="AU2476">
        <v>0</v>
      </c>
      <c r="AV2476">
        <v>0</v>
      </c>
      <c r="AW2476">
        <v>0</v>
      </c>
      <c r="AX2476">
        <v>0</v>
      </c>
      <c r="AY2476">
        <v>0</v>
      </c>
      <c r="AZ2476">
        <v>0</v>
      </c>
      <c r="BA2476">
        <v>0</v>
      </c>
    </row>
    <row r="2477" spans="1:53" x14ac:dyDescent="0.4">
      <c r="A2477">
        <v>2521</v>
      </c>
      <c r="B2477" s="1">
        <v>43621</v>
      </c>
      <c r="C2477">
        <v>2</v>
      </c>
      <c r="D2477" s="1">
        <v>43621.439583333333</v>
      </c>
      <c r="E2477" s="1">
        <v>43621.75277777778</v>
      </c>
      <c r="F2477">
        <v>20500</v>
      </c>
      <c r="G2477">
        <v>1380</v>
      </c>
      <c r="H2477">
        <v>0</v>
      </c>
      <c r="I2477">
        <v>0</v>
      </c>
      <c r="J2477">
        <v>0</v>
      </c>
      <c r="K2477">
        <v>0</v>
      </c>
      <c r="L2477">
        <v>0</v>
      </c>
      <c r="M2477">
        <v>1750</v>
      </c>
      <c r="N2477">
        <v>0</v>
      </c>
      <c r="O2477">
        <v>0</v>
      </c>
      <c r="P2477">
        <v>9720</v>
      </c>
      <c r="Q2477">
        <v>0</v>
      </c>
      <c r="R2477">
        <v>33350</v>
      </c>
      <c r="S2477">
        <v>0</v>
      </c>
      <c r="T2477">
        <v>0</v>
      </c>
      <c r="U2477">
        <v>0</v>
      </c>
      <c r="V2477">
        <v>1</v>
      </c>
      <c r="W2477">
        <v>2</v>
      </c>
      <c r="X2477">
        <v>0</v>
      </c>
      <c r="Y2477">
        <v>46</v>
      </c>
      <c r="Z2477">
        <v>23</v>
      </c>
      <c r="AA2477">
        <v>23</v>
      </c>
      <c r="AB2477">
        <v>18</v>
      </c>
      <c r="AC2477">
        <v>75</v>
      </c>
      <c r="AD2477">
        <v>36</v>
      </c>
      <c r="AE2477">
        <v>100</v>
      </c>
      <c r="AF2477">
        <v>1620</v>
      </c>
      <c r="AG2477">
        <v>83350</v>
      </c>
      <c r="AH2477">
        <v>50000</v>
      </c>
      <c r="AI2477">
        <v>0</v>
      </c>
      <c r="AJ2477">
        <v>97</v>
      </c>
      <c r="AK2477" t="s">
        <v>33</v>
      </c>
      <c r="AL2477">
        <v>0</v>
      </c>
      <c r="AM2477">
        <v>0</v>
      </c>
      <c r="AN2477">
        <v>0</v>
      </c>
      <c r="AO2477">
        <v>0</v>
      </c>
      <c r="AP2477">
        <v>0</v>
      </c>
      <c r="AQ2477">
        <v>0</v>
      </c>
      <c r="AR2477">
        <v>0</v>
      </c>
      <c r="AS2477">
        <v>0</v>
      </c>
      <c r="AT2477">
        <v>0</v>
      </c>
      <c r="AU2477">
        <v>0</v>
      </c>
      <c r="AV2477">
        <v>0</v>
      </c>
      <c r="AW2477">
        <v>0</v>
      </c>
      <c r="AX2477">
        <v>0</v>
      </c>
      <c r="AY2477">
        <v>35</v>
      </c>
      <c r="AZ2477">
        <v>59</v>
      </c>
      <c r="BA2477">
        <v>4753</v>
      </c>
    </row>
    <row r="2478" spans="1:53" x14ac:dyDescent="0.4">
      <c r="A2478">
        <v>2522</v>
      </c>
      <c r="B2478" s="1">
        <v>43621</v>
      </c>
      <c r="C2478">
        <v>3</v>
      </c>
      <c r="D2478" s="1">
        <v>43621.75277777778</v>
      </c>
      <c r="E2478" s="1">
        <v>43621.959722222222</v>
      </c>
      <c r="F2478">
        <v>37510</v>
      </c>
      <c r="G2478">
        <v>1180</v>
      </c>
      <c r="H2478">
        <v>0</v>
      </c>
      <c r="I2478">
        <v>0</v>
      </c>
      <c r="J2478">
        <v>0</v>
      </c>
      <c r="K2478">
        <v>0</v>
      </c>
      <c r="L2478">
        <v>0</v>
      </c>
      <c r="M2478">
        <v>3095</v>
      </c>
      <c r="N2478">
        <v>0</v>
      </c>
      <c r="O2478">
        <v>0</v>
      </c>
      <c r="P2478">
        <v>-9720</v>
      </c>
      <c r="Q2478">
        <v>0</v>
      </c>
      <c r="R2478">
        <v>32065</v>
      </c>
      <c r="S2478">
        <v>0</v>
      </c>
      <c r="T2478">
        <v>0</v>
      </c>
      <c r="U2478">
        <v>0</v>
      </c>
      <c r="V2478">
        <v>4</v>
      </c>
      <c r="W2478">
        <v>2</v>
      </c>
      <c r="X2478">
        <v>0</v>
      </c>
      <c r="Y2478">
        <v>47</v>
      </c>
      <c r="Z2478">
        <v>19</v>
      </c>
      <c r="AA2478">
        <v>21</v>
      </c>
      <c r="AB2478">
        <v>14</v>
      </c>
      <c r="AC2478">
        <v>70</v>
      </c>
      <c r="AD2478">
        <v>36</v>
      </c>
      <c r="AE2478">
        <v>94</v>
      </c>
      <c r="AF2478">
        <v>5141</v>
      </c>
      <c r="AG2478">
        <v>115415</v>
      </c>
      <c r="AH2478">
        <v>50000</v>
      </c>
      <c r="AI2478">
        <v>0</v>
      </c>
      <c r="AJ2478">
        <v>108</v>
      </c>
      <c r="AK2478" t="s">
        <v>30</v>
      </c>
      <c r="AL2478">
        <v>0</v>
      </c>
      <c r="AM2478">
        <v>0</v>
      </c>
      <c r="AN2478">
        <v>0</v>
      </c>
      <c r="AO2478">
        <v>0</v>
      </c>
      <c r="AP2478">
        <v>0</v>
      </c>
      <c r="AQ2478">
        <v>0</v>
      </c>
      <c r="AR2478">
        <v>0</v>
      </c>
      <c r="AS2478">
        <v>0</v>
      </c>
      <c r="AT2478">
        <v>0</v>
      </c>
      <c r="AU2478">
        <v>0</v>
      </c>
      <c r="AV2478">
        <v>0</v>
      </c>
      <c r="AW2478">
        <v>0</v>
      </c>
      <c r="AX2478">
        <v>0</v>
      </c>
      <c r="AY2478">
        <v>9</v>
      </c>
      <c r="AZ2478">
        <v>29</v>
      </c>
      <c r="BA2478">
        <v>1063</v>
      </c>
    </row>
    <row r="2479" spans="1:53" x14ac:dyDescent="0.4">
      <c r="A2479">
        <v>2523</v>
      </c>
      <c r="B2479" s="1">
        <v>43622</v>
      </c>
      <c r="C2479">
        <v>1</v>
      </c>
      <c r="D2479" s="1">
        <v>43622.291666666664</v>
      </c>
      <c r="E2479" s="1">
        <v>43622.450694444444</v>
      </c>
      <c r="F2479">
        <v>0</v>
      </c>
      <c r="G2479">
        <v>0</v>
      </c>
      <c r="H2479">
        <v>0</v>
      </c>
      <c r="I2479">
        <v>0</v>
      </c>
      <c r="J2479">
        <v>0</v>
      </c>
      <c r="K2479">
        <v>0</v>
      </c>
      <c r="L2479">
        <v>0</v>
      </c>
      <c r="M2479">
        <v>0</v>
      </c>
      <c r="N2479">
        <v>0</v>
      </c>
      <c r="O2479">
        <v>0</v>
      </c>
      <c r="P2479">
        <v>0</v>
      </c>
      <c r="Q2479">
        <v>0</v>
      </c>
      <c r="R2479">
        <v>0</v>
      </c>
      <c r="S2479">
        <v>0</v>
      </c>
      <c r="T2479">
        <v>0</v>
      </c>
      <c r="U2479">
        <v>0</v>
      </c>
      <c r="V2479">
        <v>0</v>
      </c>
      <c r="W2479">
        <v>0</v>
      </c>
      <c r="X2479">
        <v>0</v>
      </c>
      <c r="Y2479">
        <v>38</v>
      </c>
      <c r="Z2479">
        <v>18</v>
      </c>
      <c r="AA2479">
        <v>15</v>
      </c>
      <c r="AB2479">
        <v>12</v>
      </c>
      <c r="AC2479">
        <v>64</v>
      </c>
      <c r="AD2479">
        <v>35</v>
      </c>
      <c r="AE2479">
        <v>85</v>
      </c>
      <c r="AF2479">
        <v>0</v>
      </c>
      <c r="AG2479">
        <v>50000</v>
      </c>
      <c r="AH2479">
        <v>0</v>
      </c>
      <c r="AI2479">
        <v>50000</v>
      </c>
      <c r="AJ2479">
        <v>0</v>
      </c>
      <c r="AK2479" t="s">
        <v>6</v>
      </c>
      <c r="AL2479">
        <v>0</v>
      </c>
      <c r="AM2479">
        <v>0</v>
      </c>
      <c r="AN2479">
        <v>0</v>
      </c>
      <c r="AO2479">
        <v>0</v>
      </c>
      <c r="AP2479">
        <v>0</v>
      </c>
      <c r="AQ2479">
        <v>0</v>
      </c>
      <c r="AR2479">
        <v>0</v>
      </c>
      <c r="AS2479">
        <v>0</v>
      </c>
      <c r="AT2479">
        <v>0</v>
      </c>
      <c r="AU2479">
        <v>0</v>
      </c>
      <c r="AV2479">
        <v>0</v>
      </c>
      <c r="AW2479">
        <v>0</v>
      </c>
      <c r="AX2479">
        <v>0</v>
      </c>
      <c r="AY2479">
        <v>0</v>
      </c>
      <c r="AZ2479">
        <v>0</v>
      </c>
      <c r="BA2479">
        <v>0</v>
      </c>
    </row>
    <row r="2480" spans="1:53" x14ac:dyDescent="0.4">
      <c r="A2480">
        <v>2524</v>
      </c>
      <c r="B2480" s="1">
        <v>43622</v>
      </c>
      <c r="C2480">
        <v>2</v>
      </c>
      <c r="D2480" s="1">
        <v>43622.450694444444</v>
      </c>
      <c r="E2480" s="1">
        <v>43622.745138888888</v>
      </c>
      <c r="F2480">
        <v>19000</v>
      </c>
      <c r="G2480">
        <v>2020</v>
      </c>
      <c r="H2480">
        <v>200</v>
      </c>
      <c r="I2480">
        <v>0</v>
      </c>
      <c r="J2480">
        <v>0</v>
      </c>
      <c r="K2480">
        <v>0</v>
      </c>
      <c r="L2480">
        <v>0</v>
      </c>
      <c r="M2480">
        <v>1697</v>
      </c>
      <c r="N2480">
        <v>0</v>
      </c>
      <c r="O2480">
        <v>0</v>
      </c>
      <c r="P2480">
        <v>19980</v>
      </c>
      <c r="Q2480">
        <v>0</v>
      </c>
      <c r="R2480">
        <v>42897</v>
      </c>
      <c r="S2480">
        <v>0</v>
      </c>
      <c r="T2480">
        <v>0</v>
      </c>
      <c r="U2480">
        <v>0</v>
      </c>
      <c r="V2480">
        <v>0</v>
      </c>
      <c r="W2480">
        <v>3</v>
      </c>
      <c r="X2480">
        <v>0</v>
      </c>
      <c r="Y2480">
        <v>53</v>
      </c>
      <c r="Z2480">
        <v>35</v>
      </c>
      <c r="AA2480">
        <v>10</v>
      </c>
      <c r="AB2480">
        <v>3</v>
      </c>
      <c r="AC2480">
        <v>60</v>
      </c>
      <c r="AD2480">
        <v>35</v>
      </c>
      <c r="AE2480">
        <v>97</v>
      </c>
      <c r="AF2480">
        <v>5375</v>
      </c>
      <c r="AG2480">
        <v>92897</v>
      </c>
      <c r="AH2480">
        <v>50000</v>
      </c>
      <c r="AI2480">
        <v>0</v>
      </c>
      <c r="AJ2480">
        <v>96</v>
      </c>
      <c r="AK2480" t="s">
        <v>4</v>
      </c>
      <c r="AL2480">
        <v>0</v>
      </c>
      <c r="AM2480">
        <v>0</v>
      </c>
      <c r="AN2480">
        <v>0</v>
      </c>
      <c r="AO2480">
        <v>0</v>
      </c>
      <c r="AP2480">
        <v>0</v>
      </c>
      <c r="AQ2480">
        <v>0</v>
      </c>
      <c r="AR2480">
        <v>0</v>
      </c>
      <c r="AS2480">
        <v>0</v>
      </c>
      <c r="AT2480">
        <v>0</v>
      </c>
      <c r="AU2480">
        <v>0</v>
      </c>
      <c r="AV2480">
        <v>0</v>
      </c>
      <c r="AW2480">
        <v>0</v>
      </c>
      <c r="AX2480">
        <v>-1426</v>
      </c>
      <c r="AY2480">
        <v>41</v>
      </c>
      <c r="AZ2480">
        <v>73</v>
      </c>
      <c r="BA2480">
        <v>5650</v>
      </c>
    </row>
    <row r="2481" spans="1:53" x14ac:dyDescent="0.4">
      <c r="A2481">
        <v>2525</v>
      </c>
      <c r="B2481" s="1">
        <v>43623</v>
      </c>
      <c r="C2481">
        <v>1</v>
      </c>
      <c r="D2481" s="1">
        <v>43623.291666666664</v>
      </c>
      <c r="E2481" s="1">
        <v>43623.456250000003</v>
      </c>
      <c r="F2481">
        <v>0</v>
      </c>
      <c r="G2481">
        <v>0</v>
      </c>
      <c r="H2481">
        <v>0</v>
      </c>
      <c r="I2481">
        <v>0</v>
      </c>
      <c r="J2481">
        <v>0</v>
      </c>
      <c r="K2481">
        <v>0</v>
      </c>
      <c r="L2481">
        <v>0</v>
      </c>
      <c r="M2481">
        <v>0</v>
      </c>
      <c r="N2481">
        <v>0</v>
      </c>
      <c r="O2481">
        <v>0</v>
      </c>
      <c r="P2481">
        <v>0</v>
      </c>
      <c r="Q2481">
        <v>0</v>
      </c>
      <c r="R2481">
        <v>0</v>
      </c>
      <c r="S2481">
        <v>0</v>
      </c>
      <c r="T2481">
        <v>0</v>
      </c>
      <c r="U2481">
        <v>0</v>
      </c>
      <c r="V2481">
        <v>0</v>
      </c>
      <c r="W2481">
        <v>0</v>
      </c>
      <c r="X2481">
        <v>0</v>
      </c>
      <c r="Y2481">
        <v>38</v>
      </c>
      <c r="Z2481">
        <v>20</v>
      </c>
      <c r="AA2481">
        <v>10</v>
      </c>
      <c r="AB2481">
        <v>3</v>
      </c>
      <c r="AC2481">
        <v>56</v>
      </c>
      <c r="AD2481">
        <v>36</v>
      </c>
      <c r="AE2481">
        <v>110</v>
      </c>
      <c r="AF2481">
        <v>0</v>
      </c>
      <c r="AG2481">
        <v>50000</v>
      </c>
      <c r="AH2481">
        <v>0</v>
      </c>
      <c r="AI2481">
        <v>50000</v>
      </c>
      <c r="AJ2481">
        <v>0</v>
      </c>
      <c r="AK2481" t="s">
        <v>6</v>
      </c>
      <c r="AL2481">
        <v>0</v>
      </c>
      <c r="AM2481">
        <v>0</v>
      </c>
      <c r="AN2481">
        <v>0</v>
      </c>
      <c r="AO2481">
        <v>0</v>
      </c>
      <c r="AP2481">
        <v>0</v>
      </c>
      <c r="AQ2481">
        <v>0</v>
      </c>
      <c r="AR2481">
        <v>0</v>
      </c>
      <c r="AS2481">
        <v>0</v>
      </c>
      <c r="AT2481">
        <v>0</v>
      </c>
      <c r="AU2481">
        <v>0</v>
      </c>
      <c r="AV2481">
        <v>0</v>
      </c>
      <c r="AW2481">
        <v>0</v>
      </c>
      <c r="AX2481">
        <v>0</v>
      </c>
      <c r="AY2481">
        <v>0</v>
      </c>
      <c r="AZ2481">
        <v>0</v>
      </c>
      <c r="BA2481">
        <v>0</v>
      </c>
    </row>
    <row r="2482" spans="1:53" x14ac:dyDescent="0.4">
      <c r="A2482">
        <v>2526</v>
      </c>
      <c r="B2482" s="1">
        <v>43623</v>
      </c>
      <c r="C2482">
        <v>2</v>
      </c>
      <c r="D2482" s="1">
        <v>43623.456250000003</v>
      </c>
      <c r="E2482" s="1">
        <v>43623.757638888892</v>
      </c>
      <c r="F2482">
        <v>14000</v>
      </c>
      <c r="G2482">
        <v>680</v>
      </c>
      <c r="H2482">
        <v>200</v>
      </c>
      <c r="I2482">
        <v>0</v>
      </c>
      <c r="J2482">
        <v>0</v>
      </c>
      <c r="K2482">
        <v>0</v>
      </c>
      <c r="L2482">
        <v>0</v>
      </c>
      <c r="M2482">
        <v>1190</v>
      </c>
      <c r="N2482">
        <v>0</v>
      </c>
      <c r="O2482">
        <v>0</v>
      </c>
      <c r="P2482">
        <v>12960</v>
      </c>
      <c r="Q2482">
        <v>0</v>
      </c>
      <c r="R2482">
        <v>29030</v>
      </c>
      <c r="S2482">
        <v>0</v>
      </c>
      <c r="T2482">
        <v>0</v>
      </c>
      <c r="U2482">
        <v>0</v>
      </c>
      <c r="V2482">
        <v>0</v>
      </c>
      <c r="W2482">
        <v>1</v>
      </c>
      <c r="X2482">
        <v>0</v>
      </c>
      <c r="Y2482">
        <v>57</v>
      </c>
      <c r="Z2482">
        <v>23</v>
      </c>
      <c r="AA2482">
        <v>38</v>
      </c>
      <c r="AB2482">
        <v>3</v>
      </c>
      <c r="AC2482">
        <v>127</v>
      </c>
      <c r="AD2482">
        <v>38</v>
      </c>
      <c r="AE2482">
        <v>120</v>
      </c>
      <c r="AF2482">
        <v>0</v>
      </c>
      <c r="AG2482">
        <v>79030</v>
      </c>
      <c r="AH2482">
        <v>50000</v>
      </c>
      <c r="AI2482">
        <v>0</v>
      </c>
      <c r="AJ2482">
        <v>100</v>
      </c>
      <c r="AK2482" t="s">
        <v>0</v>
      </c>
      <c r="AL2482">
        <v>0</v>
      </c>
      <c r="AM2482">
        <v>0</v>
      </c>
      <c r="AN2482">
        <v>0</v>
      </c>
      <c r="AO2482">
        <v>0</v>
      </c>
      <c r="AP2482">
        <v>0</v>
      </c>
      <c r="AQ2482">
        <v>0</v>
      </c>
      <c r="AR2482">
        <v>0</v>
      </c>
      <c r="AS2482">
        <v>0</v>
      </c>
      <c r="AT2482">
        <v>0</v>
      </c>
      <c r="AU2482">
        <v>0</v>
      </c>
      <c r="AV2482">
        <v>0</v>
      </c>
      <c r="AW2482">
        <v>0</v>
      </c>
      <c r="AX2482">
        <v>1468</v>
      </c>
      <c r="AY2482">
        <v>28</v>
      </c>
      <c r="AZ2482">
        <v>52</v>
      </c>
      <c r="BA2482">
        <v>3487</v>
      </c>
    </row>
    <row r="2483" spans="1:53" x14ac:dyDescent="0.4">
      <c r="A2483">
        <v>2527</v>
      </c>
      <c r="B2483" s="1">
        <v>43623</v>
      </c>
      <c r="C2483">
        <v>3</v>
      </c>
      <c r="D2483" s="1">
        <v>43623.757638888892</v>
      </c>
      <c r="E2483" s="1">
        <v>43623.956944444442</v>
      </c>
      <c r="F2483">
        <v>27600</v>
      </c>
      <c r="G2483">
        <v>4280</v>
      </c>
      <c r="H2483">
        <v>0</v>
      </c>
      <c r="I2483">
        <v>0</v>
      </c>
      <c r="J2483">
        <v>0</v>
      </c>
      <c r="K2483">
        <v>200</v>
      </c>
      <c r="L2483">
        <v>0</v>
      </c>
      <c r="M2483">
        <v>2566</v>
      </c>
      <c r="N2483">
        <v>0</v>
      </c>
      <c r="O2483">
        <v>0</v>
      </c>
      <c r="P2483">
        <v>-8640</v>
      </c>
      <c r="Q2483">
        <v>0</v>
      </c>
      <c r="R2483">
        <v>26006</v>
      </c>
      <c r="S2483">
        <v>0</v>
      </c>
      <c r="T2483">
        <v>0</v>
      </c>
      <c r="U2483">
        <v>0</v>
      </c>
      <c r="V2483">
        <v>2</v>
      </c>
      <c r="W2483">
        <v>0</v>
      </c>
      <c r="X2483">
        <v>0</v>
      </c>
      <c r="Y2483">
        <v>67</v>
      </c>
      <c r="Z2483">
        <v>23</v>
      </c>
      <c r="AA2483">
        <v>48</v>
      </c>
      <c r="AB2483">
        <v>3</v>
      </c>
      <c r="AC2483">
        <v>128</v>
      </c>
      <c r="AD2483">
        <v>39</v>
      </c>
      <c r="AE2483">
        <v>111</v>
      </c>
      <c r="AF2483">
        <v>0</v>
      </c>
      <c r="AG2483">
        <v>105036</v>
      </c>
      <c r="AH2483">
        <v>50000</v>
      </c>
      <c r="AI2483">
        <v>0</v>
      </c>
      <c r="AJ2483">
        <v>108</v>
      </c>
      <c r="AK2483" t="s">
        <v>30</v>
      </c>
      <c r="AL2483">
        <v>0</v>
      </c>
      <c r="AM2483">
        <v>0</v>
      </c>
      <c r="AN2483">
        <v>0</v>
      </c>
      <c r="AO2483">
        <v>0</v>
      </c>
      <c r="AP2483">
        <v>0</v>
      </c>
      <c r="AQ2483">
        <v>0</v>
      </c>
      <c r="AR2483">
        <v>0</v>
      </c>
      <c r="AS2483">
        <v>0</v>
      </c>
      <c r="AT2483">
        <v>0</v>
      </c>
      <c r="AU2483">
        <v>0</v>
      </c>
      <c r="AV2483">
        <v>0</v>
      </c>
      <c r="AW2483">
        <v>0</v>
      </c>
      <c r="AX2483">
        <v>84499</v>
      </c>
      <c r="AY2483">
        <v>22</v>
      </c>
      <c r="AZ2483">
        <v>89</v>
      </c>
      <c r="BA2483">
        <v>2499</v>
      </c>
    </row>
    <row r="2484" spans="1:53" x14ac:dyDescent="0.4">
      <c r="A2484">
        <v>2528</v>
      </c>
      <c r="B2484" s="1">
        <v>43624</v>
      </c>
      <c r="C2484">
        <v>1</v>
      </c>
      <c r="D2484" s="1">
        <v>43624.291666666664</v>
      </c>
      <c r="E2484" s="1">
        <v>43624.407638888886</v>
      </c>
      <c r="F2484">
        <v>0</v>
      </c>
      <c r="G2484">
        <v>0</v>
      </c>
      <c r="H2484">
        <v>0</v>
      </c>
      <c r="I2484">
        <v>0</v>
      </c>
      <c r="J2484">
        <v>0</v>
      </c>
      <c r="K2484">
        <v>0</v>
      </c>
      <c r="L2484">
        <v>0</v>
      </c>
      <c r="M2484">
        <v>0</v>
      </c>
      <c r="N2484">
        <v>0</v>
      </c>
      <c r="O2484">
        <v>0</v>
      </c>
      <c r="P2484">
        <v>0</v>
      </c>
      <c r="Q2484">
        <v>0</v>
      </c>
      <c r="R2484">
        <v>0</v>
      </c>
      <c r="S2484">
        <v>0</v>
      </c>
      <c r="T2484">
        <v>0</v>
      </c>
      <c r="U2484">
        <v>0</v>
      </c>
      <c r="V2484">
        <v>0</v>
      </c>
      <c r="W2484">
        <v>0</v>
      </c>
      <c r="X2484">
        <v>0</v>
      </c>
      <c r="Y2484">
        <v>38</v>
      </c>
      <c r="Z2484">
        <v>13</v>
      </c>
      <c r="AA2484">
        <v>41</v>
      </c>
      <c r="AB2484">
        <v>2</v>
      </c>
      <c r="AC2484">
        <v>103</v>
      </c>
      <c r="AD2484">
        <v>35</v>
      </c>
      <c r="AE2484">
        <v>95</v>
      </c>
      <c r="AF2484">
        <v>0</v>
      </c>
      <c r="AG2484">
        <v>50000</v>
      </c>
      <c r="AH2484">
        <v>50000</v>
      </c>
      <c r="AI2484">
        <v>0</v>
      </c>
      <c r="AJ2484">
        <v>0</v>
      </c>
      <c r="AK2484" t="s">
        <v>6</v>
      </c>
      <c r="AL2484">
        <v>0</v>
      </c>
      <c r="AM2484">
        <v>0</v>
      </c>
      <c r="AN2484">
        <v>0</v>
      </c>
      <c r="AO2484">
        <v>0</v>
      </c>
      <c r="AP2484">
        <v>0</v>
      </c>
      <c r="AQ2484">
        <v>0</v>
      </c>
      <c r="AR2484">
        <v>0</v>
      </c>
      <c r="AS2484">
        <v>0</v>
      </c>
      <c r="AT2484">
        <v>0</v>
      </c>
      <c r="AU2484">
        <v>0</v>
      </c>
      <c r="AV2484">
        <v>0</v>
      </c>
      <c r="AW2484">
        <v>0</v>
      </c>
      <c r="AX2484">
        <v>0</v>
      </c>
      <c r="AY2484">
        <v>0</v>
      </c>
      <c r="AZ2484">
        <v>0</v>
      </c>
      <c r="BA2484">
        <v>0</v>
      </c>
    </row>
    <row r="2485" spans="1:53" x14ac:dyDescent="0.4">
      <c r="A2485">
        <v>2529</v>
      </c>
      <c r="B2485" s="1">
        <v>43624</v>
      </c>
      <c r="C2485">
        <v>2</v>
      </c>
      <c r="D2485" s="1">
        <v>43624.407638888886</v>
      </c>
      <c r="E2485" s="1">
        <v>43624.73541666667</v>
      </c>
      <c r="F2485">
        <v>36500</v>
      </c>
      <c r="G2485">
        <v>1120</v>
      </c>
      <c r="H2485">
        <v>0</v>
      </c>
      <c r="I2485">
        <v>0</v>
      </c>
      <c r="J2485">
        <v>0</v>
      </c>
      <c r="K2485">
        <v>0</v>
      </c>
      <c r="L2485">
        <v>0</v>
      </c>
      <c r="M2485">
        <v>3009</v>
      </c>
      <c r="N2485">
        <v>0</v>
      </c>
      <c r="O2485">
        <v>0</v>
      </c>
      <c r="P2485">
        <v>27000</v>
      </c>
      <c r="Q2485">
        <v>0</v>
      </c>
      <c r="R2485">
        <v>67629</v>
      </c>
      <c r="S2485">
        <v>0</v>
      </c>
      <c r="T2485">
        <v>0</v>
      </c>
      <c r="U2485">
        <v>0</v>
      </c>
      <c r="V2485">
        <v>1</v>
      </c>
      <c r="W2485">
        <v>0</v>
      </c>
      <c r="X2485">
        <v>0</v>
      </c>
      <c r="Y2485">
        <v>89</v>
      </c>
      <c r="Z2485">
        <v>23</v>
      </c>
      <c r="AA2485">
        <v>51</v>
      </c>
      <c r="AB2485">
        <v>10</v>
      </c>
      <c r="AC2485">
        <v>122</v>
      </c>
      <c r="AD2485">
        <v>42</v>
      </c>
      <c r="AE2485">
        <v>99</v>
      </c>
      <c r="AF2485">
        <v>0</v>
      </c>
      <c r="AG2485">
        <v>117629</v>
      </c>
      <c r="AH2485">
        <v>50000</v>
      </c>
      <c r="AI2485">
        <v>0</v>
      </c>
      <c r="AJ2485">
        <v>93</v>
      </c>
      <c r="AK2485" t="s">
        <v>20</v>
      </c>
      <c r="AL2485">
        <v>0</v>
      </c>
      <c r="AM2485">
        <v>0</v>
      </c>
      <c r="AN2485">
        <v>0</v>
      </c>
      <c r="AO2485">
        <v>0</v>
      </c>
      <c r="AP2485">
        <v>0</v>
      </c>
      <c r="AQ2485">
        <v>0</v>
      </c>
      <c r="AR2485">
        <v>0</v>
      </c>
      <c r="AS2485">
        <v>0</v>
      </c>
      <c r="AT2485">
        <v>0</v>
      </c>
      <c r="AU2485">
        <v>0</v>
      </c>
      <c r="AV2485">
        <v>0</v>
      </c>
      <c r="AW2485">
        <v>0</v>
      </c>
      <c r="AX2485">
        <v>928</v>
      </c>
      <c r="AY2485">
        <v>55</v>
      </c>
      <c r="AZ2485">
        <v>118</v>
      </c>
      <c r="BA2485">
        <v>7938</v>
      </c>
    </row>
    <row r="2486" spans="1:53" x14ac:dyDescent="0.4">
      <c r="A2486">
        <v>2530</v>
      </c>
      <c r="B2486" s="1">
        <v>43625</v>
      </c>
      <c r="C2486">
        <v>1</v>
      </c>
      <c r="D2486" s="1">
        <v>43625.291666666664</v>
      </c>
      <c r="E2486" s="1">
        <v>43625.411805555559</v>
      </c>
      <c r="F2486">
        <v>0</v>
      </c>
      <c r="G2486">
        <v>0</v>
      </c>
      <c r="H2486">
        <v>0</v>
      </c>
      <c r="I2486">
        <v>0</v>
      </c>
      <c r="J2486">
        <v>0</v>
      </c>
      <c r="K2486">
        <v>0</v>
      </c>
      <c r="L2486">
        <v>0</v>
      </c>
      <c r="M2486">
        <v>0</v>
      </c>
      <c r="N2486">
        <v>0</v>
      </c>
      <c r="O2486">
        <v>0</v>
      </c>
      <c r="P2486">
        <v>0</v>
      </c>
      <c r="Q2486">
        <v>0</v>
      </c>
      <c r="R2486">
        <v>0</v>
      </c>
      <c r="S2486">
        <v>0</v>
      </c>
      <c r="T2486">
        <v>0</v>
      </c>
      <c r="U2486">
        <v>0</v>
      </c>
      <c r="V2486">
        <v>0</v>
      </c>
      <c r="W2486">
        <v>0</v>
      </c>
      <c r="X2486">
        <v>0</v>
      </c>
      <c r="Y2486">
        <v>35</v>
      </c>
      <c r="Z2486">
        <v>12</v>
      </c>
      <c r="AA2486">
        <v>73</v>
      </c>
      <c r="AB2486">
        <v>6</v>
      </c>
      <c r="AC2486">
        <v>115</v>
      </c>
      <c r="AD2486">
        <v>36</v>
      </c>
      <c r="AE2486">
        <v>70</v>
      </c>
      <c r="AF2486">
        <v>0</v>
      </c>
      <c r="AG2486">
        <v>50000</v>
      </c>
      <c r="AH2486">
        <v>50000</v>
      </c>
      <c r="AI2486">
        <v>0</v>
      </c>
      <c r="AJ2486">
        <v>0</v>
      </c>
      <c r="AK2486" t="s">
        <v>6</v>
      </c>
      <c r="AL2486">
        <v>0</v>
      </c>
      <c r="AM2486">
        <v>0</v>
      </c>
      <c r="AN2486">
        <v>0</v>
      </c>
      <c r="AO2486">
        <v>0</v>
      </c>
      <c r="AP2486">
        <v>0</v>
      </c>
      <c r="AQ2486">
        <v>0</v>
      </c>
      <c r="AR2486">
        <v>0</v>
      </c>
      <c r="AS2486">
        <v>0</v>
      </c>
      <c r="AT2486">
        <v>0</v>
      </c>
      <c r="AU2486">
        <v>0</v>
      </c>
      <c r="AV2486">
        <v>0</v>
      </c>
      <c r="AW2486">
        <v>0</v>
      </c>
      <c r="AX2486">
        <v>0</v>
      </c>
      <c r="AY2486">
        <v>0</v>
      </c>
      <c r="AZ2486">
        <v>0</v>
      </c>
      <c r="BA2486">
        <v>0</v>
      </c>
    </row>
    <row r="2487" spans="1:53" x14ac:dyDescent="0.4">
      <c r="A2487">
        <v>2531</v>
      </c>
      <c r="B2487" s="1">
        <v>43625</v>
      </c>
      <c r="C2487">
        <v>2</v>
      </c>
      <c r="D2487" s="1">
        <v>43625.411805555559</v>
      </c>
      <c r="E2487" s="1">
        <v>43625.734722222223</v>
      </c>
      <c r="F2487">
        <v>43000</v>
      </c>
      <c r="G2487">
        <v>3200</v>
      </c>
      <c r="H2487">
        <v>400</v>
      </c>
      <c r="I2487">
        <v>0</v>
      </c>
      <c r="J2487">
        <v>0</v>
      </c>
      <c r="K2487">
        <v>0</v>
      </c>
      <c r="L2487">
        <v>0</v>
      </c>
      <c r="M2487">
        <v>3727</v>
      </c>
      <c r="N2487">
        <v>0</v>
      </c>
      <c r="O2487">
        <v>0</v>
      </c>
      <c r="P2487">
        <v>28080</v>
      </c>
      <c r="Q2487">
        <v>0</v>
      </c>
      <c r="R2487">
        <v>78407</v>
      </c>
      <c r="S2487">
        <v>0</v>
      </c>
      <c r="T2487">
        <v>0</v>
      </c>
      <c r="U2487">
        <v>0</v>
      </c>
      <c r="V2487">
        <v>1</v>
      </c>
      <c r="W2487">
        <v>3</v>
      </c>
      <c r="X2487">
        <v>0</v>
      </c>
      <c r="Y2487">
        <v>67</v>
      </c>
      <c r="Z2487">
        <v>50</v>
      </c>
      <c r="AA2487">
        <v>84</v>
      </c>
      <c r="AB2487">
        <v>8</v>
      </c>
      <c r="AC2487">
        <v>234</v>
      </c>
      <c r="AD2487">
        <v>39</v>
      </c>
      <c r="AE2487">
        <v>72</v>
      </c>
      <c r="AF2487">
        <v>0</v>
      </c>
      <c r="AG2487">
        <v>128407</v>
      </c>
      <c r="AH2487">
        <v>50000</v>
      </c>
      <c r="AI2487">
        <v>0</v>
      </c>
      <c r="AJ2487">
        <v>97</v>
      </c>
      <c r="AK2487" t="s">
        <v>33</v>
      </c>
      <c r="AL2487">
        <v>0</v>
      </c>
      <c r="AM2487">
        <v>0</v>
      </c>
      <c r="AN2487">
        <v>0</v>
      </c>
      <c r="AO2487">
        <v>0</v>
      </c>
      <c r="AP2487">
        <v>0</v>
      </c>
      <c r="AQ2487">
        <v>0</v>
      </c>
      <c r="AR2487">
        <v>0</v>
      </c>
      <c r="AS2487">
        <v>0</v>
      </c>
      <c r="AT2487">
        <v>0</v>
      </c>
      <c r="AU2487">
        <v>0</v>
      </c>
      <c r="AV2487">
        <v>0</v>
      </c>
      <c r="AW2487">
        <v>0</v>
      </c>
      <c r="AX2487">
        <v>540</v>
      </c>
      <c r="AY2487">
        <v>56</v>
      </c>
      <c r="AZ2487">
        <v>135</v>
      </c>
      <c r="BA2487">
        <v>8032</v>
      </c>
    </row>
    <row r="2488" spans="1:53" x14ac:dyDescent="0.4">
      <c r="A2488">
        <v>2532</v>
      </c>
      <c r="B2488" s="1">
        <v>43625</v>
      </c>
      <c r="C2488">
        <v>3</v>
      </c>
      <c r="D2488" s="1">
        <v>43625.734722222223</v>
      </c>
      <c r="E2488" s="1">
        <v>43625.981944444444</v>
      </c>
      <c r="F2488">
        <v>55580</v>
      </c>
      <c r="G2488">
        <v>4570</v>
      </c>
      <c r="H2488">
        <v>0</v>
      </c>
      <c r="I2488">
        <v>0</v>
      </c>
      <c r="J2488">
        <v>0</v>
      </c>
      <c r="K2488">
        <v>0</v>
      </c>
      <c r="L2488">
        <v>0</v>
      </c>
      <c r="M2488">
        <v>4811</v>
      </c>
      <c r="N2488">
        <v>0</v>
      </c>
      <c r="O2488">
        <v>0</v>
      </c>
      <c r="P2488">
        <v>-28080</v>
      </c>
      <c r="Q2488">
        <v>0</v>
      </c>
      <c r="R2488">
        <v>36881</v>
      </c>
      <c r="S2488">
        <v>0</v>
      </c>
      <c r="T2488">
        <v>0</v>
      </c>
      <c r="U2488">
        <v>0</v>
      </c>
      <c r="V2488">
        <v>3</v>
      </c>
      <c r="W2488">
        <v>4</v>
      </c>
      <c r="X2488">
        <v>0</v>
      </c>
      <c r="Y2488">
        <v>79</v>
      </c>
      <c r="Z2488">
        <v>49</v>
      </c>
      <c r="AA2488">
        <v>73</v>
      </c>
      <c r="AB2488">
        <v>11</v>
      </c>
      <c r="AC2488">
        <v>258</v>
      </c>
      <c r="AD2488">
        <v>40</v>
      </c>
      <c r="AE2488">
        <v>78</v>
      </c>
      <c r="AF2488">
        <v>1080</v>
      </c>
      <c r="AG2488">
        <v>165288</v>
      </c>
      <c r="AH2488">
        <v>50000</v>
      </c>
      <c r="AI2488">
        <v>0</v>
      </c>
      <c r="AJ2488">
        <v>99</v>
      </c>
      <c r="AK2488" t="s">
        <v>9</v>
      </c>
      <c r="AL2488">
        <v>0</v>
      </c>
      <c r="AM2488">
        <v>0</v>
      </c>
      <c r="AN2488">
        <v>0</v>
      </c>
      <c r="AO2488">
        <v>0</v>
      </c>
      <c r="AP2488">
        <v>0</v>
      </c>
      <c r="AQ2488">
        <v>0</v>
      </c>
      <c r="AR2488">
        <v>0</v>
      </c>
      <c r="AS2488">
        <v>0</v>
      </c>
      <c r="AT2488">
        <v>0</v>
      </c>
      <c r="AU2488">
        <v>0</v>
      </c>
      <c r="AV2488">
        <v>0</v>
      </c>
      <c r="AW2488">
        <v>0</v>
      </c>
      <c r="AX2488">
        <v>4687</v>
      </c>
      <c r="AY2488">
        <v>12</v>
      </c>
      <c r="AZ2488">
        <v>34</v>
      </c>
      <c r="BA2488">
        <v>3189</v>
      </c>
    </row>
    <row r="2489" spans="1:53" x14ac:dyDescent="0.4">
      <c r="A2489">
        <v>2533</v>
      </c>
      <c r="B2489" s="1">
        <v>43626</v>
      </c>
      <c r="C2489">
        <v>1</v>
      </c>
      <c r="D2489" s="1">
        <v>43626.291666666664</v>
      </c>
      <c r="E2489" s="1">
        <v>43626.455555555556</v>
      </c>
      <c r="F2489">
        <v>0</v>
      </c>
      <c r="G2489">
        <v>0</v>
      </c>
      <c r="H2489">
        <v>0</v>
      </c>
      <c r="I2489">
        <v>0</v>
      </c>
      <c r="J2489">
        <v>0</v>
      </c>
      <c r="K2489">
        <v>0</v>
      </c>
      <c r="L2489">
        <v>0</v>
      </c>
      <c r="M2489">
        <v>0</v>
      </c>
      <c r="N2489">
        <v>0</v>
      </c>
      <c r="O2489">
        <v>0</v>
      </c>
      <c r="P2489">
        <v>0</v>
      </c>
      <c r="Q2489">
        <v>0</v>
      </c>
      <c r="R2489">
        <v>0</v>
      </c>
      <c r="S2489">
        <v>0</v>
      </c>
      <c r="T2489">
        <v>0</v>
      </c>
      <c r="U2489">
        <v>0</v>
      </c>
      <c r="V2489">
        <v>0</v>
      </c>
      <c r="W2489">
        <v>0</v>
      </c>
      <c r="X2489">
        <v>0</v>
      </c>
      <c r="Y2489">
        <v>33</v>
      </c>
      <c r="Z2489">
        <v>13</v>
      </c>
      <c r="AA2489">
        <v>84</v>
      </c>
      <c r="AB2489">
        <v>13</v>
      </c>
      <c r="AC2489">
        <v>116</v>
      </c>
      <c r="AD2489">
        <v>42</v>
      </c>
      <c r="AE2489">
        <v>80</v>
      </c>
      <c r="AF2489">
        <v>0</v>
      </c>
      <c r="AG2489">
        <v>50000</v>
      </c>
      <c r="AH2489">
        <v>0</v>
      </c>
      <c r="AI2489">
        <v>50000</v>
      </c>
      <c r="AJ2489">
        <v>0</v>
      </c>
      <c r="AK2489" t="s">
        <v>6</v>
      </c>
      <c r="AL2489">
        <v>0</v>
      </c>
      <c r="AM2489">
        <v>0</v>
      </c>
      <c r="AN2489">
        <v>0</v>
      </c>
      <c r="AO2489">
        <v>0</v>
      </c>
      <c r="AP2489">
        <v>0</v>
      </c>
      <c r="AQ2489">
        <v>0</v>
      </c>
      <c r="AR2489">
        <v>0</v>
      </c>
      <c r="AS2489">
        <v>0</v>
      </c>
      <c r="AT2489">
        <v>0</v>
      </c>
      <c r="AU2489">
        <v>0</v>
      </c>
      <c r="AV2489">
        <v>0</v>
      </c>
      <c r="AW2489">
        <v>0</v>
      </c>
      <c r="AX2489">
        <v>0</v>
      </c>
      <c r="AY2489">
        <v>0</v>
      </c>
      <c r="AZ2489">
        <v>0</v>
      </c>
      <c r="BA2489">
        <v>0</v>
      </c>
    </row>
    <row r="2490" spans="1:53" x14ac:dyDescent="0.4">
      <c r="A2490">
        <v>2534</v>
      </c>
      <c r="B2490" s="1">
        <v>43626</v>
      </c>
      <c r="C2490">
        <v>2</v>
      </c>
      <c r="D2490" s="1">
        <v>43626.455555555556</v>
      </c>
      <c r="E2490" s="1">
        <v>43626.748611111114</v>
      </c>
      <c r="F2490">
        <v>24500</v>
      </c>
      <c r="G2490">
        <v>2800</v>
      </c>
      <c r="H2490">
        <v>200</v>
      </c>
      <c r="I2490">
        <v>0</v>
      </c>
      <c r="J2490">
        <v>0</v>
      </c>
      <c r="K2490">
        <v>0</v>
      </c>
      <c r="L2490">
        <v>0</v>
      </c>
      <c r="M2490">
        <v>2200</v>
      </c>
      <c r="N2490">
        <v>0</v>
      </c>
      <c r="O2490">
        <v>0</v>
      </c>
      <c r="P2490">
        <v>18900</v>
      </c>
      <c r="Q2490">
        <v>0</v>
      </c>
      <c r="R2490">
        <v>48600</v>
      </c>
      <c r="S2490">
        <v>0</v>
      </c>
      <c r="T2490">
        <v>0</v>
      </c>
      <c r="U2490">
        <v>0</v>
      </c>
      <c r="V2490">
        <v>1</v>
      </c>
      <c r="W2490">
        <v>0</v>
      </c>
      <c r="X2490">
        <v>0</v>
      </c>
      <c r="Y2490">
        <v>57</v>
      </c>
      <c r="Z2490">
        <v>31</v>
      </c>
      <c r="AA2490">
        <v>65</v>
      </c>
      <c r="AB2490">
        <v>13</v>
      </c>
      <c r="AC2490">
        <v>215</v>
      </c>
      <c r="AD2490">
        <v>46</v>
      </c>
      <c r="AE2490">
        <v>83</v>
      </c>
      <c r="AF2490">
        <v>6487</v>
      </c>
      <c r="AG2490">
        <v>98600</v>
      </c>
      <c r="AH2490">
        <v>50000</v>
      </c>
      <c r="AI2490">
        <v>0</v>
      </c>
      <c r="AJ2490">
        <v>96</v>
      </c>
      <c r="AK2490" t="s">
        <v>4</v>
      </c>
      <c r="AL2490">
        <v>0</v>
      </c>
      <c r="AM2490">
        <v>0</v>
      </c>
      <c r="AN2490">
        <v>0</v>
      </c>
      <c r="AO2490">
        <v>0</v>
      </c>
      <c r="AP2490">
        <v>0</v>
      </c>
      <c r="AQ2490">
        <v>0</v>
      </c>
      <c r="AR2490">
        <v>0</v>
      </c>
      <c r="AS2490">
        <v>0</v>
      </c>
      <c r="AT2490">
        <v>0</v>
      </c>
      <c r="AU2490">
        <v>0</v>
      </c>
      <c r="AV2490">
        <v>0</v>
      </c>
      <c r="AW2490">
        <v>0</v>
      </c>
      <c r="AX2490">
        <v>-475</v>
      </c>
      <c r="AY2490">
        <v>41</v>
      </c>
      <c r="AZ2490">
        <v>84</v>
      </c>
      <c r="BA2490">
        <v>4847</v>
      </c>
    </row>
    <row r="2491" spans="1:53" x14ac:dyDescent="0.4">
      <c r="A2491">
        <v>2535</v>
      </c>
      <c r="B2491" s="1">
        <v>43627</v>
      </c>
      <c r="C2491">
        <v>1</v>
      </c>
      <c r="D2491" s="1">
        <v>43627.291666666664</v>
      </c>
      <c r="E2491" s="1">
        <v>43627.445138888892</v>
      </c>
      <c r="F2491">
        <v>0</v>
      </c>
      <c r="G2491">
        <v>0</v>
      </c>
      <c r="H2491">
        <v>0</v>
      </c>
      <c r="I2491">
        <v>0</v>
      </c>
      <c r="J2491">
        <v>0</v>
      </c>
      <c r="K2491">
        <v>0</v>
      </c>
      <c r="L2491">
        <v>0</v>
      </c>
      <c r="M2491">
        <v>0</v>
      </c>
      <c r="N2491">
        <v>0</v>
      </c>
      <c r="O2491">
        <v>0</v>
      </c>
      <c r="P2491">
        <v>0</v>
      </c>
      <c r="Q2491">
        <v>0</v>
      </c>
      <c r="R2491">
        <v>0</v>
      </c>
      <c r="S2491">
        <v>0</v>
      </c>
      <c r="T2491">
        <v>0</v>
      </c>
      <c r="U2491">
        <v>0</v>
      </c>
      <c r="V2491">
        <v>0</v>
      </c>
      <c r="W2491">
        <v>1</v>
      </c>
      <c r="X2491">
        <v>0</v>
      </c>
      <c r="Y2491">
        <v>31</v>
      </c>
      <c r="Z2491">
        <v>8</v>
      </c>
      <c r="AA2491">
        <v>78</v>
      </c>
      <c r="AB2491">
        <v>15</v>
      </c>
      <c r="AC2491">
        <v>111</v>
      </c>
      <c r="AD2491">
        <v>48</v>
      </c>
      <c r="AE2491">
        <v>100</v>
      </c>
      <c r="AF2491">
        <v>0</v>
      </c>
      <c r="AG2491">
        <v>50000</v>
      </c>
      <c r="AH2491">
        <v>50000</v>
      </c>
      <c r="AI2491">
        <v>0</v>
      </c>
      <c r="AJ2491">
        <v>0</v>
      </c>
      <c r="AK2491" t="s">
        <v>6</v>
      </c>
      <c r="AL2491">
        <v>0</v>
      </c>
      <c r="AM2491">
        <v>0</v>
      </c>
      <c r="AN2491">
        <v>0</v>
      </c>
      <c r="AO2491">
        <v>0</v>
      </c>
      <c r="AP2491">
        <v>0</v>
      </c>
      <c r="AQ2491">
        <v>0</v>
      </c>
      <c r="AR2491">
        <v>0</v>
      </c>
      <c r="AS2491">
        <v>0</v>
      </c>
      <c r="AT2491">
        <v>0</v>
      </c>
      <c r="AU2491">
        <v>0</v>
      </c>
      <c r="AV2491">
        <v>0</v>
      </c>
      <c r="AW2491">
        <v>0</v>
      </c>
      <c r="AX2491">
        <v>0</v>
      </c>
      <c r="AY2491">
        <v>0</v>
      </c>
      <c r="AZ2491">
        <v>0</v>
      </c>
      <c r="BA2491">
        <v>0</v>
      </c>
    </row>
    <row r="2492" spans="1:53" x14ac:dyDescent="0.4">
      <c r="A2492">
        <v>2536</v>
      </c>
      <c r="B2492" s="1">
        <v>43627</v>
      </c>
      <c r="C2492">
        <v>2</v>
      </c>
      <c r="D2492" s="1">
        <v>43627.445138888892</v>
      </c>
      <c r="E2492" s="1">
        <v>43627.73541666667</v>
      </c>
      <c r="F2492">
        <v>9000</v>
      </c>
      <c r="G2492">
        <v>0</v>
      </c>
      <c r="H2492">
        <v>0</v>
      </c>
      <c r="I2492">
        <v>0</v>
      </c>
      <c r="J2492">
        <v>0</v>
      </c>
      <c r="K2492">
        <v>0</v>
      </c>
      <c r="L2492">
        <v>0</v>
      </c>
      <c r="M2492">
        <v>720</v>
      </c>
      <c r="N2492">
        <v>0</v>
      </c>
      <c r="O2492">
        <v>0</v>
      </c>
      <c r="P2492">
        <v>19440</v>
      </c>
      <c r="Q2492">
        <v>0</v>
      </c>
      <c r="R2492">
        <v>29160</v>
      </c>
      <c r="S2492">
        <v>0</v>
      </c>
      <c r="T2492">
        <v>0</v>
      </c>
      <c r="U2492">
        <v>0</v>
      </c>
      <c r="V2492">
        <v>2</v>
      </c>
      <c r="W2492">
        <v>1</v>
      </c>
      <c r="X2492">
        <v>0</v>
      </c>
      <c r="Y2492">
        <v>38</v>
      </c>
      <c r="Z2492">
        <v>8</v>
      </c>
      <c r="AA2492">
        <v>95</v>
      </c>
      <c r="AB2492">
        <v>17</v>
      </c>
      <c r="AC2492">
        <v>146</v>
      </c>
      <c r="AD2492">
        <v>50</v>
      </c>
      <c r="AE2492">
        <v>100</v>
      </c>
      <c r="AF2492">
        <v>0</v>
      </c>
      <c r="AG2492">
        <v>79160</v>
      </c>
      <c r="AH2492">
        <v>50000</v>
      </c>
      <c r="AI2492">
        <v>0</v>
      </c>
      <c r="AJ2492">
        <v>97</v>
      </c>
      <c r="AK2492" t="s">
        <v>33</v>
      </c>
      <c r="AL2492">
        <v>0</v>
      </c>
      <c r="AM2492">
        <v>0</v>
      </c>
      <c r="AN2492">
        <v>0</v>
      </c>
      <c r="AO2492">
        <v>0</v>
      </c>
      <c r="AP2492">
        <v>0</v>
      </c>
      <c r="AQ2492">
        <v>0</v>
      </c>
      <c r="AR2492">
        <v>0</v>
      </c>
      <c r="AS2492">
        <v>0</v>
      </c>
      <c r="AT2492">
        <v>0</v>
      </c>
      <c r="AU2492">
        <v>0</v>
      </c>
      <c r="AV2492">
        <v>0</v>
      </c>
      <c r="AW2492">
        <v>0</v>
      </c>
      <c r="AX2492">
        <v>-346</v>
      </c>
      <c r="AY2492">
        <v>28</v>
      </c>
      <c r="AZ2492">
        <v>54</v>
      </c>
      <c r="BA2492">
        <v>3270</v>
      </c>
    </row>
    <row r="2493" spans="1:53" x14ac:dyDescent="0.4">
      <c r="A2493">
        <v>2537</v>
      </c>
      <c r="B2493" s="1">
        <v>43628</v>
      </c>
      <c r="C2493">
        <v>1</v>
      </c>
      <c r="D2493" s="1">
        <v>43628.291666666664</v>
      </c>
      <c r="E2493" s="1">
        <v>43628.445138888892</v>
      </c>
      <c r="F2493">
        <v>0</v>
      </c>
      <c r="G2493">
        <v>0</v>
      </c>
      <c r="H2493">
        <v>0</v>
      </c>
      <c r="I2493">
        <v>0</v>
      </c>
      <c r="J2493">
        <v>0</v>
      </c>
      <c r="K2493">
        <v>0</v>
      </c>
      <c r="L2493">
        <v>0</v>
      </c>
      <c r="M2493">
        <v>0</v>
      </c>
      <c r="N2493">
        <v>0</v>
      </c>
      <c r="O2493">
        <v>0</v>
      </c>
      <c r="P2493">
        <v>0</v>
      </c>
      <c r="Q2493">
        <v>0</v>
      </c>
      <c r="R2493">
        <v>0</v>
      </c>
      <c r="S2493">
        <v>0</v>
      </c>
      <c r="T2493">
        <v>0</v>
      </c>
      <c r="U2493">
        <v>0</v>
      </c>
      <c r="V2493">
        <v>0</v>
      </c>
      <c r="W2493">
        <v>1</v>
      </c>
      <c r="X2493">
        <v>0</v>
      </c>
      <c r="Y2493">
        <v>29</v>
      </c>
      <c r="Z2493">
        <v>9</v>
      </c>
      <c r="AA2493">
        <v>93</v>
      </c>
      <c r="AB2493">
        <v>14</v>
      </c>
      <c r="AC2493">
        <v>117</v>
      </c>
      <c r="AD2493">
        <v>47</v>
      </c>
      <c r="AE2493">
        <v>95</v>
      </c>
      <c r="AF2493">
        <v>0</v>
      </c>
      <c r="AG2493">
        <v>50000</v>
      </c>
      <c r="AH2493">
        <v>50000</v>
      </c>
      <c r="AI2493">
        <v>0</v>
      </c>
      <c r="AJ2493">
        <v>0</v>
      </c>
      <c r="AK2493" t="s">
        <v>6</v>
      </c>
      <c r="AL2493">
        <v>0</v>
      </c>
      <c r="AM2493">
        <v>0</v>
      </c>
      <c r="AN2493">
        <v>0</v>
      </c>
      <c r="AO2493">
        <v>0</v>
      </c>
      <c r="AP2493">
        <v>0</v>
      </c>
      <c r="AQ2493">
        <v>0</v>
      </c>
      <c r="AR2493">
        <v>0</v>
      </c>
      <c r="AS2493">
        <v>0</v>
      </c>
      <c r="AT2493">
        <v>0</v>
      </c>
      <c r="AU2493">
        <v>0</v>
      </c>
      <c r="AV2493">
        <v>0</v>
      </c>
      <c r="AW2493">
        <v>0</v>
      </c>
      <c r="AX2493">
        <v>0</v>
      </c>
      <c r="AY2493">
        <v>0</v>
      </c>
      <c r="AZ2493">
        <v>0</v>
      </c>
      <c r="BA2493">
        <v>0</v>
      </c>
    </row>
    <row r="2494" spans="1:53" x14ac:dyDescent="0.4">
      <c r="A2494">
        <v>2538</v>
      </c>
      <c r="B2494" s="1">
        <v>43628</v>
      </c>
      <c r="C2494">
        <v>2</v>
      </c>
      <c r="D2494" s="1">
        <v>43628.445138888892</v>
      </c>
      <c r="E2494" s="1">
        <v>43628.739583333336</v>
      </c>
      <c r="F2494">
        <v>8500</v>
      </c>
      <c r="G2494">
        <v>1380</v>
      </c>
      <c r="H2494">
        <v>0</v>
      </c>
      <c r="I2494">
        <v>0</v>
      </c>
      <c r="J2494">
        <v>0</v>
      </c>
      <c r="K2494">
        <v>0</v>
      </c>
      <c r="L2494">
        <v>0</v>
      </c>
      <c r="M2494">
        <v>790</v>
      </c>
      <c r="N2494">
        <v>0</v>
      </c>
      <c r="O2494">
        <v>0</v>
      </c>
      <c r="P2494">
        <v>18360</v>
      </c>
      <c r="Q2494">
        <v>0</v>
      </c>
      <c r="R2494">
        <v>29030</v>
      </c>
      <c r="S2494">
        <v>0</v>
      </c>
      <c r="T2494">
        <v>0</v>
      </c>
      <c r="U2494">
        <v>0</v>
      </c>
      <c r="V2494">
        <v>0</v>
      </c>
      <c r="W2494">
        <v>3</v>
      </c>
      <c r="X2494">
        <v>0</v>
      </c>
      <c r="Y2494">
        <v>46</v>
      </c>
      <c r="Z2494">
        <v>15</v>
      </c>
      <c r="AA2494">
        <v>80</v>
      </c>
      <c r="AB2494">
        <v>13</v>
      </c>
      <c r="AC2494">
        <v>155</v>
      </c>
      <c r="AD2494">
        <v>47</v>
      </c>
      <c r="AE2494">
        <v>95</v>
      </c>
      <c r="AF2494">
        <v>0</v>
      </c>
      <c r="AG2494">
        <v>79030</v>
      </c>
      <c r="AH2494">
        <v>50000</v>
      </c>
      <c r="AI2494">
        <v>0</v>
      </c>
      <c r="AJ2494">
        <v>97</v>
      </c>
      <c r="AK2494" t="s">
        <v>33</v>
      </c>
      <c r="AL2494">
        <v>0</v>
      </c>
      <c r="AM2494">
        <v>0</v>
      </c>
      <c r="AN2494">
        <v>0</v>
      </c>
      <c r="AO2494">
        <v>0</v>
      </c>
      <c r="AP2494">
        <v>0</v>
      </c>
      <c r="AQ2494">
        <v>0</v>
      </c>
      <c r="AR2494">
        <v>0</v>
      </c>
      <c r="AS2494">
        <v>0</v>
      </c>
      <c r="AT2494">
        <v>0</v>
      </c>
      <c r="AU2494">
        <v>0</v>
      </c>
      <c r="AV2494">
        <v>0</v>
      </c>
      <c r="AW2494">
        <v>0</v>
      </c>
      <c r="AX2494">
        <v>-540</v>
      </c>
      <c r="AY2494">
        <v>29</v>
      </c>
      <c r="AZ2494">
        <v>51</v>
      </c>
      <c r="BA2494">
        <v>3817</v>
      </c>
    </row>
    <row r="2495" spans="1:53" x14ac:dyDescent="0.4">
      <c r="A2495">
        <v>2539</v>
      </c>
      <c r="B2495" s="1">
        <v>43628</v>
      </c>
      <c r="C2495">
        <v>3</v>
      </c>
      <c r="D2495" s="1">
        <v>43628.739583333336</v>
      </c>
      <c r="E2495" s="1">
        <v>43628.956250000003</v>
      </c>
      <c r="F2495">
        <v>47990</v>
      </c>
      <c r="G2495">
        <v>1600</v>
      </c>
      <c r="H2495">
        <v>0</v>
      </c>
      <c r="I2495">
        <v>0</v>
      </c>
      <c r="J2495">
        <v>0</v>
      </c>
      <c r="K2495">
        <v>0</v>
      </c>
      <c r="L2495">
        <v>0</v>
      </c>
      <c r="M2495">
        <v>3967</v>
      </c>
      <c r="N2495">
        <v>0</v>
      </c>
      <c r="O2495">
        <v>0</v>
      </c>
      <c r="P2495">
        <v>-18360</v>
      </c>
      <c r="Q2495">
        <v>0</v>
      </c>
      <c r="R2495">
        <v>35197</v>
      </c>
      <c r="S2495">
        <v>0</v>
      </c>
      <c r="T2495">
        <v>0</v>
      </c>
      <c r="U2495">
        <v>0</v>
      </c>
      <c r="V2495">
        <v>2</v>
      </c>
      <c r="W2495">
        <v>5</v>
      </c>
      <c r="X2495">
        <v>0</v>
      </c>
      <c r="Y2495">
        <v>51</v>
      </c>
      <c r="Z2495">
        <v>17</v>
      </c>
      <c r="AA2495">
        <v>73</v>
      </c>
      <c r="AB2495">
        <v>12</v>
      </c>
      <c r="AC2495">
        <v>150</v>
      </c>
      <c r="AD2495">
        <v>47</v>
      </c>
      <c r="AE2495">
        <v>92</v>
      </c>
      <c r="AF2495">
        <v>0</v>
      </c>
      <c r="AG2495">
        <v>114227</v>
      </c>
      <c r="AH2495">
        <v>50000</v>
      </c>
      <c r="AI2495">
        <v>0</v>
      </c>
      <c r="AJ2495">
        <v>108</v>
      </c>
      <c r="AK2495" t="s">
        <v>30</v>
      </c>
      <c r="AL2495">
        <v>0</v>
      </c>
      <c r="AM2495">
        <v>0</v>
      </c>
      <c r="AN2495">
        <v>0</v>
      </c>
      <c r="AO2495">
        <v>0</v>
      </c>
      <c r="AP2495">
        <v>0</v>
      </c>
      <c r="AQ2495">
        <v>0</v>
      </c>
      <c r="AR2495">
        <v>0</v>
      </c>
      <c r="AS2495">
        <v>0</v>
      </c>
      <c r="AT2495">
        <v>0</v>
      </c>
      <c r="AU2495">
        <v>0</v>
      </c>
      <c r="AV2495">
        <v>0</v>
      </c>
      <c r="AW2495">
        <v>0</v>
      </c>
      <c r="AX2495">
        <v>10432</v>
      </c>
      <c r="AY2495">
        <v>12</v>
      </c>
      <c r="AZ2495">
        <v>35</v>
      </c>
      <c r="BA2495">
        <v>2416</v>
      </c>
    </row>
    <row r="2496" spans="1:53" x14ac:dyDescent="0.4">
      <c r="A2496">
        <v>2540</v>
      </c>
      <c r="B2496" s="1">
        <v>43628</v>
      </c>
      <c r="C2496">
        <v>4</v>
      </c>
      <c r="D2496" s="1">
        <v>43628.956250000003</v>
      </c>
      <c r="E2496" s="1">
        <v>43629.071527777778</v>
      </c>
      <c r="F2496">
        <v>28680</v>
      </c>
      <c r="G2496">
        <v>380</v>
      </c>
      <c r="H2496">
        <v>200</v>
      </c>
      <c r="I2496">
        <v>0</v>
      </c>
      <c r="J2496">
        <v>1400</v>
      </c>
      <c r="K2496">
        <v>0</v>
      </c>
      <c r="L2496">
        <v>0</v>
      </c>
      <c r="M2496">
        <v>2228</v>
      </c>
      <c r="N2496">
        <v>0</v>
      </c>
      <c r="O2496">
        <v>0</v>
      </c>
      <c r="P2496">
        <v>7344</v>
      </c>
      <c r="Q2496">
        <v>0</v>
      </c>
      <c r="R2496">
        <v>37432</v>
      </c>
      <c r="S2496">
        <v>0</v>
      </c>
      <c r="T2496">
        <v>0</v>
      </c>
      <c r="U2496">
        <v>0</v>
      </c>
      <c r="V2496">
        <v>5</v>
      </c>
      <c r="W2496">
        <v>6</v>
      </c>
      <c r="X2496">
        <v>0</v>
      </c>
      <c r="Y2496">
        <v>54</v>
      </c>
      <c r="Z2496">
        <v>16</v>
      </c>
      <c r="AA2496">
        <v>70</v>
      </c>
      <c r="AB2496">
        <v>11</v>
      </c>
      <c r="AC2496">
        <v>157</v>
      </c>
      <c r="AD2496">
        <v>47</v>
      </c>
      <c r="AE2496">
        <v>88</v>
      </c>
      <c r="AF2496">
        <v>216</v>
      </c>
      <c r="AG2496">
        <v>151659</v>
      </c>
      <c r="AH2496">
        <v>50000</v>
      </c>
      <c r="AI2496">
        <v>0</v>
      </c>
      <c r="AJ2496">
        <v>108</v>
      </c>
      <c r="AK2496" t="s">
        <v>30</v>
      </c>
      <c r="AL2496">
        <v>0</v>
      </c>
      <c r="AM2496">
        <v>0</v>
      </c>
      <c r="AN2496">
        <v>0</v>
      </c>
      <c r="AO2496">
        <v>0</v>
      </c>
      <c r="AP2496">
        <v>0</v>
      </c>
      <c r="AQ2496">
        <v>0</v>
      </c>
      <c r="AR2496">
        <v>0</v>
      </c>
      <c r="AS2496">
        <v>0</v>
      </c>
      <c r="AT2496">
        <v>0</v>
      </c>
      <c r="AU2496">
        <v>0</v>
      </c>
      <c r="AV2496">
        <v>0</v>
      </c>
      <c r="AW2496">
        <v>0</v>
      </c>
      <c r="AX2496">
        <v>1620</v>
      </c>
      <c r="AY2496">
        <v>4</v>
      </c>
      <c r="AZ2496">
        <v>14</v>
      </c>
      <c r="BA2496">
        <v>593</v>
      </c>
    </row>
    <row r="2497" spans="1:53" x14ac:dyDescent="0.4">
      <c r="A2497">
        <v>2541</v>
      </c>
      <c r="B2497" s="1">
        <v>43629</v>
      </c>
      <c r="C2497">
        <v>1</v>
      </c>
      <c r="D2497" s="1">
        <v>43629.291666666664</v>
      </c>
      <c r="E2497" s="1">
        <v>43629.455555555556</v>
      </c>
      <c r="F2497">
        <v>0</v>
      </c>
      <c r="G2497">
        <v>0</v>
      </c>
      <c r="H2497">
        <v>0</v>
      </c>
      <c r="I2497">
        <v>0</v>
      </c>
      <c r="J2497">
        <v>0</v>
      </c>
      <c r="K2497">
        <v>0</v>
      </c>
      <c r="L2497">
        <v>0</v>
      </c>
      <c r="M2497">
        <v>0</v>
      </c>
      <c r="N2497">
        <v>0</v>
      </c>
      <c r="O2497">
        <v>0</v>
      </c>
      <c r="P2497">
        <v>0</v>
      </c>
      <c r="Q2497">
        <v>0</v>
      </c>
      <c r="R2497">
        <v>0</v>
      </c>
      <c r="S2497">
        <v>0</v>
      </c>
      <c r="T2497">
        <v>0</v>
      </c>
      <c r="U2497">
        <v>0</v>
      </c>
      <c r="V2497">
        <v>0</v>
      </c>
      <c r="W2497">
        <v>0</v>
      </c>
      <c r="X2497">
        <v>0</v>
      </c>
      <c r="Y2497">
        <v>34</v>
      </c>
      <c r="Z2497">
        <v>14</v>
      </c>
      <c r="AA2497">
        <v>72</v>
      </c>
      <c r="AB2497">
        <v>10</v>
      </c>
      <c r="AC2497">
        <v>99</v>
      </c>
      <c r="AD2497">
        <v>45</v>
      </c>
      <c r="AE2497">
        <v>85</v>
      </c>
      <c r="AF2497">
        <v>0</v>
      </c>
      <c r="AG2497">
        <v>50000</v>
      </c>
      <c r="AH2497">
        <v>0</v>
      </c>
      <c r="AI2497">
        <v>50000</v>
      </c>
      <c r="AJ2497">
        <v>0</v>
      </c>
      <c r="AK2497" t="s">
        <v>6</v>
      </c>
      <c r="AL2497">
        <v>0</v>
      </c>
      <c r="AM2497">
        <v>0</v>
      </c>
      <c r="AN2497">
        <v>0</v>
      </c>
      <c r="AO2497">
        <v>0</v>
      </c>
      <c r="AP2497">
        <v>0</v>
      </c>
      <c r="AQ2497">
        <v>0</v>
      </c>
      <c r="AR2497">
        <v>0</v>
      </c>
      <c r="AS2497">
        <v>0</v>
      </c>
      <c r="AT2497">
        <v>0</v>
      </c>
      <c r="AU2497">
        <v>0</v>
      </c>
      <c r="AV2497">
        <v>0</v>
      </c>
      <c r="AW2497">
        <v>0</v>
      </c>
      <c r="AX2497">
        <v>0</v>
      </c>
      <c r="AY2497">
        <v>0</v>
      </c>
      <c r="AZ2497">
        <v>0</v>
      </c>
      <c r="BA2497">
        <v>0</v>
      </c>
    </row>
    <row r="2498" spans="1:53" x14ac:dyDescent="0.4">
      <c r="A2498">
        <v>2542</v>
      </c>
      <c r="B2498" s="1">
        <v>43629</v>
      </c>
      <c r="C2498">
        <v>2</v>
      </c>
      <c r="D2498" s="1">
        <v>43629.455555555556</v>
      </c>
      <c r="E2498" s="1">
        <v>43629.959027777775</v>
      </c>
      <c r="F2498">
        <v>40700</v>
      </c>
      <c r="G2498">
        <v>3890</v>
      </c>
      <c r="H2498">
        <v>880</v>
      </c>
      <c r="I2498">
        <v>0</v>
      </c>
      <c r="J2498">
        <v>0</v>
      </c>
      <c r="K2498">
        <v>0</v>
      </c>
      <c r="L2498">
        <v>0</v>
      </c>
      <c r="M2498">
        <v>3636</v>
      </c>
      <c r="N2498">
        <v>0</v>
      </c>
      <c r="O2498">
        <v>0</v>
      </c>
      <c r="P2498">
        <v>15120</v>
      </c>
      <c r="Q2498">
        <v>0</v>
      </c>
      <c r="R2498">
        <v>64226</v>
      </c>
      <c r="S2498">
        <v>0</v>
      </c>
      <c r="T2498">
        <v>0</v>
      </c>
      <c r="U2498">
        <v>0</v>
      </c>
      <c r="V2498">
        <v>1</v>
      </c>
      <c r="W2498">
        <v>2</v>
      </c>
      <c r="X2498">
        <v>0</v>
      </c>
      <c r="Y2498">
        <v>72</v>
      </c>
      <c r="Z2498">
        <v>21</v>
      </c>
      <c r="AA2498">
        <v>89</v>
      </c>
      <c r="AB2498">
        <v>2</v>
      </c>
      <c r="AC2498">
        <v>190</v>
      </c>
      <c r="AD2498">
        <v>44</v>
      </c>
      <c r="AE2498">
        <v>66</v>
      </c>
      <c r="AF2498">
        <v>540</v>
      </c>
      <c r="AG2498">
        <v>114226</v>
      </c>
      <c r="AH2498">
        <v>50000</v>
      </c>
      <c r="AI2498">
        <v>0</v>
      </c>
      <c r="AJ2498">
        <v>100</v>
      </c>
      <c r="AK2498" t="s">
        <v>0</v>
      </c>
      <c r="AL2498">
        <v>0</v>
      </c>
      <c r="AM2498">
        <v>0</v>
      </c>
      <c r="AN2498">
        <v>0</v>
      </c>
      <c r="AO2498">
        <v>0</v>
      </c>
      <c r="AP2498">
        <v>0</v>
      </c>
      <c r="AQ2498">
        <v>0</v>
      </c>
      <c r="AR2498">
        <v>0</v>
      </c>
      <c r="AS2498">
        <v>0</v>
      </c>
      <c r="AT2498">
        <v>0</v>
      </c>
      <c r="AU2498">
        <v>0</v>
      </c>
      <c r="AV2498">
        <v>0</v>
      </c>
      <c r="AW2498">
        <v>0</v>
      </c>
      <c r="AX2498">
        <v>-10620</v>
      </c>
      <c r="AY2498">
        <v>41</v>
      </c>
      <c r="AZ2498">
        <v>82</v>
      </c>
      <c r="BA2498">
        <v>6143</v>
      </c>
    </row>
    <row r="2499" spans="1:53" x14ac:dyDescent="0.4">
      <c r="A2499">
        <v>2543</v>
      </c>
      <c r="B2499" s="1">
        <v>43630</v>
      </c>
      <c r="C2499">
        <v>1</v>
      </c>
      <c r="D2499" s="1">
        <v>43630.291666666664</v>
      </c>
      <c r="E2499" s="1">
        <v>43630.447222222225</v>
      </c>
      <c r="F2499">
        <v>0</v>
      </c>
      <c r="G2499">
        <v>0</v>
      </c>
      <c r="H2499">
        <v>0</v>
      </c>
      <c r="I2499">
        <v>0</v>
      </c>
      <c r="J2499">
        <v>0</v>
      </c>
      <c r="K2499">
        <v>0</v>
      </c>
      <c r="L2499">
        <v>0</v>
      </c>
      <c r="M2499">
        <v>0</v>
      </c>
      <c r="N2499">
        <v>0</v>
      </c>
      <c r="O2499">
        <v>0</v>
      </c>
      <c r="P2499">
        <v>0</v>
      </c>
      <c r="Q2499">
        <v>0</v>
      </c>
      <c r="R2499">
        <v>0</v>
      </c>
      <c r="S2499">
        <v>0</v>
      </c>
      <c r="T2499">
        <v>0</v>
      </c>
      <c r="U2499">
        <v>0</v>
      </c>
      <c r="V2499">
        <v>0</v>
      </c>
      <c r="W2499">
        <v>0</v>
      </c>
      <c r="X2499">
        <v>0</v>
      </c>
      <c r="Y2499">
        <v>34</v>
      </c>
      <c r="Z2499">
        <v>10</v>
      </c>
      <c r="AA2499">
        <v>92</v>
      </c>
      <c r="AB2499">
        <v>3</v>
      </c>
      <c r="AC2499">
        <v>138</v>
      </c>
      <c r="AD2499">
        <v>44</v>
      </c>
      <c r="AE2499">
        <v>50</v>
      </c>
      <c r="AF2499">
        <v>0</v>
      </c>
      <c r="AG2499">
        <v>50000</v>
      </c>
      <c r="AH2499">
        <v>0</v>
      </c>
      <c r="AI2499">
        <v>50000</v>
      </c>
      <c r="AJ2499">
        <v>0</v>
      </c>
      <c r="AK2499" t="s">
        <v>6</v>
      </c>
      <c r="AL2499">
        <v>0</v>
      </c>
      <c r="AM2499">
        <v>0</v>
      </c>
      <c r="AN2499">
        <v>0</v>
      </c>
      <c r="AO2499">
        <v>0</v>
      </c>
      <c r="AP2499">
        <v>0</v>
      </c>
      <c r="AQ2499">
        <v>0</v>
      </c>
      <c r="AR2499">
        <v>0</v>
      </c>
      <c r="AS2499">
        <v>0</v>
      </c>
      <c r="AT2499">
        <v>0</v>
      </c>
      <c r="AU2499">
        <v>0</v>
      </c>
      <c r="AV2499">
        <v>0</v>
      </c>
      <c r="AW2499">
        <v>0</v>
      </c>
      <c r="AX2499">
        <v>0</v>
      </c>
      <c r="AY2499">
        <v>0</v>
      </c>
      <c r="AZ2499">
        <v>0</v>
      </c>
      <c r="BA2499">
        <v>0</v>
      </c>
    </row>
    <row r="2500" spans="1:53" x14ac:dyDescent="0.4">
      <c r="A2500">
        <v>2544</v>
      </c>
      <c r="B2500" s="1">
        <v>43630</v>
      </c>
      <c r="C2500">
        <v>2</v>
      </c>
      <c r="D2500" s="1">
        <v>43630.447222222225</v>
      </c>
      <c r="E2500" s="1">
        <v>43630.745138888888</v>
      </c>
      <c r="F2500">
        <v>32000</v>
      </c>
      <c r="G2500">
        <v>2540</v>
      </c>
      <c r="H2500">
        <v>200</v>
      </c>
      <c r="I2500">
        <v>0</v>
      </c>
      <c r="J2500">
        <v>0</v>
      </c>
      <c r="K2500">
        <v>0</v>
      </c>
      <c r="L2500">
        <v>0</v>
      </c>
      <c r="M2500">
        <v>2778</v>
      </c>
      <c r="N2500">
        <v>0</v>
      </c>
      <c r="O2500">
        <v>0</v>
      </c>
      <c r="P2500">
        <v>12960</v>
      </c>
      <c r="Q2500">
        <v>0</v>
      </c>
      <c r="R2500">
        <v>50478</v>
      </c>
      <c r="S2500">
        <v>0</v>
      </c>
      <c r="T2500">
        <v>0</v>
      </c>
      <c r="U2500">
        <v>0</v>
      </c>
      <c r="V2500">
        <v>0</v>
      </c>
      <c r="W2500">
        <v>3</v>
      </c>
      <c r="X2500">
        <v>0</v>
      </c>
      <c r="Y2500">
        <v>58</v>
      </c>
      <c r="Z2500">
        <v>26</v>
      </c>
      <c r="AA2500">
        <v>109</v>
      </c>
      <c r="AB2500">
        <v>13</v>
      </c>
      <c r="AC2500">
        <v>260</v>
      </c>
      <c r="AD2500">
        <v>51</v>
      </c>
      <c r="AE2500">
        <v>72</v>
      </c>
      <c r="AF2500">
        <v>0</v>
      </c>
      <c r="AG2500">
        <v>100477</v>
      </c>
      <c r="AH2500">
        <v>50000</v>
      </c>
      <c r="AI2500">
        <v>-1</v>
      </c>
      <c r="AJ2500">
        <v>96</v>
      </c>
      <c r="AK2500" t="s">
        <v>4</v>
      </c>
      <c r="AL2500">
        <v>0</v>
      </c>
      <c r="AM2500">
        <v>0</v>
      </c>
      <c r="AN2500">
        <v>0</v>
      </c>
      <c r="AO2500">
        <v>0</v>
      </c>
      <c r="AP2500">
        <v>0</v>
      </c>
      <c r="AQ2500">
        <v>0</v>
      </c>
      <c r="AR2500">
        <v>0</v>
      </c>
      <c r="AS2500">
        <v>0</v>
      </c>
      <c r="AT2500">
        <v>0</v>
      </c>
      <c r="AU2500">
        <v>0</v>
      </c>
      <c r="AV2500">
        <v>0</v>
      </c>
      <c r="AW2500">
        <v>0</v>
      </c>
      <c r="AX2500">
        <v>734</v>
      </c>
      <c r="AY2500">
        <v>40</v>
      </c>
      <c r="AZ2500">
        <v>85</v>
      </c>
      <c r="BA2500">
        <v>6046</v>
      </c>
    </row>
    <row r="2501" spans="1:53" x14ac:dyDescent="0.4">
      <c r="A2501">
        <v>2545</v>
      </c>
      <c r="B2501" s="1">
        <v>43631</v>
      </c>
      <c r="C2501">
        <v>1</v>
      </c>
      <c r="D2501" s="1">
        <v>43631.291666666664</v>
      </c>
      <c r="E2501" s="1">
        <v>43631.405555555553</v>
      </c>
      <c r="F2501">
        <v>0</v>
      </c>
      <c r="G2501">
        <v>0</v>
      </c>
      <c r="H2501">
        <v>0</v>
      </c>
      <c r="I2501">
        <v>0</v>
      </c>
      <c r="J2501">
        <v>0</v>
      </c>
      <c r="K2501">
        <v>0</v>
      </c>
      <c r="L2501">
        <v>0</v>
      </c>
      <c r="M2501">
        <v>0</v>
      </c>
      <c r="N2501">
        <v>0</v>
      </c>
      <c r="O2501">
        <v>0</v>
      </c>
      <c r="P2501">
        <v>0</v>
      </c>
      <c r="Q2501">
        <v>0</v>
      </c>
      <c r="R2501">
        <v>0</v>
      </c>
      <c r="S2501">
        <v>0</v>
      </c>
      <c r="T2501">
        <v>0</v>
      </c>
      <c r="U2501">
        <v>0</v>
      </c>
      <c r="V2501">
        <v>0</v>
      </c>
      <c r="W2501">
        <v>0</v>
      </c>
      <c r="X2501">
        <v>0</v>
      </c>
      <c r="Y2501">
        <v>35</v>
      </c>
      <c r="Z2501">
        <v>10</v>
      </c>
      <c r="AA2501">
        <v>82</v>
      </c>
      <c r="AB2501">
        <v>9</v>
      </c>
      <c r="AC2501">
        <v>107</v>
      </c>
      <c r="AD2501">
        <v>47</v>
      </c>
      <c r="AE2501">
        <v>45</v>
      </c>
      <c r="AF2501">
        <v>0</v>
      </c>
      <c r="AG2501">
        <v>50000</v>
      </c>
      <c r="AH2501">
        <v>50000</v>
      </c>
      <c r="AI2501">
        <v>0</v>
      </c>
      <c r="AJ2501">
        <v>0</v>
      </c>
      <c r="AK2501" t="s">
        <v>6</v>
      </c>
      <c r="AL2501">
        <v>0</v>
      </c>
      <c r="AM2501">
        <v>0</v>
      </c>
      <c r="AN2501">
        <v>0</v>
      </c>
      <c r="AO2501">
        <v>0</v>
      </c>
      <c r="AP2501">
        <v>0</v>
      </c>
      <c r="AQ2501">
        <v>0</v>
      </c>
      <c r="AR2501">
        <v>0</v>
      </c>
      <c r="AS2501">
        <v>0</v>
      </c>
      <c r="AT2501">
        <v>0</v>
      </c>
      <c r="AU2501">
        <v>0</v>
      </c>
      <c r="AV2501">
        <v>0</v>
      </c>
      <c r="AW2501">
        <v>0</v>
      </c>
      <c r="AX2501">
        <v>0</v>
      </c>
      <c r="AY2501">
        <v>0</v>
      </c>
      <c r="AZ2501">
        <v>0</v>
      </c>
      <c r="BA2501">
        <v>0</v>
      </c>
    </row>
    <row r="2502" spans="1:53" x14ac:dyDescent="0.4">
      <c r="A2502">
        <v>2546</v>
      </c>
      <c r="B2502" s="1">
        <v>43631</v>
      </c>
      <c r="C2502">
        <v>2</v>
      </c>
      <c r="D2502" s="1">
        <v>43631.405555555553</v>
      </c>
      <c r="E2502" s="1">
        <v>43631.746527777781</v>
      </c>
      <c r="F2502">
        <v>51000</v>
      </c>
      <c r="G2502">
        <v>3400</v>
      </c>
      <c r="H2502">
        <v>400</v>
      </c>
      <c r="I2502">
        <v>0</v>
      </c>
      <c r="J2502">
        <v>0</v>
      </c>
      <c r="K2502">
        <v>0</v>
      </c>
      <c r="L2502">
        <v>0</v>
      </c>
      <c r="M2502">
        <v>4383</v>
      </c>
      <c r="N2502">
        <v>0</v>
      </c>
      <c r="O2502">
        <v>0</v>
      </c>
      <c r="P2502">
        <v>28890</v>
      </c>
      <c r="Q2502">
        <v>0</v>
      </c>
      <c r="R2502">
        <v>88073</v>
      </c>
      <c r="S2502">
        <v>0</v>
      </c>
      <c r="T2502">
        <v>0</v>
      </c>
      <c r="U2502">
        <v>0</v>
      </c>
      <c r="V2502">
        <v>3</v>
      </c>
      <c r="W2502">
        <v>1</v>
      </c>
      <c r="X2502">
        <v>0</v>
      </c>
      <c r="Y2502">
        <v>63</v>
      </c>
      <c r="Z2502">
        <v>35</v>
      </c>
      <c r="AA2502">
        <v>95</v>
      </c>
      <c r="AB2502">
        <v>10</v>
      </c>
      <c r="AC2502">
        <v>181</v>
      </c>
      <c r="AD2502">
        <v>52</v>
      </c>
      <c r="AE2502">
        <v>46</v>
      </c>
      <c r="AF2502">
        <v>10457</v>
      </c>
      <c r="AG2502">
        <v>138073</v>
      </c>
      <c r="AH2502">
        <v>50000</v>
      </c>
      <c r="AI2502">
        <v>0</v>
      </c>
      <c r="AJ2502">
        <v>97</v>
      </c>
      <c r="AK2502" t="s">
        <v>33</v>
      </c>
      <c r="AL2502">
        <v>0</v>
      </c>
      <c r="AM2502">
        <v>0</v>
      </c>
      <c r="AN2502">
        <v>0</v>
      </c>
      <c r="AO2502">
        <v>0</v>
      </c>
      <c r="AP2502">
        <v>0</v>
      </c>
      <c r="AQ2502">
        <v>0</v>
      </c>
      <c r="AR2502">
        <v>0</v>
      </c>
      <c r="AS2502">
        <v>0</v>
      </c>
      <c r="AT2502">
        <v>0</v>
      </c>
      <c r="AU2502">
        <v>0</v>
      </c>
      <c r="AV2502">
        <v>0</v>
      </c>
      <c r="AW2502">
        <v>0</v>
      </c>
      <c r="AX2502">
        <v>389</v>
      </c>
      <c r="AY2502">
        <v>59</v>
      </c>
      <c r="AZ2502">
        <v>155</v>
      </c>
      <c r="BA2502">
        <v>8331</v>
      </c>
    </row>
    <row r="2503" spans="1:53" x14ac:dyDescent="0.4">
      <c r="A2503">
        <v>2547</v>
      </c>
      <c r="B2503" s="1">
        <v>43631</v>
      </c>
      <c r="C2503">
        <v>3</v>
      </c>
      <c r="D2503" s="1">
        <v>43631.746527777781</v>
      </c>
      <c r="E2503" s="1">
        <v>43631.959722222222</v>
      </c>
      <c r="F2503">
        <v>172350</v>
      </c>
      <c r="G2503">
        <v>3440</v>
      </c>
      <c r="H2503">
        <v>0</v>
      </c>
      <c r="I2503">
        <v>0</v>
      </c>
      <c r="J2503">
        <v>0</v>
      </c>
      <c r="K2503">
        <v>5100</v>
      </c>
      <c r="L2503">
        <v>0</v>
      </c>
      <c r="M2503">
        <v>14471</v>
      </c>
      <c r="N2503">
        <v>0</v>
      </c>
      <c r="O2503">
        <v>0</v>
      </c>
      <c r="P2503">
        <v>-28890</v>
      </c>
      <c r="Q2503">
        <v>0</v>
      </c>
      <c r="R2503">
        <v>166471</v>
      </c>
      <c r="S2503">
        <v>0</v>
      </c>
      <c r="T2503">
        <v>0</v>
      </c>
      <c r="U2503">
        <v>0</v>
      </c>
      <c r="V2503">
        <v>13</v>
      </c>
      <c r="W2503">
        <v>1</v>
      </c>
      <c r="X2503">
        <v>0</v>
      </c>
      <c r="Y2503">
        <v>111</v>
      </c>
      <c r="Z2503">
        <v>39</v>
      </c>
      <c r="AA2503">
        <v>103</v>
      </c>
      <c r="AB2503">
        <v>9</v>
      </c>
      <c r="AC2503">
        <v>167</v>
      </c>
      <c r="AD2503">
        <v>51</v>
      </c>
      <c r="AE2503">
        <v>40</v>
      </c>
      <c r="AF2503">
        <v>26329</v>
      </c>
      <c r="AG2503">
        <v>304544</v>
      </c>
      <c r="AH2503">
        <v>50000</v>
      </c>
      <c r="AI2503">
        <v>0</v>
      </c>
      <c r="AJ2503">
        <v>108</v>
      </c>
      <c r="AK2503" t="s">
        <v>30</v>
      </c>
      <c r="AL2503">
        <v>0</v>
      </c>
      <c r="AM2503">
        <v>0</v>
      </c>
      <c r="AN2503">
        <v>0</v>
      </c>
      <c r="AO2503">
        <v>0</v>
      </c>
      <c r="AP2503">
        <v>0</v>
      </c>
      <c r="AQ2503">
        <v>0</v>
      </c>
      <c r="AR2503">
        <v>0</v>
      </c>
      <c r="AS2503">
        <v>0</v>
      </c>
      <c r="AT2503">
        <v>0</v>
      </c>
      <c r="AU2503">
        <v>0</v>
      </c>
      <c r="AV2503">
        <v>0</v>
      </c>
      <c r="AW2503">
        <v>0</v>
      </c>
      <c r="AX2503">
        <v>55534</v>
      </c>
      <c r="AY2503">
        <v>28</v>
      </c>
      <c r="AZ2503">
        <v>136</v>
      </c>
      <c r="BA2503">
        <v>4736</v>
      </c>
    </row>
    <row r="2504" spans="1:53" x14ac:dyDescent="0.4">
      <c r="A2504">
        <v>2548</v>
      </c>
      <c r="B2504" s="1">
        <v>43632</v>
      </c>
      <c r="C2504">
        <v>1</v>
      </c>
      <c r="D2504" s="1">
        <v>43632.291666666664</v>
      </c>
      <c r="E2504" s="1">
        <v>43632.40625</v>
      </c>
      <c r="F2504">
        <v>0</v>
      </c>
      <c r="G2504">
        <v>0</v>
      </c>
      <c r="H2504">
        <v>0</v>
      </c>
      <c r="I2504">
        <v>0</v>
      </c>
      <c r="J2504">
        <v>0</v>
      </c>
      <c r="K2504">
        <v>0</v>
      </c>
      <c r="L2504">
        <v>0</v>
      </c>
      <c r="M2504">
        <v>0</v>
      </c>
      <c r="N2504">
        <v>0</v>
      </c>
      <c r="O2504">
        <v>0</v>
      </c>
      <c r="P2504">
        <v>0</v>
      </c>
      <c r="Q2504">
        <v>0</v>
      </c>
      <c r="R2504">
        <v>0</v>
      </c>
      <c r="S2504">
        <v>0</v>
      </c>
      <c r="T2504">
        <v>0</v>
      </c>
      <c r="U2504">
        <v>0</v>
      </c>
      <c r="V2504">
        <v>0</v>
      </c>
      <c r="W2504">
        <v>0</v>
      </c>
      <c r="X2504">
        <v>0</v>
      </c>
      <c r="Y2504">
        <v>32</v>
      </c>
      <c r="Z2504">
        <v>11</v>
      </c>
      <c r="AA2504">
        <v>107</v>
      </c>
      <c r="AB2504">
        <v>4</v>
      </c>
      <c r="AC2504">
        <v>135</v>
      </c>
      <c r="AD2504">
        <v>47</v>
      </c>
      <c r="AE2504">
        <v>15</v>
      </c>
      <c r="AF2504">
        <v>0</v>
      </c>
      <c r="AG2504">
        <v>50000</v>
      </c>
      <c r="AH2504">
        <v>50000</v>
      </c>
      <c r="AI2504">
        <v>0</v>
      </c>
      <c r="AJ2504">
        <v>0</v>
      </c>
      <c r="AK2504" t="s">
        <v>6</v>
      </c>
      <c r="AL2504">
        <v>0</v>
      </c>
      <c r="AM2504">
        <v>0</v>
      </c>
      <c r="AN2504">
        <v>0</v>
      </c>
      <c r="AO2504">
        <v>0</v>
      </c>
      <c r="AP2504">
        <v>0</v>
      </c>
      <c r="AQ2504">
        <v>0</v>
      </c>
      <c r="AR2504">
        <v>0</v>
      </c>
      <c r="AS2504">
        <v>0</v>
      </c>
      <c r="AT2504">
        <v>0</v>
      </c>
      <c r="AU2504">
        <v>0</v>
      </c>
      <c r="AV2504">
        <v>0</v>
      </c>
      <c r="AW2504">
        <v>0</v>
      </c>
      <c r="AX2504">
        <v>0</v>
      </c>
      <c r="AY2504">
        <v>0</v>
      </c>
      <c r="AZ2504">
        <v>0</v>
      </c>
      <c r="BA2504">
        <v>0</v>
      </c>
    </row>
    <row r="2505" spans="1:53" x14ac:dyDescent="0.4">
      <c r="A2505">
        <v>2549</v>
      </c>
      <c r="B2505" s="1">
        <v>43632</v>
      </c>
      <c r="C2505">
        <v>2</v>
      </c>
      <c r="D2505" s="1">
        <v>43632.40625</v>
      </c>
      <c r="E2505" s="1">
        <v>43632.732638888891</v>
      </c>
      <c r="F2505">
        <v>44000</v>
      </c>
      <c r="G2505">
        <v>380</v>
      </c>
      <c r="H2505">
        <v>200</v>
      </c>
      <c r="I2505">
        <v>0</v>
      </c>
      <c r="J2505">
        <v>0</v>
      </c>
      <c r="K2505">
        <v>0</v>
      </c>
      <c r="L2505">
        <v>0</v>
      </c>
      <c r="M2505">
        <v>3566</v>
      </c>
      <c r="N2505">
        <v>0</v>
      </c>
      <c r="O2505">
        <v>0</v>
      </c>
      <c r="P2505">
        <v>23220</v>
      </c>
      <c r="Q2505">
        <v>0</v>
      </c>
      <c r="R2505">
        <v>71366</v>
      </c>
      <c r="S2505">
        <v>0</v>
      </c>
      <c r="T2505">
        <v>0</v>
      </c>
      <c r="U2505">
        <v>0</v>
      </c>
      <c r="V2505">
        <v>2</v>
      </c>
      <c r="W2505">
        <v>0</v>
      </c>
      <c r="X2505">
        <v>0</v>
      </c>
      <c r="Y2505">
        <v>72</v>
      </c>
      <c r="Z2505">
        <v>31</v>
      </c>
      <c r="AA2505">
        <v>104</v>
      </c>
      <c r="AB2505">
        <v>19</v>
      </c>
      <c r="AC2505">
        <v>225</v>
      </c>
      <c r="AD2505">
        <v>50</v>
      </c>
      <c r="AE2505">
        <v>16</v>
      </c>
      <c r="AF2505">
        <v>0</v>
      </c>
      <c r="AG2505">
        <v>121366</v>
      </c>
      <c r="AH2505">
        <v>50000</v>
      </c>
      <c r="AI2505">
        <v>0</v>
      </c>
      <c r="AJ2505">
        <v>97</v>
      </c>
      <c r="AK2505" t="s">
        <v>33</v>
      </c>
      <c r="AL2505">
        <v>0</v>
      </c>
      <c r="AM2505">
        <v>0</v>
      </c>
      <c r="AN2505">
        <v>0</v>
      </c>
      <c r="AO2505">
        <v>0</v>
      </c>
      <c r="AP2505">
        <v>0</v>
      </c>
      <c r="AQ2505">
        <v>0</v>
      </c>
      <c r="AR2505">
        <v>0</v>
      </c>
      <c r="AS2505">
        <v>0</v>
      </c>
      <c r="AT2505">
        <v>0</v>
      </c>
      <c r="AU2505">
        <v>0</v>
      </c>
      <c r="AV2505">
        <v>0</v>
      </c>
      <c r="AW2505">
        <v>0</v>
      </c>
      <c r="AX2505">
        <v>1468</v>
      </c>
      <c r="AY2505">
        <v>54</v>
      </c>
      <c r="AZ2505">
        <v>123</v>
      </c>
      <c r="BA2505">
        <v>7903</v>
      </c>
    </row>
    <row r="2506" spans="1:53" x14ac:dyDescent="0.4">
      <c r="A2506">
        <v>2550</v>
      </c>
      <c r="B2506" s="1">
        <v>43632</v>
      </c>
      <c r="C2506">
        <v>3</v>
      </c>
      <c r="D2506" s="1">
        <v>43632.732638888891</v>
      </c>
      <c r="E2506" s="1">
        <v>43632.965277777781</v>
      </c>
      <c r="F2506">
        <v>40710</v>
      </c>
      <c r="G2506">
        <v>2390</v>
      </c>
      <c r="H2506">
        <v>200</v>
      </c>
      <c r="I2506">
        <v>0</v>
      </c>
      <c r="J2506">
        <v>0</v>
      </c>
      <c r="K2506">
        <v>0</v>
      </c>
      <c r="L2506">
        <v>0</v>
      </c>
      <c r="M2506">
        <v>3463</v>
      </c>
      <c r="N2506">
        <v>0</v>
      </c>
      <c r="O2506">
        <v>0</v>
      </c>
      <c r="P2506">
        <v>-18036</v>
      </c>
      <c r="Q2506">
        <v>0</v>
      </c>
      <c r="R2506">
        <v>28727</v>
      </c>
      <c r="S2506">
        <v>0</v>
      </c>
      <c r="T2506">
        <v>0</v>
      </c>
      <c r="U2506">
        <v>0</v>
      </c>
      <c r="V2506">
        <v>3</v>
      </c>
      <c r="W2506">
        <v>1</v>
      </c>
      <c r="X2506">
        <v>0</v>
      </c>
      <c r="Y2506">
        <v>85</v>
      </c>
      <c r="Z2506">
        <v>30</v>
      </c>
      <c r="AA2506">
        <v>78</v>
      </c>
      <c r="AB2506">
        <v>16</v>
      </c>
      <c r="AC2506">
        <v>214</v>
      </c>
      <c r="AD2506">
        <v>48</v>
      </c>
      <c r="AE2506">
        <v>15</v>
      </c>
      <c r="AF2506">
        <v>4698</v>
      </c>
      <c r="AG2506">
        <v>150693</v>
      </c>
      <c r="AH2506">
        <v>50000</v>
      </c>
      <c r="AI2506">
        <v>600</v>
      </c>
      <c r="AJ2506">
        <v>108</v>
      </c>
      <c r="AK2506" t="s">
        <v>30</v>
      </c>
      <c r="AL2506">
        <v>0</v>
      </c>
      <c r="AM2506">
        <v>0</v>
      </c>
      <c r="AN2506">
        <v>0</v>
      </c>
      <c r="AO2506">
        <v>0</v>
      </c>
      <c r="AP2506">
        <v>0</v>
      </c>
      <c r="AQ2506">
        <v>0</v>
      </c>
      <c r="AR2506">
        <v>0</v>
      </c>
      <c r="AS2506">
        <v>0</v>
      </c>
      <c r="AT2506">
        <v>0</v>
      </c>
      <c r="AU2506">
        <v>0</v>
      </c>
      <c r="AV2506">
        <v>0</v>
      </c>
      <c r="AW2506">
        <v>0</v>
      </c>
      <c r="AX2506">
        <v>6167</v>
      </c>
      <c r="AY2506">
        <v>12</v>
      </c>
      <c r="AZ2506">
        <v>28</v>
      </c>
      <c r="BA2506">
        <v>3376</v>
      </c>
    </row>
    <row r="2507" spans="1:53" x14ac:dyDescent="0.4">
      <c r="A2507">
        <v>2551</v>
      </c>
      <c r="B2507" s="1">
        <v>43633</v>
      </c>
      <c r="C2507">
        <v>1</v>
      </c>
      <c r="D2507" s="1">
        <v>43633.291666666664</v>
      </c>
      <c r="E2507" s="1">
        <v>43633.450694444444</v>
      </c>
      <c r="F2507">
        <v>0</v>
      </c>
      <c r="G2507">
        <v>0</v>
      </c>
      <c r="H2507">
        <v>0</v>
      </c>
      <c r="I2507">
        <v>0</v>
      </c>
      <c r="J2507">
        <v>0</v>
      </c>
      <c r="K2507">
        <v>0</v>
      </c>
      <c r="L2507">
        <v>0</v>
      </c>
      <c r="M2507">
        <v>0</v>
      </c>
      <c r="N2507">
        <v>0</v>
      </c>
      <c r="O2507">
        <v>0</v>
      </c>
      <c r="P2507">
        <v>0</v>
      </c>
      <c r="Q2507">
        <v>0</v>
      </c>
      <c r="R2507">
        <v>0</v>
      </c>
      <c r="S2507">
        <v>0</v>
      </c>
      <c r="T2507">
        <v>0</v>
      </c>
      <c r="U2507">
        <v>0</v>
      </c>
      <c r="V2507">
        <v>0</v>
      </c>
      <c r="W2507">
        <v>0</v>
      </c>
      <c r="X2507">
        <v>0</v>
      </c>
      <c r="Y2507">
        <v>35</v>
      </c>
      <c r="Z2507">
        <v>10</v>
      </c>
      <c r="AA2507">
        <v>78</v>
      </c>
      <c r="AB2507">
        <v>14</v>
      </c>
      <c r="AC2507">
        <v>120</v>
      </c>
      <c r="AD2507">
        <v>47</v>
      </c>
      <c r="AE2507">
        <v>65</v>
      </c>
      <c r="AF2507">
        <v>0</v>
      </c>
      <c r="AG2507">
        <v>50000</v>
      </c>
      <c r="AH2507">
        <v>0</v>
      </c>
      <c r="AI2507">
        <v>50000</v>
      </c>
      <c r="AJ2507">
        <v>0</v>
      </c>
      <c r="AK2507" t="s">
        <v>6</v>
      </c>
      <c r="AL2507">
        <v>0</v>
      </c>
      <c r="AM2507">
        <v>0</v>
      </c>
      <c r="AN2507">
        <v>0</v>
      </c>
      <c r="AO2507">
        <v>0</v>
      </c>
      <c r="AP2507">
        <v>0</v>
      </c>
      <c r="AQ2507">
        <v>0</v>
      </c>
      <c r="AR2507">
        <v>0</v>
      </c>
      <c r="AS2507">
        <v>0</v>
      </c>
      <c r="AT2507">
        <v>0</v>
      </c>
      <c r="AU2507">
        <v>0</v>
      </c>
      <c r="AV2507">
        <v>0</v>
      </c>
      <c r="AW2507">
        <v>0</v>
      </c>
      <c r="AX2507">
        <v>0</v>
      </c>
      <c r="AY2507">
        <v>0</v>
      </c>
      <c r="AZ2507">
        <v>0</v>
      </c>
      <c r="BA2507">
        <v>0</v>
      </c>
    </row>
    <row r="2508" spans="1:53" x14ac:dyDescent="0.4">
      <c r="A2508">
        <v>2552</v>
      </c>
      <c r="B2508" s="1">
        <v>43633</v>
      </c>
      <c r="C2508">
        <v>2</v>
      </c>
      <c r="D2508" s="1">
        <v>43633.450694444444</v>
      </c>
      <c r="E2508" s="1">
        <v>43633.738194444442</v>
      </c>
      <c r="F2508">
        <v>13000</v>
      </c>
      <c r="G2508">
        <v>2200</v>
      </c>
      <c r="H2508">
        <v>200</v>
      </c>
      <c r="I2508">
        <v>0</v>
      </c>
      <c r="J2508">
        <v>0</v>
      </c>
      <c r="K2508">
        <v>0</v>
      </c>
      <c r="L2508">
        <v>0</v>
      </c>
      <c r="M2508">
        <v>1232</v>
      </c>
      <c r="N2508">
        <v>0</v>
      </c>
      <c r="O2508">
        <v>0</v>
      </c>
      <c r="P2508">
        <v>13500</v>
      </c>
      <c r="Q2508">
        <v>0</v>
      </c>
      <c r="R2508">
        <v>30132</v>
      </c>
      <c r="S2508">
        <v>0</v>
      </c>
      <c r="T2508">
        <v>0</v>
      </c>
      <c r="U2508">
        <v>0</v>
      </c>
      <c r="V2508">
        <v>2</v>
      </c>
      <c r="W2508">
        <v>0</v>
      </c>
      <c r="X2508">
        <v>0</v>
      </c>
      <c r="Y2508">
        <v>32</v>
      </c>
      <c r="Z2508">
        <v>25</v>
      </c>
      <c r="AA2508">
        <v>63</v>
      </c>
      <c r="AB2508">
        <v>22</v>
      </c>
      <c r="AC2508">
        <v>162</v>
      </c>
      <c r="AD2508">
        <v>49</v>
      </c>
      <c r="AE2508">
        <v>66</v>
      </c>
      <c r="AF2508">
        <v>6301</v>
      </c>
      <c r="AG2508">
        <v>80132</v>
      </c>
      <c r="AH2508">
        <v>50000</v>
      </c>
      <c r="AI2508">
        <v>0</v>
      </c>
      <c r="AJ2508">
        <v>96</v>
      </c>
      <c r="AK2508" t="s">
        <v>4</v>
      </c>
      <c r="AL2508">
        <v>0</v>
      </c>
      <c r="AM2508">
        <v>0</v>
      </c>
      <c r="AN2508">
        <v>0</v>
      </c>
      <c r="AO2508">
        <v>0</v>
      </c>
      <c r="AP2508">
        <v>0</v>
      </c>
      <c r="AQ2508">
        <v>0</v>
      </c>
      <c r="AR2508">
        <v>0</v>
      </c>
      <c r="AS2508">
        <v>0</v>
      </c>
      <c r="AT2508">
        <v>0</v>
      </c>
      <c r="AU2508">
        <v>0</v>
      </c>
      <c r="AV2508">
        <v>0</v>
      </c>
      <c r="AW2508">
        <v>0</v>
      </c>
      <c r="AX2508">
        <v>-1080</v>
      </c>
      <c r="AY2508">
        <v>33</v>
      </c>
      <c r="AZ2508">
        <v>51</v>
      </c>
      <c r="BA2508">
        <v>4242</v>
      </c>
    </row>
    <row r="2509" spans="1:53" x14ac:dyDescent="0.4">
      <c r="A2509">
        <v>2553</v>
      </c>
      <c r="B2509" s="1">
        <v>43633</v>
      </c>
      <c r="C2509">
        <v>3</v>
      </c>
      <c r="D2509" s="1">
        <v>43633.738194444442</v>
      </c>
      <c r="E2509" s="1">
        <v>43633.960416666669</v>
      </c>
      <c r="F2509">
        <v>25600</v>
      </c>
      <c r="G2509">
        <v>380</v>
      </c>
      <c r="H2509">
        <v>0</v>
      </c>
      <c r="I2509">
        <v>0</v>
      </c>
      <c r="J2509">
        <v>0</v>
      </c>
      <c r="K2509">
        <v>0</v>
      </c>
      <c r="L2509">
        <v>0</v>
      </c>
      <c r="M2509">
        <v>2078</v>
      </c>
      <c r="N2509">
        <v>0</v>
      </c>
      <c r="O2509">
        <v>0</v>
      </c>
      <c r="P2509">
        <v>-13500</v>
      </c>
      <c r="Q2509">
        <v>0</v>
      </c>
      <c r="R2509">
        <v>14558</v>
      </c>
      <c r="S2509">
        <v>0</v>
      </c>
      <c r="T2509">
        <v>0</v>
      </c>
      <c r="U2509">
        <v>0</v>
      </c>
      <c r="V2509">
        <v>3</v>
      </c>
      <c r="W2509">
        <v>0</v>
      </c>
      <c r="X2509">
        <v>0</v>
      </c>
      <c r="Y2509">
        <v>35</v>
      </c>
      <c r="Z2509">
        <v>26</v>
      </c>
      <c r="AA2509">
        <v>67</v>
      </c>
      <c r="AB2509">
        <v>22</v>
      </c>
      <c r="AC2509">
        <v>172</v>
      </c>
      <c r="AD2509">
        <v>53</v>
      </c>
      <c r="AE2509">
        <v>65</v>
      </c>
      <c r="AF2509">
        <v>6841</v>
      </c>
      <c r="AG2509">
        <v>94691</v>
      </c>
      <c r="AH2509">
        <v>50000</v>
      </c>
      <c r="AI2509">
        <v>1</v>
      </c>
      <c r="AJ2509">
        <v>100</v>
      </c>
      <c r="AK2509" t="s">
        <v>0</v>
      </c>
      <c r="AL2509">
        <v>0</v>
      </c>
      <c r="AM2509">
        <v>0</v>
      </c>
      <c r="AN2509">
        <v>0</v>
      </c>
      <c r="AO2509">
        <v>0</v>
      </c>
      <c r="AP2509">
        <v>0</v>
      </c>
      <c r="AQ2509">
        <v>0</v>
      </c>
      <c r="AR2509">
        <v>0</v>
      </c>
      <c r="AS2509">
        <v>0</v>
      </c>
      <c r="AT2509">
        <v>0</v>
      </c>
      <c r="AU2509">
        <v>0</v>
      </c>
      <c r="AV2509">
        <v>0</v>
      </c>
      <c r="AW2509">
        <v>0</v>
      </c>
      <c r="AX2509">
        <v>0</v>
      </c>
      <c r="AY2509">
        <v>11</v>
      </c>
      <c r="AZ2509">
        <v>22</v>
      </c>
      <c r="BA2509">
        <v>2300</v>
      </c>
    </row>
    <row r="2510" spans="1:53" x14ac:dyDescent="0.4">
      <c r="A2510">
        <v>2554</v>
      </c>
      <c r="B2510" s="1">
        <v>43633</v>
      </c>
      <c r="C2510">
        <v>4</v>
      </c>
      <c r="D2510" s="1">
        <v>43633.960416666669</v>
      </c>
      <c r="E2510" s="1">
        <v>43634.088194444441</v>
      </c>
      <c r="F2510">
        <v>3000</v>
      </c>
      <c r="G2510">
        <v>960</v>
      </c>
      <c r="H2510">
        <v>200</v>
      </c>
      <c r="I2510">
        <v>0</v>
      </c>
      <c r="J2510">
        <v>0</v>
      </c>
      <c r="K2510">
        <v>0</v>
      </c>
      <c r="L2510">
        <v>0</v>
      </c>
      <c r="M2510">
        <v>333</v>
      </c>
      <c r="N2510">
        <v>0</v>
      </c>
      <c r="O2510">
        <v>0</v>
      </c>
      <c r="P2510">
        <v>3456</v>
      </c>
      <c r="Q2510">
        <v>0</v>
      </c>
      <c r="R2510">
        <v>7949</v>
      </c>
      <c r="S2510">
        <v>0</v>
      </c>
      <c r="T2510">
        <v>0</v>
      </c>
      <c r="U2510">
        <v>0</v>
      </c>
      <c r="V2510">
        <v>3</v>
      </c>
      <c r="W2510">
        <v>0</v>
      </c>
      <c r="X2510">
        <v>0</v>
      </c>
      <c r="Y2510">
        <v>43</v>
      </c>
      <c r="Z2510">
        <v>24</v>
      </c>
      <c r="AA2510">
        <v>74</v>
      </c>
      <c r="AB2510">
        <v>23</v>
      </c>
      <c r="AC2510">
        <v>171</v>
      </c>
      <c r="AD2510">
        <v>53</v>
      </c>
      <c r="AE2510">
        <v>57</v>
      </c>
      <c r="AF2510">
        <v>7057</v>
      </c>
      <c r="AG2510">
        <v>102639</v>
      </c>
      <c r="AH2510">
        <v>50000</v>
      </c>
      <c r="AI2510">
        <v>0</v>
      </c>
      <c r="AJ2510">
        <v>108</v>
      </c>
      <c r="AK2510" t="s">
        <v>30</v>
      </c>
      <c r="AL2510">
        <v>0</v>
      </c>
      <c r="AM2510">
        <v>0</v>
      </c>
      <c r="AN2510">
        <v>0</v>
      </c>
      <c r="AO2510">
        <v>0</v>
      </c>
      <c r="AP2510">
        <v>0</v>
      </c>
      <c r="AQ2510">
        <v>0</v>
      </c>
      <c r="AR2510">
        <v>0</v>
      </c>
      <c r="AS2510">
        <v>0</v>
      </c>
      <c r="AT2510">
        <v>0</v>
      </c>
      <c r="AU2510">
        <v>0</v>
      </c>
      <c r="AV2510">
        <v>0</v>
      </c>
      <c r="AW2510">
        <v>0</v>
      </c>
      <c r="AX2510">
        <v>0</v>
      </c>
      <c r="AY2510">
        <v>2</v>
      </c>
      <c r="AZ2510">
        <v>3</v>
      </c>
      <c r="BA2510">
        <v>310</v>
      </c>
    </row>
    <row r="2511" spans="1:53" x14ac:dyDescent="0.4">
      <c r="A2511">
        <v>2555</v>
      </c>
      <c r="B2511" s="1">
        <v>43634</v>
      </c>
      <c r="C2511">
        <v>1</v>
      </c>
      <c r="D2511" s="1">
        <v>43634.291666666664</v>
      </c>
      <c r="E2511" s="1">
        <v>43634.449305555558</v>
      </c>
      <c r="F2511">
        <v>0</v>
      </c>
      <c r="G2511">
        <v>0</v>
      </c>
      <c r="H2511">
        <v>0</v>
      </c>
      <c r="I2511">
        <v>0</v>
      </c>
      <c r="J2511">
        <v>0</v>
      </c>
      <c r="K2511">
        <v>0</v>
      </c>
      <c r="L2511">
        <v>0</v>
      </c>
      <c r="M2511">
        <v>0</v>
      </c>
      <c r="N2511">
        <v>0</v>
      </c>
      <c r="O2511">
        <v>0</v>
      </c>
      <c r="P2511">
        <v>0</v>
      </c>
      <c r="Q2511">
        <v>0</v>
      </c>
      <c r="R2511">
        <v>0</v>
      </c>
      <c r="S2511">
        <v>0</v>
      </c>
      <c r="T2511">
        <v>0</v>
      </c>
      <c r="U2511">
        <v>0</v>
      </c>
      <c r="V2511">
        <v>0</v>
      </c>
      <c r="W2511">
        <v>0</v>
      </c>
      <c r="X2511">
        <v>0</v>
      </c>
      <c r="Y2511">
        <v>36</v>
      </c>
      <c r="Z2511">
        <v>9</v>
      </c>
      <c r="AA2511">
        <v>68</v>
      </c>
      <c r="AB2511">
        <v>23</v>
      </c>
      <c r="AC2511">
        <v>125</v>
      </c>
      <c r="AD2511">
        <v>50</v>
      </c>
      <c r="AE2511">
        <v>50</v>
      </c>
      <c r="AF2511">
        <v>0</v>
      </c>
      <c r="AG2511">
        <v>50000</v>
      </c>
      <c r="AH2511">
        <v>50000</v>
      </c>
      <c r="AI2511">
        <v>0</v>
      </c>
      <c r="AJ2511">
        <v>0</v>
      </c>
      <c r="AK2511" t="s">
        <v>6</v>
      </c>
      <c r="AL2511">
        <v>0</v>
      </c>
      <c r="AM2511">
        <v>0</v>
      </c>
      <c r="AN2511">
        <v>0</v>
      </c>
      <c r="AO2511">
        <v>0</v>
      </c>
      <c r="AP2511">
        <v>0</v>
      </c>
      <c r="AQ2511">
        <v>0</v>
      </c>
      <c r="AR2511">
        <v>0</v>
      </c>
      <c r="AS2511">
        <v>0</v>
      </c>
      <c r="AT2511">
        <v>0</v>
      </c>
      <c r="AU2511">
        <v>0</v>
      </c>
      <c r="AV2511">
        <v>0</v>
      </c>
      <c r="AW2511">
        <v>0</v>
      </c>
      <c r="AX2511">
        <v>0</v>
      </c>
      <c r="AY2511">
        <v>0</v>
      </c>
      <c r="AZ2511">
        <v>0</v>
      </c>
      <c r="BA2511">
        <v>0</v>
      </c>
    </row>
    <row r="2512" spans="1:53" x14ac:dyDescent="0.4">
      <c r="A2512">
        <v>2556</v>
      </c>
      <c r="B2512" s="1">
        <v>43634</v>
      </c>
      <c r="C2512">
        <v>2</v>
      </c>
      <c r="D2512" s="1">
        <v>43634.449305555558</v>
      </c>
      <c r="E2512" s="1">
        <v>43634.746527777781</v>
      </c>
      <c r="F2512">
        <v>6000</v>
      </c>
      <c r="G2512">
        <v>500</v>
      </c>
      <c r="H2512">
        <v>0</v>
      </c>
      <c r="I2512">
        <v>0</v>
      </c>
      <c r="J2512">
        <v>0</v>
      </c>
      <c r="K2512">
        <v>0</v>
      </c>
      <c r="L2512">
        <v>0</v>
      </c>
      <c r="M2512">
        <v>520</v>
      </c>
      <c r="N2512">
        <v>0</v>
      </c>
      <c r="O2512">
        <v>0</v>
      </c>
      <c r="P2512">
        <v>19980</v>
      </c>
      <c r="Q2512">
        <v>0</v>
      </c>
      <c r="R2512">
        <v>27000</v>
      </c>
      <c r="S2512">
        <v>0</v>
      </c>
      <c r="T2512">
        <v>0</v>
      </c>
      <c r="U2512">
        <v>0</v>
      </c>
      <c r="V2512">
        <v>2</v>
      </c>
      <c r="W2512">
        <v>0</v>
      </c>
      <c r="X2512">
        <v>0</v>
      </c>
      <c r="Y2512">
        <v>40</v>
      </c>
      <c r="Z2512">
        <v>11</v>
      </c>
      <c r="AA2512">
        <v>81</v>
      </c>
      <c r="AB2512">
        <v>28</v>
      </c>
      <c r="AC2512">
        <v>169</v>
      </c>
      <c r="AD2512">
        <v>51</v>
      </c>
      <c r="AE2512">
        <v>55</v>
      </c>
      <c r="AF2512">
        <v>0</v>
      </c>
      <c r="AG2512">
        <v>77000</v>
      </c>
      <c r="AH2512">
        <v>50000</v>
      </c>
      <c r="AI2512">
        <v>0</v>
      </c>
      <c r="AJ2512">
        <v>98</v>
      </c>
      <c r="AK2512" t="s">
        <v>35</v>
      </c>
      <c r="AL2512">
        <v>0</v>
      </c>
      <c r="AM2512">
        <v>0</v>
      </c>
      <c r="AN2512">
        <v>0</v>
      </c>
      <c r="AO2512">
        <v>0</v>
      </c>
      <c r="AP2512">
        <v>0</v>
      </c>
      <c r="AQ2512">
        <v>0</v>
      </c>
      <c r="AR2512">
        <v>0</v>
      </c>
      <c r="AS2512">
        <v>0</v>
      </c>
      <c r="AT2512">
        <v>0</v>
      </c>
      <c r="AU2512">
        <v>0</v>
      </c>
      <c r="AV2512">
        <v>0</v>
      </c>
      <c r="AW2512">
        <v>0</v>
      </c>
      <c r="AX2512">
        <v>-4320</v>
      </c>
      <c r="AY2512">
        <v>28</v>
      </c>
      <c r="AZ2512">
        <v>49</v>
      </c>
      <c r="BA2512">
        <v>3150</v>
      </c>
    </row>
    <row r="2513" spans="1:53" x14ac:dyDescent="0.4">
      <c r="A2513">
        <v>2557</v>
      </c>
      <c r="B2513" s="1">
        <v>43634</v>
      </c>
      <c r="C2513">
        <v>3</v>
      </c>
      <c r="D2513" s="1">
        <v>43634.746527777781</v>
      </c>
      <c r="E2513" s="1">
        <v>43634.959027777775</v>
      </c>
      <c r="F2513">
        <v>44660</v>
      </c>
      <c r="G2513">
        <v>1890</v>
      </c>
      <c r="H2513">
        <v>0</v>
      </c>
      <c r="I2513">
        <v>0</v>
      </c>
      <c r="J2513">
        <v>0</v>
      </c>
      <c r="K2513">
        <v>0</v>
      </c>
      <c r="L2513">
        <v>0</v>
      </c>
      <c r="M2513">
        <v>3724</v>
      </c>
      <c r="N2513">
        <v>0</v>
      </c>
      <c r="O2513">
        <v>0</v>
      </c>
      <c r="P2513">
        <v>-14688</v>
      </c>
      <c r="Q2513">
        <v>0</v>
      </c>
      <c r="R2513">
        <v>35586</v>
      </c>
      <c r="S2513">
        <v>0</v>
      </c>
      <c r="T2513">
        <v>0</v>
      </c>
      <c r="U2513">
        <v>0</v>
      </c>
      <c r="V2513">
        <v>5</v>
      </c>
      <c r="W2513">
        <v>2</v>
      </c>
      <c r="X2513">
        <v>0</v>
      </c>
      <c r="Y2513">
        <v>35</v>
      </c>
      <c r="Z2513">
        <v>7</v>
      </c>
      <c r="AA2513">
        <v>83</v>
      </c>
      <c r="AB2513">
        <v>34</v>
      </c>
      <c r="AC2513">
        <v>186</v>
      </c>
      <c r="AD2513">
        <v>52</v>
      </c>
      <c r="AE2513">
        <v>65</v>
      </c>
      <c r="AF2513">
        <v>1901</v>
      </c>
      <c r="AG2513">
        <v>112586</v>
      </c>
      <c r="AH2513">
        <v>50000</v>
      </c>
      <c r="AI2513">
        <v>0</v>
      </c>
      <c r="AJ2513">
        <v>100</v>
      </c>
      <c r="AK2513" t="s">
        <v>0</v>
      </c>
      <c r="AL2513">
        <v>0</v>
      </c>
      <c r="AM2513">
        <v>0</v>
      </c>
      <c r="AN2513">
        <v>0</v>
      </c>
      <c r="AO2513">
        <v>0</v>
      </c>
      <c r="AP2513">
        <v>0</v>
      </c>
      <c r="AQ2513">
        <v>0</v>
      </c>
      <c r="AR2513">
        <v>0</v>
      </c>
      <c r="AS2513">
        <v>0</v>
      </c>
      <c r="AT2513">
        <v>0</v>
      </c>
      <c r="AU2513">
        <v>0</v>
      </c>
      <c r="AV2513">
        <v>0</v>
      </c>
      <c r="AW2513">
        <v>0</v>
      </c>
      <c r="AX2513">
        <v>18252</v>
      </c>
      <c r="AY2513">
        <v>13</v>
      </c>
      <c r="AZ2513">
        <v>32</v>
      </c>
      <c r="BA2513">
        <v>3047</v>
      </c>
    </row>
    <row r="2514" spans="1:53" x14ac:dyDescent="0.4">
      <c r="A2514">
        <v>2558</v>
      </c>
      <c r="B2514" s="1">
        <v>43634</v>
      </c>
      <c r="C2514">
        <v>4</v>
      </c>
      <c r="D2514" s="1">
        <v>43634.959027777775</v>
      </c>
      <c r="E2514" s="1">
        <v>43635.080555555556</v>
      </c>
      <c r="F2514">
        <v>21400</v>
      </c>
      <c r="G2514">
        <v>900</v>
      </c>
      <c r="H2514">
        <v>0</v>
      </c>
      <c r="I2514">
        <v>0</v>
      </c>
      <c r="J2514">
        <v>0</v>
      </c>
      <c r="K2514">
        <v>0</v>
      </c>
      <c r="L2514">
        <v>0</v>
      </c>
      <c r="M2514">
        <v>1784</v>
      </c>
      <c r="N2514">
        <v>0</v>
      </c>
      <c r="O2514">
        <v>0</v>
      </c>
      <c r="P2514">
        <v>4005</v>
      </c>
      <c r="Q2514">
        <v>0</v>
      </c>
      <c r="R2514">
        <v>28089</v>
      </c>
      <c r="S2514">
        <v>0</v>
      </c>
      <c r="T2514">
        <v>0</v>
      </c>
      <c r="U2514">
        <v>0</v>
      </c>
      <c r="V2514">
        <v>8</v>
      </c>
      <c r="W2514">
        <v>1</v>
      </c>
      <c r="X2514">
        <v>0</v>
      </c>
      <c r="Y2514">
        <v>40</v>
      </c>
      <c r="Z2514">
        <v>6</v>
      </c>
      <c r="AA2514">
        <v>70</v>
      </c>
      <c r="AB2514">
        <v>32</v>
      </c>
      <c r="AC2514">
        <v>185</v>
      </c>
      <c r="AD2514">
        <v>51</v>
      </c>
      <c r="AE2514">
        <v>60</v>
      </c>
      <c r="AF2514">
        <v>1901</v>
      </c>
      <c r="AG2514">
        <v>140666</v>
      </c>
      <c r="AH2514">
        <v>50000</v>
      </c>
      <c r="AI2514">
        <v>-9</v>
      </c>
      <c r="AJ2514">
        <v>100</v>
      </c>
      <c r="AK2514" t="s">
        <v>0</v>
      </c>
      <c r="AL2514">
        <v>0</v>
      </c>
      <c r="AM2514">
        <v>0</v>
      </c>
      <c r="AN2514">
        <v>0</v>
      </c>
      <c r="AO2514">
        <v>0</v>
      </c>
      <c r="AP2514">
        <v>0</v>
      </c>
      <c r="AQ2514">
        <v>0</v>
      </c>
      <c r="AR2514">
        <v>0</v>
      </c>
      <c r="AS2514">
        <v>0</v>
      </c>
      <c r="AT2514">
        <v>0</v>
      </c>
      <c r="AU2514">
        <v>0</v>
      </c>
      <c r="AV2514">
        <v>0</v>
      </c>
      <c r="AW2514">
        <v>0</v>
      </c>
      <c r="AX2514">
        <v>2929</v>
      </c>
      <c r="AY2514">
        <v>2</v>
      </c>
      <c r="AZ2514">
        <v>3</v>
      </c>
      <c r="BA2514">
        <v>293</v>
      </c>
    </row>
    <row r="2515" spans="1:53" x14ac:dyDescent="0.4">
      <c r="A2515">
        <v>2559</v>
      </c>
      <c r="B2515" s="1">
        <v>43635</v>
      </c>
      <c r="C2515">
        <v>1</v>
      </c>
      <c r="D2515" s="1">
        <v>43635.291666666664</v>
      </c>
      <c r="E2515" s="1">
        <v>43635.446527777778</v>
      </c>
      <c r="F2515">
        <v>0</v>
      </c>
      <c r="G2515">
        <v>0</v>
      </c>
      <c r="H2515">
        <v>0</v>
      </c>
      <c r="I2515">
        <v>0</v>
      </c>
      <c r="J2515">
        <v>0</v>
      </c>
      <c r="K2515">
        <v>0</v>
      </c>
      <c r="L2515">
        <v>0</v>
      </c>
      <c r="M2515">
        <v>0</v>
      </c>
      <c r="N2515">
        <v>0</v>
      </c>
      <c r="O2515">
        <v>0</v>
      </c>
      <c r="P2515">
        <v>0</v>
      </c>
      <c r="Q2515">
        <v>0</v>
      </c>
      <c r="R2515">
        <v>0</v>
      </c>
      <c r="S2515">
        <v>0</v>
      </c>
      <c r="T2515">
        <v>0</v>
      </c>
      <c r="U2515">
        <v>0</v>
      </c>
      <c r="V2515">
        <v>0</v>
      </c>
      <c r="W2515">
        <v>1</v>
      </c>
      <c r="X2515">
        <v>0</v>
      </c>
      <c r="Y2515">
        <v>32</v>
      </c>
      <c r="Z2515">
        <v>5</v>
      </c>
      <c r="AA2515">
        <v>67</v>
      </c>
      <c r="AB2515">
        <v>33</v>
      </c>
      <c r="AC2515">
        <v>185</v>
      </c>
      <c r="AD2515">
        <v>49</v>
      </c>
      <c r="AE2515">
        <v>55</v>
      </c>
      <c r="AF2515">
        <v>0</v>
      </c>
      <c r="AG2515">
        <v>50000</v>
      </c>
      <c r="AH2515">
        <v>50000</v>
      </c>
      <c r="AI2515">
        <v>0</v>
      </c>
      <c r="AJ2515">
        <v>0</v>
      </c>
      <c r="AK2515" t="s">
        <v>6</v>
      </c>
      <c r="AL2515">
        <v>0</v>
      </c>
      <c r="AM2515">
        <v>0</v>
      </c>
      <c r="AN2515">
        <v>0</v>
      </c>
      <c r="AO2515">
        <v>0</v>
      </c>
      <c r="AP2515">
        <v>0</v>
      </c>
      <c r="AQ2515">
        <v>0</v>
      </c>
      <c r="AR2515">
        <v>0</v>
      </c>
      <c r="AS2515">
        <v>0</v>
      </c>
      <c r="AT2515">
        <v>0</v>
      </c>
      <c r="AU2515">
        <v>0</v>
      </c>
      <c r="AV2515">
        <v>0</v>
      </c>
      <c r="AW2515">
        <v>0</v>
      </c>
      <c r="AX2515">
        <v>0</v>
      </c>
      <c r="AY2515">
        <v>0</v>
      </c>
      <c r="AZ2515">
        <v>0</v>
      </c>
      <c r="BA2515">
        <v>0</v>
      </c>
    </row>
    <row r="2516" spans="1:53" x14ac:dyDescent="0.4">
      <c r="A2516">
        <v>2560</v>
      </c>
      <c r="B2516" s="1">
        <v>43635</v>
      </c>
      <c r="C2516">
        <v>2</v>
      </c>
      <c r="D2516" s="1">
        <v>43635.446527777778</v>
      </c>
      <c r="E2516" s="1">
        <v>43635.76458333333</v>
      </c>
      <c r="F2516">
        <v>14500</v>
      </c>
      <c r="G2516">
        <v>380</v>
      </c>
      <c r="H2516">
        <v>0</v>
      </c>
      <c r="I2516">
        <v>0</v>
      </c>
      <c r="J2516">
        <v>0</v>
      </c>
      <c r="K2516">
        <v>0</v>
      </c>
      <c r="L2516">
        <v>0</v>
      </c>
      <c r="M2516">
        <v>1190</v>
      </c>
      <c r="N2516">
        <v>0</v>
      </c>
      <c r="O2516">
        <v>0</v>
      </c>
      <c r="P2516">
        <v>7830</v>
      </c>
      <c r="Q2516">
        <v>0</v>
      </c>
      <c r="R2516">
        <v>23900</v>
      </c>
      <c r="S2516">
        <v>0</v>
      </c>
      <c r="T2516">
        <v>0</v>
      </c>
      <c r="U2516">
        <v>0</v>
      </c>
      <c r="V2516">
        <v>0</v>
      </c>
      <c r="W2516">
        <v>2</v>
      </c>
      <c r="X2516">
        <v>0</v>
      </c>
      <c r="Y2516">
        <v>46</v>
      </c>
      <c r="Z2516">
        <v>14</v>
      </c>
      <c r="AA2516">
        <v>68</v>
      </c>
      <c r="AB2516">
        <v>31</v>
      </c>
      <c r="AC2516">
        <v>225</v>
      </c>
      <c r="AD2516">
        <v>49</v>
      </c>
      <c r="AE2516">
        <v>55</v>
      </c>
      <c r="AF2516">
        <v>0</v>
      </c>
      <c r="AG2516">
        <v>73900</v>
      </c>
      <c r="AH2516">
        <v>50000</v>
      </c>
      <c r="AI2516">
        <v>0</v>
      </c>
      <c r="AJ2516">
        <v>100</v>
      </c>
      <c r="AK2516" t="s">
        <v>0</v>
      </c>
      <c r="AL2516">
        <v>0</v>
      </c>
      <c r="AM2516">
        <v>0</v>
      </c>
      <c r="AN2516">
        <v>0</v>
      </c>
      <c r="AO2516">
        <v>0</v>
      </c>
      <c r="AP2516">
        <v>0</v>
      </c>
      <c r="AQ2516">
        <v>0</v>
      </c>
      <c r="AR2516">
        <v>0</v>
      </c>
      <c r="AS2516">
        <v>0</v>
      </c>
      <c r="AT2516">
        <v>0</v>
      </c>
      <c r="AU2516">
        <v>0</v>
      </c>
      <c r="AV2516">
        <v>0</v>
      </c>
      <c r="AW2516">
        <v>0</v>
      </c>
      <c r="AX2516">
        <v>-540</v>
      </c>
      <c r="AY2516">
        <v>27</v>
      </c>
      <c r="AZ2516">
        <v>43</v>
      </c>
      <c r="BA2516">
        <v>3641</v>
      </c>
    </row>
    <row r="2517" spans="1:53" x14ac:dyDescent="0.4">
      <c r="A2517">
        <v>2561</v>
      </c>
      <c r="B2517" s="1">
        <v>43635</v>
      </c>
      <c r="C2517">
        <v>3</v>
      </c>
      <c r="D2517" s="1">
        <v>43635.76458333333</v>
      </c>
      <c r="E2517" s="1">
        <v>43635.959027777775</v>
      </c>
      <c r="F2517">
        <v>38750</v>
      </c>
      <c r="G2517">
        <v>1960</v>
      </c>
      <c r="H2517">
        <v>0</v>
      </c>
      <c r="I2517">
        <v>0</v>
      </c>
      <c r="J2517">
        <v>250</v>
      </c>
      <c r="K2517">
        <v>0</v>
      </c>
      <c r="L2517">
        <v>0</v>
      </c>
      <c r="M2517">
        <v>3236</v>
      </c>
      <c r="N2517">
        <v>0</v>
      </c>
      <c r="O2517">
        <v>0</v>
      </c>
      <c r="P2517">
        <v>-6102</v>
      </c>
      <c r="Q2517">
        <v>0</v>
      </c>
      <c r="R2517">
        <v>37594</v>
      </c>
      <c r="S2517">
        <v>0</v>
      </c>
      <c r="T2517">
        <v>0</v>
      </c>
      <c r="U2517">
        <v>0</v>
      </c>
      <c r="V2517">
        <v>4</v>
      </c>
      <c r="W2517">
        <v>1</v>
      </c>
      <c r="X2517">
        <v>0</v>
      </c>
      <c r="Y2517">
        <v>47</v>
      </c>
      <c r="Z2517">
        <v>16</v>
      </c>
      <c r="AA2517">
        <v>67</v>
      </c>
      <c r="AB2517">
        <v>32</v>
      </c>
      <c r="AC2517">
        <v>234</v>
      </c>
      <c r="AD2517">
        <v>50</v>
      </c>
      <c r="AE2517">
        <v>64</v>
      </c>
      <c r="AF2517">
        <v>540</v>
      </c>
      <c r="AG2517">
        <v>111494</v>
      </c>
      <c r="AH2517">
        <v>50000</v>
      </c>
      <c r="AI2517">
        <v>0</v>
      </c>
      <c r="AJ2517">
        <v>100</v>
      </c>
      <c r="AK2517" t="s">
        <v>0</v>
      </c>
      <c r="AL2517">
        <v>0</v>
      </c>
      <c r="AM2517">
        <v>0</v>
      </c>
      <c r="AN2517">
        <v>0</v>
      </c>
      <c r="AO2517">
        <v>0</v>
      </c>
      <c r="AP2517">
        <v>0</v>
      </c>
      <c r="AQ2517">
        <v>0</v>
      </c>
      <c r="AR2517">
        <v>0</v>
      </c>
      <c r="AS2517">
        <v>0</v>
      </c>
      <c r="AT2517">
        <v>0</v>
      </c>
      <c r="AU2517">
        <v>0</v>
      </c>
      <c r="AV2517">
        <v>0</v>
      </c>
      <c r="AW2517">
        <v>0</v>
      </c>
      <c r="AX2517">
        <v>12909</v>
      </c>
      <c r="AY2517">
        <v>15</v>
      </c>
      <c r="AZ2517">
        <v>35</v>
      </c>
      <c r="BA2517">
        <v>1814</v>
      </c>
    </row>
    <row r="2518" spans="1:53" x14ac:dyDescent="0.4">
      <c r="A2518">
        <v>2562</v>
      </c>
      <c r="B2518" s="1">
        <v>43636</v>
      </c>
      <c r="C2518">
        <v>1</v>
      </c>
      <c r="D2518" s="1">
        <v>43636.291666666664</v>
      </c>
      <c r="E2518" s="1">
        <v>43636.45416666667</v>
      </c>
      <c r="F2518">
        <v>0</v>
      </c>
      <c r="G2518">
        <v>0</v>
      </c>
      <c r="H2518">
        <v>0</v>
      </c>
      <c r="I2518">
        <v>0</v>
      </c>
      <c r="J2518">
        <v>0</v>
      </c>
      <c r="K2518">
        <v>0</v>
      </c>
      <c r="L2518">
        <v>0</v>
      </c>
      <c r="M2518">
        <v>0</v>
      </c>
      <c r="N2518">
        <v>0</v>
      </c>
      <c r="O2518">
        <v>0</v>
      </c>
      <c r="P2518">
        <v>0</v>
      </c>
      <c r="Q2518">
        <v>0</v>
      </c>
      <c r="R2518">
        <v>0</v>
      </c>
      <c r="S2518">
        <v>0</v>
      </c>
      <c r="T2518">
        <v>0</v>
      </c>
      <c r="U2518">
        <v>0</v>
      </c>
      <c r="V2518">
        <v>0</v>
      </c>
      <c r="W2518">
        <v>0</v>
      </c>
      <c r="X2518">
        <v>0</v>
      </c>
      <c r="Y2518">
        <v>34</v>
      </c>
      <c r="Z2518">
        <v>15</v>
      </c>
      <c r="AA2518">
        <v>56</v>
      </c>
      <c r="AB2518">
        <v>31</v>
      </c>
      <c r="AC2518">
        <v>105</v>
      </c>
      <c r="AD2518">
        <v>49</v>
      </c>
      <c r="AE2518">
        <v>55</v>
      </c>
      <c r="AF2518">
        <v>0</v>
      </c>
      <c r="AG2518">
        <v>50000</v>
      </c>
      <c r="AH2518">
        <v>0</v>
      </c>
      <c r="AI2518">
        <v>50000</v>
      </c>
      <c r="AJ2518">
        <v>0</v>
      </c>
      <c r="AK2518" t="s">
        <v>6</v>
      </c>
      <c r="AL2518">
        <v>0</v>
      </c>
      <c r="AM2518">
        <v>0</v>
      </c>
      <c r="AN2518">
        <v>0</v>
      </c>
      <c r="AO2518">
        <v>0</v>
      </c>
      <c r="AP2518">
        <v>0</v>
      </c>
      <c r="AQ2518">
        <v>0</v>
      </c>
      <c r="AR2518">
        <v>0</v>
      </c>
      <c r="AS2518">
        <v>0</v>
      </c>
      <c r="AT2518">
        <v>0</v>
      </c>
      <c r="AU2518">
        <v>0</v>
      </c>
      <c r="AV2518">
        <v>0</v>
      </c>
      <c r="AW2518">
        <v>0</v>
      </c>
      <c r="AX2518">
        <v>0</v>
      </c>
      <c r="AY2518">
        <v>0</v>
      </c>
      <c r="AZ2518">
        <v>0</v>
      </c>
      <c r="BA2518">
        <v>0</v>
      </c>
    </row>
    <row r="2519" spans="1:53" x14ac:dyDescent="0.4">
      <c r="A2519">
        <v>2563</v>
      </c>
      <c r="B2519" s="1">
        <v>43636</v>
      </c>
      <c r="C2519">
        <v>2</v>
      </c>
      <c r="D2519" s="1">
        <v>43636.45416666667</v>
      </c>
      <c r="E2519" s="1">
        <v>43636.741666666669</v>
      </c>
      <c r="F2519">
        <v>18000</v>
      </c>
      <c r="G2519">
        <v>1740</v>
      </c>
      <c r="H2519">
        <v>200</v>
      </c>
      <c r="I2519">
        <v>0</v>
      </c>
      <c r="J2519">
        <v>0</v>
      </c>
      <c r="K2519">
        <v>0</v>
      </c>
      <c r="L2519">
        <v>0</v>
      </c>
      <c r="M2519">
        <v>1595</v>
      </c>
      <c r="N2519">
        <v>0</v>
      </c>
      <c r="O2519">
        <v>0</v>
      </c>
      <c r="P2519">
        <v>11880</v>
      </c>
      <c r="Q2519">
        <v>0</v>
      </c>
      <c r="R2519">
        <v>33415</v>
      </c>
      <c r="S2519">
        <v>0</v>
      </c>
      <c r="T2519">
        <v>0</v>
      </c>
      <c r="U2519">
        <v>0</v>
      </c>
      <c r="V2519">
        <v>1</v>
      </c>
      <c r="W2519">
        <v>0</v>
      </c>
      <c r="X2519">
        <v>0</v>
      </c>
      <c r="Y2519">
        <v>43</v>
      </c>
      <c r="Z2519">
        <v>27</v>
      </c>
      <c r="AA2519">
        <v>72</v>
      </c>
      <c r="AB2519">
        <v>32</v>
      </c>
      <c r="AC2519">
        <v>153</v>
      </c>
      <c r="AD2519">
        <v>49</v>
      </c>
      <c r="AE2519">
        <v>66</v>
      </c>
      <c r="AF2519">
        <v>6275</v>
      </c>
      <c r="AG2519">
        <v>83416</v>
      </c>
      <c r="AH2519">
        <v>50000</v>
      </c>
      <c r="AI2519">
        <v>1</v>
      </c>
      <c r="AJ2519">
        <v>96</v>
      </c>
      <c r="AK2519" t="s">
        <v>4</v>
      </c>
      <c r="AL2519">
        <v>0</v>
      </c>
      <c r="AM2519">
        <v>0</v>
      </c>
      <c r="AN2519">
        <v>0</v>
      </c>
      <c r="AO2519">
        <v>0</v>
      </c>
      <c r="AP2519">
        <v>0</v>
      </c>
      <c r="AQ2519">
        <v>0</v>
      </c>
      <c r="AR2519">
        <v>0</v>
      </c>
      <c r="AS2519">
        <v>0</v>
      </c>
      <c r="AT2519">
        <v>0</v>
      </c>
      <c r="AU2519">
        <v>0</v>
      </c>
      <c r="AV2519">
        <v>0</v>
      </c>
      <c r="AW2519">
        <v>0</v>
      </c>
      <c r="AX2519">
        <v>734</v>
      </c>
      <c r="AY2519">
        <v>37</v>
      </c>
      <c r="AZ2519">
        <v>55</v>
      </c>
      <c r="BA2519">
        <v>4737</v>
      </c>
    </row>
    <row r="2520" spans="1:53" x14ac:dyDescent="0.4">
      <c r="A2520">
        <v>2564</v>
      </c>
      <c r="B2520" s="1">
        <v>43636</v>
      </c>
      <c r="C2520">
        <v>3</v>
      </c>
      <c r="D2520" s="1">
        <v>43636.741666666669</v>
      </c>
      <c r="E2520" s="1">
        <v>43636.961805555555</v>
      </c>
      <c r="F2520">
        <v>40410</v>
      </c>
      <c r="G2520">
        <v>1480</v>
      </c>
      <c r="H2520">
        <v>0</v>
      </c>
      <c r="I2520">
        <v>0</v>
      </c>
      <c r="J2520">
        <v>0</v>
      </c>
      <c r="K2520">
        <v>1500</v>
      </c>
      <c r="L2520">
        <v>0</v>
      </c>
      <c r="M2520">
        <v>3471</v>
      </c>
      <c r="N2520">
        <v>0</v>
      </c>
      <c r="O2520">
        <v>0</v>
      </c>
      <c r="P2520">
        <v>-8424</v>
      </c>
      <c r="Q2520">
        <v>0</v>
      </c>
      <c r="R2520">
        <v>38437</v>
      </c>
      <c r="S2520">
        <v>0</v>
      </c>
      <c r="T2520">
        <v>0</v>
      </c>
      <c r="U2520">
        <v>0</v>
      </c>
      <c r="V2520">
        <v>3</v>
      </c>
      <c r="W2520">
        <v>0</v>
      </c>
      <c r="X2520">
        <v>0</v>
      </c>
      <c r="Y2520">
        <v>52</v>
      </c>
      <c r="Z2520">
        <v>32</v>
      </c>
      <c r="AA2520">
        <v>79</v>
      </c>
      <c r="AB2520">
        <v>33</v>
      </c>
      <c r="AC2520">
        <v>159</v>
      </c>
      <c r="AD2520">
        <v>49</v>
      </c>
      <c r="AE2520">
        <v>68</v>
      </c>
      <c r="AF2520">
        <v>12399</v>
      </c>
      <c r="AG2520">
        <v>121852</v>
      </c>
      <c r="AH2520">
        <v>50000</v>
      </c>
      <c r="AI2520">
        <v>0</v>
      </c>
      <c r="AJ2520">
        <v>98</v>
      </c>
      <c r="AK2520" t="s">
        <v>35</v>
      </c>
      <c r="AL2520">
        <v>0</v>
      </c>
      <c r="AM2520">
        <v>0</v>
      </c>
      <c r="AN2520">
        <v>0</v>
      </c>
      <c r="AO2520">
        <v>0</v>
      </c>
      <c r="AP2520">
        <v>0</v>
      </c>
      <c r="AQ2520">
        <v>0</v>
      </c>
      <c r="AR2520">
        <v>0</v>
      </c>
      <c r="AS2520">
        <v>0</v>
      </c>
      <c r="AT2520">
        <v>0</v>
      </c>
      <c r="AU2520">
        <v>0</v>
      </c>
      <c r="AV2520">
        <v>0</v>
      </c>
      <c r="AW2520">
        <v>0</v>
      </c>
      <c r="AX2520">
        <v>-2456</v>
      </c>
      <c r="AY2520">
        <v>12</v>
      </c>
      <c r="AZ2520">
        <v>34</v>
      </c>
      <c r="BA2520">
        <v>2421</v>
      </c>
    </row>
    <row r="2521" spans="1:53" x14ac:dyDescent="0.4">
      <c r="A2521">
        <v>2565</v>
      </c>
      <c r="B2521" s="1">
        <v>43637</v>
      </c>
      <c r="C2521">
        <v>1</v>
      </c>
      <c r="D2521" s="1">
        <v>43637.291666666664</v>
      </c>
      <c r="E2521" s="1">
        <v>43637.45208333333</v>
      </c>
      <c r="F2521">
        <v>0</v>
      </c>
      <c r="G2521">
        <v>0</v>
      </c>
      <c r="H2521">
        <v>0</v>
      </c>
      <c r="I2521">
        <v>0</v>
      </c>
      <c r="J2521">
        <v>0</v>
      </c>
      <c r="K2521">
        <v>0</v>
      </c>
      <c r="L2521">
        <v>0</v>
      </c>
      <c r="M2521">
        <v>0</v>
      </c>
      <c r="N2521">
        <v>0</v>
      </c>
      <c r="O2521">
        <v>0</v>
      </c>
      <c r="P2521">
        <v>0</v>
      </c>
      <c r="Q2521">
        <v>0</v>
      </c>
      <c r="R2521">
        <v>0</v>
      </c>
      <c r="S2521">
        <v>0</v>
      </c>
      <c r="T2521">
        <v>0</v>
      </c>
      <c r="U2521">
        <v>0</v>
      </c>
      <c r="V2521">
        <v>0</v>
      </c>
      <c r="W2521">
        <v>0</v>
      </c>
      <c r="X2521">
        <v>0</v>
      </c>
      <c r="Y2521">
        <v>33</v>
      </c>
      <c r="Z2521">
        <v>11</v>
      </c>
      <c r="AA2521">
        <v>83</v>
      </c>
      <c r="AB2521">
        <v>35</v>
      </c>
      <c r="AC2521">
        <v>113</v>
      </c>
      <c r="AD2521">
        <v>51</v>
      </c>
      <c r="AE2521">
        <v>65</v>
      </c>
      <c r="AF2521">
        <v>0</v>
      </c>
      <c r="AG2521">
        <v>50000</v>
      </c>
      <c r="AH2521">
        <v>0</v>
      </c>
      <c r="AI2521">
        <v>50000</v>
      </c>
      <c r="AJ2521">
        <v>0</v>
      </c>
      <c r="AK2521" t="s">
        <v>6</v>
      </c>
      <c r="AL2521">
        <v>0</v>
      </c>
      <c r="AM2521">
        <v>0</v>
      </c>
      <c r="AN2521">
        <v>0</v>
      </c>
      <c r="AO2521">
        <v>0</v>
      </c>
      <c r="AP2521">
        <v>0</v>
      </c>
      <c r="AQ2521">
        <v>0</v>
      </c>
      <c r="AR2521">
        <v>0</v>
      </c>
      <c r="AS2521">
        <v>0</v>
      </c>
      <c r="AT2521">
        <v>0</v>
      </c>
      <c r="AU2521">
        <v>0</v>
      </c>
      <c r="AV2521">
        <v>0</v>
      </c>
      <c r="AW2521">
        <v>0</v>
      </c>
      <c r="AX2521">
        <v>0</v>
      </c>
      <c r="AY2521">
        <v>0</v>
      </c>
      <c r="AZ2521">
        <v>0</v>
      </c>
      <c r="BA2521">
        <v>0</v>
      </c>
    </row>
    <row r="2522" spans="1:53" x14ac:dyDescent="0.4">
      <c r="A2522">
        <v>2566</v>
      </c>
      <c r="B2522" s="1">
        <v>43637</v>
      </c>
      <c r="C2522">
        <v>2</v>
      </c>
      <c r="D2522" s="1">
        <v>43637.45208333333</v>
      </c>
      <c r="E2522" s="1">
        <v>43637.754861111112</v>
      </c>
      <c r="F2522">
        <v>20000</v>
      </c>
      <c r="G2522">
        <v>2160</v>
      </c>
      <c r="H2522">
        <v>200</v>
      </c>
      <c r="I2522">
        <v>0</v>
      </c>
      <c r="J2522">
        <v>0</v>
      </c>
      <c r="K2522">
        <v>0</v>
      </c>
      <c r="L2522">
        <v>0</v>
      </c>
      <c r="M2522">
        <v>1789</v>
      </c>
      <c r="N2522">
        <v>0</v>
      </c>
      <c r="O2522">
        <v>0</v>
      </c>
      <c r="P2522">
        <v>17280</v>
      </c>
      <c r="Q2522">
        <v>0</v>
      </c>
      <c r="R2522">
        <v>41429</v>
      </c>
      <c r="S2522">
        <v>0</v>
      </c>
      <c r="T2522">
        <v>0</v>
      </c>
      <c r="U2522">
        <v>0</v>
      </c>
      <c r="V2522">
        <v>2</v>
      </c>
      <c r="W2522">
        <v>4</v>
      </c>
      <c r="X2522">
        <v>0</v>
      </c>
      <c r="Y2522">
        <v>35</v>
      </c>
      <c r="Z2522">
        <v>13</v>
      </c>
      <c r="AA2522">
        <v>64</v>
      </c>
      <c r="AB2522">
        <v>24</v>
      </c>
      <c r="AC2522">
        <v>146</v>
      </c>
      <c r="AD2522">
        <v>53</v>
      </c>
      <c r="AE2522">
        <v>64</v>
      </c>
      <c r="AF2522">
        <v>540</v>
      </c>
      <c r="AG2522">
        <v>91429</v>
      </c>
      <c r="AH2522">
        <v>50000</v>
      </c>
      <c r="AI2522">
        <v>0</v>
      </c>
      <c r="AJ2522">
        <v>96</v>
      </c>
      <c r="AK2522" t="s">
        <v>4</v>
      </c>
      <c r="AL2522">
        <v>0</v>
      </c>
      <c r="AM2522">
        <v>0</v>
      </c>
      <c r="AN2522">
        <v>0</v>
      </c>
      <c r="AO2522">
        <v>0</v>
      </c>
      <c r="AP2522">
        <v>0</v>
      </c>
      <c r="AQ2522">
        <v>0</v>
      </c>
      <c r="AR2522">
        <v>0</v>
      </c>
      <c r="AS2522">
        <v>0</v>
      </c>
      <c r="AT2522">
        <v>0</v>
      </c>
      <c r="AU2522">
        <v>0</v>
      </c>
      <c r="AV2522">
        <v>0</v>
      </c>
      <c r="AW2522">
        <v>0</v>
      </c>
      <c r="AX2522">
        <v>410</v>
      </c>
      <c r="AY2522">
        <v>41</v>
      </c>
      <c r="AZ2522">
        <v>72</v>
      </c>
      <c r="BA2522">
        <v>5220</v>
      </c>
    </row>
    <row r="2523" spans="1:53" x14ac:dyDescent="0.4">
      <c r="A2523">
        <v>2567</v>
      </c>
      <c r="B2523" s="1">
        <v>43638</v>
      </c>
      <c r="C2523">
        <v>1</v>
      </c>
      <c r="D2523" s="1">
        <v>43638.291666666664</v>
      </c>
      <c r="E2523" s="1">
        <v>43638.405555555553</v>
      </c>
      <c r="F2523">
        <v>0</v>
      </c>
      <c r="G2523">
        <v>0</v>
      </c>
      <c r="H2523">
        <v>0</v>
      </c>
      <c r="I2523">
        <v>0</v>
      </c>
      <c r="J2523">
        <v>0</v>
      </c>
      <c r="K2523">
        <v>0</v>
      </c>
      <c r="L2523">
        <v>0</v>
      </c>
      <c r="M2523">
        <v>0</v>
      </c>
      <c r="N2523">
        <v>0</v>
      </c>
      <c r="O2523">
        <v>0</v>
      </c>
      <c r="P2523">
        <v>0</v>
      </c>
      <c r="Q2523">
        <v>0</v>
      </c>
      <c r="R2523">
        <v>0</v>
      </c>
      <c r="S2523">
        <v>0</v>
      </c>
      <c r="T2523">
        <v>0</v>
      </c>
      <c r="U2523">
        <v>0</v>
      </c>
      <c r="V2523">
        <v>0</v>
      </c>
      <c r="W2523">
        <v>0</v>
      </c>
      <c r="X2523">
        <v>0</v>
      </c>
      <c r="Y2523">
        <v>38</v>
      </c>
      <c r="Z2523">
        <v>9</v>
      </c>
      <c r="AA2523">
        <v>53</v>
      </c>
      <c r="AB2523">
        <v>17</v>
      </c>
      <c r="AC2523">
        <v>105</v>
      </c>
      <c r="AD2523">
        <v>48</v>
      </c>
      <c r="AE2523">
        <v>60</v>
      </c>
      <c r="AF2523">
        <v>0</v>
      </c>
      <c r="AG2523">
        <v>50000</v>
      </c>
      <c r="AH2523">
        <v>50000</v>
      </c>
      <c r="AI2523">
        <v>0</v>
      </c>
      <c r="AJ2523">
        <v>0</v>
      </c>
      <c r="AK2523" t="s">
        <v>6</v>
      </c>
      <c r="AL2523">
        <v>0</v>
      </c>
      <c r="AM2523">
        <v>0</v>
      </c>
      <c r="AN2523">
        <v>0</v>
      </c>
      <c r="AO2523">
        <v>0</v>
      </c>
      <c r="AP2523">
        <v>0</v>
      </c>
      <c r="AQ2523">
        <v>0</v>
      </c>
      <c r="AR2523">
        <v>0</v>
      </c>
      <c r="AS2523">
        <v>0</v>
      </c>
      <c r="AT2523">
        <v>0</v>
      </c>
      <c r="AU2523">
        <v>0</v>
      </c>
      <c r="AV2523">
        <v>0</v>
      </c>
      <c r="AW2523">
        <v>0</v>
      </c>
      <c r="AX2523">
        <v>0</v>
      </c>
      <c r="AY2523">
        <v>0</v>
      </c>
      <c r="AZ2523">
        <v>0</v>
      </c>
      <c r="BA2523">
        <v>0</v>
      </c>
    </row>
    <row r="2524" spans="1:53" x14ac:dyDescent="0.4">
      <c r="A2524">
        <v>2568</v>
      </c>
      <c r="B2524" s="1">
        <v>43638</v>
      </c>
      <c r="C2524">
        <v>2</v>
      </c>
      <c r="D2524" s="1">
        <v>43638.405555555553</v>
      </c>
      <c r="E2524" s="1">
        <v>43638.752083333333</v>
      </c>
      <c r="F2524">
        <v>44500</v>
      </c>
      <c r="G2524">
        <v>6180</v>
      </c>
      <c r="H2524">
        <v>400</v>
      </c>
      <c r="I2524">
        <v>0</v>
      </c>
      <c r="J2524">
        <v>0</v>
      </c>
      <c r="K2524">
        <v>0</v>
      </c>
      <c r="L2524">
        <v>0</v>
      </c>
      <c r="M2524">
        <v>4085</v>
      </c>
      <c r="N2524">
        <v>0</v>
      </c>
      <c r="O2524">
        <v>0</v>
      </c>
      <c r="P2524">
        <v>25920</v>
      </c>
      <c r="Q2524">
        <v>0</v>
      </c>
      <c r="R2524">
        <v>81085</v>
      </c>
      <c r="S2524">
        <v>0</v>
      </c>
      <c r="T2524">
        <v>0</v>
      </c>
      <c r="U2524">
        <v>0</v>
      </c>
      <c r="V2524">
        <v>3</v>
      </c>
      <c r="W2524">
        <v>1</v>
      </c>
      <c r="X2524">
        <v>0</v>
      </c>
      <c r="Y2524">
        <v>71</v>
      </c>
      <c r="Z2524">
        <v>27</v>
      </c>
      <c r="AA2524">
        <v>80</v>
      </c>
      <c r="AB2524">
        <v>27</v>
      </c>
      <c r="AC2524">
        <v>138</v>
      </c>
      <c r="AD2524">
        <v>44</v>
      </c>
      <c r="AE2524">
        <v>55</v>
      </c>
      <c r="AF2524">
        <v>1080</v>
      </c>
      <c r="AG2524">
        <v>131585</v>
      </c>
      <c r="AH2524">
        <v>50000</v>
      </c>
      <c r="AI2524">
        <v>500</v>
      </c>
      <c r="AJ2524">
        <v>97</v>
      </c>
      <c r="AK2524" t="s">
        <v>33</v>
      </c>
      <c r="AL2524">
        <v>0</v>
      </c>
      <c r="AM2524">
        <v>0</v>
      </c>
      <c r="AN2524">
        <v>0</v>
      </c>
      <c r="AO2524">
        <v>0</v>
      </c>
      <c r="AP2524">
        <v>0</v>
      </c>
      <c r="AQ2524">
        <v>0</v>
      </c>
      <c r="AR2524">
        <v>0</v>
      </c>
      <c r="AS2524">
        <v>0</v>
      </c>
      <c r="AT2524">
        <v>0</v>
      </c>
      <c r="AU2524">
        <v>0</v>
      </c>
      <c r="AV2524">
        <v>0</v>
      </c>
      <c r="AW2524">
        <v>0</v>
      </c>
      <c r="AX2524">
        <v>1447</v>
      </c>
      <c r="AY2524">
        <v>56</v>
      </c>
      <c r="AZ2524">
        <v>131</v>
      </c>
      <c r="BA2524">
        <v>8421</v>
      </c>
    </row>
    <row r="2525" spans="1:53" x14ac:dyDescent="0.4">
      <c r="A2525">
        <v>2569</v>
      </c>
      <c r="B2525" s="1">
        <v>43639</v>
      </c>
      <c r="C2525">
        <v>1</v>
      </c>
      <c r="D2525" s="1">
        <v>43639.291666666664</v>
      </c>
      <c r="E2525" s="1">
        <v>43639.40347222222</v>
      </c>
      <c r="F2525">
        <v>0</v>
      </c>
      <c r="G2525">
        <v>0</v>
      </c>
      <c r="H2525">
        <v>0</v>
      </c>
      <c r="I2525">
        <v>0</v>
      </c>
      <c r="J2525">
        <v>0</v>
      </c>
      <c r="K2525">
        <v>0</v>
      </c>
      <c r="L2525">
        <v>0</v>
      </c>
      <c r="M2525">
        <v>0</v>
      </c>
      <c r="N2525">
        <v>0</v>
      </c>
      <c r="O2525">
        <v>0</v>
      </c>
      <c r="P2525">
        <v>0</v>
      </c>
      <c r="Q2525">
        <v>0</v>
      </c>
      <c r="R2525">
        <v>0</v>
      </c>
      <c r="S2525">
        <v>0</v>
      </c>
      <c r="T2525">
        <v>0</v>
      </c>
      <c r="U2525">
        <v>0</v>
      </c>
      <c r="V2525">
        <v>0</v>
      </c>
      <c r="W2525">
        <v>0</v>
      </c>
      <c r="X2525">
        <v>0</v>
      </c>
      <c r="Y2525">
        <v>36</v>
      </c>
      <c r="Z2525">
        <v>11</v>
      </c>
      <c r="AA2525">
        <v>62</v>
      </c>
      <c r="AB2525">
        <v>21</v>
      </c>
      <c r="AC2525">
        <v>104</v>
      </c>
      <c r="AD2525">
        <v>35</v>
      </c>
      <c r="AE2525">
        <v>35</v>
      </c>
      <c r="AF2525">
        <v>0</v>
      </c>
      <c r="AG2525">
        <v>50000</v>
      </c>
      <c r="AH2525">
        <v>50000</v>
      </c>
      <c r="AI2525">
        <v>0</v>
      </c>
      <c r="AJ2525">
        <v>0</v>
      </c>
      <c r="AK2525" t="s">
        <v>6</v>
      </c>
      <c r="AL2525">
        <v>0</v>
      </c>
      <c r="AM2525">
        <v>0</v>
      </c>
      <c r="AN2525">
        <v>0</v>
      </c>
      <c r="AO2525">
        <v>0</v>
      </c>
      <c r="AP2525">
        <v>0</v>
      </c>
      <c r="AQ2525">
        <v>0</v>
      </c>
      <c r="AR2525">
        <v>0</v>
      </c>
      <c r="AS2525">
        <v>0</v>
      </c>
      <c r="AT2525">
        <v>0</v>
      </c>
      <c r="AU2525">
        <v>0</v>
      </c>
      <c r="AV2525">
        <v>0</v>
      </c>
      <c r="AW2525">
        <v>0</v>
      </c>
      <c r="AX2525">
        <v>0</v>
      </c>
      <c r="AY2525">
        <v>0</v>
      </c>
      <c r="AZ2525">
        <v>0</v>
      </c>
      <c r="BA2525">
        <v>0</v>
      </c>
    </row>
    <row r="2526" spans="1:53" x14ac:dyDescent="0.4">
      <c r="A2526">
        <v>2570</v>
      </c>
      <c r="B2526" s="1">
        <v>43639</v>
      </c>
      <c r="C2526">
        <v>2</v>
      </c>
      <c r="D2526" s="1">
        <v>43639.40347222222</v>
      </c>
      <c r="E2526" s="1">
        <v>43639.743055555555</v>
      </c>
      <c r="F2526">
        <v>46000</v>
      </c>
      <c r="G2526">
        <v>4800</v>
      </c>
      <c r="H2526">
        <v>200</v>
      </c>
      <c r="I2526">
        <v>0</v>
      </c>
      <c r="J2526">
        <v>0</v>
      </c>
      <c r="K2526">
        <v>0</v>
      </c>
      <c r="L2526">
        <v>0</v>
      </c>
      <c r="M2526">
        <v>4077</v>
      </c>
      <c r="N2526">
        <v>0</v>
      </c>
      <c r="O2526">
        <v>0</v>
      </c>
      <c r="P2526">
        <v>26244</v>
      </c>
      <c r="Q2526">
        <v>0</v>
      </c>
      <c r="R2526">
        <v>81321</v>
      </c>
      <c r="S2526">
        <v>0</v>
      </c>
      <c r="T2526">
        <v>0</v>
      </c>
      <c r="U2526">
        <v>0</v>
      </c>
      <c r="V2526">
        <v>0</v>
      </c>
      <c r="W2526">
        <v>1</v>
      </c>
      <c r="X2526">
        <v>0</v>
      </c>
      <c r="Y2526">
        <v>98</v>
      </c>
      <c r="Z2526">
        <v>38</v>
      </c>
      <c r="AA2526">
        <v>64</v>
      </c>
      <c r="AB2526">
        <v>21</v>
      </c>
      <c r="AC2526">
        <v>215</v>
      </c>
      <c r="AD2526">
        <v>41</v>
      </c>
      <c r="AE2526">
        <v>56</v>
      </c>
      <c r="AF2526">
        <v>0</v>
      </c>
      <c r="AG2526">
        <v>131861</v>
      </c>
      <c r="AH2526">
        <v>50000</v>
      </c>
      <c r="AI2526">
        <v>540</v>
      </c>
      <c r="AJ2526">
        <v>97</v>
      </c>
      <c r="AK2526" t="s">
        <v>33</v>
      </c>
      <c r="AL2526">
        <v>0</v>
      </c>
      <c r="AM2526">
        <v>0</v>
      </c>
      <c r="AN2526">
        <v>0</v>
      </c>
      <c r="AO2526">
        <v>0</v>
      </c>
      <c r="AP2526">
        <v>0</v>
      </c>
      <c r="AQ2526">
        <v>0</v>
      </c>
      <c r="AR2526">
        <v>0</v>
      </c>
      <c r="AS2526">
        <v>0</v>
      </c>
      <c r="AT2526">
        <v>0</v>
      </c>
      <c r="AU2526">
        <v>0</v>
      </c>
      <c r="AV2526">
        <v>0</v>
      </c>
      <c r="AW2526">
        <v>0</v>
      </c>
      <c r="AX2526">
        <v>-346</v>
      </c>
      <c r="AY2526">
        <v>58</v>
      </c>
      <c r="AZ2526">
        <v>137</v>
      </c>
      <c r="BA2526">
        <v>8193</v>
      </c>
    </row>
    <row r="2527" spans="1:53" x14ac:dyDescent="0.4">
      <c r="A2527">
        <v>2571</v>
      </c>
      <c r="B2527" s="1">
        <v>43639</v>
      </c>
      <c r="C2527">
        <v>3</v>
      </c>
      <c r="D2527" s="1">
        <v>43639.743055555555</v>
      </c>
      <c r="E2527" s="1">
        <v>43639.960416666669</v>
      </c>
      <c r="F2527">
        <v>61080</v>
      </c>
      <c r="G2527">
        <v>7790</v>
      </c>
      <c r="H2527">
        <v>400</v>
      </c>
      <c r="I2527">
        <v>0</v>
      </c>
      <c r="J2527">
        <v>4000</v>
      </c>
      <c r="K2527">
        <v>800</v>
      </c>
      <c r="L2527">
        <v>0</v>
      </c>
      <c r="M2527">
        <v>5285</v>
      </c>
      <c r="N2527">
        <v>0</v>
      </c>
      <c r="O2527">
        <v>0</v>
      </c>
      <c r="P2527">
        <v>-21492</v>
      </c>
      <c r="Q2527">
        <v>0</v>
      </c>
      <c r="R2527">
        <v>49863</v>
      </c>
      <c r="S2527">
        <v>0</v>
      </c>
      <c r="T2527">
        <v>0</v>
      </c>
      <c r="U2527">
        <v>0</v>
      </c>
      <c r="V2527">
        <v>3</v>
      </c>
      <c r="W2527">
        <v>1</v>
      </c>
      <c r="X2527">
        <v>0</v>
      </c>
      <c r="Y2527">
        <v>109</v>
      </c>
      <c r="Z2527">
        <v>40</v>
      </c>
      <c r="AA2527">
        <v>68</v>
      </c>
      <c r="AB2527">
        <v>25</v>
      </c>
      <c r="AC2527">
        <v>202</v>
      </c>
      <c r="AD2527">
        <v>37</v>
      </c>
      <c r="AE2527">
        <v>60</v>
      </c>
      <c r="AF2527">
        <v>6869</v>
      </c>
      <c r="AG2527">
        <v>181184</v>
      </c>
      <c r="AH2527">
        <v>50000</v>
      </c>
      <c r="AI2527">
        <v>0</v>
      </c>
      <c r="AJ2527">
        <v>100</v>
      </c>
      <c r="AK2527" t="s">
        <v>0</v>
      </c>
      <c r="AL2527">
        <v>0</v>
      </c>
      <c r="AM2527">
        <v>0</v>
      </c>
      <c r="AN2527">
        <v>0</v>
      </c>
      <c r="AO2527">
        <v>0</v>
      </c>
      <c r="AP2527">
        <v>0</v>
      </c>
      <c r="AQ2527">
        <v>0</v>
      </c>
      <c r="AR2527">
        <v>0</v>
      </c>
      <c r="AS2527">
        <v>0</v>
      </c>
      <c r="AT2527">
        <v>0</v>
      </c>
      <c r="AU2527">
        <v>0</v>
      </c>
      <c r="AV2527">
        <v>0</v>
      </c>
      <c r="AW2527">
        <v>0</v>
      </c>
      <c r="AX2527">
        <v>8910</v>
      </c>
      <c r="AY2527">
        <v>13</v>
      </c>
      <c r="AZ2527">
        <v>40</v>
      </c>
      <c r="BA2527">
        <v>3203</v>
      </c>
    </row>
    <row r="2528" spans="1:53" x14ac:dyDescent="0.4">
      <c r="A2528">
        <v>2572</v>
      </c>
      <c r="B2528" s="1">
        <v>43639</v>
      </c>
      <c r="C2528">
        <v>4</v>
      </c>
      <c r="D2528" s="1">
        <v>43639.960416666669</v>
      </c>
      <c r="E2528" s="1">
        <v>43640.105555555558</v>
      </c>
      <c r="F2528">
        <v>18400</v>
      </c>
      <c r="G2528">
        <v>0</v>
      </c>
      <c r="H2528">
        <v>0</v>
      </c>
      <c r="I2528">
        <v>0</v>
      </c>
      <c r="J2528">
        <v>0</v>
      </c>
      <c r="K2528">
        <v>0</v>
      </c>
      <c r="L2528">
        <v>0</v>
      </c>
      <c r="M2528">
        <v>1472</v>
      </c>
      <c r="N2528">
        <v>0</v>
      </c>
      <c r="O2528">
        <v>0</v>
      </c>
      <c r="P2528">
        <v>13608</v>
      </c>
      <c r="Q2528">
        <v>0</v>
      </c>
      <c r="R2528">
        <v>33480</v>
      </c>
      <c r="S2528">
        <v>0</v>
      </c>
      <c r="T2528">
        <v>0</v>
      </c>
      <c r="U2528">
        <v>0</v>
      </c>
      <c r="V2528">
        <v>6</v>
      </c>
      <c r="W2528">
        <v>0</v>
      </c>
      <c r="X2528">
        <v>0</v>
      </c>
      <c r="Y2528">
        <v>118</v>
      </c>
      <c r="Z2528">
        <v>39</v>
      </c>
      <c r="AA2528">
        <v>67</v>
      </c>
      <c r="AB2528">
        <v>27</v>
      </c>
      <c r="AC2528">
        <v>200</v>
      </c>
      <c r="AD2528">
        <v>38</v>
      </c>
      <c r="AE2528">
        <v>55</v>
      </c>
      <c r="AF2528">
        <v>6869</v>
      </c>
      <c r="AG2528">
        <v>214664</v>
      </c>
      <c r="AH2528">
        <v>50000</v>
      </c>
      <c r="AI2528">
        <v>0</v>
      </c>
      <c r="AJ2528">
        <v>108</v>
      </c>
      <c r="AK2528" t="s">
        <v>30</v>
      </c>
      <c r="AL2528">
        <v>0</v>
      </c>
      <c r="AM2528">
        <v>0</v>
      </c>
      <c r="AN2528">
        <v>0</v>
      </c>
      <c r="AO2528">
        <v>0</v>
      </c>
      <c r="AP2528">
        <v>0</v>
      </c>
      <c r="AQ2528">
        <v>0</v>
      </c>
      <c r="AR2528">
        <v>0</v>
      </c>
      <c r="AS2528">
        <v>0</v>
      </c>
      <c r="AT2528">
        <v>0</v>
      </c>
      <c r="AU2528">
        <v>0</v>
      </c>
      <c r="AV2528">
        <v>0</v>
      </c>
      <c r="AW2528">
        <v>0</v>
      </c>
      <c r="AX2528">
        <v>0</v>
      </c>
      <c r="AY2528">
        <v>6</v>
      </c>
      <c r="AZ2528">
        <v>14</v>
      </c>
      <c r="BA2528">
        <v>960</v>
      </c>
    </row>
    <row r="2529" spans="1:53" x14ac:dyDescent="0.4">
      <c r="A2529">
        <v>2573</v>
      </c>
      <c r="B2529" s="1">
        <v>43640</v>
      </c>
      <c r="C2529">
        <v>1</v>
      </c>
      <c r="D2529" s="1">
        <v>43640.291666666664</v>
      </c>
      <c r="E2529" s="1">
        <v>43640.452777777777</v>
      </c>
      <c r="F2529">
        <v>0</v>
      </c>
      <c r="G2529">
        <v>0</v>
      </c>
      <c r="H2529">
        <v>0</v>
      </c>
      <c r="I2529">
        <v>0</v>
      </c>
      <c r="J2529">
        <v>0</v>
      </c>
      <c r="K2529">
        <v>0</v>
      </c>
      <c r="L2529">
        <v>0</v>
      </c>
      <c r="M2529">
        <v>0</v>
      </c>
      <c r="N2529">
        <v>0</v>
      </c>
      <c r="O2529">
        <v>0</v>
      </c>
      <c r="P2529">
        <v>0</v>
      </c>
      <c r="Q2529">
        <v>0</v>
      </c>
      <c r="R2529">
        <v>0</v>
      </c>
      <c r="S2529">
        <v>0</v>
      </c>
      <c r="T2529">
        <v>0</v>
      </c>
      <c r="U2529">
        <v>0</v>
      </c>
      <c r="V2529">
        <v>0</v>
      </c>
      <c r="W2529">
        <v>0</v>
      </c>
      <c r="X2529">
        <v>0</v>
      </c>
      <c r="Y2529">
        <v>34</v>
      </c>
      <c r="Z2529">
        <v>13</v>
      </c>
      <c r="AA2529">
        <v>67</v>
      </c>
      <c r="AB2529">
        <v>27</v>
      </c>
      <c r="AC2529">
        <v>121</v>
      </c>
      <c r="AD2529">
        <v>37</v>
      </c>
      <c r="AE2529">
        <v>55</v>
      </c>
      <c r="AF2529">
        <v>0</v>
      </c>
      <c r="AG2529">
        <v>50000</v>
      </c>
      <c r="AH2529">
        <v>0</v>
      </c>
      <c r="AI2529">
        <v>50000</v>
      </c>
      <c r="AJ2529">
        <v>0</v>
      </c>
      <c r="AK2529" t="s">
        <v>6</v>
      </c>
      <c r="AL2529">
        <v>0</v>
      </c>
      <c r="AM2529">
        <v>0</v>
      </c>
      <c r="AN2529">
        <v>0</v>
      </c>
      <c r="AO2529">
        <v>0</v>
      </c>
      <c r="AP2529">
        <v>0</v>
      </c>
      <c r="AQ2529">
        <v>0</v>
      </c>
      <c r="AR2529">
        <v>0</v>
      </c>
      <c r="AS2529">
        <v>0</v>
      </c>
      <c r="AT2529">
        <v>0</v>
      </c>
      <c r="AU2529">
        <v>0</v>
      </c>
      <c r="AV2529">
        <v>0</v>
      </c>
      <c r="AW2529">
        <v>0</v>
      </c>
      <c r="AX2529">
        <v>0</v>
      </c>
      <c r="AY2529">
        <v>0</v>
      </c>
      <c r="AZ2529">
        <v>0</v>
      </c>
      <c r="BA2529">
        <v>0</v>
      </c>
    </row>
    <row r="2530" spans="1:53" x14ac:dyDescent="0.4">
      <c r="A2530">
        <v>2574</v>
      </c>
      <c r="B2530" s="1">
        <v>43640</v>
      </c>
      <c r="C2530">
        <v>2</v>
      </c>
      <c r="D2530" s="1">
        <v>43640.452777777777</v>
      </c>
      <c r="E2530" s="1">
        <v>43640.743750000001</v>
      </c>
      <c r="F2530">
        <v>22500</v>
      </c>
      <c r="G2530">
        <v>1520</v>
      </c>
      <c r="H2530">
        <v>200</v>
      </c>
      <c r="I2530">
        <v>0</v>
      </c>
      <c r="J2530">
        <v>0</v>
      </c>
      <c r="K2530">
        <v>0</v>
      </c>
      <c r="L2530">
        <v>0</v>
      </c>
      <c r="M2530">
        <v>1937</v>
      </c>
      <c r="N2530">
        <v>0</v>
      </c>
      <c r="O2530">
        <v>0</v>
      </c>
      <c r="P2530">
        <v>19440</v>
      </c>
      <c r="Q2530">
        <v>0</v>
      </c>
      <c r="R2530">
        <v>45597</v>
      </c>
      <c r="S2530">
        <v>0</v>
      </c>
      <c r="T2530">
        <v>0</v>
      </c>
      <c r="U2530">
        <v>0</v>
      </c>
      <c r="V2530">
        <v>0</v>
      </c>
      <c r="W2530">
        <v>1</v>
      </c>
      <c r="X2530">
        <v>0</v>
      </c>
      <c r="Y2530">
        <v>73</v>
      </c>
      <c r="Z2530">
        <v>17</v>
      </c>
      <c r="AA2530">
        <v>52</v>
      </c>
      <c r="AB2530">
        <v>29</v>
      </c>
      <c r="AC2530">
        <v>217</v>
      </c>
      <c r="AD2530">
        <v>42</v>
      </c>
      <c r="AE2530">
        <v>67</v>
      </c>
      <c r="AF2530">
        <v>0</v>
      </c>
      <c r="AG2530">
        <v>95597</v>
      </c>
      <c r="AH2530">
        <v>50000</v>
      </c>
      <c r="AI2530">
        <v>0</v>
      </c>
      <c r="AJ2530">
        <v>96</v>
      </c>
      <c r="AK2530" t="s">
        <v>4</v>
      </c>
      <c r="AL2530">
        <v>0</v>
      </c>
      <c r="AM2530">
        <v>0</v>
      </c>
      <c r="AN2530">
        <v>0</v>
      </c>
      <c r="AO2530">
        <v>0</v>
      </c>
      <c r="AP2530">
        <v>0</v>
      </c>
      <c r="AQ2530">
        <v>0</v>
      </c>
      <c r="AR2530">
        <v>0</v>
      </c>
      <c r="AS2530">
        <v>0</v>
      </c>
      <c r="AT2530">
        <v>0</v>
      </c>
      <c r="AU2530">
        <v>0</v>
      </c>
      <c r="AV2530">
        <v>0</v>
      </c>
      <c r="AW2530">
        <v>0</v>
      </c>
      <c r="AX2530">
        <v>2808</v>
      </c>
      <c r="AY2530">
        <v>41</v>
      </c>
      <c r="AZ2530">
        <v>73</v>
      </c>
      <c r="BA2530">
        <v>5329</v>
      </c>
    </row>
    <row r="2531" spans="1:53" x14ac:dyDescent="0.4">
      <c r="A2531">
        <v>2575</v>
      </c>
      <c r="B2531" s="1">
        <v>43641</v>
      </c>
      <c r="C2531">
        <v>1</v>
      </c>
      <c r="D2531" s="1">
        <v>43641.291666666664</v>
      </c>
      <c r="E2531" s="1">
        <v>43641.445138888892</v>
      </c>
      <c r="F2531">
        <v>0</v>
      </c>
      <c r="G2531">
        <v>0</v>
      </c>
      <c r="H2531">
        <v>0</v>
      </c>
      <c r="I2531">
        <v>0</v>
      </c>
      <c r="J2531">
        <v>0</v>
      </c>
      <c r="K2531">
        <v>0</v>
      </c>
      <c r="L2531">
        <v>0</v>
      </c>
      <c r="M2531">
        <v>0</v>
      </c>
      <c r="N2531">
        <v>0</v>
      </c>
      <c r="O2531">
        <v>0</v>
      </c>
      <c r="P2531">
        <v>0</v>
      </c>
      <c r="Q2531">
        <v>0</v>
      </c>
      <c r="R2531">
        <v>0</v>
      </c>
      <c r="S2531">
        <v>0</v>
      </c>
      <c r="T2531">
        <v>0</v>
      </c>
      <c r="U2531">
        <v>0</v>
      </c>
      <c r="V2531">
        <v>0</v>
      </c>
      <c r="W2531">
        <v>1</v>
      </c>
      <c r="X2531">
        <v>0</v>
      </c>
      <c r="Y2531">
        <v>34</v>
      </c>
      <c r="Z2531">
        <v>9</v>
      </c>
      <c r="AA2531">
        <v>39</v>
      </c>
      <c r="AB2531">
        <v>22</v>
      </c>
      <c r="AC2531">
        <v>124</v>
      </c>
      <c r="AD2531">
        <v>40</v>
      </c>
      <c r="AE2531">
        <v>60</v>
      </c>
      <c r="AF2531">
        <v>0</v>
      </c>
      <c r="AG2531">
        <v>50000</v>
      </c>
      <c r="AH2531">
        <v>50000</v>
      </c>
      <c r="AI2531">
        <v>0</v>
      </c>
      <c r="AJ2531">
        <v>0</v>
      </c>
      <c r="AK2531" t="s">
        <v>6</v>
      </c>
      <c r="AL2531">
        <v>0</v>
      </c>
      <c r="AM2531">
        <v>0</v>
      </c>
      <c r="AN2531">
        <v>0</v>
      </c>
      <c r="AO2531">
        <v>0</v>
      </c>
      <c r="AP2531">
        <v>0</v>
      </c>
      <c r="AQ2531">
        <v>0</v>
      </c>
      <c r="AR2531">
        <v>0</v>
      </c>
      <c r="AS2531">
        <v>0</v>
      </c>
      <c r="AT2531">
        <v>0</v>
      </c>
      <c r="AU2531">
        <v>0</v>
      </c>
      <c r="AV2531">
        <v>0</v>
      </c>
      <c r="AW2531">
        <v>0</v>
      </c>
      <c r="AX2531">
        <v>0</v>
      </c>
      <c r="AY2531">
        <v>0</v>
      </c>
      <c r="AZ2531">
        <v>0</v>
      </c>
      <c r="BA2531">
        <v>0</v>
      </c>
    </row>
    <row r="2532" spans="1:53" x14ac:dyDescent="0.4">
      <c r="A2532">
        <v>2576</v>
      </c>
      <c r="B2532" s="1">
        <v>43641</v>
      </c>
      <c r="C2532">
        <v>2</v>
      </c>
      <c r="D2532" s="1">
        <v>43641.445138888892</v>
      </c>
      <c r="E2532" s="1">
        <v>43641.745138888888</v>
      </c>
      <c r="F2532">
        <v>21000</v>
      </c>
      <c r="G2532">
        <v>760</v>
      </c>
      <c r="H2532">
        <v>200</v>
      </c>
      <c r="I2532">
        <v>0</v>
      </c>
      <c r="J2532">
        <v>0</v>
      </c>
      <c r="K2532">
        <v>0</v>
      </c>
      <c r="L2532">
        <v>0</v>
      </c>
      <c r="M2532">
        <v>1756</v>
      </c>
      <c r="N2532">
        <v>0</v>
      </c>
      <c r="O2532">
        <v>0</v>
      </c>
      <c r="P2532">
        <v>11610</v>
      </c>
      <c r="Q2532">
        <v>0</v>
      </c>
      <c r="R2532">
        <v>35326</v>
      </c>
      <c r="S2532">
        <v>0</v>
      </c>
      <c r="T2532">
        <v>0</v>
      </c>
      <c r="U2532">
        <v>0</v>
      </c>
      <c r="V2532">
        <v>2</v>
      </c>
      <c r="W2532">
        <v>0</v>
      </c>
      <c r="X2532">
        <v>0</v>
      </c>
      <c r="Y2532">
        <v>42</v>
      </c>
      <c r="Z2532">
        <v>22</v>
      </c>
      <c r="AA2532">
        <v>84</v>
      </c>
      <c r="AB2532">
        <v>24</v>
      </c>
      <c r="AC2532">
        <v>190</v>
      </c>
      <c r="AD2532">
        <v>46</v>
      </c>
      <c r="AE2532">
        <v>57</v>
      </c>
      <c r="AF2532">
        <v>540</v>
      </c>
      <c r="AG2532">
        <v>85327</v>
      </c>
      <c r="AH2532">
        <v>50000</v>
      </c>
      <c r="AI2532">
        <v>1</v>
      </c>
      <c r="AJ2532">
        <v>97</v>
      </c>
      <c r="AK2532" t="s">
        <v>33</v>
      </c>
      <c r="AL2532">
        <v>0</v>
      </c>
      <c r="AM2532">
        <v>0</v>
      </c>
      <c r="AN2532">
        <v>0</v>
      </c>
      <c r="AO2532">
        <v>0</v>
      </c>
      <c r="AP2532">
        <v>0</v>
      </c>
      <c r="AQ2532">
        <v>0</v>
      </c>
      <c r="AR2532">
        <v>0</v>
      </c>
      <c r="AS2532">
        <v>0</v>
      </c>
      <c r="AT2532">
        <v>0</v>
      </c>
      <c r="AU2532">
        <v>0</v>
      </c>
      <c r="AV2532">
        <v>0</v>
      </c>
      <c r="AW2532">
        <v>0</v>
      </c>
      <c r="AX2532">
        <v>-540</v>
      </c>
      <c r="AY2532">
        <v>41</v>
      </c>
      <c r="AZ2532">
        <v>64</v>
      </c>
      <c r="BA2532">
        <v>5335</v>
      </c>
    </row>
    <row r="2533" spans="1:53" x14ac:dyDescent="0.4">
      <c r="A2533">
        <v>2577</v>
      </c>
      <c r="B2533" s="1">
        <v>43641</v>
      </c>
      <c r="C2533">
        <v>3</v>
      </c>
      <c r="D2533" s="1">
        <v>43641.745138888888</v>
      </c>
      <c r="E2533" s="1">
        <v>43641.959027777775</v>
      </c>
      <c r="F2533">
        <v>24260</v>
      </c>
      <c r="G2533">
        <v>800</v>
      </c>
      <c r="H2533">
        <v>0</v>
      </c>
      <c r="I2533">
        <v>0</v>
      </c>
      <c r="J2533">
        <v>0</v>
      </c>
      <c r="K2533">
        <v>0</v>
      </c>
      <c r="L2533">
        <v>0</v>
      </c>
      <c r="M2533">
        <v>2005</v>
      </c>
      <c r="N2533">
        <v>0</v>
      </c>
      <c r="O2533">
        <v>0</v>
      </c>
      <c r="P2533">
        <v>-1890</v>
      </c>
      <c r="Q2533">
        <v>0</v>
      </c>
      <c r="R2533">
        <v>25175</v>
      </c>
      <c r="S2533">
        <v>0</v>
      </c>
      <c r="T2533">
        <v>0</v>
      </c>
      <c r="U2533">
        <v>0</v>
      </c>
      <c r="V2533">
        <v>2</v>
      </c>
      <c r="W2533">
        <v>1</v>
      </c>
      <c r="X2533">
        <v>0</v>
      </c>
      <c r="Y2533">
        <v>51</v>
      </c>
      <c r="Z2533">
        <v>23</v>
      </c>
      <c r="AA2533">
        <v>84</v>
      </c>
      <c r="AB2533">
        <v>29</v>
      </c>
      <c r="AC2533">
        <v>194</v>
      </c>
      <c r="AD2533">
        <v>47</v>
      </c>
      <c r="AE2533">
        <v>57</v>
      </c>
      <c r="AF2533">
        <v>10919</v>
      </c>
      <c r="AG2533">
        <v>110501</v>
      </c>
      <c r="AH2533">
        <v>50000</v>
      </c>
      <c r="AI2533">
        <v>0</v>
      </c>
      <c r="AJ2533">
        <v>100</v>
      </c>
      <c r="AK2533" t="s">
        <v>0</v>
      </c>
      <c r="AL2533">
        <v>0</v>
      </c>
      <c r="AM2533">
        <v>0</v>
      </c>
      <c r="AN2533">
        <v>0</v>
      </c>
      <c r="AO2533">
        <v>0</v>
      </c>
      <c r="AP2533">
        <v>0</v>
      </c>
      <c r="AQ2533">
        <v>0</v>
      </c>
      <c r="AR2533">
        <v>0</v>
      </c>
      <c r="AS2533">
        <v>0</v>
      </c>
      <c r="AT2533">
        <v>0</v>
      </c>
      <c r="AU2533">
        <v>0</v>
      </c>
      <c r="AV2533">
        <v>0</v>
      </c>
      <c r="AW2533">
        <v>0</v>
      </c>
      <c r="AX2533">
        <v>43081</v>
      </c>
      <c r="AY2533">
        <v>15</v>
      </c>
      <c r="AZ2533">
        <v>55</v>
      </c>
      <c r="BA2533">
        <v>2752</v>
      </c>
    </row>
    <row r="2534" spans="1:53" x14ac:dyDescent="0.4">
      <c r="A2534">
        <v>2578</v>
      </c>
      <c r="B2534" s="1">
        <v>43642</v>
      </c>
      <c r="C2534">
        <v>1</v>
      </c>
      <c r="D2534" s="1">
        <v>43642.291666666664</v>
      </c>
      <c r="E2534" s="1">
        <v>43642.421527777777</v>
      </c>
      <c r="F2534">
        <v>0</v>
      </c>
      <c r="G2534">
        <v>0</v>
      </c>
      <c r="H2534">
        <v>0</v>
      </c>
      <c r="I2534">
        <v>0</v>
      </c>
      <c r="J2534">
        <v>0</v>
      </c>
      <c r="K2534">
        <v>0</v>
      </c>
      <c r="L2534">
        <v>0</v>
      </c>
      <c r="M2534">
        <v>0</v>
      </c>
      <c r="N2534">
        <v>0</v>
      </c>
      <c r="O2534">
        <v>0</v>
      </c>
      <c r="P2534">
        <v>0</v>
      </c>
      <c r="Q2534">
        <v>0</v>
      </c>
      <c r="R2534">
        <v>0</v>
      </c>
      <c r="S2534">
        <v>0</v>
      </c>
      <c r="T2534">
        <v>0</v>
      </c>
      <c r="U2534">
        <v>0</v>
      </c>
      <c r="V2534">
        <v>0</v>
      </c>
      <c r="W2534">
        <v>0</v>
      </c>
      <c r="X2534">
        <v>0</v>
      </c>
      <c r="Y2534">
        <v>30</v>
      </c>
      <c r="Z2534">
        <v>10</v>
      </c>
      <c r="AA2534">
        <v>118</v>
      </c>
      <c r="AB2534">
        <v>30</v>
      </c>
      <c r="AC2534">
        <v>142</v>
      </c>
      <c r="AD2534">
        <v>45</v>
      </c>
      <c r="AE2534">
        <v>55</v>
      </c>
      <c r="AF2534">
        <v>0</v>
      </c>
      <c r="AG2534">
        <v>50000</v>
      </c>
      <c r="AH2534">
        <v>50000</v>
      </c>
      <c r="AI2534">
        <v>0</v>
      </c>
      <c r="AJ2534">
        <v>0</v>
      </c>
      <c r="AK2534" t="s">
        <v>6</v>
      </c>
      <c r="AL2534">
        <v>0</v>
      </c>
      <c r="AM2534">
        <v>0</v>
      </c>
      <c r="AN2534">
        <v>0</v>
      </c>
      <c r="AO2534">
        <v>0</v>
      </c>
      <c r="AP2534">
        <v>0</v>
      </c>
      <c r="AQ2534">
        <v>0</v>
      </c>
      <c r="AR2534">
        <v>0</v>
      </c>
      <c r="AS2534">
        <v>0</v>
      </c>
      <c r="AT2534">
        <v>0</v>
      </c>
      <c r="AU2534">
        <v>0</v>
      </c>
      <c r="AV2534">
        <v>0</v>
      </c>
      <c r="AW2534">
        <v>0</v>
      </c>
      <c r="AX2534">
        <v>0</v>
      </c>
      <c r="AY2534">
        <v>0</v>
      </c>
      <c r="AZ2534">
        <v>0</v>
      </c>
      <c r="BA2534">
        <v>0</v>
      </c>
    </row>
    <row r="2535" spans="1:53" x14ac:dyDescent="0.4">
      <c r="A2535">
        <v>2579</v>
      </c>
      <c r="B2535" s="1">
        <v>43642</v>
      </c>
      <c r="C2535">
        <v>2</v>
      </c>
      <c r="D2535" s="1">
        <v>43642.421527777777</v>
      </c>
      <c r="E2535" s="1">
        <v>43642.745138888888</v>
      </c>
      <c r="F2535">
        <v>9500</v>
      </c>
      <c r="G2535">
        <v>760</v>
      </c>
      <c r="H2535">
        <v>200</v>
      </c>
      <c r="I2535">
        <v>0</v>
      </c>
      <c r="J2535">
        <v>0</v>
      </c>
      <c r="K2535">
        <v>0</v>
      </c>
      <c r="L2535">
        <v>0</v>
      </c>
      <c r="M2535">
        <v>837</v>
      </c>
      <c r="N2535">
        <v>0</v>
      </c>
      <c r="O2535">
        <v>0</v>
      </c>
      <c r="P2535">
        <v>7560</v>
      </c>
      <c r="Q2535">
        <v>0</v>
      </c>
      <c r="R2535">
        <v>18857</v>
      </c>
      <c r="S2535">
        <v>0</v>
      </c>
      <c r="T2535">
        <v>0</v>
      </c>
      <c r="U2535">
        <v>0</v>
      </c>
      <c r="V2535">
        <v>2</v>
      </c>
      <c r="W2535">
        <v>0</v>
      </c>
      <c r="X2535">
        <v>0</v>
      </c>
      <c r="Y2535">
        <v>26</v>
      </c>
      <c r="Z2535">
        <v>12</v>
      </c>
      <c r="AA2535">
        <v>139</v>
      </c>
      <c r="AB2535">
        <v>33</v>
      </c>
      <c r="AC2535">
        <v>149</v>
      </c>
      <c r="AD2535">
        <v>45</v>
      </c>
      <c r="AE2535">
        <v>52</v>
      </c>
      <c r="AF2535">
        <v>0</v>
      </c>
      <c r="AG2535">
        <v>69317</v>
      </c>
      <c r="AH2535">
        <v>50000</v>
      </c>
      <c r="AI2535">
        <v>460</v>
      </c>
      <c r="AJ2535">
        <v>101</v>
      </c>
      <c r="AK2535" t="s">
        <v>28</v>
      </c>
      <c r="AL2535">
        <v>0</v>
      </c>
      <c r="AM2535">
        <v>0</v>
      </c>
      <c r="AN2535">
        <v>0</v>
      </c>
      <c r="AO2535">
        <v>0</v>
      </c>
      <c r="AP2535">
        <v>0</v>
      </c>
      <c r="AQ2535">
        <v>0</v>
      </c>
      <c r="AR2535">
        <v>0</v>
      </c>
      <c r="AS2535">
        <v>0</v>
      </c>
      <c r="AT2535">
        <v>0</v>
      </c>
      <c r="AU2535">
        <v>0</v>
      </c>
      <c r="AV2535">
        <v>0</v>
      </c>
      <c r="AW2535">
        <v>0</v>
      </c>
      <c r="AX2535">
        <v>-540</v>
      </c>
      <c r="AY2535">
        <v>24</v>
      </c>
      <c r="AZ2535">
        <v>35</v>
      </c>
      <c r="BA2535">
        <v>3375</v>
      </c>
    </row>
    <row r="2536" spans="1:53" x14ac:dyDescent="0.4">
      <c r="A2536">
        <v>2580</v>
      </c>
      <c r="B2536" s="1">
        <v>43643</v>
      </c>
      <c r="C2536">
        <v>1</v>
      </c>
      <c r="D2536" s="1">
        <v>43643.291666666664</v>
      </c>
      <c r="E2536" s="1">
        <v>43643.45416666667</v>
      </c>
      <c r="F2536">
        <v>0</v>
      </c>
      <c r="G2536">
        <v>0</v>
      </c>
      <c r="H2536">
        <v>0</v>
      </c>
      <c r="I2536">
        <v>0</v>
      </c>
      <c r="J2536">
        <v>0</v>
      </c>
      <c r="K2536">
        <v>0</v>
      </c>
      <c r="L2536">
        <v>0</v>
      </c>
      <c r="M2536">
        <v>0</v>
      </c>
      <c r="N2536">
        <v>0</v>
      </c>
      <c r="O2536">
        <v>0</v>
      </c>
      <c r="P2536">
        <v>0</v>
      </c>
      <c r="Q2536">
        <v>0</v>
      </c>
      <c r="R2536">
        <v>0</v>
      </c>
      <c r="S2536">
        <v>0</v>
      </c>
      <c r="T2536">
        <v>0</v>
      </c>
      <c r="U2536">
        <v>0</v>
      </c>
      <c r="V2536">
        <v>1</v>
      </c>
      <c r="W2536">
        <v>1</v>
      </c>
      <c r="X2536">
        <v>0</v>
      </c>
      <c r="Y2536">
        <v>23</v>
      </c>
      <c r="Z2536">
        <v>1</v>
      </c>
      <c r="AA2536">
        <v>81</v>
      </c>
      <c r="AB2536">
        <v>35</v>
      </c>
      <c r="AC2536">
        <v>138</v>
      </c>
      <c r="AD2536">
        <v>43</v>
      </c>
      <c r="AE2536">
        <v>55</v>
      </c>
      <c r="AF2536">
        <v>0</v>
      </c>
      <c r="AG2536">
        <v>50000</v>
      </c>
      <c r="AH2536">
        <v>0</v>
      </c>
      <c r="AI2536">
        <v>50000</v>
      </c>
      <c r="AJ2536">
        <v>0</v>
      </c>
      <c r="AK2536" t="s">
        <v>6</v>
      </c>
      <c r="AL2536">
        <v>0</v>
      </c>
      <c r="AM2536">
        <v>0</v>
      </c>
      <c r="AN2536">
        <v>0</v>
      </c>
      <c r="AO2536">
        <v>0</v>
      </c>
      <c r="AP2536">
        <v>0</v>
      </c>
      <c r="AQ2536">
        <v>0</v>
      </c>
      <c r="AR2536">
        <v>0</v>
      </c>
      <c r="AS2536">
        <v>0</v>
      </c>
      <c r="AT2536">
        <v>0</v>
      </c>
      <c r="AU2536">
        <v>0</v>
      </c>
      <c r="AV2536">
        <v>0</v>
      </c>
      <c r="AW2536">
        <v>0</v>
      </c>
      <c r="AX2536">
        <v>0</v>
      </c>
      <c r="AY2536">
        <v>0</v>
      </c>
      <c r="AZ2536">
        <v>0</v>
      </c>
      <c r="BA2536">
        <v>0</v>
      </c>
    </row>
    <row r="2537" spans="1:53" x14ac:dyDescent="0.4">
      <c r="A2537">
        <v>2581</v>
      </c>
      <c r="B2537" s="1">
        <v>43643</v>
      </c>
      <c r="C2537">
        <v>2</v>
      </c>
      <c r="D2537" s="1">
        <v>43643.45416666667</v>
      </c>
      <c r="E2537" s="1">
        <v>43643.745138888888</v>
      </c>
      <c r="F2537">
        <v>24000</v>
      </c>
      <c r="G2537">
        <v>280</v>
      </c>
      <c r="H2537">
        <v>200</v>
      </c>
      <c r="I2537">
        <v>0</v>
      </c>
      <c r="J2537">
        <v>0</v>
      </c>
      <c r="K2537">
        <v>0</v>
      </c>
      <c r="L2537">
        <v>0</v>
      </c>
      <c r="M2537">
        <v>1958</v>
      </c>
      <c r="N2537">
        <v>0</v>
      </c>
      <c r="O2537">
        <v>0</v>
      </c>
      <c r="P2537">
        <v>13500</v>
      </c>
      <c r="Q2537">
        <v>0</v>
      </c>
      <c r="R2537">
        <v>39938</v>
      </c>
      <c r="S2537">
        <v>0</v>
      </c>
      <c r="T2537">
        <v>0</v>
      </c>
      <c r="U2537">
        <v>0</v>
      </c>
      <c r="V2537">
        <v>2</v>
      </c>
      <c r="W2537">
        <v>0</v>
      </c>
      <c r="X2537">
        <v>0</v>
      </c>
      <c r="Y2537">
        <v>47</v>
      </c>
      <c r="Z2537">
        <v>10</v>
      </c>
      <c r="AA2537">
        <v>91</v>
      </c>
      <c r="AB2537">
        <v>39</v>
      </c>
      <c r="AC2537">
        <v>183</v>
      </c>
      <c r="AD2537">
        <v>45</v>
      </c>
      <c r="AE2537">
        <v>49</v>
      </c>
      <c r="AF2537">
        <v>5244</v>
      </c>
      <c r="AG2537">
        <v>90398</v>
      </c>
      <c r="AH2537">
        <v>50000</v>
      </c>
      <c r="AI2537">
        <v>460</v>
      </c>
      <c r="AJ2537">
        <v>96</v>
      </c>
      <c r="AK2537" t="s">
        <v>4</v>
      </c>
      <c r="AL2537">
        <v>0</v>
      </c>
      <c r="AM2537">
        <v>0</v>
      </c>
      <c r="AN2537">
        <v>0</v>
      </c>
      <c r="AO2537">
        <v>0</v>
      </c>
      <c r="AP2537">
        <v>0</v>
      </c>
      <c r="AQ2537">
        <v>0</v>
      </c>
      <c r="AR2537">
        <v>0</v>
      </c>
      <c r="AS2537">
        <v>0</v>
      </c>
      <c r="AT2537">
        <v>0</v>
      </c>
      <c r="AU2537">
        <v>0</v>
      </c>
      <c r="AV2537">
        <v>0</v>
      </c>
      <c r="AW2537">
        <v>0</v>
      </c>
      <c r="AX2537">
        <v>410</v>
      </c>
      <c r="AY2537">
        <v>36</v>
      </c>
      <c r="AZ2537">
        <v>71</v>
      </c>
      <c r="BA2537">
        <v>5280</v>
      </c>
    </row>
    <row r="2538" spans="1:53" x14ac:dyDescent="0.4">
      <c r="A2538">
        <v>2582</v>
      </c>
      <c r="B2538" s="1">
        <v>43643</v>
      </c>
      <c r="C2538">
        <v>3</v>
      </c>
      <c r="D2538" s="1">
        <v>43643.745138888888</v>
      </c>
      <c r="E2538" s="1">
        <v>43643.951388888891</v>
      </c>
      <c r="F2538">
        <v>28500</v>
      </c>
      <c r="G2538">
        <v>1060</v>
      </c>
      <c r="H2538">
        <v>0</v>
      </c>
      <c r="I2538">
        <v>0</v>
      </c>
      <c r="J2538">
        <v>0</v>
      </c>
      <c r="K2538">
        <v>0</v>
      </c>
      <c r="L2538">
        <v>0</v>
      </c>
      <c r="M2538">
        <v>2364</v>
      </c>
      <c r="N2538">
        <v>0</v>
      </c>
      <c r="O2538">
        <v>0</v>
      </c>
      <c r="P2538">
        <v>-10908</v>
      </c>
      <c r="Q2538">
        <v>0</v>
      </c>
      <c r="R2538">
        <v>21016</v>
      </c>
      <c r="S2538">
        <v>0</v>
      </c>
      <c r="T2538">
        <v>0</v>
      </c>
      <c r="U2538">
        <v>0</v>
      </c>
      <c r="V2538">
        <v>3</v>
      </c>
      <c r="W2538">
        <v>1</v>
      </c>
      <c r="X2538">
        <v>0</v>
      </c>
      <c r="Y2538">
        <v>55</v>
      </c>
      <c r="Z2538">
        <v>8</v>
      </c>
      <c r="AA2538">
        <v>72</v>
      </c>
      <c r="AB2538">
        <v>37</v>
      </c>
      <c r="AC2538">
        <v>183</v>
      </c>
      <c r="AD2538">
        <v>46</v>
      </c>
      <c r="AE2538">
        <v>60</v>
      </c>
      <c r="AF2538">
        <v>5244</v>
      </c>
      <c r="AG2538">
        <v>110414</v>
      </c>
      <c r="AH2538">
        <v>50000</v>
      </c>
      <c r="AI2538">
        <v>-540</v>
      </c>
      <c r="AJ2538">
        <v>105</v>
      </c>
      <c r="AK2538" t="s">
        <v>39</v>
      </c>
      <c r="AL2538">
        <v>0</v>
      </c>
      <c r="AM2538">
        <v>0</v>
      </c>
      <c r="AN2538">
        <v>0</v>
      </c>
      <c r="AO2538">
        <v>0</v>
      </c>
      <c r="AP2538">
        <v>0</v>
      </c>
      <c r="AQ2538">
        <v>0</v>
      </c>
      <c r="AR2538">
        <v>0</v>
      </c>
      <c r="AS2538">
        <v>0</v>
      </c>
      <c r="AT2538">
        <v>0</v>
      </c>
      <c r="AU2538">
        <v>0</v>
      </c>
      <c r="AV2538">
        <v>0</v>
      </c>
      <c r="AW2538">
        <v>0</v>
      </c>
      <c r="AX2538">
        <v>8316</v>
      </c>
      <c r="AY2538">
        <v>8</v>
      </c>
      <c r="AZ2538">
        <v>25</v>
      </c>
      <c r="BA2538">
        <v>1572</v>
      </c>
    </row>
    <row r="2539" spans="1:53" x14ac:dyDescent="0.4">
      <c r="A2539">
        <v>2583</v>
      </c>
      <c r="B2539" s="1">
        <v>43643</v>
      </c>
      <c r="C2539">
        <v>4</v>
      </c>
      <c r="D2539" s="1">
        <v>43643.951388888891</v>
      </c>
      <c r="E2539" s="1">
        <v>43644.078472222223</v>
      </c>
      <c r="F2539">
        <v>11900</v>
      </c>
      <c r="G2539">
        <v>450</v>
      </c>
      <c r="H2539">
        <v>200</v>
      </c>
      <c r="I2539">
        <v>0</v>
      </c>
      <c r="J2539">
        <v>0</v>
      </c>
      <c r="K2539">
        <v>0</v>
      </c>
      <c r="L2539">
        <v>0</v>
      </c>
      <c r="M2539">
        <v>1004</v>
      </c>
      <c r="N2539">
        <v>0</v>
      </c>
      <c r="O2539">
        <v>0</v>
      </c>
      <c r="P2539">
        <v>6372</v>
      </c>
      <c r="Q2539">
        <v>0</v>
      </c>
      <c r="R2539">
        <v>19926</v>
      </c>
      <c r="S2539">
        <v>0</v>
      </c>
      <c r="T2539">
        <v>0</v>
      </c>
      <c r="U2539">
        <v>0</v>
      </c>
      <c r="V2539">
        <v>5</v>
      </c>
      <c r="W2539">
        <v>0</v>
      </c>
      <c r="X2539">
        <v>0</v>
      </c>
      <c r="Y2539">
        <v>52</v>
      </c>
      <c r="Z2539">
        <v>8</v>
      </c>
      <c r="AA2539">
        <v>73</v>
      </c>
      <c r="AB2539">
        <v>38</v>
      </c>
      <c r="AC2539">
        <v>183</v>
      </c>
      <c r="AD2539">
        <v>47</v>
      </c>
      <c r="AE2539">
        <v>55</v>
      </c>
      <c r="AF2539">
        <v>13020</v>
      </c>
      <c r="AG2539">
        <v>130340</v>
      </c>
      <c r="AH2539">
        <v>50000</v>
      </c>
      <c r="AI2539">
        <v>-540</v>
      </c>
      <c r="AJ2539">
        <v>108</v>
      </c>
      <c r="AK2539" t="s">
        <v>30</v>
      </c>
      <c r="AL2539">
        <v>0</v>
      </c>
      <c r="AM2539">
        <v>0</v>
      </c>
      <c r="AN2539">
        <v>0</v>
      </c>
      <c r="AO2539">
        <v>0</v>
      </c>
      <c r="AP2539">
        <v>0</v>
      </c>
      <c r="AQ2539">
        <v>0</v>
      </c>
      <c r="AR2539">
        <v>0</v>
      </c>
      <c r="AS2539">
        <v>0</v>
      </c>
      <c r="AT2539">
        <v>0</v>
      </c>
      <c r="AU2539">
        <v>0</v>
      </c>
      <c r="AV2539">
        <v>0</v>
      </c>
      <c r="AW2539">
        <v>0</v>
      </c>
      <c r="AX2539">
        <v>0</v>
      </c>
      <c r="AY2539">
        <v>2</v>
      </c>
      <c r="AZ2539">
        <v>4</v>
      </c>
      <c r="BA2539">
        <v>243</v>
      </c>
    </row>
    <row r="2540" spans="1:53" x14ac:dyDescent="0.4">
      <c r="A2540">
        <v>2584</v>
      </c>
      <c r="B2540" s="1">
        <v>43644</v>
      </c>
      <c r="C2540">
        <v>1</v>
      </c>
      <c r="D2540" s="1">
        <v>43644.291666666664</v>
      </c>
      <c r="E2540" s="1">
        <v>43644.453472222223</v>
      </c>
      <c r="F2540">
        <v>0</v>
      </c>
      <c r="G2540">
        <v>0</v>
      </c>
      <c r="H2540">
        <v>0</v>
      </c>
      <c r="I2540">
        <v>0</v>
      </c>
      <c r="J2540">
        <v>0</v>
      </c>
      <c r="K2540">
        <v>0</v>
      </c>
      <c r="L2540">
        <v>0</v>
      </c>
      <c r="M2540">
        <v>0</v>
      </c>
      <c r="N2540">
        <v>0</v>
      </c>
      <c r="O2540">
        <v>0</v>
      </c>
      <c r="P2540">
        <v>0</v>
      </c>
      <c r="Q2540">
        <v>0</v>
      </c>
      <c r="R2540">
        <v>0</v>
      </c>
      <c r="S2540">
        <v>0</v>
      </c>
      <c r="T2540">
        <v>0</v>
      </c>
      <c r="U2540">
        <v>0</v>
      </c>
      <c r="V2540">
        <v>0</v>
      </c>
      <c r="W2540">
        <v>0</v>
      </c>
      <c r="X2540">
        <v>0</v>
      </c>
      <c r="Y2540">
        <v>34</v>
      </c>
      <c r="Z2540">
        <v>9</v>
      </c>
      <c r="AA2540">
        <v>74</v>
      </c>
      <c r="AB2540">
        <v>39</v>
      </c>
      <c r="AC2540">
        <v>133</v>
      </c>
      <c r="AD2540">
        <v>46</v>
      </c>
      <c r="AE2540">
        <v>50</v>
      </c>
      <c r="AF2540">
        <v>0</v>
      </c>
      <c r="AG2540">
        <v>49460</v>
      </c>
      <c r="AH2540">
        <v>0</v>
      </c>
      <c r="AI2540">
        <v>49460</v>
      </c>
      <c r="AJ2540">
        <v>0</v>
      </c>
      <c r="AK2540" t="s">
        <v>6</v>
      </c>
      <c r="AL2540">
        <v>0</v>
      </c>
      <c r="AM2540">
        <v>0</v>
      </c>
      <c r="AN2540">
        <v>0</v>
      </c>
      <c r="AO2540">
        <v>0</v>
      </c>
      <c r="AP2540">
        <v>0</v>
      </c>
      <c r="AQ2540">
        <v>0</v>
      </c>
      <c r="AR2540">
        <v>0</v>
      </c>
      <c r="AS2540">
        <v>0</v>
      </c>
      <c r="AT2540">
        <v>0</v>
      </c>
      <c r="AU2540">
        <v>0</v>
      </c>
      <c r="AV2540">
        <v>0</v>
      </c>
      <c r="AW2540">
        <v>0</v>
      </c>
      <c r="AX2540">
        <v>0</v>
      </c>
      <c r="AY2540">
        <v>0</v>
      </c>
      <c r="AZ2540">
        <v>0</v>
      </c>
      <c r="BA2540">
        <v>0</v>
      </c>
    </row>
    <row r="2541" spans="1:53" x14ac:dyDescent="0.4">
      <c r="A2541">
        <v>2585</v>
      </c>
      <c r="B2541" s="1">
        <v>43644</v>
      </c>
      <c r="C2541">
        <v>2</v>
      </c>
      <c r="D2541" s="1">
        <v>43644.453472222223</v>
      </c>
      <c r="E2541" s="1">
        <v>43644.739583333336</v>
      </c>
      <c r="F2541">
        <v>23000</v>
      </c>
      <c r="G2541">
        <v>380</v>
      </c>
      <c r="H2541">
        <v>0</v>
      </c>
      <c r="I2541">
        <v>0</v>
      </c>
      <c r="J2541">
        <v>0</v>
      </c>
      <c r="K2541">
        <v>0</v>
      </c>
      <c r="L2541">
        <v>0</v>
      </c>
      <c r="M2541">
        <v>1870</v>
      </c>
      <c r="N2541">
        <v>0</v>
      </c>
      <c r="O2541">
        <v>0</v>
      </c>
      <c r="P2541">
        <v>21600</v>
      </c>
      <c r="Q2541">
        <v>0</v>
      </c>
      <c r="R2541">
        <v>46850</v>
      </c>
      <c r="S2541">
        <v>0</v>
      </c>
      <c r="T2541">
        <v>0</v>
      </c>
      <c r="U2541">
        <v>0</v>
      </c>
      <c r="V2541">
        <v>0</v>
      </c>
      <c r="W2541">
        <v>1</v>
      </c>
      <c r="X2541">
        <v>0</v>
      </c>
      <c r="Y2541">
        <v>62</v>
      </c>
      <c r="Z2541">
        <v>35</v>
      </c>
      <c r="AA2541">
        <v>72</v>
      </c>
      <c r="AB2541">
        <v>43</v>
      </c>
      <c r="AC2541">
        <v>215</v>
      </c>
      <c r="AD2541">
        <v>51</v>
      </c>
      <c r="AE2541">
        <v>55</v>
      </c>
      <c r="AF2541">
        <v>0</v>
      </c>
      <c r="AG2541">
        <v>96310</v>
      </c>
      <c r="AH2541">
        <v>49460</v>
      </c>
      <c r="AI2541">
        <v>0</v>
      </c>
      <c r="AJ2541">
        <v>96</v>
      </c>
      <c r="AK2541" t="s">
        <v>4</v>
      </c>
      <c r="AL2541">
        <v>0</v>
      </c>
      <c r="AM2541">
        <v>0</v>
      </c>
      <c r="AN2541">
        <v>0</v>
      </c>
      <c r="AO2541">
        <v>0</v>
      </c>
      <c r="AP2541">
        <v>0</v>
      </c>
      <c r="AQ2541">
        <v>0</v>
      </c>
      <c r="AR2541">
        <v>0</v>
      </c>
      <c r="AS2541">
        <v>0</v>
      </c>
      <c r="AT2541">
        <v>0</v>
      </c>
      <c r="AU2541">
        <v>0</v>
      </c>
      <c r="AV2541">
        <v>0</v>
      </c>
      <c r="AW2541">
        <v>0</v>
      </c>
      <c r="AX2541">
        <v>-2160</v>
      </c>
      <c r="AY2541">
        <v>41</v>
      </c>
      <c r="AZ2541">
        <v>86</v>
      </c>
      <c r="BA2541">
        <v>5461</v>
      </c>
    </row>
    <row r="2542" spans="1:53" x14ac:dyDescent="0.4">
      <c r="A2542">
        <v>2586</v>
      </c>
      <c r="B2542" s="1">
        <v>43644</v>
      </c>
      <c r="C2542">
        <v>3</v>
      </c>
      <c r="D2542" s="1">
        <v>43644.739583333336</v>
      </c>
      <c r="E2542" s="1">
        <v>43645.07708333333</v>
      </c>
      <c r="F2542">
        <v>240480</v>
      </c>
      <c r="G2542">
        <v>5050</v>
      </c>
      <c r="H2542">
        <v>0</v>
      </c>
      <c r="I2542">
        <v>0</v>
      </c>
      <c r="J2542">
        <v>1000</v>
      </c>
      <c r="K2542">
        <v>0</v>
      </c>
      <c r="L2542">
        <v>0</v>
      </c>
      <c r="M2542">
        <v>19562</v>
      </c>
      <c r="N2542">
        <v>0</v>
      </c>
      <c r="O2542">
        <v>0</v>
      </c>
      <c r="P2542">
        <v>37692</v>
      </c>
      <c r="Q2542">
        <v>0</v>
      </c>
      <c r="R2542">
        <v>301784</v>
      </c>
      <c r="S2542">
        <v>0</v>
      </c>
      <c r="T2542">
        <v>0</v>
      </c>
      <c r="U2542">
        <v>0</v>
      </c>
      <c r="V2542">
        <v>20</v>
      </c>
      <c r="W2542">
        <v>9</v>
      </c>
      <c r="X2542">
        <v>0</v>
      </c>
      <c r="Y2542">
        <v>81</v>
      </c>
      <c r="Z2542">
        <v>34</v>
      </c>
      <c r="AA2542">
        <v>46</v>
      </c>
      <c r="AB2542">
        <v>35</v>
      </c>
      <c r="AC2542">
        <v>187</v>
      </c>
      <c r="AD2542">
        <v>44</v>
      </c>
      <c r="AE2542">
        <v>60</v>
      </c>
      <c r="AF2542">
        <v>47174</v>
      </c>
      <c r="AG2542">
        <v>398674</v>
      </c>
      <c r="AH2542">
        <v>50000</v>
      </c>
      <c r="AI2542">
        <v>40</v>
      </c>
      <c r="AJ2542">
        <v>108</v>
      </c>
      <c r="AK2542" t="s">
        <v>30</v>
      </c>
      <c r="AL2542">
        <v>0</v>
      </c>
      <c r="AM2542">
        <v>0</v>
      </c>
      <c r="AN2542">
        <v>0</v>
      </c>
      <c r="AO2542">
        <v>0</v>
      </c>
      <c r="AP2542">
        <v>0</v>
      </c>
      <c r="AQ2542">
        <v>0</v>
      </c>
      <c r="AR2542">
        <v>0</v>
      </c>
      <c r="AS2542">
        <v>0</v>
      </c>
      <c r="AT2542">
        <v>0</v>
      </c>
      <c r="AU2542">
        <v>0</v>
      </c>
      <c r="AV2542">
        <v>0</v>
      </c>
      <c r="AW2542">
        <v>0</v>
      </c>
      <c r="AX2542">
        <v>28674</v>
      </c>
      <c r="AY2542">
        <v>39</v>
      </c>
      <c r="AZ2542">
        <v>160</v>
      </c>
      <c r="BA2542">
        <v>6158</v>
      </c>
    </row>
    <row r="2543" spans="1:53" x14ac:dyDescent="0.4">
      <c r="A2543">
        <v>2587</v>
      </c>
      <c r="B2543" s="1">
        <v>43645</v>
      </c>
      <c r="C2543">
        <v>1</v>
      </c>
      <c r="D2543" s="1">
        <v>43645.291666666664</v>
      </c>
      <c r="E2543" s="1">
        <v>43645.40347222222</v>
      </c>
      <c r="F2543">
        <v>0</v>
      </c>
      <c r="G2543">
        <v>0</v>
      </c>
      <c r="H2543">
        <v>0</v>
      </c>
      <c r="I2543">
        <v>0</v>
      </c>
      <c r="J2543">
        <v>0</v>
      </c>
      <c r="K2543">
        <v>0</v>
      </c>
      <c r="L2543">
        <v>0</v>
      </c>
      <c r="M2543">
        <v>0</v>
      </c>
      <c r="N2543">
        <v>0</v>
      </c>
      <c r="O2543">
        <v>0</v>
      </c>
      <c r="P2543">
        <v>0</v>
      </c>
      <c r="Q2543">
        <v>0</v>
      </c>
      <c r="R2543">
        <v>0</v>
      </c>
      <c r="S2543">
        <v>0</v>
      </c>
      <c r="T2543">
        <v>0</v>
      </c>
      <c r="U2543">
        <v>0</v>
      </c>
      <c r="V2543">
        <v>0</v>
      </c>
      <c r="W2543">
        <v>0</v>
      </c>
      <c r="X2543">
        <v>0</v>
      </c>
      <c r="Y2543">
        <v>33</v>
      </c>
      <c r="Z2543">
        <v>10</v>
      </c>
      <c r="AA2543">
        <v>90</v>
      </c>
      <c r="AB2543">
        <v>34</v>
      </c>
      <c r="AC2543">
        <v>104</v>
      </c>
      <c r="AD2543">
        <v>42</v>
      </c>
      <c r="AE2543">
        <v>50</v>
      </c>
      <c r="AF2543">
        <v>0</v>
      </c>
      <c r="AG2543">
        <v>50000</v>
      </c>
      <c r="AH2543">
        <v>50000</v>
      </c>
      <c r="AI2543">
        <v>0</v>
      </c>
      <c r="AJ2543">
        <v>0</v>
      </c>
      <c r="AK2543" t="s">
        <v>6</v>
      </c>
      <c r="AL2543">
        <v>0</v>
      </c>
      <c r="AM2543">
        <v>0</v>
      </c>
      <c r="AN2543">
        <v>0</v>
      </c>
      <c r="AO2543">
        <v>0</v>
      </c>
      <c r="AP2543">
        <v>0</v>
      </c>
      <c r="AQ2543">
        <v>0</v>
      </c>
      <c r="AR2543">
        <v>0</v>
      </c>
      <c r="AS2543">
        <v>0</v>
      </c>
      <c r="AT2543">
        <v>0</v>
      </c>
      <c r="AU2543">
        <v>0</v>
      </c>
      <c r="AV2543">
        <v>0</v>
      </c>
      <c r="AW2543">
        <v>0</v>
      </c>
      <c r="AX2543">
        <v>0</v>
      </c>
      <c r="AY2543">
        <v>0</v>
      </c>
      <c r="AZ2543">
        <v>0</v>
      </c>
      <c r="BA2543">
        <v>0</v>
      </c>
    </row>
    <row r="2544" spans="1:53" x14ac:dyDescent="0.4">
      <c r="A2544">
        <v>2588</v>
      </c>
      <c r="B2544" s="1">
        <v>43645</v>
      </c>
      <c r="C2544">
        <v>2</v>
      </c>
      <c r="D2544" s="1">
        <v>43645.40347222222</v>
      </c>
      <c r="E2544" s="1">
        <v>43645.730555555558</v>
      </c>
      <c r="F2544">
        <v>40000</v>
      </c>
      <c r="G2544">
        <v>3180</v>
      </c>
      <c r="H2544">
        <v>200</v>
      </c>
      <c r="I2544">
        <v>0</v>
      </c>
      <c r="J2544">
        <v>0</v>
      </c>
      <c r="K2544">
        <v>0</v>
      </c>
      <c r="L2544">
        <v>0</v>
      </c>
      <c r="M2544">
        <v>3468</v>
      </c>
      <c r="N2544">
        <v>0</v>
      </c>
      <c r="O2544">
        <v>0</v>
      </c>
      <c r="P2544">
        <v>24300</v>
      </c>
      <c r="Q2544">
        <v>0</v>
      </c>
      <c r="R2544">
        <v>71148</v>
      </c>
      <c r="S2544">
        <v>0</v>
      </c>
      <c r="T2544">
        <v>0</v>
      </c>
      <c r="U2544">
        <v>0</v>
      </c>
      <c r="V2544">
        <v>1</v>
      </c>
      <c r="W2544">
        <v>0</v>
      </c>
      <c r="X2544">
        <v>0</v>
      </c>
      <c r="Y2544">
        <v>90</v>
      </c>
      <c r="Z2544">
        <v>16</v>
      </c>
      <c r="AA2544">
        <v>92</v>
      </c>
      <c r="AB2544">
        <v>42</v>
      </c>
      <c r="AC2544">
        <v>157</v>
      </c>
      <c r="AD2544">
        <v>44</v>
      </c>
      <c r="AE2544">
        <v>58</v>
      </c>
      <c r="AF2544">
        <v>0</v>
      </c>
      <c r="AG2544">
        <v>121148</v>
      </c>
      <c r="AH2544">
        <v>50000</v>
      </c>
      <c r="AI2544">
        <v>0</v>
      </c>
      <c r="AJ2544">
        <v>93</v>
      </c>
      <c r="AK2544" t="s">
        <v>20</v>
      </c>
      <c r="AL2544">
        <v>0</v>
      </c>
      <c r="AM2544">
        <v>0</v>
      </c>
      <c r="AN2544">
        <v>0</v>
      </c>
      <c r="AO2544">
        <v>0</v>
      </c>
      <c r="AP2544">
        <v>0</v>
      </c>
      <c r="AQ2544">
        <v>0</v>
      </c>
      <c r="AR2544">
        <v>0</v>
      </c>
      <c r="AS2544">
        <v>0</v>
      </c>
      <c r="AT2544">
        <v>0</v>
      </c>
      <c r="AU2544">
        <v>0</v>
      </c>
      <c r="AV2544">
        <v>0</v>
      </c>
      <c r="AW2544">
        <v>0</v>
      </c>
      <c r="AX2544">
        <v>4654</v>
      </c>
      <c r="AY2544">
        <v>58</v>
      </c>
      <c r="AZ2544">
        <v>126</v>
      </c>
      <c r="BA2544">
        <v>7844</v>
      </c>
    </row>
    <row r="2545" spans="1:53" x14ac:dyDescent="0.4">
      <c r="A2545">
        <v>2589</v>
      </c>
      <c r="B2545" s="1">
        <v>43645</v>
      </c>
      <c r="C2545">
        <v>3</v>
      </c>
      <c r="D2545" s="1">
        <v>43645.730555555558</v>
      </c>
      <c r="E2545" s="1">
        <v>43646.084722222222</v>
      </c>
      <c r="F2545">
        <v>261040</v>
      </c>
      <c r="G2545">
        <v>19010</v>
      </c>
      <c r="H2545">
        <v>0</v>
      </c>
      <c r="I2545">
        <v>0</v>
      </c>
      <c r="J2545">
        <v>800</v>
      </c>
      <c r="K2545">
        <v>0</v>
      </c>
      <c r="L2545">
        <v>0</v>
      </c>
      <c r="M2545">
        <v>22340</v>
      </c>
      <c r="N2545">
        <v>0</v>
      </c>
      <c r="O2545">
        <v>0</v>
      </c>
      <c r="P2545">
        <v>51192</v>
      </c>
      <c r="Q2545">
        <v>0</v>
      </c>
      <c r="R2545">
        <v>352782</v>
      </c>
      <c r="S2545">
        <v>0</v>
      </c>
      <c r="T2545">
        <v>0</v>
      </c>
      <c r="U2545">
        <v>0</v>
      </c>
      <c r="V2545">
        <v>15</v>
      </c>
      <c r="W2545">
        <v>15</v>
      </c>
      <c r="X2545">
        <v>0</v>
      </c>
      <c r="Y2545">
        <v>174</v>
      </c>
      <c r="Z2545">
        <v>27</v>
      </c>
      <c r="AA2545">
        <v>71</v>
      </c>
      <c r="AB2545">
        <v>32</v>
      </c>
      <c r="AC2545">
        <v>130</v>
      </c>
      <c r="AD2545">
        <v>46</v>
      </c>
      <c r="AE2545">
        <v>47</v>
      </c>
      <c r="AF2545">
        <v>51153</v>
      </c>
      <c r="AG2545">
        <v>473930</v>
      </c>
      <c r="AH2545">
        <v>50000</v>
      </c>
      <c r="AI2545">
        <v>0</v>
      </c>
      <c r="AJ2545">
        <v>100</v>
      </c>
      <c r="AK2545" t="s">
        <v>0</v>
      </c>
      <c r="AL2545">
        <v>0</v>
      </c>
      <c r="AM2545">
        <v>0</v>
      </c>
      <c r="AN2545">
        <v>0</v>
      </c>
      <c r="AO2545">
        <v>0</v>
      </c>
      <c r="AP2545">
        <v>0</v>
      </c>
      <c r="AQ2545">
        <v>0</v>
      </c>
      <c r="AR2545">
        <v>0</v>
      </c>
      <c r="AS2545">
        <v>0</v>
      </c>
      <c r="AT2545">
        <v>0</v>
      </c>
      <c r="AU2545">
        <v>0</v>
      </c>
      <c r="AV2545">
        <v>0</v>
      </c>
      <c r="AW2545">
        <v>0</v>
      </c>
      <c r="AX2545">
        <v>65664</v>
      </c>
      <c r="AY2545">
        <v>46</v>
      </c>
      <c r="AZ2545">
        <v>194</v>
      </c>
      <c r="BA2545">
        <v>7383</v>
      </c>
    </row>
    <row r="2546" spans="1:53" x14ac:dyDescent="0.4">
      <c r="A2546">
        <v>2590</v>
      </c>
      <c r="B2546" s="1">
        <v>43646</v>
      </c>
      <c r="C2546">
        <v>1</v>
      </c>
      <c r="D2546" s="1">
        <v>43646.291666666664</v>
      </c>
      <c r="E2546" s="1">
        <v>43646.402083333334</v>
      </c>
      <c r="F2546">
        <v>0</v>
      </c>
      <c r="G2546">
        <v>0</v>
      </c>
      <c r="H2546">
        <v>0</v>
      </c>
      <c r="I2546">
        <v>0</v>
      </c>
      <c r="J2546">
        <v>0</v>
      </c>
      <c r="K2546">
        <v>0</v>
      </c>
      <c r="L2546">
        <v>0</v>
      </c>
      <c r="M2546">
        <v>0</v>
      </c>
      <c r="N2546">
        <v>0</v>
      </c>
      <c r="O2546">
        <v>0</v>
      </c>
      <c r="P2546">
        <v>0</v>
      </c>
      <c r="Q2546">
        <v>0</v>
      </c>
      <c r="R2546">
        <v>0</v>
      </c>
      <c r="S2546">
        <v>0</v>
      </c>
      <c r="T2546">
        <v>0</v>
      </c>
      <c r="U2546">
        <v>0</v>
      </c>
      <c r="V2546">
        <v>0</v>
      </c>
      <c r="W2546">
        <v>0</v>
      </c>
      <c r="X2546">
        <v>0</v>
      </c>
      <c r="Y2546">
        <v>35</v>
      </c>
      <c r="Z2546">
        <v>10</v>
      </c>
      <c r="AA2546">
        <v>70</v>
      </c>
      <c r="AB2546">
        <v>30</v>
      </c>
      <c r="AC2546">
        <v>124</v>
      </c>
      <c r="AD2546">
        <v>43</v>
      </c>
      <c r="AE2546">
        <v>45</v>
      </c>
      <c r="AF2546">
        <v>0</v>
      </c>
      <c r="AG2546">
        <v>50000</v>
      </c>
      <c r="AH2546">
        <v>50000</v>
      </c>
      <c r="AI2546">
        <v>0</v>
      </c>
      <c r="AJ2546">
        <v>0</v>
      </c>
      <c r="AK2546" t="s">
        <v>6</v>
      </c>
      <c r="AL2546">
        <v>0</v>
      </c>
      <c r="AM2546">
        <v>0</v>
      </c>
      <c r="AN2546">
        <v>0</v>
      </c>
      <c r="AO2546">
        <v>0</v>
      </c>
      <c r="AP2546">
        <v>0</v>
      </c>
      <c r="AQ2546">
        <v>0</v>
      </c>
      <c r="AR2546">
        <v>0</v>
      </c>
      <c r="AS2546">
        <v>0</v>
      </c>
      <c r="AT2546">
        <v>0</v>
      </c>
      <c r="AU2546">
        <v>0</v>
      </c>
      <c r="AV2546">
        <v>0</v>
      </c>
      <c r="AW2546">
        <v>0</v>
      </c>
      <c r="AX2546">
        <v>0</v>
      </c>
      <c r="AY2546">
        <v>0</v>
      </c>
      <c r="AZ2546">
        <v>0</v>
      </c>
      <c r="BA2546">
        <v>0</v>
      </c>
    </row>
    <row r="2547" spans="1:53" x14ac:dyDescent="0.4">
      <c r="A2547">
        <v>2591</v>
      </c>
      <c r="B2547" s="1">
        <v>43646</v>
      </c>
      <c r="C2547">
        <v>2</v>
      </c>
      <c r="D2547" s="1">
        <v>43646.402083333334</v>
      </c>
      <c r="E2547" s="1">
        <v>43646.738888888889</v>
      </c>
      <c r="F2547">
        <v>44500</v>
      </c>
      <c r="G2547">
        <v>5880</v>
      </c>
      <c r="H2547">
        <v>400</v>
      </c>
      <c r="I2547">
        <v>0</v>
      </c>
      <c r="J2547">
        <v>0</v>
      </c>
      <c r="K2547">
        <v>0</v>
      </c>
      <c r="L2547">
        <v>0</v>
      </c>
      <c r="M2547">
        <v>4061</v>
      </c>
      <c r="N2547">
        <v>0</v>
      </c>
      <c r="O2547">
        <v>0</v>
      </c>
      <c r="P2547">
        <v>24840</v>
      </c>
      <c r="Q2547">
        <v>0</v>
      </c>
      <c r="R2547">
        <v>79681</v>
      </c>
      <c r="S2547">
        <v>0</v>
      </c>
      <c r="T2547">
        <v>0</v>
      </c>
      <c r="U2547">
        <v>0</v>
      </c>
      <c r="V2547">
        <v>1</v>
      </c>
      <c r="W2547">
        <v>6</v>
      </c>
      <c r="X2547">
        <v>0</v>
      </c>
      <c r="Y2547">
        <v>60</v>
      </c>
      <c r="Z2547">
        <v>36</v>
      </c>
      <c r="AA2547">
        <v>77</v>
      </c>
      <c r="AB2547">
        <v>33</v>
      </c>
      <c r="AC2547">
        <v>207</v>
      </c>
      <c r="AD2547">
        <v>44</v>
      </c>
      <c r="AE2547">
        <v>41</v>
      </c>
      <c r="AF2547">
        <v>0</v>
      </c>
      <c r="AG2547">
        <v>129681</v>
      </c>
      <c r="AH2547">
        <v>50000</v>
      </c>
      <c r="AI2547">
        <v>0</v>
      </c>
      <c r="AJ2547">
        <v>97</v>
      </c>
      <c r="AK2547" t="s">
        <v>33</v>
      </c>
      <c r="AL2547">
        <v>0</v>
      </c>
      <c r="AM2547">
        <v>0</v>
      </c>
      <c r="AN2547">
        <v>0</v>
      </c>
      <c r="AO2547">
        <v>0</v>
      </c>
      <c r="AP2547">
        <v>0</v>
      </c>
      <c r="AQ2547">
        <v>0</v>
      </c>
      <c r="AR2547">
        <v>0</v>
      </c>
      <c r="AS2547">
        <v>0</v>
      </c>
      <c r="AT2547">
        <v>0</v>
      </c>
      <c r="AU2547">
        <v>0</v>
      </c>
      <c r="AV2547">
        <v>0</v>
      </c>
      <c r="AW2547">
        <v>0</v>
      </c>
      <c r="AX2547">
        <v>-346</v>
      </c>
      <c r="AY2547">
        <v>56</v>
      </c>
      <c r="AZ2547">
        <v>125</v>
      </c>
      <c r="BA2547">
        <v>8530</v>
      </c>
    </row>
    <row r="2548" spans="1:53" x14ac:dyDescent="0.4">
      <c r="A2548">
        <v>2592</v>
      </c>
      <c r="B2548" s="1">
        <v>43646</v>
      </c>
      <c r="C2548">
        <v>3</v>
      </c>
      <c r="D2548" s="1">
        <v>43646.738888888889</v>
      </c>
      <c r="E2548" s="1">
        <v>43646.75277777778</v>
      </c>
      <c r="F2548">
        <v>1000</v>
      </c>
      <c r="G2548">
        <v>0</v>
      </c>
      <c r="H2548">
        <v>0</v>
      </c>
      <c r="I2548">
        <v>0</v>
      </c>
      <c r="J2548">
        <v>0</v>
      </c>
      <c r="K2548">
        <v>0</v>
      </c>
      <c r="L2548">
        <v>0</v>
      </c>
      <c r="M2548">
        <v>80</v>
      </c>
      <c r="N2548">
        <v>0</v>
      </c>
      <c r="O2548">
        <v>0</v>
      </c>
      <c r="P2548">
        <v>-1080</v>
      </c>
      <c r="Q2548">
        <v>0</v>
      </c>
      <c r="R2548">
        <v>0</v>
      </c>
      <c r="S2548">
        <v>0</v>
      </c>
      <c r="T2548">
        <v>0</v>
      </c>
      <c r="U2548">
        <v>0</v>
      </c>
      <c r="V2548">
        <v>1</v>
      </c>
      <c r="W2548">
        <v>6</v>
      </c>
      <c r="X2548">
        <v>0</v>
      </c>
      <c r="Y2548">
        <v>60</v>
      </c>
      <c r="Z2548">
        <v>36</v>
      </c>
      <c r="AA2548">
        <v>77</v>
      </c>
      <c r="AB2548">
        <v>33</v>
      </c>
      <c r="AC2548">
        <v>207</v>
      </c>
      <c r="AD2548">
        <v>44</v>
      </c>
      <c r="AE2548">
        <v>41</v>
      </c>
      <c r="AF2548">
        <v>0</v>
      </c>
      <c r="AG2548">
        <v>129681</v>
      </c>
      <c r="AH2548">
        <v>50000</v>
      </c>
      <c r="AI2548">
        <v>0</v>
      </c>
      <c r="AJ2548">
        <v>98</v>
      </c>
      <c r="AK2548" t="s">
        <v>35</v>
      </c>
      <c r="AL2548">
        <v>0</v>
      </c>
      <c r="AM2548">
        <v>0</v>
      </c>
      <c r="AN2548">
        <v>0</v>
      </c>
      <c r="AO2548">
        <v>0</v>
      </c>
      <c r="AP2548">
        <v>0</v>
      </c>
      <c r="AQ2548">
        <v>0</v>
      </c>
      <c r="AR2548">
        <v>0</v>
      </c>
      <c r="AS2548">
        <v>0</v>
      </c>
      <c r="AT2548">
        <v>0</v>
      </c>
      <c r="AU2548">
        <v>0</v>
      </c>
      <c r="AV2548">
        <v>0</v>
      </c>
      <c r="AW2548">
        <v>0</v>
      </c>
      <c r="AX2548">
        <v>734</v>
      </c>
      <c r="AY2548">
        <v>0</v>
      </c>
      <c r="AZ2548">
        <v>0</v>
      </c>
      <c r="BA2548">
        <v>388</v>
      </c>
    </row>
    <row r="2549" spans="1:53" x14ac:dyDescent="0.4">
      <c r="A2549">
        <v>2593</v>
      </c>
      <c r="B2549" s="1">
        <v>43646</v>
      </c>
      <c r="C2549">
        <v>4</v>
      </c>
      <c r="D2549" s="1">
        <v>43646.75277777778</v>
      </c>
      <c r="E2549" s="1">
        <v>43646.956250000003</v>
      </c>
      <c r="F2549">
        <v>30750</v>
      </c>
      <c r="G2549">
        <v>1360</v>
      </c>
      <c r="H2549">
        <v>0</v>
      </c>
      <c r="I2549">
        <v>0</v>
      </c>
      <c r="J2549">
        <v>0</v>
      </c>
      <c r="K2549">
        <v>0</v>
      </c>
      <c r="L2549">
        <v>0</v>
      </c>
      <c r="M2549">
        <v>2568</v>
      </c>
      <c r="N2549">
        <v>0</v>
      </c>
      <c r="O2549">
        <v>0</v>
      </c>
      <c r="P2549">
        <v>-17172</v>
      </c>
      <c r="Q2549">
        <v>0</v>
      </c>
      <c r="R2549">
        <v>17506</v>
      </c>
      <c r="S2549">
        <v>0</v>
      </c>
      <c r="T2549">
        <v>0</v>
      </c>
      <c r="U2549">
        <v>0</v>
      </c>
      <c r="V2549">
        <v>4</v>
      </c>
      <c r="W2549">
        <v>3</v>
      </c>
      <c r="X2549">
        <v>0</v>
      </c>
      <c r="Y2549">
        <v>59</v>
      </c>
      <c r="Z2549">
        <v>37</v>
      </c>
      <c r="AA2549">
        <v>84</v>
      </c>
      <c r="AB2549">
        <v>37</v>
      </c>
      <c r="AC2549">
        <v>203</v>
      </c>
      <c r="AD2549">
        <v>43</v>
      </c>
      <c r="AE2549">
        <v>32</v>
      </c>
      <c r="AF2549">
        <v>2160</v>
      </c>
      <c r="AG2549">
        <v>147187</v>
      </c>
      <c r="AH2549">
        <v>50000</v>
      </c>
      <c r="AI2549">
        <v>0</v>
      </c>
      <c r="AJ2549">
        <v>99</v>
      </c>
      <c r="AK2549" t="s">
        <v>9</v>
      </c>
      <c r="AL2549">
        <v>0</v>
      </c>
      <c r="AM2549">
        <v>0</v>
      </c>
      <c r="AN2549">
        <v>0</v>
      </c>
      <c r="AO2549">
        <v>0</v>
      </c>
      <c r="AP2549">
        <v>0</v>
      </c>
      <c r="AQ2549">
        <v>0</v>
      </c>
      <c r="AR2549">
        <v>0</v>
      </c>
      <c r="AS2549">
        <v>0</v>
      </c>
      <c r="AT2549">
        <v>0</v>
      </c>
      <c r="AU2549">
        <v>0</v>
      </c>
      <c r="AV2549">
        <v>0</v>
      </c>
      <c r="AW2549">
        <v>0</v>
      </c>
      <c r="AX2549">
        <v>8347</v>
      </c>
      <c r="AY2549">
        <v>14</v>
      </c>
      <c r="AZ2549">
        <v>38</v>
      </c>
      <c r="BA2549">
        <v>2679</v>
      </c>
    </row>
    <row r="2550" spans="1:53" x14ac:dyDescent="0.4">
      <c r="A2550">
        <v>2594</v>
      </c>
      <c r="B2550" s="1">
        <v>43647</v>
      </c>
      <c r="C2550">
        <v>1</v>
      </c>
      <c r="D2550" s="1">
        <v>43647.291666666664</v>
      </c>
      <c r="E2550" s="1">
        <v>43647.453472222223</v>
      </c>
      <c r="F2550">
        <v>0</v>
      </c>
      <c r="G2550">
        <v>0</v>
      </c>
      <c r="H2550">
        <v>0</v>
      </c>
      <c r="I2550">
        <v>0</v>
      </c>
      <c r="J2550">
        <v>0</v>
      </c>
      <c r="K2550">
        <v>0</v>
      </c>
      <c r="L2550">
        <v>0</v>
      </c>
      <c r="M2550">
        <v>0</v>
      </c>
      <c r="N2550">
        <v>0</v>
      </c>
      <c r="O2550">
        <v>0</v>
      </c>
      <c r="P2550">
        <v>0</v>
      </c>
      <c r="Q2550">
        <v>0</v>
      </c>
      <c r="R2550">
        <v>0</v>
      </c>
      <c r="S2550">
        <v>0</v>
      </c>
      <c r="T2550">
        <v>0</v>
      </c>
      <c r="U2550">
        <v>0</v>
      </c>
      <c r="V2550">
        <v>0</v>
      </c>
      <c r="W2550">
        <v>0</v>
      </c>
      <c r="X2550">
        <v>0</v>
      </c>
      <c r="Y2550">
        <v>33</v>
      </c>
      <c r="Z2550">
        <v>11</v>
      </c>
      <c r="AA2550">
        <v>86</v>
      </c>
      <c r="AB2550">
        <v>32</v>
      </c>
      <c r="AC2550">
        <v>106</v>
      </c>
      <c r="AD2550">
        <v>43</v>
      </c>
      <c r="AE2550">
        <v>25</v>
      </c>
      <c r="AF2550">
        <v>0</v>
      </c>
      <c r="AG2550">
        <v>50000</v>
      </c>
      <c r="AH2550">
        <v>0</v>
      </c>
      <c r="AI2550">
        <v>50000</v>
      </c>
      <c r="AJ2550">
        <v>0</v>
      </c>
      <c r="AK2550" t="s">
        <v>6</v>
      </c>
      <c r="AL2550">
        <v>0</v>
      </c>
      <c r="AM2550">
        <v>0</v>
      </c>
      <c r="AN2550">
        <v>0</v>
      </c>
      <c r="AO2550">
        <v>0</v>
      </c>
      <c r="AP2550">
        <v>0</v>
      </c>
      <c r="AQ2550">
        <v>0</v>
      </c>
      <c r="AR2550">
        <v>0</v>
      </c>
      <c r="AS2550">
        <v>0</v>
      </c>
      <c r="AT2550">
        <v>0</v>
      </c>
      <c r="AU2550">
        <v>0</v>
      </c>
      <c r="AV2550">
        <v>0</v>
      </c>
      <c r="AW2550">
        <v>0</v>
      </c>
      <c r="AX2550">
        <v>0</v>
      </c>
      <c r="AY2550">
        <v>0</v>
      </c>
      <c r="AZ2550">
        <v>0</v>
      </c>
      <c r="BA2550">
        <v>0</v>
      </c>
    </row>
    <row r="2551" spans="1:53" x14ac:dyDescent="0.4">
      <c r="A2551">
        <v>2595</v>
      </c>
      <c r="B2551" s="1">
        <v>43647</v>
      </c>
      <c r="C2551">
        <v>2</v>
      </c>
      <c r="D2551" s="1">
        <v>43647.453472222223</v>
      </c>
      <c r="E2551" s="1">
        <v>43647.765972222223</v>
      </c>
      <c r="F2551">
        <v>26500</v>
      </c>
      <c r="G2551">
        <v>3120</v>
      </c>
      <c r="H2551">
        <v>200</v>
      </c>
      <c r="I2551">
        <v>0</v>
      </c>
      <c r="J2551">
        <v>0</v>
      </c>
      <c r="K2551">
        <v>0</v>
      </c>
      <c r="L2551">
        <v>0</v>
      </c>
      <c r="M2551">
        <v>2385</v>
      </c>
      <c r="N2551">
        <v>0</v>
      </c>
      <c r="O2551">
        <v>0</v>
      </c>
      <c r="P2551">
        <v>14580</v>
      </c>
      <c r="Q2551">
        <v>0</v>
      </c>
      <c r="R2551">
        <v>46785</v>
      </c>
      <c r="S2551">
        <v>0</v>
      </c>
      <c r="T2551">
        <v>0</v>
      </c>
      <c r="U2551">
        <v>0</v>
      </c>
      <c r="V2551">
        <v>1</v>
      </c>
      <c r="W2551">
        <v>3</v>
      </c>
      <c r="X2551">
        <v>0</v>
      </c>
      <c r="Y2551">
        <v>40</v>
      </c>
      <c r="Z2551">
        <v>24</v>
      </c>
      <c r="AA2551">
        <v>94</v>
      </c>
      <c r="AB2551">
        <v>31</v>
      </c>
      <c r="AC2551">
        <v>211</v>
      </c>
      <c r="AD2551">
        <v>54</v>
      </c>
      <c r="AE2551">
        <v>40</v>
      </c>
      <c r="AF2551">
        <v>6415</v>
      </c>
      <c r="AG2551">
        <v>96785</v>
      </c>
      <c r="AH2551">
        <v>50000</v>
      </c>
      <c r="AI2551">
        <v>0</v>
      </c>
      <c r="AJ2551">
        <v>96</v>
      </c>
      <c r="AK2551" t="s">
        <v>4</v>
      </c>
      <c r="AL2551">
        <v>0</v>
      </c>
      <c r="AM2551">
        <v>0</v>
      </c>
      <c r="AN2551">
        <v>0</v>
      </c>
      <c r="AO2551">
        <v>0</v>
      </c>
      <c r="AP2551">
        <v>0</v>
      </c>
      <c r="AQ2551">
        <v>0</v>
      </c>
      <c r="AR2551">
        <v>0</v>
      </c>
      <c r="AS2551">
        <v>0</v>
      </c>
      <c r="AT2551">
        <v>0</v>
      </c>
      <c r="AU2551">
        <v>0</v>
      </c>
      <c r="AV2551">
        <v>0</v>
      </c>
      <c r="AW2551">
        <v>0</v>
      </c>
      <c r="AX2551">
        <v>3520</v>
      </c>
      <c r="AY2551">
        <v>36</v>
      </c>
      <c r="AZ2551">
        <v>80</v>
      </c>
      <c r="BA2551">
        <v>5138</v>
      </c>
    </row>
    <row r="2552" spans="1:53" x14ac:dyDescent="0.4">
      <c r="A2552">
        <v>2596</v>
      </c>
      <c r="B2552" s="1">
        <v>43647</v>
      </c>
      <c r="C2552">
        <v>3</v>
      </c>
      <c r="D2552" s="1">
        <v>43647.765972222223</v>
      </c>
      <c r="E2552" s="1">
        <v>43647.95416666667</v>
      </c>
      <c r="F2552">
        <v>20400</v>
      </c>
      <c r="G2552">
        <v>1900</v>
      </c>
      <c r="H2552">
        <v>0</v>
      </c>
      <c r="I2552">
        <v>0</v>
      </c>
      <c r="J2552">
        <v>0</v>
      </c>
      <c r="K2552">
        <v>500</v>
      </c>
      <c r="L2552">
        <v>0</v>
      </c>
      <c r="M2552">
        <v>1823</v>
      </c>
      <c r="N2552">
        <v>0</v>
      </c>
      <c r="O2552">
        <v>0</v>
      </c>
      <c r="P2552">
        <v>-14580</v>
      </c>
      <c r="Q2552">
        <v>0</v>
      </c>
      <c r="R2552">
        <v>10043</v>
      </c>
      <c r="S2552">
        <v>0</v>
      </c>
      <c r="T2552">
        <v>0</v>
      </c>
      <c r="U2552">
        <v>0</v>
      </c>
      <c r="V2552">
        <v>1</v>
      </c>
      <c r="W2552">
        <v>3</v>
      </c>
      <c r="X2552">
        <v>0</v>
      </c>
      <c r="Y2552">
        <v>48</v>
      </c>
      <c r="Z2552">
        <v>28</v>
      </c>
      <c r="AA2552">
        <v>96</v>
      </c>
      <c r="AB2552">
        <v>29</v>
      </c>
      <c r="AC2552">
        <v>207</v>
      </c>
      <c r="AD2552">
        <v>52</v>
      </c>
      <c r="AE2552">
        <v>33</v>
      </c>
      <c r="AF2552">
        <v>6415</v>
      </c>
      <c r="AG2552">
        <v>106828</v>
      </c>
      <c r="AH2552">
        <v>50000</v>
      </c>
      <c r="AI2552">
        <v>0</v>
      </c>
      <c r="AJ2552">
        <v>108</v>
      </c>
      <c r="AK2552" t="s">
        <v>30</v>
      </c>
      <c r="AL2552">
        <v>0</v>
      </c>
      <c r="AM2552">
        <v>0</v>
      </c>
      <c r="AN2552">
        <v>0</v>
      </c>
      <c r="AO2552">
        <v>0</v>
      </c>
      <c r="AP2552">
        <v>0</v>
      </c>
      <c r="AQ2552">
        <v>0</v>
      </c>
      <c r="AR2552">
        <v>0</v>
      </c>
      <c r="AS2552">
        <v>0</v>
      </c>
      <c r="AT2552">
        <v>0</v>
      </c>
      <c r="AU2552">
        <v>0</v>
      </c>
      <c r="AV2552">
        <v>0</v>
      </c>
      <c r="AW2552">
        <v>0</v>
      </c>
      <c r="AX2552">
        <v>11502</v>
      </c>
      <c r="AY2552">
        <v>9</v>
      </c>
      <c r="AZ2552">
        <v>29</v>
      </c>
      <c r="BA2552">
        <v>1577</v>
      </c>
    </row>
    <row r="2553" spans="1:53" x14ac:dyDescent="0.4">
      <c r="A2553">
        <v>2597</v>
      </c>
      <c r="B2553" s="1">
        <v>43648</v>
      </c>
      <c r="C2553">
        <v>1</v>
      </c>
      <c r="D2553" s="1">
        <v>43648.291666666664</v>
      </c>
      <c r="E2553" s="1">
        <v>43648.736805555556</v>
      </c>
      <c r="F2553">
        <v>20500</v>
      </c>
      <c r="G2553">
        <v>380</v>
      </c>
      <c r="H2553">
        <v>200</v>
      </c>
      <c r="I2553">
        <v>0</v>
      </c>
      <c r="J2553">
        <v>0</v>
      </c>
      <c r="K2553">
        <v>0</v>
      </c>
      <c r="L2553">
        <v>0</v>
      </c>
      <c r="M2553">
        <v>1686</v>
      </c>
      <c r="N2553">
        <v>0</v>
      </c>
      <c r="O2553">
        <v>0</v>
      </c>
      <c r="P2553">
        <v>19980</v>
      </c>
      <c r="Q2553">
        <v>0</v>
      </c>
      <c r="R2553">
        <v>42746</v>
      </c>
      <c r="S2553">
        <v>0</v>
      </c>
      <c r="T2553">
        <v>0</v>
      </c>
      <c r="U2553">
        <v>0</v>
      </c>
      <c r="V2553">
        <v>1</v>
      </c>
      <c r="W2553">
        <v>0</v>
      </c>
      <c r="X2553">
        <v>0</v>
      </c>
      <c r="Y2553">
        <v>58</v>
      </c>
      <c r="Z2553">
        <v>27</v>
      </c>
      <c r="AA2553">
        <v>78</v>
      </c>
      <c r="AB2553">
        <v>29</v>
      </c>
      <c r="AC2553">
        <v>166</v>
      </c>
      <c r="AD2553">
        <v>58</v>
      </c>
      <c r="AE2553">
        <v>46</v>
      </c>
      <c r="AF2553">
        <v>0</v>
      </c>
      <c r="AG2553">
        <v>92746</v>
      </c>
      <c r="AH2553">
        <v>50000</v>
      </c>
      <c r="AI2553">
        <v>0</v>
      </c>
      <c r="AJ2553">
        <v>97</v>
      </c>
      <c r="AK2553" t="s">
        <v>33</v>
      </c>
      <c r="AL2553">
        <v>0</v>
      </c>
      <c r="AM2553">
        <v>0</v>
      </c>
      <c r="AN2553">
        <v>0</v>
      </c>
      <c r="AO2553">
        <v>0</v>
      </c>
      <c r="AP2553">
        <v>0</v>
      </c>
      <c r="AQ2553">
        <v>0</v>
      </c>
      <c r="AR2553">
        <v>0</v>
      </c>
      <c r="AS2553">
        <v>0</v>
      </c>
      <c r="AT2553">
        <v>0</v>
      </c>
      <c r="AU2553">
        <v>0</v>
      </c>
      <c r="AV2553">
        <v>0</v>
      </c>
      <c r="AW2553">
        <v>0</v>
      </c>
      <c r="AX2553">
        <v>-1080</v>
      </c>
      <c r="AY2553">
        <v>36</v>
      </c>
      <c r="AZ2553">
        <v>76</v>
      </c>
      <c r="BA2553">
        <v>5601</v>
      </c>
    </row>
    <row r="2554" spans="1:53" x14ac:dyDescent="0.4">
      <c r="A2554">
        <v>2598</v>
      </c>
      <c r="B2554" s="1">
        <v>43648</v>
      </c>
      <c r="C2554">
        <v>2</v>
      </c>
      <c r="D2554" s="1">
        <v>43648.736805555556</v>
      </c>
      <c r="E2554" s="1">
        <v>43648.762499999997</v>
      </c>
      <c r="F2554">
        <v>7500</v>
      </c>
      <c r="G2554">
        <v>0</v>
      </c>
      <c r="H2554">
        <v>0</v>
      </c>
      <c r="I2554">
        <v>0</v>
      </c>
      <c r="J2554">
        <v>0</v>
      </c>
      <c r="K2554">
        <v>0</v>
      </c>
      <c r="L2554">
        <v>0</v>
      </c>
      <c r="M2554">
        <v>600</v>
      </c>
      <c r="N2554">
        <v>0</v>
      </c>
      <c r="O2554">
        <v>0</v>
      </c>
      <c r="P2554">
        <v>-3780</v>
      </c>
      <c r="Q2554">
        <v>0</v>
      </c>
      <c r="R2554">
        <v>4320</v>
      </c>
      <c r="S2554">
        <v>0</v>
      </c>
      <c r="T2554">
        <v>0</v>
      </c>
      <c r="U2554">
        <v>0</v>
      </c>
      <c r="V2554">
        <v>1</v>
      </c>
      <c r="W2554">
        <v>0</v>
      </c>
      <c r="X2554">
        <v>0</v>
      </c>
      <c r="Y2554">
        <v>61</v>
      </c>
      <c r="Z2554">
        <v>27</v>
      </c>
      <c r="AA2554">
        <v>92</v>
      </c>
      <c r="AB2554">
        <v>28</v>
      </c>
      <c r="AC2554">
        <v>163</v>
      </c>
      <c r="AD2554">
        <v>58</v>
      </c>
      <c r="AE2554">
        <v>46</v>
      </c>
      <c r="AF2554">
        <v>0</v>
      </c>
      <c r="AG2554">
        <v>97066</v>
      </c>
      <c r="AH2554">
        <v>50000</v>
      </c>
      <c r="AI2554">
        <v>0</v>
      </c>
      <c r="AJ2554">
        <v>98</v>
      </c>
      <c r="AK2554" t="s">
        <v>35</v>
      </c>
      <c r="AL2554">
        <v>0</v>
      </c>
      <c r="AM2554">
        <v>0</v>
      </c>
      <c r="AN2554">
        <v>0</v>
      </c>
      <c r="AO2554">
        <v>0</v>
      </c>
      <c r="AP2554">
        <v>0</v>
      </c>
      <c r="AQ2554">
        <v>0</v>
      </c>
      <c r="AR2554">
        <v>0</v>
      </c>
      <c r="AS2554">
        <v>0</v>
      </c>
      <c r="AT2554">
        <v>0</v>
      </c>
      <c r="AU2554">
        <v>0</v>
      </c>
      <c r="AV2554">
        <v>0</v>
      </c>
      <c r="AW2554">
        <v>0</v>
      </c>
      <c r="AX2554">
        <v>950</v>
      </c>
      <c r="AY2554">
        <v>4</v>
      </c>
      <c r="AZ2554">
        <v>8</v>
      </c>
      <c r="BA2554">
        <v>559</v>
      </c>
    </row>
    <row r="2555" spans="1:53" x14ac:dyDescent="0.4">
      <c r="A2555">
        <v>2599</v>
      </c>
      <c r="B2555" s="1">
        <v>43648</v>
      </c>
      <c r="C2555">
        <v>3</v>
      </c>
      <c r="D2555" s="1">
        <v>43648.762499999997</v>
      </c>
      <c r="E2555" s="1">
        <v>43648.955555555556</v>
      </c>
      <c r="F2555">
        <v>22900</v>
      </c>
      <c r="G2555">
        <v>660</v>
      </c>
      <c r="H2555">
        <v>0</v>
      </c>
      <c r="I2555">
        <v>0</v>
      </c>
      <c r="J2555">
        <v>0</v>
      </c>
      <c r="K2555">
        <v>0</v>
      </c>
      <c r="L2555">
        <v>0</v>
      </c>
      <c r="M2555">
        <v>1884</v>
      </c>
      <c r="N2555">
        <v>0</v>
      </c>
      <c r="O2555">
        <v>0</v>
      </c>
      <c r="P2555">
        <v>7992</v>
      </c>
      <c r="Q2555">
        <v>0</v>
      </c>
      <c r="R2555">
        <v>33436</v>
      </c>
      <c r="S2555">
        <v>0</v>
      </c>
      <c r="T2555">
        <v>0</v>
      </c>
      <c r="U2555">
        <v>0</v>
      </c>
      <c r="V2555">
        <v>4</v>
      </c>
      <c r="W2555">
        <v>1</v>
      </c>
      <c r="X2555">
        <v>0</v>
      </c>
      <c r="Y2555">
        <v>59</v>
      </c>
      <c r="Z2555">
        <v>26</v>
      </c>
      <c r="AA2555">
        <v>101</v>
      </c>
      <c r="AB2555">
        <v>28</v>
      </c>
      <c r="AC2555">
        <v>166</v>
      </c>
      <c r="AD2555">
        <v>59</v>
      </c>
      <c r="AE2555">
        <v>47</v>
      </c>
      <c r="AF2555">
        <v>0</v>
      </c>
      <c r="AG2555">
        <v>130502</v>
      </c>
      <c r="AH2555">
        <v>50000</v>
      </c>
      <c r="AI2555">
        <v>0</v>
      </c>
      <c r="AJ2555">
        <v>98</v>
      </c>
      <c r="AK2555" t="s">
        <v>35</v>
      </c>
      <c r="AL2555">
        <v>0</v>
      </c>
      <c r="AM2555">
        <v>0</v>
      </c>
      <c r="AN2555">
        <v>0</v>
      </c>
      <c r="AO2555">
        <v>0</v>
      </c>
      <c r="AP2555">
        <v>0</v>
      </c>
      <c r="AQ2555">
        <v>0</v>
      </c>
      <c r="AR2555">
        <v>0</v>
      </c>
      <c r="AS2555">
        <v>0</v>
      </c>
      <c r="AT2555">
        <v>0</v>
      </c>
      <c r="AU2555">
        <v>0</v>
      </c>
      <c r="AV2555">
        <v>0</v>
      </c>
      <c r="AW2555">
        <v>0</v>
      </c>
      <c r="AX2555">
        <v>9860</v>
      </c>
      <c r="AY2555">
        <v>9</v>
      </c>
      <c r="AZ2555">
        <v>25</v>
      </c>
      <c r="BA2555">
        <v>1713</v>
      </c>
    </row>
    <row r="2556" spans="1:53" x14ac:dyDescent="0.4">
      <c r="A2556">
        <v>2600</v>
      </c>
      <c r="B2556" s="1">
        <v>43649</v>
      </c>
      <c r="C2556">
        <v>1</v>
      </c>
      <c r="D2556" s="1">
        <v>43649.291666666664</v>
      </c>
      <c r="E2556" s="1">
        <v>43649.447916666664</v>
      </c>
      <c r="F2556">
        <v>0</v>
      </c>
      <c r="G2556">
        <v>0</v>
      </c>
      <c r="H2556">
        <v>0</v>
      </c>
      <c r="I2556">
        <v>0</v>
      </c>
      <c r="J2556">
        <v>0</v>
      </c>
      <c r="K2556">
        <v>0</v>
      </c>
      <c r="L2556">
        <v>0</v>
      </c>
      <c r="M2556">
        <v>0</v>
      </c>
      <c r="N2556">
        <v>0</v>
      </c>
      <c r="O2556">
        <v>0</v>
      </c>
      <c r="P2556">
        <v>0</v>
      </c>
      <c r="Q2556">
        <v>0</v>
      </c>
      <c r="R2556">
        <v>0</v>
      </c>
      <c r="S2556">
        <v>0</v>
      </c>
      <c r="T2556">
        <v>0</v>
      </c>
      <c r="U2556">
        <v>0</v>
      </c>
      <c r="V2556">
        <v>0</v>
      </c>
      <c r="W2556">
        <v>1</v>
      </c>
      <c r="X2556">
        <v>0</v>
      </c>
      <c r="Y2556">
        <v>28</v>
      </c>
      <c r="Z2556">
        <v>10</v>
      </c>
      <c r="AA2556">
        <v>93</v>
      </c>
      <c r="AB2556">
        <v>27</v>
      </c>
      <c r="AC2556">
        <v>101</v>
      </c>
      <c r="AD2556">
        <v>59</v>
      </c>
      <c r="AE2556">
        <v>45</v>
      </c>
      <c r="AF2556">
        <v>0</v>
      </c>
      <c r="AG2556">
        <v>50000</v>
      </c>
      <c r="AH2556">
        <v>50000</v>
      </c>
      <c r="AI2556">
        <v>0</v>
      </c>
      <c r="AJ2556">
        <v>0</v>
      </c>
      <c r="AK2556" t="s">
        <v>6</v>
      </c>
      <c r="AL2556">
        <v>0</v>
      </c>
      <c r="AM2556">
        <v>0</v>
      </c>
      <c r="AN2556">
        <v>0</v>
      </c>
      <c r="AO2556">
        <v>0</v>
      </c>
      <c r="AP2556">
        <v>0</v>
      </c>
      <c r="AQ2556">
        <v>0</v>
      </c>
      <c r="AR2556">
        <v>0</v>
      </c>
      <c r="AS2556">
        <v>0</v>
      </c>
      <c r="AT2556">
        <v>0</v>
      </c>
      <c r="AU2556">
        <v>0</v>
      </c>
      <c r="AV2556">
        <v>0</v>
      </c>
      <c r="AW2556">
        <v>0</v>
      </c>
      <c r="AX2556">
        <v>0</v>
      </c>
      <c r="AY2556">
        <v>0</v>
      </c>
      <c r="AZ2556">
        <v>0</v>
      </c>
      <c r="BA2556">
        <v>0</v>
      </c>
    </row>
    <row r="2557" spans="1:53" x14ac:dyDescent="0.4">
      <c r="A2557">
        <v>2601</v>
      </c>
      <c r="B2557" s="1">
        <v>43649</v>
      </c>
      <c r="C2557">
        <v>2</v>
      </c>
      <c r="D2557" s="1">
        <v>43649.447916666664</v>
      </c>
      <c r="E2557" s="1">
        <v>43649.738194444442</v>
      </c>
      <c r="F2557">
        <v>22000</v>
      </c>
      <c r="G2557">
        <v>1000</v>
      </c>
      <c r="H2557">
        <v>0</v>
      </c>
      <c r="I2557">
        <v>0</v>
      </c>
      <c r="J2557">
        <v>0</v>
      </c>
      <c r="K2557">
        <v>0</v>
      </c>
      <c r="L2557">
        <v>0</v>
      </c>
      <c r="M2557">
        <v>1840</v>
      </c>
      <c r="N2557">
        <v>0</v>
      </c>
      <c r="O2557">
        <v>0</v>
      </c>
      <c r="P2557">
        <v>8640</v>
      </c>
      <c r="Q2557">
        <v>0</v>
      </c>
      <c r="R2557">
        <v>33480</v>
      </c>
      <c r="S2557">
        <v>0</v>
      </c>
      <c r="T2557">
        <v>0</v>
      </c>
      <c r="U2557">
        <v>0</v>
      </c>
      <c r="V2557">
        <v>0</v>
      </c>
      <c r="W2557">
        <v>4</v>
      </c>
      <c r="X2557">
        <v>0</v>
      </c>
      <c r="Y2557">
        <v>38</v>
      </c>
      <c r="Z2557">
        <v>27</v>
      </c>
      <c r="AA2557">
        <v>90</v>
      </c>
      <c r="AB2557">
        <v>22</v>
      </c>
      <c r="AC2557">
        <v>152</v>
      </c>
      <c r="AD2557">
        <v>63</v>
      </c>
      <c r="AE2557">
        <v>45</v>
      </c>
      <c r="AF2557">
        <v>0</v>
      </c>
      <c r="AG2557">
        <v>83480</v>
      </c>
      <c r="AH2557">
        <v>50000</v>
      </c>
      <c r="AI2557">
        <v>0</v>
      </c>
      <c r="AJ2557">
        <v>101</v>
      </c>
      <c r="AK2557" t="s">
        <v>28</v>
      </c>
      <c r="AL2557">
        <v>0</v>
      </c>
      <c r="AM2557">
        <v>0</v>
      </c>
      <c r="AN2557">
        <v>0</v>
      </c>
      <c r="AO2557">
        <v>0</v>
      </c>
      <c r="AP2557">
        <v>0</v>
      </c>
      <c r="AQ2557">
        <v>0</v>
      </c>
      <c r="AR2557">
        <v>0</v>
      </c>
      <c r="AS2557">
        <v>0</v>
      </c>
      <c r="AT2557">
        <v>0</v>
      </c>
      <c r="AU2557">
        <v>0</v>
      </c>
      <c r="AV2557">
        <v>0</v>
      </c>
      <c r="AW2557">
        <v>0</v>
      </c>
      <c r="AX2557">
        <v>0</v>
      </c>
      <c r="AY2557">
        <v>33</v>
      </c>
      <c r="AZ2557">
        <v>59</v>
      </c>
      <c r="BA2557">
        <v>4834</v>
      </c>
    </row>
    <row r="2558" spans="1:53" x14ac:dyDescent="0.4">
      <c r="A2558">
        <v>2602</v>
      </c>
      <c r="B2558" s="1">
        <v>43649</v>
      </c>
      <c r="C2558">
        <v>3</v>
      </c>
      <c r="D2558" s="1">
        <v>43649.738194444442</v>
      </c>
      <c r="E2558" s="1">
        <v>43649.959027777775</v>
      </c>
      <c r="F2558">
        <v>27000</v>
      </c>
      <c r="G2558">
        <v>1360</v>
      </c>
      <c r="H2558">
        <v>0</v>
      </c>
      <c r="I2558">
        <v>0</v>
      </c>
      <c r="J2558">
        <v>0</v>
      </c>
      <c r="K2558">
        <v>0</v>
      </c>
      <c r="L2558">
        <v>0</v>
      </c>
      <c r="M2558">
        <v>2269</v>
      </c>
      <c r="N2558">
        <v>0</v>
      </c>
      <c r="O2558">
        <v>0</v>
      </c>
      <c r="P2558">
        <v>-8640</v>
      </c>
      <c r="Q2558">
        <v>0</v>
      </c>
      <c r="R2558">
        <v>21989</v>
      </c>
      <c r="S2558">
        <v>0</v>
      </c>
      <c r="T2558">
        <v>0</v>
      </c>
      <c r="U2558">
        <v>0</v>
      </c>
      <c r="V2558">
        <v>0</v>
      </c>
      <c r="W2558">
        <v>5</v>
      </c>
      <c r="X2558">
        <v>0</v>
      </c>
      <c r="Y2558">
        <v>46</v>
      </c>
      <c r="Z2558">
        <v>30</v>
      </c>
      <c r="AA2558">
        <v>116</v>
      </c>
      <c r="AB2558">
        <v>23</v>
      </c>
      <c r="AC2558">
        <v>165</v>
      </c>
      <c r="AD2558">
        <v>63</v>
      </c>
      <c r="AE2558">
        <v>45</v>
      </c>
      <c r="AF2558">
        <v>4709</v>
      </c>
      <c r="AG2558">
        <v>105469</v>
      </c>
      <c r="AH2558">
        <v>50000</v>
      </c>
      <c r="AI2558">
        <v>0</v>
      </c>
      <c r="AJ2558">
        <v>108</v>
      </c>
      <c r="AK2558" t="s">
        <v>30</v>
      </c>
      <c r="AL2558">
        <v>0</v>
      </c>
      <c r="AM2558">
        <v>0</v>
      </c>
      <c r="AN2558">
        <v>0</v>
      </c>
      <c r="AO2558">
        <v>0</v>
      </c>
      <c r="AP2558">
        <v>0</v>
      </c>
      <c r="AQ2558">
        <v>0</v>
      </c>
      <c r="AR2558">
        <v>0</v>
      </c>
      <c r="AS2558">
        <v>0</v>
      </c>
      <c r="AT2558">
        <v>0</v>
      </c>
      <c r="AU2558">
        <v>0</v>
      </c>
      <c r="AV2558">
        <v>0</v>
      </c>
      <c r="AW2558">
        <v>0</v>
      </c>
      <c r="AX2558">
        <v>12150</v>
      </c>
      <c r="AY2558">
        <v>12</v>
      </c>
      <c r="AZ2558">
        <v>33</v>
      </c>
      <c r="BA2558">
        <v>2099</v>
      </c>
    </row>
    <row r="2559" spans="1:53" x14ac:dyDescent="0.4">
      <c r="A2559">
        <v>2603</v>
      </c>
      <c r="B2559" s="1">
        <v>43649</v>
      </c>
      <c r="C2559">
        <v>4</v>
      </c>
      <c r="D2559" s="1">
        <v>43649.959027777775</v>
      </c>
      <c r="E2559" s="1">
        <v>43650.083333333336</v>
      </c>
      <c r="F2559">
        <v>14000</v>
      </c>
      <c r="G2559">
        <v>0</v>
      </c>
      <c r="H2559">
        <v>600</v>
      </c>
      <c r="I2559">
        <v>0</v>
      </c>
      <c r="J2559">
        <v>0</v>
      </c>
      <c r="K2559">
        <v>0</v>
      </c>
      <c r="L2559">
        <v>0</v>
      </c>
      <c r="M2559">
        <v>1168</v>
      </c>
      <c r="N2559">
        <v>0</v>
      </c>
      <c r="O2559">
        <v>0</v>
      </c>
      <c r="P2559">
        <v>8208</v>
      </c>
      <c r="Q2559">
        <v>0</v>
      </c>
      <c r="R2559">
        <v>23976</v>
      </c>
      <c r="S2559">
        <v>0</v>
      </c>
      <c r="T2559">
        <v>0</v>
      </c>
      <c r="U2559">
        <v>0</v>
      </c>
      <c r="V2559">
        <v>0</v>
      </c>
      <c r="W2559">
        <v>7</v>
      </c>
      <c r="X2559">
        <v>0</v>
      </c>
      <c r="Y2559">
        <v>58</v>
      </c>
      <c r="Z2559">
        <v>32</v>
      </c>
      <c r="AA2559">
        <v>123</v>
      </c>
      <c r="AB2559">
        <v>23</v>
      </c>
      <c r="AC2559">
        <v>171</v>
      </c>
      <c r="AD2559">
        <v>62</v>
      </c>
      <c r="AE2559">
        <v>50</v>
      </c>
      <c r="AF2559">
        <v>4925</v>
      </c>
      <c r="AG2559">
        <v>129445</v>
      </c>
      <c r="AH2559">
        <v>50000</v>
      </c>
      <c r="AI2559">
        <v>0</v>
      </c>
      <c r="AJ2559">
        <v>108</v>
      </c>
      <c r="AK2559" t="s">
        <v>30</v>
      </c>
      <c r="AL2559">
        <v>0</v>
      </c>
      <c r="AM2559">
        <v>0</v>
      </c>
      <c r="AN2559">
        <v>0</v>
      </c>
      <c r="AO2559">
        <v>0</v>
      </c>
      <c r="AP2559">
        <v>0</v>
      </c>
      <c r="AQ2559">
        <v>0</v>
      </c>
      <c r="AR2559">
        <v>0</v>
      </c>
      <c r="AS2559">
        <v>0</v>
      </c>
      <c r="AT2559">
        <v>0</v>
      </c>
      <c r="AU2559">
        <v>0</v>
      </c>
      <c r="AV2559">
        <v>0</v>
      </c>
      <c r="AW2559">
        <v>0</v>
      </c>
      <c r="AX2559">
        <v>0</v>
      </c>
      <c r="AY2559">
        <v>2</v>
      </c>
      <c r="AZ2559">
        <v>5</v>
      </c>
      <c r="BA2559">
        <v>289</v>
      </c>
    </row>
    <row r="2560" spans="1:53" x14ac:dyDescent="0.4">
      <c r="A2560">
        <v>2604</v>
      </c>
      <c r="B2560" s="1">
        <v>43650</v>
      </c>
      <c r="C2560">
        <v>1</v>
      </c>
      <c r="D2560" s="1">
        <v>43650.291666666664</v>
      </c>
      <c r="E2560" s="1">
        <v>43650.455555555556</v>
      </c>
      <c r="F2560">
        <v>0</v>
      </c>
      <c r="G2560">
        <v>0</v>
      </c>
      <c r="H2560">
        <v>0</v>
      </c>
      <c r="I2560">
        <v>0</v>
      </c>
      <c r="J2560">
        <v>0</v>
      </c>
      <c r="K2560">
        <v>0</v>
      </c>
      <c r="L2560">
        <v>0</v>
      </c>
      <c r="M2560">
        <v>0</v>
      </c>
      <c r="N2560">
        <v>0</v>
      </c>
      <c r="O2560">
        <v>0</v>
      </c>
      <c r="P2560">
        <v>0</v>
      </c>
      <c r="Q2560">
        <v>0</v>
      </c>
      <c r="R2560">
        <v>0</v>
      </c>
      <c r="S2560">
        <v>0</v>
      </c>
      <c r="T2560">
        <v>0</v>
      </c>
      <c r="U2560">
        <v>0</v>
      </c>
      <c r="V2560">
        <v>0</v>
      </c>
      <c r="W2560">
        <v>0</v>
      </c>
      <c r="X2560">
        <v>0</v>
      </c>
      <c r="Y2560">
        <v>31</v>
      </c>
      <c r="Z2560">
        <v>9</v>
      </c>
      <c r="AA2560">
        <v>118</v>
      </c>
      <c r="AB2560">
        <v>22</v>
      </c>
      <c r="AC2560">
        <v>124</v>
      </c>
      <c r="AD2560">
        <v>63</v>
      </c>
      <c r="AE2560">
        <v>45</v>
      </c>
      <c r="AF2560">
        <v>0</v>
      </c>
      <c r="AG2560">
        <v>50000</v>
      </c>
      <c r="AH2560">
        <v>0</v>
      </c>
      <c r="AI2560">
        <v>50000</v>
      </c>
      <c r="AJ2560">
        <v>0</v>
      </c>
      <c r="AK2560" t="s">
        <v>6</v>
      </c>
      <c r="AL2560">
        <v>0</v>
      </c>
      <c r="AM2560">
        <v>0</v>
      </c>
      <c r="AN2560">
        <v>0</v>
      </c>
      <c r="AO2560">
        <v>0</v>
      </c>
      <c r="AP2560">
        <v>0</v>
      </c>
      <c r="AQ2560">
        <v>0</v>
      </c>
      <c r="AR2560">
        <v>0</v>
      </c>
      <c r="AS2560">
        <v>0</v>
      </c>
      <c r="AT2560">
        <v>0</v>
      </c>
      <c r="AU2560">
        <v>0</v>
      </c>
      <c r="AV2560">
        <v>0</v>
      </c>
      <c r="AW2560">
        <v>0</v>
      </c>
      <c r="AX2560">
        <v>0</v>
      </c>
      <c r="AY2560">
        <v>0</v>
      </c>
      <c r="AZ2560">
        <v>0</v>
      </c>
      <c r="BA2560">
        <v>0</v>
      </c>
    </row>
    <row r="2561" spans="1:53" x14ac:dyDescent="0.4">
      <c r="A2561">
        <v>2605</v>
      </c>
      <c r="B2561" s="1">
        <v>43650</v>
      </c>
      <c r="C2561">
        <v>2</v>
      </c>
      <c r="D2561" s="1">
        <v>43650.455555555556</v>
      </c>
      <c r="E2561" s="1">
        <v>43650.760416666664</v>
      </c>
      <c r="F2561">
        <v>17000</v>
      </c>
      <c r="G2561">
        <v>0</v>
      </c>
      <c r="H2561">
        <v>200</v>
      </c>
      <c r="I2561">
        <v>0</v>
      </c>
      <c r="J2561">
        <v>0</v>
      </c>
      <c r="K2561">
        <v>0</v>
      </c>
      <c r="L2561">
        <v>0</v>
      </c>
      <c r="M2561">
        <v>1376</v>
      </c>
      <c r="N2561">
        <v>0</v>
      </c>
      <c r="O2561">
        <v>0</v>
      </c>
      <c r="P2561">
        <v>10260</v>
      </c>
      <c r="Q2561">
        <v>0</v>
      </c>
      <c r="R2561">
        <v>28836</v>
      </c>
      <c r="S2561">
        <v>0</v>
      </c>
      <c r="T2561">
        <v>0</v>
      </c>
      <c r="U2561">
        <v>0</v>
      </c>
      <c r="V2561">
        <v>1</v>
      </c>
      <c r="W2561">
        <v>1</v>
      </c>
      <c r="X2561">
        <v>0</v>
      </c>
      <c r="Y2561">
        <v>29</v>
      </c>
      <c r="Z2561">
        <v>23</v>
      </c>
      <c r="AA2561">
        <v>139</v>
      </c>
      <c r="AB2561">
        <v>24</v>
      </c>
      <c r="AC2561">
        <v>174</v>
      </c>
      <c r="AD2561">
        <v>68</v>
      </c>
      <c r="AE2561">
        <v>66</v>
      </c>
      <c r="AF2561">
        <v>6090</v>
      </c>
      <c r="AG2561">
        <v>78836</v>
      </c>
      <c r="AH2561">
        <v>50000</v>
      </c>
      <c r="AI2561">
        <v>0</v>
      </c>
      <c r="AJ2561">
        <v>84</v>
      </c>
      <c r="AK2561" t="s">
        <v>16</v>
      </c>
      <c r="AL2561">
        <v>0</v>
      </c>
      <c r="AM2561">
        <v>0</v>
      </c>
      <c r="AN2561">
        <v>0</v>
      </c>
      <c r="AO2561">
        <v>0</v>
      </c>
      <c r="AP2561">
        <v>0</v>
      </c>
      <c r="AQ2561">
        <v>0</v>
      </c>
      <c r="AR2561">
        <v>0</v>
      </c>
      <c r="AS2561">
        <v>0</v>
      </c>
      <c r="AT2561">
        <v>0</v>
      </c>
      <c r="AU2561">
        <v>0</v>
      </c>
      <c r="AV2561">
        <v>0</v>
      </c>
      <c r="AW2561">
        <v>0</v>
      </c>
      <c r="AX2561">
        <v>0</v>
      </c>
      <c r="AY2561">
        <v>31</v>
      </c>
      <c r="AZ2561">
        <v>53</v>
      </c>
      <c r="BA2561">
        <v>4230</v>
      </c>
    </row>
    <row r="2562" spans="1:53" x14ac:dyDescent="0.4">
      <c r="A2562">
        <v>2606</v>
      </c>
      <c r="B2562" s="1">
        <v>43650</v>
      </c>
      <c r="C2562">
        <v>3</v>
      </c>
      <c r="D2562" s="1">
        <v>43650.760416666664</v>
      </c>
      <c r="E2562" s="1">
        <v>43650.954861111109</v>
      </c>
      <c r="F2562">
        <v>37500</v>
      </c>
      <c r="G2562">
        <v>1080</v>
      </c>
      <c r="H2562">
        <v>0</v>
      </c>
      <c r="I2562">
        <v>0</v>
      </c>
      <c r="J2562">
        <v>0</v>
      </c>
      <c r="K2562">
        <v>0</v>
      </c>
      <c r="L2562">
        <v>0</v>
      </c>
      <c r="M2562">
        <v>3086</v>
      </c>
      <c r="N2562">
        <v>0</v>
      </c>
      <c r="O2562">
        <v>0</v>
      </c>
      <c r="P2562">
        <v>-10260</v>
      </c>
      <c r="Q2562">
        <v>0</v>
      </c>
      <c r="R2562">
        <v>31406</v>
      </c>
      <c r="S2562">
        <v>0</v>
      </c>
      <c r="T2562">
        <v>0</v>
      </c>
      <c r="U2562">
        <v>0</v>
      </c>
      <c r="V2562">
        <v>2</v>
      </c>
      <c r="W2562">
        <v>2</v>
      </c>
      <c r="X2562">
        <v>0</v>
      </c>
      <c r="Y2562">
        <v>36</v>
      </c>
      <c r="Z2562">
        <v>21</v>
      </c>
      <c r="AA2562">
        <v>147</v>
      </c>
      <c r="AB2562">
        <v>25</v>
      </c>
      <c r="AC2562">
        <v>179</v>
      </c>
      <c r="AD2562">
        <v>69</v>
      </c>
      <c r="AE2562">
        <v>63</v>
      </c>
      <c r="AF2562">
        <v>15594</v>
      </c>
      <c r="AG2562">
        <v>110242</v>
      </c>
      <c r="AH2562">
        <v>50000</v>
      </c>
      <c r="AI2562">
        <v>0</v>
      </c>
      <c r="AJ2562">
        <v>84</v>
      </c>
      <c r="AK2562" t="s">
        <v>16</v>
      </c>
      <c r="AL2562">
        <v>0</v>
      </c>
      <c r="AM2562">
        <v>0</v>
      </c>
      <c r="AN2562">
        <v>0</v>
      </c>
      <c r="AO2562">
        <v>0</v>
      </c>
      <c r="AP2562">
        <v>0</v>
      </c>
      <c r="AQ2562">
        <v>0</v>
      </c>
      <c r="AR2562">
        <v>0</v>
      </c>
      <c r="AS2562">
        <v>0</v>
      </c>
      <c r="AT2562">
        <v>0</v>
      </c>
      <c r="AU2562">
        <v>0</v>
      </c>
      <c r="AV2562">
        <v>0</v>
      </c>
      <c r="AW2562">
        <v>0</v>
      </c>
      <c r="AX2562">
        <v>10530</v>
      </c>
      <c r="AY2562">
        <v>13</v>
      </c>
      <c r="AZ2562">
        <v>32</v>
      </c>
      <c r="BA2562">
        <v>2242</v>
      </c>
    </row>
    <row r="2563" spans="1:53" x14ac:dyDescent="0.4">
      <c r="A2563">
        <v>2607</v>
      </c>
      <c r="B2563" s="1">
        <v>43651</v>
      </c>
      <c r="C2563">
        <v>1</v>
      </c>
      <c r="D2563" s="1">
        <v>43651.291666666664</v>
      </c>
      <c r="E2563" s="1">
        <v>43651.452777777777</v>
      </c>
      <c r="F2563">
        <v>0</v>
      </c>
      <c r="G2563">
        <v>0</v>
      </c>
      <c r="H2563">
        <v>0</v>
      </c>
      <c r="I2563">
        <v>0</v>
      </c>
      <c r="J2563">
        <v>0</v>
      </c>
      <c r="K2563">
        <v>0</v>
      </c>
      <c r="L2563">
        <v>0</v>
      </c>
      <c r="M2563">
        <v>0</v>
      </c>
      <c r="N2563">
        <v>0</v>
      </c>
      <c r="O2563">
        <v>0</v>
      </c>
      <c r="P2563">
        <v>0</v>
      </c>
      <c r="Q2563">
        <v>0</v>
      </c>
      <c r="R2563">
        <v>0</v>
      </c>
      <c r="S2563">
        <v>0</v>
      </c>
      <c r="T2563">
        <v>0</v>
      </c>
      <c r="U2563">
        <v>0</v>
      </c>
      <c r="V2563">
        <v>0</v>
      </c>
      <c r="W2563">
        <v>0</v>
      </c>
      <c r="X2563">
        <v>0</v>
      </c>
      <c r="Y2563">
        <v>32</v>
      </c>
      <c r="Z2563">
        <v>9</v>
      </c>
      <c r="AA2563">
        <v>107</v>
      </c>
      <c r="AB2563">
        <v>23</v>
      </c>
      <c r="AC2563">
        <v>123</v>
      </c>
      <c r="AD2563">
        <v>71</v>
      </c>
      <c r="AE2563">
        <v>65</v>
      </c>
      <c r="AF2563">
        <v>0</v>
      </c>
      <c r="AG2563">
        <v>50000</v>
      </c>
      <c r="AH2563">
        <v>0</v>
      </c>
      <c r="AI2563">
        <v>50000</v>
      </c>
      <c r="AJ2563">
        <v>0</v>
      </c>
      <c r="AK2563" t="s">
        <v>6</v>
      </c>
      <c r="AL2563">
        <v>0</v>
      </c>
      <c r="AM2563">
        <v>0</v>
      </c>
      <c r="AN2563">
        <v>0</v>
      </c>
      <c r="AO2563">
        <v>0</v>
      </c>
      <c r="AP2563">
        <v>0</v>
      </c>
      <c r="AQ2563">
        <v>0</v>
      </c>
      <c r="AR2563">
        <v>0</v>
      </c>
      <c r="AS2563">
        <v>0</v>
      </c>
      <c r="AT2563">
        <v>0</v>
      </c>
      <c r="AU2563">
        <v>0</v>
      </c>
      <c r="AV2563">
        <v>0</v>
      </c>
      <c r="AW2563">
        <v>0</v>
      </c>
      <c r="AX2563">
        <v>0</v>
      </c>
      <c r="AY2563">
        <v>0</v>
      </c>
      <c r="AZ2563">
        <v>0</v>
      </c>
      <c r="BA2563">
        <v>0</v>
      </c>
    </row>
    <row r="2564" spans="1:53" x14ac:dyDescent="0.4">
      <c r="A2564">
        <v>2608</v>
      </c>
      <c r="B2564" s="1">
        <v>43651</v>
      </c>
      <c r="C2564">
        <v>2</v>
      </c>
      <c r="D2564" s="1">
        <v>43651.452777777777</v>
      </c>
      <c r="E2564" s="1">
        <v>43651.740277777775</v>
      </c>
      <c r="F2564">
        <v>18000</v>
      </c>
      <c r="G2564">
        <v>500</v>
      </c>
      <c r="H2564">
        <v>200</v>
      </c>
      <c r="I2564">
        <v>0</v>
      </c>
      <c r="J2564">
        <v>0</v>
      </c>
      <c r="K2564">
        <v>0</v>
      </c>
      <c r="L2564">
        <v>0</v>
      </c>
      <c r="M2564">
        <v>1496</v>
      </c>
      <c r="N2564">
        <v>0</v>
      </c>
      <c r="O2564">
        <v>0</v>
      </c>
      <c r="P2564">
        <v>21060</v>
      </c>
      <c r="Q2564">
        <v>0</v>
      </c>
      <c r="R2564">
        <v>41256</v>
      </c>
      <c r="S2564">
        <v>0</v>
      </c>
      <c r="T2564">
        <v>0</v>
      </c>
      <c r="U2564">
        <v>0</v>
      </c>
      <c r="V2564">
        <v>1</v>
      </c>
      <c r="W2564">
        <v>0</v>
      </c>
      <c r="X2564">
        <v>0</v>
      </c>
      <c r="Y2564">
        <v>59</v>
      </c>
      <c r="Z2564">
        <v>17</v>
      </c>
      <c r="AA2564">
        <v>100</v>
      </c>
      <c r="AB2564">
        <v>20</v>
      </c>
      <c r="AC2564">
        <v>180</v>
      </c>
      <c r="AD2564">
        <v>70</v>
      </c>
      <c r="AE2564">
        <v>66</v>
      </c>
      <c r="AF2564">
        <v>540</v>
      </c>
      <c r="AG2564">
        <v>91256</v>
      </c>
      <c r="AH2564">
        <v>50000</v>
      </c>
      <c r="AI2564">
        <v>0</v>
      </c>
      <c r="AJ2564">
        <v>96</v>
      </c>
      <c r="AK2564" t="s">
        <v>4</v>
      </c>
      <c r="AL2564">
        <v>0</v>
      </c>
      <c r="AM2564">
        <v>0</v>
      </c>
      <c r="AN2564">
        <v>0</v>
      </c>
      <c r="AO2564">
        <v>0</v>
      </c>
      <c r="AP2564">
        <v>0</v>
      </c>
      <c r="AQ2564">
        <v>0</v>
      </c>
      <c r="AR2564">
        <v>0</v>
      </c>
      <c r="AS2564">
        <v>0</v>
      </c>
      <c r="AT2564">
        <v>0</v>
      </c>
      <c r="AU2564">
        <v>0</v>
      </c>
      <c r="AV2564">
        <v>0</v>
      </c>
      <c r="AW2564">
        <v>0</v>
      </c>
      <c r="AX2564">
        <v>1814</v>
      </c>
      <c r="AY2564">
        <v>42</v>
      </c>
      <c r="AZ2564">
        <v>75</v>
      </c>
      <c r="BA2564">
        <v>6341</v>
      </c>
    </row>
    <row r="2565" spans="1:53" x14ac:dyDescent="0.4">
      <c r="A2565">
        <v>2609</v>
      </c>
      <c r="B2565" s="1">
        <v>43651</v>
      </c>
      <c r="C2565">
        <v>3</v>
      </c>
      <c r="D2565" s="1">
        <v>43651.740277777775</v>
      </c>
      <c r="E2565" s="1">
        <v>43651.957638888889</v>
      </c>
      <c r="F2565">
        <v>98300</v>
      </c>
      <c r="G2565">
        <v>680</v>
      </c>
      <c r="H2565">
        <v>0</v>
      </c>
      <c r="I2565">
        <v>0</v>
      </c>
      <c r="J2565">
        <v>0</v>
      </c>
      <c r="K2565">
        <v>0</v>
      </c>
      <c r="L2565">
        <v>0</v>
      </c>
      <c r="M2565">
        <v>7918</v>
      </c>
      <c r="N2565">
        <v>0</v>
      </c>
      <c r="O2565">
        <v>0</v>
      </c>
      <c r="P2565">
        <v>-21060</v>
      </c>
      <c r="Q2565">
        <v>0</v>
      </c>
      <c r="R2565">
        <v>85838</v>
      </c>
      <c r="S2565">
        <v>0</v>
      </c>
      <c r="T2565">
        <v>0</v>
      </c>
      <c r="U2565">
        <v>0</v>
      </c>
      <c r="V2565">
        <v>7</v>
      </c>
      <c r="W2565">
        <v>0</v>
      </c>
      <c r="X2565">
        <v>0</v>
      </c>
      <c r="Y2565">
        <v>54</v>
      </c>
      <c r="Z2565">
        <v>15</v>
      </c>
      <c r="AA2565">
        <v>94</v>
      </c>
      <c r="AB2565">
        <v>21</v>
      </c>
      <c r="AC2565">
        <v>179</v>
      </c>
      <c r="AD2565">
        <v>69</v>
      </c>
      <c r="AE2565">
        <v>69</v>
      </c>
      <c r="AF2565">
        <v>32940</v>
      </c>
      <c r="AG2565">
        <v>177094</v>
      </c>
      <c r="AH2565">
        <v>50000</v>
      </c>
      <c r="AI2565">
        <v>0</v>
      </c>
      <c r="AJ2565">
        <v>108</v>
      </c>
      <c r="AK2565" t="s">
        <v>30</v>
      </c>
      <c r="AL2565">
        <v>0</v>
      </c>
      <c r="AM2565">
        <v>0</v>
      </c>
      <c r="AN2565">
        <v>0</v>
      </c>
      <c r="AO2565">
        <v>0</v>
      </c>
      <c r="AP2565">
        <v>0</v>
      </c>
      <c r="AQ2565">
        <v>0</v>
      </c>
      <c r="AR2565">
        <v>0</v>
      </c>
      <c r="AS2565">
        <v>0</v>
      </c>
      <c r="AT2565">
        <v>0</v>
      </c>
      <c r="AU2565">
        <v>0</v>
      </c>
      <c r="AV2565">
        <v>0</v>
      </c>
      <c r="AW2565">
        <v>0</v>
      </c>
      <c r="AX2565">
        <v>102114</v>
      </c>
      <c r="AY2565">
        <v>25</v>
      </c>
      <c r="AZ2565">
        <v>112</v>
      </c>
      <c r="BA2565">
        <v>3580</v>
      </c>
    </row>
    <row r="2566" spans="1:53" x14ac:dyDescent="0.4">
      <c r="A2566">
        <v>2610</v>
      </c>
      <c r="B2566" s="1">
        <v>43652</v>
      </c>
      <c r="C2566">
        <v>1</v>
      </c>
      <c r="D2566" s="1">
        <v>43652.291666666664</v>
      </c>
      <c r="E2566" s="1">
        <v>43652.4</v>
      </c>
      <c r="F2566">
        <v>0</v>
      </c>
      <c r="G2566">
        <v>0</v>
      </c>
      <c r="H2566">
        <v>0</v>
      </c>
      <c r="I2566">
        <v>0</v>
      </c>
      <c r="J2566">
        <v>0</v>
      </c>
      <c r="K2566">
        <v>0</v>
      </c>
      <c r="L2566">
        <v>0</v>
      </c>
      <c r="M2566">
        <v>0</v>
      </c>
      <c r="N2566">
        <v>0</v>
      </c>
      <c r="O2566">
        <v>0</v>
      </c>
      <c r="P2566">
        <v>0</v>
      </c>
      <c r="Q2566">
        <v>0</v>
      </c>
      <c r="R2566">
        <v>0</v>
      </c>
      <c r="S2566">
        <v>0</v>
      </c>
      <c r="T2566">
        <v>0</v>
      </c>
      <c r="U2566">
        <v>0</v>
      </c>
      <c r="V2566">
        <v>0</v>
      </c>
      <c r="W2566">
        <v>0</v>
      </c>
      <c r="X2566">
        <v>0</v>
      </c>
      <c r="Y2566">
        <v>31</v>
      </c>
      <c r="Z2566">
        <v>9</v>
      </c>
      <c r="AA2566">
        <v>118</v>
      </c>
      <c r="AB2566">
        <v>22</v>
      </c>
      <c r="AC2566">
        <v>121</v>
      </c>
      <c r="AD2566">
        <v>66</v>
      </c>
      <c r="AE2566">
        <v>60</v>
      </c>
      <c r="AF2566">
        <v>0</v>
      </c>
      <c r="AG2566">
        <v>50000</v>
      </c>
      <c r="AH2566">
        <v>50000</v>
      </c>
      <c r="AI2566">
        <v>0</v>
      </c>
      <c r="AJ2566">
        <v>0</v>
      </c>
      <c r="AK2566" t="s">
        <v>6</v>
      </c>
      <c r="AL2566">
        <v>0</v>
      </c>
      <c r="AM2566">
        <v>0</v>
      </c>
      <c r="AN2566">
        <v>0</v>
      </c>
      <c r="AO2566">
        <v>0</v>
      </c>
      <c r="AP2566">
        <v>0</v>
      </c>
      <c r="AQ2566">
        <v>0</v>
      </c>
      <c r="AR2566">
        <v>0</v>
      </c>
      <c r="AS2566">
        <v>0</v>
      </c>
      <c r="AT2566">
        <v>0</v>
      </c>
      <c r="AU2566">
        <v>0</v>
      </c>
      <c r="AV2566">
        <v>0</v>
      </c>
      <c r="AW2566">
        <v>0</v>
      </c>
      <c r="AX2566">
        <v>0</v>
      </c>
      <c r="AY2566">
        <v>0</v>
      </c>
      <c r="AZ2566">
        <v>0</v>
      </c>
      <c r="BA2566">
        <v>0</v>
      </c>
    </row>
    <row r="2567" spans="1:53" x14ac:dyDescent="0.4">
      <c r="A2567">
        <v>2611</v>
      </c>
      <c r="B2567" s="1">
        <v>43652</v>
      </c>
      <c r="C2567">
        <v>2</v>
      </c>
      <c r="D2567" s="1">
        <v>43652.4</v>
      </c>
      <c r="E2567" s="1">
        <v>43652.729861111111</v>
      </c>
      <c r="F2567">
        <v>37500</v>
      </c>
      <c r="G2567">
        <v>880</v>
      </c>
      <c r="H2567">
        <v>200</v>
      </c>
      <c r="I2567">
        <v>0</v>
      </c>
      <c r="J2567">
        <v>0</v>
      </c>
      <c r="K2567">
        <v>0</v>
      </c>
      <c r="L2567">
        <v>0</v>
      </c>
      <c r="M2567">
        <v>3086</v>
      </c>
      <c r="N2567">
        <v>0</v>
      </c>
      <c r="O2567">
        <v>0</v>
      </c>
      <c r="P2567">
        <v>29430</v>
      </c>
      <c r="Q2567">
        <v>0</v>
      </c>
      <c r="R2567">
        <v>71096</v>
      </c>
      <c r="S2567">
        <v>0</v>
      </c>
      <c r="T2567">
        <v>0</v>
      </c>
      <c r="U2567">
        <v>0</v>
      </c>
      <c r="V2567">
        <v>2</v>
      </c>
      <c r="W2567">
        <v>1</v>
      </c>
      <c r="X2567">
        <v>0</v>
      </c>
      <c r="Y2567">
        <v>63</v>
      </c>
      <c r="Z2567">
        <v>13</v>
      </c>
      <c r="AA2567">
        <v>117</v>
      </c>
      <c r="AB2567">
        <v>25</v>
      </c>
      <c r="AC2567">
        <v>109</v>
      </c>
      <c r="AD2567">
        <v>67</v>
      </c>
      <c r="AE2567">
        <v>60</v>
      </c>
      <c r="AF2567">
        <v>12161</v>
      </c>
      <c r="AG2567">
        <v>121096</v>
      </c>
      <c r="AH2567">
        <v>50000</v>
      </c>
      <c r="AI2567">
        <v>0</v>
      </c>
      <c r="AJ2567">
        <v>93</v>
      </c>
      <c r="AK2567" t="s">
        <v>20</v>
      </c>
      <c r="AL2567">
        <v>0</v>
      </c>
      <c r="AM2567">
        <v>0</v>
      </c>
      <c r="AN2567">
        <v>0</v>
      </c>
      <c r="AO2567">
        <v>0</v>
      </c>
      <c r="AP2567">
        <v>0</v>
      </c>
      <c r="AQ2567">
        <v>0</v>
      </c>
      <c r="AR2567">
        <v>0</v>
      </c>
      <c r="AS2567">
        <v>0</v>
      </c>
      <c r="AT2567">
        <v>0</v>
      </c>
      <c r="AU2567">
        <v>0</v>
      </c>
      <c r="AV2567">
        <v>0</v>
      </c>
      <c r="AW2567">
        <v>0</v>
      </c>
      <c r="AX2567">
        <v>0</v>
      </c>
      <c r="AY2567">
        <v>58</v>
      </c>
      <c r="AZ2567">
        <v>131</v>
      </c>
      <c r="BA2567">
        <v>7939</v>
      </c>
    </row>
    <row r="2568" spans="1:53" x14ac:dyDescent="0.4">
      <c r="A2568">
        <v>2612</v>
      </c>
      <c r="B2568" s="1">
        <v>43653</v>
      </c>
      <c r="C2568">
        <v>1</v>
      </c>
      <c r="D2568" s="1">
        <v>43653.291666666664</v>
      </c>
      <c r="E2568" s="1">
        <v>43653.401388888888</v>
      </c>
      <c r="F2568">
        <v>0</v>
      </c>
      <c r="G2568">
        <v>0</v>
      </c>
      <c r="H2568">
        <v>0</v>
      </c>
      <c r="I2568">
        <v>0</v>
      </c>
      <c r="J2568">
        <v>0</v>
      </c>
      <c r="K2568">
        <v>0</v>
      </c>
      <c r="L2568">
        <v>0</v>
      </c>
      <c r="M2568">
        <v>0</v>
      </c>
      <c r="N2568">
        <v>0</v>
      </c>
      <c r="O2568">
        <v>0</v>
      </c>
      <c r="P2568">
        <v>0</v>
      </c>
      <c r="Q2568">
        <v>0</v>
      </c>
      <c r="R2568">
        <v>0</v>
      </c>
      <c r="S2568">
        <v>0</v>
      </c>
      <c r="T2568">
        <v>0</v>
      </c>
      <c r="U2568">
        <v>0</v>
      </c>
      <c r="V2568">
        <v>0</v>
      </c>
      <c r="W2568">
        <v>0</v>
      </c>
      <c r="X2568">
        <v>0</v>
      </c>
      <c r="Y2568">
        <v>33</v>
      </c>
      <c r="Z2568">
        <v>11</v>
      </c>
      <c r="AA2568">
        <v>92</v>
      </c>
      <c r="AB2568">
        <v>18</v>
      </c>
      <c r="AC2568">
        <v>102</v>
      </c>
      <c r="AD2568">
        <v>64</v>
      </c>
      <c r="AE2568">
        <v>60</v>
      </c>
      <c r="AF2568">
        <v>0</v>
      </c>
      <c r="AG2568">
        <v>50000</v>
      </c>
      <c r="AH2568">
        <v>50000</v>
      </c>
      <c r="AI2568">
        <v>0</v>
      </c>
      <c r="AJ2568">
        <v>0</v>
      </c>
      <c r="AK2568" t="s">
        <v>6</v>
      </c>
      <c r="AL2568">
        <v>0</v>
      </c>
      <c r="AM2568">
        <v>0</v>
      </c>
      <c r="AN2568">
        <v>0</v>
      </c>
      <c r="AO2568">
        <v>0</v>
      </c>
      <c r="AP2568">
        <v>0</v>
      </c>
      <c r="AQ2568">
        <v>0</v>
      </c>
      <c r="AR2568">
        <v>0</v>
      </c>
      <c r="AS2568">
        <v>0</v>
      </c>
      <c r="AT2568">
        <v>0</v>
      </c>
      <c r="AU2568">
        <v>0</v>
      </c>
      <c r="AV2568">
        <v>0</v>
      </c>
      <c r="AW2568">
        <v>0</v>
      </c>
      <c r="AX2568">
        <v>0</v>
      </c>
      <c r="AY2568">
        <v>0</v>
      </c>
      <c r="AZ2568">
        <v>0</v>
      </c>
      <c r="BA2568">
        <v>0</v>
      </c>
    </row>
    <row r="2569" spans="1:53" x14ac:dyDescent="0.4">
      <c r="A2569">
        <v>2613</v>
      </c>
      <c r="B2569" s="1">
        <v>43653</v>
      </c>
      <c r="C2569">
        <v>2</v>
      </c>
      <c r="D2569" s="1">
        <v>43653.401388888888</v>
      </c>
      <c r="E2569" s="1">
        <v>43653.73541666667</v>
      </c>
      <c r="F2569">
        <v>45500</v>
      </c>
      <c r="G2569">
        <v>1900</v>
      </c>
      <c r="H2569">
        <v>0</v>
      </c>
      <c r="I2569">
        <v>0</v>
      </c>
      <c r="J2569">
        <v>0</v>
      </c>
      <c r="K2569">
        <v>0</v>
      </c>
      <c r="L2569">
        <v>0</v>
      </c>
      <c r="M2569">
        <v>3791</v>
      </c>
      <c r="N2569">
        <v>0</v>
      </c>
      <c r="O2569">
        <v>0</v>
      </c>
      <c r="P2569">
        <v>19440</v>
      </c>
      <c r="Q2569">
        <v>0</v>
      </c>
      <c r="R2569">
        <v>70631</v>
      </c>
      <c r="S2569">
        <v>0</v>
      </c>
      <c r="T2569">
        <v>0</v>
      </c>
      <c r="U2569">
        <v>0</v>
      </c>
      <c r="V2569">
        <v>1</v>
      </c>
      <c r="W2569">
        <v>2</v>
      </c>
      <c r="X2569">
        <v>0</v>
      </c>
      <c r="Y2569">
        <v>65</v>
      </c>
      <c r="Z2569">
        <v>32</v>
      </c>
      <c r="AA2569">
        <v>118</v>
      </c>
      <c r="AB2569">
        <v>31</v>
      </c>
      <c r="AC2569">
        <v>212</v>
      </c>
      <c r="AD2569">
        <v>70</v>
      </c>
      <c r="AE2569">
        <v>66</v>
      </c>
      <c r="AF2569">
        <v>4555</v>
      </c>
      <c r="AG2569">
        <v>121441</v>
      </c>
      <c r="AH2569">
        <v>50000</v>
      </c>
      <c r="AI2569">
        <v>810</v>
      </c>
      <c r="AJ2569">
        <v>98</v>
      </c>
      <c r="AK2569" t="s">
        <v>35</v>
      </c>
      <c r="AL2569">
        <v>0</v>
      </c>
      <c r="AM2569">
        <v>0</v>
      </c>
      <c r="AN2569">
        <v>0</v>
      </c>
      <c r="AO2569">
        <v>0</v>
      </c>
      <c r="AP2569">
        <v>0</v>
      </c>
      <c r="AQ2569">
        <v>0</v>
      </c>
      <c r="AR2569">
        <v>0</v>
      </c>
      <c r="AS2569">
        <v>0</v>
      </c>
      <c r="AT2569">
        <v>0</v>
      </c>
      <c r="AU2569">
        <v>0</v>
      </c>
      <c r="AV2569">
        <v>0</v>
      </c>
      <c r="AW2569">
        <v>0</v>
      </c>
      <c r="AX2569">
        <v>950</v>
      </c>
      <c r="AY2569">
        <v>54</v>
      </c>
      <c r="AZ2569">
        <v>120</v>
      </c>
      <c r="BA2569">
        <v>8114</v>
      </c>
    </row>
    <row r="2570" spans="1:53" x14ac:dyDescent="0.4">
      <c r="A2570">
        <v>2614</v>
      </c>
      <c r="B2570" s="1">
        <v>43654</v>
      </c>
      <c r="C2570">
        <v>1</v>
      </c>
      <c r="D2570" s="1">
        <v>43654.291666666664</v>
      </c>
      <c r="E2570" s="1">
        <v>43654.450694444444</v>
      </c>
      <c r="F2570">
        <v>0</v>
      </c>
      <c r="G2570">
        <v>0</v>
      </c>
      <c r="H2570">
        <v>0</v>
      </c>
      <c r="I2570">
        <v>0</v>
      </c>
      <c r="J2570">
        <v>0</v>
      </c>
      <c r="K2570">
        <v>0</v>
      </c>
      <c r="L2570">
        <v>0</v>
      </c>
      <c r="M2570">
        <v>0</v>
      </c>
      <c r="N2570">
        <v>0</v>
      </c>
      <c r="O2570">
        <v>0</v>
      </c>
      <c r="P2570">
        <v>0</v>
      </c>
      <c r="Q2570">
        <v>0</v>
      </c>
      <c r="R2570">
        <v>0</v>
      </c>
      <c r="S2570">
        <v>0</v>
      </c>
      <c r="T2570">
        <v>0</v>
      </c>
      <c r="U2570">
        <v>0</v>
      </c>
      <c r="V2570">
        <v>0</v>
      </c>
      <c r="W2570">
        <v>0</v>
      </c>
      <c r="X2570">
        <v>0</v>
      </c>
      <c r="Y2570">
        <v>27</v>
      </c>
      <c r="Z2570">
        <v>18</v>
      </c>
      <c r="AA2570">
        <v>111</v>
      </c>
      <c r="AB2570">
        <v>27</v>
      </c>
      <c r="AC2570">
        <v>115</v>
      </c>
      <c r="AD2570">
        <v>69</v>
      </c>
      <c r="AE2570">
        <v>55</v>
      </c>
      <c r="AF2570">
        <v>0</v>
      </c>
      <c r="AG2570">
        <v>50000</v>
      </c>
      <c r="AH2570">
        <v>0</v>
      </c>
      <c r="AI2570">
        <v>50000</v>
      </c>
      <c r="AJ2570">
        <v>0</v>
      </c>
      <c r="AK2570" t="s">
        <v>6</v>
      </c>
      <c r="AL2570">
        <v>0</v>
      </c>
      <c r="AM2570">
        <v>0</v>
      </c>
      <c r="AN2570">
        <v>0</v>
      </c>
      <c r="AO2570">
        <v>0</v>
      </c>
      <c r="AP2570">
        <v>0</v>
      </c>
      <c r="AQ2570">
        <v>0</v>
      </c>
      <c r="AR2570">
        <v>0</v>
      </c>
      <c r="AS2570">
        <v>0</v>
      </c>
      <c r="AT2570">
        <v>0</v>
      </c>
      <c r="AU2570">
        <v>0</v>
      </c>
      <c r="AV2570">
        <v>0</v>
      </c>
      <c r="AW2570">
        <v>0</v>
      </c>
      <c r="AX2570">
        <v>0</v>
      </c>
      <c r="AY2570">
        <v>0</v>
      </c>
      <c r="AZ2570">
        <v>0</v>
      </c>
      <c r="BA2570">
        <v>0</v>
      </c>
    </row>
    <row r="2571" spans="1:53" x14ac:dyDescent="0.4">
      <c r="A2571">
        <v>2615</v>
      </c>
      <c r="B2571" s="1">
        <v>43655</v>
      </c>
      <c r="C2571">
        <v>1</v>
      </c>
      <c r="D2571" s="1">
        <v>43655.291666666664</v>
      </c>
      <c r="E2571" s="1">
        <v>43655.440972222219</v>
      </c>
      <c r="F2571">
        <v>0</v>
      </c>
      <c r="G2571">
        <v>0</v>
      </c>
      <c r="H2571">
        <v>0</v>
      </c>
      <c r="I2571">
        <v>0</v>
      </c>
      <c r="J2571">
        <v>0</v>
      </c>
      <c r="K2571">
        <v>0</v>
      </c>
      <c r="L2571">
        <v>0</v>
      </c>
      <c r="M2571">
        <v>0</v>
      </c>
      <c r="N2571">
        <v>0</v>
      </c>
      <c r="O2571">
        <v>0</v>
      </c>
      <c r="P2571">
        <v>0</v>
      </c>
      <c r="Q2571">
        <v>0</v>
      </c>
      <c r="R2571">
        <v>0</v>
      </c>
      <c r="S2571">
        <v>0</v>
      </c>
      <c r="T2571">
        <v>0</v>
      </c>
      <c r="U2571">
        <v>0</v>
      </c>
      <c r="V2571">
        <v>0</v>
      </c>
      <c r="W2571">
        <v>1</v>
      </c>
      <c r="X2571">
        <v>0</v>
      </c>
      <c r="Y2571">
        <v>27</v>
      </c>
      <c r="Z2571">
        <v>10</v>
      </c>
      <c r="AA2571">
        <v>93</v>
      </c>
      <c r="AB2571">
        <v>39</v>
      </c>
      <c r="AC2571">
        <v>132</v>
      </c>
      <c r="AD2571">
        <v>75</v>
      </c>
      <c r="AE2571">
        <v>55</v>
      </c>
      <c r="AF2571">
        <v>0</v>
      </c>
      <c r="AG2571">
        <v>50000</v>
      </c>
      <c r="AH2571">
        <v>50000</v>
      </c>
      <c r="AI2571">
        <v>0</v>
      </c>
      <c r="AJ2571">
        <v>0</v>
      </c>
      <c r="AK2571" t="s">
        <v>6</v>
      </c>
      <c r="AL2571">
        <v>0</v>
      </c>
      <c r="AM2571">
        <v>0</v>
      </c>
      <c r="AN2571">
        <v>0</v>
      </c>
      <c r="AO2571">
        <v>0</v>
      </c>
      <c r="AP2571">
        <v>0</v>
      </c>
      <c r="AQ2571">
        <v>0</v>
      </c>
      <c r="AR2571">
        <v>0</v>
      </c>
      <c r="AS2571">
        <v>0</v>
      </c>
      <c r="AT2571">
        <v>0</v>
      </c>
      <c r="AU2571">
        <v>0</v>
      </c>
      <c r="AV2571">
        <v>0</v>
      </c>
      <c r="AW2571">
        <v>0</v>
      </c>
      <c r="AX2571">
        <v>0</v>
      </c>
      <c r="AY2571">
        <v>0</v>
      </c>
      <c r="AZ2571">
        <v>0</v>
      </c>
      <c r="BA2571">
        <v>0</v>
      </c>
    </row>
    <row r="2572" spans="1:53" x14ac:dyDescent="0.4">
      <c r="A2572">
        <v>2616</v>
      </c>
      <c r="B2572" s="1">
        <v>43655</v>
      </c>
      <c r="C2572">
        <v>2</v>
      </c>
      <c r="D2572" s="1">
        <v>43655.440972222219</v>
      </c>
      <c r="E2572" s="1">
        <v>43655.743055555555</v>
      </c>
      <c r="F2572">
        <v>27000</v>
      </c>
      <c r="G2572">
        <v>2560</v>
      </c>
      <c r="H2572">
        <v>200</v>
      </c>
      <c r="I2572">
        <v>0</v>
      </c>
      <c r="J2572">
        <v>0</v>
      </c>
      <c r="K2572">
        <v>0</v>
      </c>
      <c r="L2572">
        <v>0</v>
      </c>
      <c r="M2572">
        <v>2380</v>
      </c>
      <c r="N2572">
        <v>0</v>
      </c>
      <c r="O2572">
        <v>0</v>
      </c>
      <c r="P2572">
        <v>13770</v>
      </c>
      <c r="Q2572">
        <v>0</v>
      </c>
      <c r="R2572">
        <v>45910</v>
      </c>
      <c r="S2572">
        <v>0</v>
      </c>
      <c r="T2572">
        <v>0</v>
      </c>
      <c r="U2572">
        <v>0</v>
      </c>
      <c r="V2572">
        <v>0</v>
      </c>
      <c r="W2572">
        <v>3</v>
      </c>
      <c r="X2572">
        <v>0</v>
      </c>
      <c r="Y2572">
        <v>54</v>
      </c>
      <c r="Z2572">
        <v>21</v>
      </c>
      <c r="AA2572">
        <v>105</v>
      </c>
      <c r="AB2572">
        <v>36</v>
      </c>
      <c r="AC2572">
        <v>211</v>
      </c>
      <c r="AD2572">
        <v>74</v>
      </c>
      <c r="AE2572">
        <v>50</v>
      </c>
      <c r="AF2572">
        <v>540</v>
      </c>
      <c r="AG2572">
        <v>94870</v>
      </c>
      <c r="AH2572">
        <v>50000</v>
      </c>
      <c r="AI2572">
        <v>-1040</v>
      </c>
      <c r="AJ2572">
        <v>97</v>
      </c>
      <c r="AK2572" t="s">
        <v>33</v>
      </c>
      <c r="AL2572">
        <v>0</v>
      </c>
      <c r="AM2572">
        <v>0</v>
      </c>
      <c r="AN2572">
        <v>0</v>
      </c>
      <c r="AO2572">
        <v>0</v>
      </c>
      <c r="AP2572">
        <v>0</v>
      </c>
      <c r="AQ2572">
        <v>0</v>
      </c>
      <c r="AR2572">
        <v>0</v>
      </c>
      <c r="AS2572">
        <v>0</v>
      </c>
      <c r="AT2572">
        <v>0</v>
      </c>
      <c r="AU2572">
        <v>0</v>
      </c>
      <c r="AV2572">
        <v>0</v>
      </c>
      <c r="AW2572">
        <v>0</v>
      </c>
      <c r="AX2572">
        <v>-540</v>
      </c>
      <c r="AY2572">
        <v>37</v>
      </c>
      <c r="AZ2572">
        <v>80</v>
      </c>
      <c r="BA2572">
        <v>5100</v>
      </c>
    </row>
    <row r="2573" spans="1:53" x14ac:dyDescent="0.4">
      <c r="A2573">
        <v>2617</v>
      </c>
      <c r="B2573" s="1">
        <v>43656</v>
      </c>
      <c r="C2573">
        <v>1</v>
      </c>
      <c r="D2573" s="1">
        <v>43656.291666666664</v>
      </c>
      <c r="E2573" s="1">
        <v>43656.445138888892</v>
      </c>
      <c r="F2573">
        <v>0</v>
      </c>
      <c r="G2573">
        <v>0</v>
      </c>
      <c r="H2573">
        <v>0</v>
      </c>
      <c r="I2573">
        <v>0</v>
      </c>
      <c r="J2573">
        <v>0</v>
      </c>
      <c r="K2573">
        <v>0</v>
      </c>
      <c r="L2573">
        <v>0</v>
      </c>
      <c r="M2573">
        <v>0</v>
      </c>
      <c r="N2573">
        <v>0</v>
      </c>
      <c r="O2573">
        <v>0</v>
      </c>
      <c r="P2573">
        <v>0</v>
      </c>
      <c r="Q2573">
        <v>0</v>
      </c>
      <c r="R2573">
        <v>0</v>
      </c>
      <c r="S2573">
        <v>0</v>
      </c>
      <c r="T2573">
        <v>0</v>
      </c>
      <c r="U2573">
        <v>0</v>
      </c>
      <c r="V2573">
        <v>0</v>
      </c>
      <c r="W2573">
        <v>1</v>
      </c>
      <c r="X2573">
        <v>0</v>
      </c>
      <c r="Y2573">
        <v>28</v>
      </c>
      <c r="Z2573">
        <v>10</v>
      </c>
      <c r="AA2573">
        <v>90</v>
      </c>
      <c r="AB2573">
        <v>31</v>
      </c>
      <c r="AC2573">
        <v>105</v>
      </c>
      <c r="AD2573">
        <v>74</v>
      </c>
      <c r="AE2573">
        <v>30</v>
      </c>
      <c r="AF2573">
        <v>0</v>
      </c>
      <c r="AG2573">
        <v>50000</v>
      </c>
      <c r="AH2573">
        <v>50000</v>
      </c>
      <c r="AI2573">
        <v>0</v>
      </c>
      <c r="AJ2573">
        <v>0</v>
      </c>
      <c r="AK2573" t="s">
        <v>6</v>
      </c>
      <c r="AL2573">
        <v>0</v>
      </c>
      <c r="AM2573">
        <v>0</v>
      </c>
      <c r="AN2573">
        <v>0</v>
      </c>
      <c r="AO2573">
        <v>0</v>
      </c>
      <c r="AP2573">
        <v>0</v>
      </c>
      <c r="AQ2573">
        <v>0</v>
      </c>
      <c r="AR2573">
        <v>0</v>
      </c>
      <c r="AS2573">
        <v>0</v>
      </c>
      <c r="AT2573">
        <v>0</v>
      </c>
      <c r="AU2573">
        <v>0</v>
      </c>
      <c r="AV2573">
        <v>0</v>
      </c>
      <c r="AW2573">
        <v>0</v>
      </c>
      <c r="AX2573">
        <v>0</v>
      </c>
      <c r="AY2573">
        <v>0</v>
      </c>
      <c r="AZ2573">
        <v>0</v>
      </c>
      <c r="BA2573">
        <v>0</v>
      </c>
    </row>
    <row r="2574" spans="1:53" x14ac:dyDescent="0.4">
      <c r="A2574">
        <v>2618</v>
      </c>
      <c r="B2574" s="1">
        <v>43656</v>
      </c>
      <c r="C2574">
        <v>2</v>
      </c>
      <c r="D2574" s="1">
        <v>43656.445138888892</v>
      </c>
      <c r="E2574" s="1">
        <v>43656.737500000003</v>
      </c>
      <c r="F2574">
        <v>11500</v>
      </c>
      <c r="G2574">
        <v>500</v>
      </c>
      <c r="H2574">
        <v>200</v>
      </c>
      <c r="I2574">
        <v>0</v>
      </c>
      <c r="J2574">
        <v>0</v>
      </c>
      <c r="K2574">
        <v>0</v>
      </c>
      <c r="L2574">
        <v>0</v>
      </c>
      <c r="M2574">
        <v>976</v>
      </c>
      <c r="N2574">
        <v>0</v>
      </c>
      <c r="O2574">
        <v>0</v>
      </c>
      <c r="P2574">
        <v>18360</v>
      </c>
      <c r="Q2574">
        <v>0</v>
      </c>
      <c r="R2574">
        <v>31536</v>
      </c>
      <c r="S2574">
        <v>0</v>
      </c>
      <c r="T2574">
        <v>0</v>
      </c>
      <c r="U2574">
        <v>0</v>
      </c>
      <c r="V2574">
        <v>2</v>
      </c>
      <c r="W2574">
        <v>0</v>
      </c>
      <c r="X2574">
        <v>0</v>
      </c>
      <c r="Y2574">
        <v>41</v>
      </c>
      <c r="Z2574">
        <v>24</v>
      </c>
      <c r="AA2574">
        <v>61</v>
      </c>
      <c r="AB2574">
        <v>23</v>
      </c>
      <c r="AC2574">
        <v>135</v>
      </c>
      <c r="AD2574">
        <v>73</v>
      </c>
      <c r="AE2574">
        <v>31</v>
      </c>
      <c r="AF2574">
        <v>0</v>
      </c>
      <c r="AG2574">
        <v>81996</v>
      </c>
      <c r="AH2574">
        <v>50000</v>
      </c>
      <c r="AI2574">
        <v>460</v>
      </c>
      <c r="AJ2574">
        <v>97</v>
      </c>
      <c r="AK2574" t="s">
        <v>33</v>
      </c>
      <c r="AL2574">
        <v>0</v>
      </c>
      <c r="AM2574">
        <v>0</v>
      </c>
      <c r="AN2574">
        <v>0</v>
      </c>
      <c r="AO2574">
        <v>0</v>
      </c>
      <c r="AP2574">
        <v>0</v>
      </c>
      <c r="AQ2574">
        <v>0</v>
      </c>
      <c r="AR2574">
        <v>0</v>
      </c>
      <c r="AS2574">
        <v>0</v>
      </c>
      <c r="AT2574">
        <v>0</v>
      </c>
      <c r="AU2574">
        <v>0</v>
      </c>
      <c r="AV2574">
        <v>0</v>
      </c>
      <c r="AW2574">
        <v>0</v>
      </c>
      <c r="AX2574">
        <v>-130</v>
      </c>
      <c r="AY2574">
        <v>35</v>
      </c>
      <c r="AZ2574">
        <v>57</v>
      </c>
      <c r="BA2574">
        <v>4302</v>
      </c>
    </row>
    <row r="2575" spans="1:53" x14ac:dyDescent="0.4">
      <c r="A2575">
        <v>2619</v>
      </c>
      <c r="B2575" s="1">
        <v>43657</v>
      </c>
      <c r="C2575">
        <v>1</v>
      </c>
      <c r="D2575" s="1">
        <v>43657.291666666664</v>
      </c>
      <c r="E2575" s="1">
        <v>43657.450694444444</v>
      </c>
      <c r="F2575">
        <v>0</v>
      </c>
      <c r="G2575">
        <v>0</v>
      </c>
      <c r="H2575">
        <v>0</v>
      </c>
      <c r="I2575">
        <v>0</v>
      </c>
      <c r="J2575">
        <v>0</v>
      </c>
      <c r="K2575">
        <v>0</v>
      </c>
      <c r="L2575">
        <v>0</v>
      </c>
      <c r="M2575">
        <v>0</v>
      </c>
      <c r="N2575">
        <v>0</v>
      </c>
      <c r="O2575">
        <v>0</v>
      </c>
      <c r="P2575">
        <v>0</v>
      </c>
      <c r="Q2575">
        <v>0</v>
      </c>
      <c r="R2575">
        <v>0</v>
      </c>
      <c r="S2575">
        <v>0</v>
      </c>
      <c r="T2575">
        <v>0</v>
      </c>
      <c r="U2575">
        <v>0</v>
      </c>
      <c r="V2575">
        <v>0</v>
      </c>
      <c r="W2575">
        <v>0</v>
      </c>
      <c r="X2575">
        <v>0</v>
      </c>
      <c r="Y2575">
        <v>30</v>
      </c>
      <c r="Z2575">
        <v>12</v>
      </c>
      <c r="AA2575">
        <v>107</v>
      </c>
      <c r="AB2575">
        <v>30</v>
      </c>
      <c r="AC2575">
        <v>139</v>
      </c>
      <c r="AD2575">
        <v>73</v>
      </c>
      <c r="AE2575">
        <v>45</v>
      </c>
      <c r="AF2575">
        <v>0</v>
      </c>
      <c r="AG2575">
        <v>50000</v>
      </c>
      <c r="AH2575">
        <v>0</v>
      </c>
      <c r="AI2575">
        <v>50000</v>
      </c>
      <c r="AJ2575">
        <v>0</v>
      </c>
      <c r="AK2575" t="s">
        <v>6</v>
      </c>
      <c r="AL2575">
        <v>0</v>
      </c>
      <c r="AM2575">
        <v>0</v>
      </c>
      <c r="AN2575">
        <v>0</v>
      </c>
      <c r="AO2575">
        <v>0</v>
      </c>
      <c r="AP2575">
        <v>0</v>
      </c>
      <c r="AQ2575">
        <v>0</v>
      </c>
      <c r="AR2575">
        <v>0</v>
      </c>
      <c r="AS2575">
        <v>0</v>
      </c>
      <c r="AT2575">
        <v>0</v>
      </c>
      <c r="AU2575">
        <v>0</v>
      </c>
      <c r="AV2575">
        <v>0</v>
      </c>
      <c r="AW2575">
        <v>0</v>
      </c>
      <c r="AX2575">
        <v>0</v>
      </c>
      <c r="AY2575">
        <v>0</v>
      </c>
      <c r="AZ2575">
        <v>0</v>
      </c>
      <c r="BA2575">
        <v>0</v>
      </c>
    </row>
    <row r="2576" spans="1:53" x14ac:dyDescent="0.4">
      <c r="A2576">
        <v>2620</v>
      </c>
      <c r="B2576" s="1">
        <v>43657</v>
      </c>
      <c r="C2576">
        <v>2</v>
      </c>
      <c r="D2576" s="1">
        <v>43657.450694444444</v>
      </c>
      <c r="E2576" s="1">
        <v>43657.756944444445</v>
      </c>
      <c r="F2576">
        <v>20500</v>
      </c>
      <c r="G2576">
        <v>800</v>
      </c>
      <c r="H2576">
        <v>200</v>
      </c>
      <c r="I2576">
        <v>0</v>
      </c>
      <c r="J2576">
        <v>0</v>
      </c>
      <c r="K2576">
        <v>0</v>
      </c>
      <c r="L2576">
        <v>0</v>
      </c>
      <c r="M2576">
        <v>1720</v>
      </c>
      <c r="N2576">
        <v>0</v>
      </c>
      <c r="O2576">
        <v>0</v>
      </c>
      <c r="P2576">
        <v>20520</v>
      </c>
      <c r="Q2576">
        <v>0</v>
      </c>
      <c r="R2576">
        <v>43740</v>
      </c>
      <c r="S2576">
        <v>0</v>
      </c>
      <c r="T2576">
        <v>0</v>
      </c>
      <c r="U2576">
        <v>0</v>
      </c>
      <c r="V2576">
        <v>0</v>
      </c>
      <c r="W2576">
        <v>1</v>
      </c>
      <c r="X2576">
        <v>0</v>
      </c>
      <c r="Y2576">
        <v>54</v>
      </c>
      <c r="Z2576">
        <v>32</v>
      </c>
      <c r="AA2576">
        <v>147</v>
      </c>
      <c r="AB2576">
        <v>23</v>
      </c>
      <c r="AC2576">
        <v>194</v>
      </c>
      <c r="AD2576">
        <v>72</v>
      </c>
      <c r="AE2576">
        <v>50</v>
      </c>
      <c r="AF2576">
        <v>540</v>
      </c>
      <c r="AG2576">
        <v>93740</v>
      </c>
      <c r="AH2576">
        <v>50000</v>
      </c>
      <c r="AI2576">
        <v>0</v>
      </c>
      <c r="AJ2576">
        <v>96</v>
      </c>
      <c r="AK2576" t="s">
        <v>4</v>
      </c>
      <c r="AL2576">
        <v>0</v>
      </c>
      <c r="AM2576">
        <v>0</v>
      </c>
      <c r="AN2576">
        <v>0</v>
      </c>
      <c r="AO2576">
        <v>0</v>
      </c>
      <c r="AP2576">
        <v>0</v>
      </c>
      <c r="AQ2576">
        <v>0</v>
      </c>
      <c r="AR2576">
        <v>0</v>
      </c>
      <c r="AS2576">
        <v>0</v>
      </c>
      <c r="AT2576">
        <v>0</v>
      </c>
      <c r="AU2576">
        <v>0</v>
      </c>
      <c r="AV2576">
        <v>0</v>
      </c>
      <c r="AW2576">
        <v>0</v>
      </c>
      <c r="AX2576">
        <v>2527</v>
      </c>
      <c r="AY2576">
        <v>40</v>
      </c>
      <c r="AZ2576">
        <v>76</v>
      </c>
      <c r="BA2576">
        <v>5723</v>
      </c>
    </row>
    <row r="2577" spans="1:53" x14ac:dyDescent="0.4">
      <c r="A2577">
        <v>2621</v>
      </c>
      <c r="B2577" s="1">
        <v>43657</v>
      </c>
      <c r="C2577">
        <v>3</v>
      </c>
      <c r="D2577" s="1">
        <v>43657.756944444445</v>
      </c>
      <c r="E2577" s="1">
        <v>43657.959722222222</v>
      </c>
      <c r="F2577">
        <v>47400</v>
      </c>
      <c r="G2577">
        <v>3180</v>
      </c>
      <c r="H2577">
        <v>0</v>
      </c>
      <c r="I2577">
        <v>0</v>
      </c>
      <c r="J2577">
        <v>0</v>
      </c>
      <c r="K2577">
        <v>0</v>
      </c>
      <c r="L2577">
        <v>0</v>
      </c>
      <c r="M2577">
        <v>4046</v>
      </c>
      <c r="N2577">
        <v>0</v>
      </c>
      <c r="O2577">
        <v>0</v>
      </c>
      <c r="P2577">
        <v>-20520</v>
      </c>
      <c r="Q2577">
        <v>0</v>
      </c>
      <c r="R2577">
        <v>34106</v>
      </c>
      <c r="S2577">
        <v>0</v>
      </c>
      <c r="T2577">
        <v>0</v>
      </c>
      <c r="U2577">
        <v>0</v>
      </c>
      <c r="V2577">
        <v>4</v>
      </c>
      <c r="W2577">
        <v>0</v>
      </c>
      <c r="X2577">
        <v>0</v>
      </c>
      <c r="Y2577">
        <v>51</v>
      </c>
      <c r="Z2577">
        <v>30</v>
      </c>
      <c r="AA2577">
        <v>141</v>
      </c>
      <c r="AB2577">
        <v>25</v>
      </c>
      <c r="AC2577">
        <v>204</v>
      </c>
      <c r="AD2577">
        <v>73</v>
      </c>
      <c r="AE2577">
        <v>51</v>
      </c>
      <c r="AF2577">
        <v>4050</v>
      </c>
      <c r="AG2577">
        <v>127856</v>
      </c>
      <c r="AH2577">
        <v>50000</v>
      </c>
      <c r="AI2577">
        <v>10</v>
      </c>
      <c r="AJ2577">
        <v>108</v>
      </c>
      <c r="AK2577" t="s">
        <v>30</v>
      </c>
      <c r="AL2577">
        <v>0</v>
      </c>
      <c r="AM2577">
        <v>0</v>
      </c>
      <c r="AN2577">
        <v>0</v>
      </c>
      <c r="AO2577">
        <v>0</v>
      </c>
      <c r="AP2577">
        <v>0</v>
      </c>
      <c r="AQ2577">
        <v>0</v>
      </c>
      <c r="AR2577">
        <v>0</v>
      </c>
      <c r="AS2577">
        <v>0</v>
      </c>
      <c r="AT2577">
        <v>0</v>
      </c>
      <c r="AU2577">
        <v>0</v>
      </c>
      <c r="AV2577">
        <v>0</v>
      </c>
      <c r="AW2577">
        <v>0</v>
      </c>
      <c r="AX2577">
        <v>25326</v>
      </c>
      <c r="AY2577">
        <v>13</v>
      </c>
      <c r="AZ2577">
        <v>43</v>
      </c>
      <c r="BA2577">
        <v>2174</v>
      </c>
    </row>
    <row r="2578" spans="1:53" x14ac:dyDescent="0.4">
      <c r="A2578">
        <v>2622</v>
      </c>
      <c r="B2578" s="1">
        <v>43658</v>
      </c>
      <c r="C2578">
        <v>1</v>
      </c>
      <c r="D2578" s="1">
        <v>43658.291666666664</v>
      </c>
      <c r="E2578" s="1">
        <v>43658.45416666667</v>
      </c>
      <c r="F2578">
        <v>0</v>
      </c>
      <c r="G2578">
        <v>0</v>
      </c>
      <c r="H2578">
        <v>0</v>
      </c>
      <c r="I2578">
        <v>0</v>
      </c>
      <c r="J2578">
        <v>0</v>
      </c>
      <c r="K2578">
        <v>0</v>
      </c>
      <c r="L2578">
        <v>0</v>
      </c>
      <c r="M2578">
        <v>0</v>
      </c>
      <c r="N2578">
        <v>0</v>
      </c>
      <c r="O2578">
        <v>0</v>
      </c>
      <c r="P2578">
        <v>0</v>
      </c>
      <c r="Q2578">
        <v>0</v>
      </c>
      <c r="R2578">
        <v>0</v>
      </c>
      <c r="S2578">
        <v>0</v>
      </c>
      <c r="T2578">
        <v>0</v>
      </c>
      <c r="U2578">
        <v>0</v>
      </c>
      <c r="V2578">
        <v>0</v>
      </c>
      <c r="W2578">
        <v>0</v>
      </c>
      <c r="X2578">
        <v>0</v>
      </c>
      <c r="Y2578">
        <v>31</v>
      </c>
      <c r="Z2578">
        <v>11</v>
      </c>
      <c r="AA2578">
        <v>104</v>
      </c>
      <c r="AB2578">
        <v>25</v>
      </c>
      <c r="AC2578">
        <v>145</v>
      </c>
      <c r="AD2578">
        <v>71</v>
      </c>
      <c r="AE2578">
        <v>45</v>
      </c>
      <c r="AF2578">
        <v>0</v>
      </c>
      <c r="AG2578">
        <v>50000</v>
      </c>
      <c r="AH2578">
        <v>0</v>
      </c>
      <c r="AI2578">
        <v>50000</v>
      </c>
      <c r="AJ2578">
        <v>0</v>
      </c>
      <c r="AK2578" t="s">
        <v>6</v>
      </c>
      <c r="AL2578">
        <v>0</v>
      </c>
      <c r="AM2578">
        <v>0</v>
      </c>
      <c r="AN2578">
        <v>0</v>
      </c>
      <c r="AO2578">
        <v>0</v>
      </c>
      <c r="AP2578">
        <v>0</v>
      </c>
      <c r="AQ2578">
        <v>0</v>
      </c>
      <c r="AR2578">
        <v>0</v>
      </c>
      <c r="AS2578">
        <v>0</v>
      </c>
      <c r="AT2578">
        <v>0</v>
      </c>
      <c r="AU2578">
        <v>0</v>
      </c>
      <c r="AV2578">
        <v>0</v>
      </c>
      <c r="AW2578">
        <v>0</v>
      </c>
      <c r="AX2578">
        <v>0</v>
      </c>
      <c r="AY2578">
        <v>0</v>
      </c>
      <c r="AZ2578">
        <v>0</v>
      </c>
      <c r="BA2578">
        <v>0</v>
      </c>
    </row>
    <row r="2579" spans="1:53" x14ac:dyDescent="0.4">
      <c r="A2579">
        <v>2623</v>
      </c>
      <c r="B2579" s="1">
        <v>43658</v>
      </c>
      <c r="C2579">
        <v>2</v>
      </c>
      <c r="D2579" s="1">
        <v>43658.45416666667</v>
      </c>
      <c r="E2579" s="1">
        <v>43658.725694444445</v>
      </c>
      <c r="F2579">
        <v>16000</v>
      </c>
      <c r="G2579">
        <v>1060</v>
      </c>
      <c r="H2579">
        <v>200</v>
      </c>
      <c r="I2579">
        <v>0</v>
      </c>
      <c r="J2579">
        <v>0</v>
      </c>
      <c r="K2579">
        <v>0</v>
      </c>
      <c r="L2579">
        <v>0</v>
      </c>
      <c r="M2579">
        <v>1380</v>
      </c>
      <c r="N2579">
        <v>0</v>
      </c>
      <c r="O2579">
        <v>0</v>
      </c>
      <c r="P2579">
        <v>20520</v>
      </c>
      <c r="Q2579">
        <v>0</v>
      </c>
      <c r="R2579">
        <v>39160</v>
      </c>
      <c r="S2579">
        <v>0</v>
      </c>
      <c r="T2579">
        <v>0</v>
      </c>
      <c r="U2579">
        <v>0</v>
      </c>
      <c r="V2579">
        <v>0</v>
      </c>
      <c r="W2579">
        <v>0</v>
      </c>
      <c r="X2579">
        <v>0</v>
      </c>
      <c r="Y2579">
        <v>60</v>
      </c>
      <c r="Z2579">
        <v>28</v>
      </c>
      <c r="AA2579">
        <v>119</v>
      </c>
      <c r="AB2579">
        <v>17</v>
      </c>
      <c r="AC2579">
        <v>197</v>
      </c>
      <c r="AD2579">
        <v>76</v>
      </c>
      <c r="AE2579">
        <v>60</v>
      </c>
      <c r="AF2579">
        <v>0</v>
      </c>
      <c r="AG2579">
        <v>89160</v>
      </c>
      <c r="AH2579">
        <v>50000</v>
      </c>
      <c r="AI2579">
        <v>0</v>
      </c>
      <c r="AJ2579">
        <v>96</v>
      </c>
      <c r="AK2579" t="s">
        <v>4</v>
      </c>
      <c r="AL2579">
        <v>0</v>
      </c>
      <c r="AM2579">
        <v>0</v>
      </c>
      <c r="AN2579">
        <v>0</v>
      </c>
      <c r="AO2579">
        <v>0</v>
      </c>
      <c r="AP2579">
        <v>0</v>
      </c>
      <c r="AQ2579">
        <v>0</v>
      </c>
      <c r="AR2579">
        <v>0</v>
      </c>
      <c r="AS2579">
        <v>0</v>
      </c>
      <c r="AT2579">
        <v>0</v>
      </c>
      <c r="AU2579">
        <v>0</v>
      </c>
      <c r="AV2579">
        <v>0</v>
      </c>
      <c r="AW2579">
        <v>0</v>
      </c>
      <c r="AX2579">
        <v>-1080</v>
      </c>
      <c r="AY2579">
        <v>40</v>
      </c>
      <c r="AZ2579">
        <v>70</v>
      </c>
      <c r="BA2579">
        <v>5203</v>
      </c>
    </row>
    <row r="2580" spans="1:53" x14ac:dyDescent="0.4">
      <c r="A2580">
        <v>2624</v>
      </c>
      <c r="B2580" s="1">
        <v>43658</v>
      </c>
      <c r="C2580">
        <v>3</v>
      </c>
      <c r="D2580" s="1">
        <v>43658.725694444445</v>
      </c>
      <c r="E2580" s="1">
        <v>43658.955555555556</v>
      </c>
      <c r="F2580">
        <v>78660</v>
      </c>
      <c r="G2580">
        <v>4060</v>
      </c>
      <c r="H2580">
        <v>0</v>
      </c>
      <c r="I2580">
        <v>0</v>
      </c>
      <c r="J2580">
        <v>0</v>
      </c>
      <c r="K2580">
        <v>0</v>
      </c>
      <c r="L2580">
        <v>0</v>
      </c>
      <c r="M2580">
        <v>6618</v>
      </c>
      <c r="N2580">
        <v>0</v>
      </c>
      <c r="O2580">
        <v>0</v>
      </c>
      <c r="P2580">
        <v>-20520</v>
      </c>
      <c r="Q2580">
        <v>0</v>
      </c>
      <c r="R2580">
        <v>68818</v>
      </c>
      <c r="S2580">
        <v>0</v>
      </c>
      <c r="T2580">
        <v>0</v>
      </c>
      <c r="U2580">
        <v>0</v>
      </c>
      <c r="V2580">
        <v>5</v>
      </c>
      <c r="W2580">
        <v>3</v>
      </c>
      <c r="X2580">
        <v>0</v>
      </c>
      <c r="Y2580">
        <v>62</v>
      </c>
      <c r="Z2580">
        <v>27</v>
      </c>
      <c r="AA2580">
        <v>123</v>
      </c>
      <c r="AB2580">
        <v>16</v>
      </c>
      <c r="AC2580">
        <v>183</v>
      </c>
      <c r="AD2580">
        <v>75</v>
      </c>
      <c r="AE2580">
        <v>56</v>
      </c>
      <c r="AF2580">
        <v>2117</v>
      </c>
      <c r="AG2580">
        <v>157978</v>
      </c>
      <c r="AH2580">
        <v>50000</v>
      </c>
      <c r="AI2580">
        <v>0</v>
      </c>
      <c r="AJ2580">
        <v>108</v>
      </c>
      <c r="AK2580" t="s">
        <v>30</v>
      </c>
      <c r="AL2580">
        <v>0</v>
      </c>
      <c r="AM2580">
        <v>0</v>
      </c>
      <c r="AN2580">
        <v>0</v>
      </c>
      <c r="AO2580">
        <v>0</v>
      </c>
      <c r="AP2580">
        <v>0</v>
      </c>
      <c r="AQ2580">
        <v>0</v>
      </c>
      <c r="AR2580">
        <v>0</v>
      </c>
      <c r="AS2580">
        <v>0</v>
      </c>
      <c r="AT2580">
        <v>0</v>
      </c>
      <c r="AU2580">
        <v>0</v>
      </c>
      <c r="AV2580">
        <v>0</v>
      </c>
      <c r="AW2580">
        <v>0</v>
      </c>
      <c r="AX2580">
        <v>88106</v>
      </c>
      <c r="AY2580">
        <v>22</v>
      </c>
      <c r="AZ2580">
        <v>97</v>
      </c>
      <c r="BA2580">
        <v>3628</v>
      </c>
    </row>
    <row r="2581" spans="1:53" x14ac:dyDescent="0.4">
      <c r="A2581">
        <v>2625</v>
      </c>
      <c r="B2581" s="1">
        <v>43659</v>
      </c>
      <c r="C2581">
        <v>1</v>
      </c>
      <c r="D2581" s="1">
        <v>43659.291666666664</v>
      </c>
      <c r="E2581" s="1">
        <v>43659.412499999999</v>
      </c>
      <c r="F2581">
        <v>0</v>
      </c>
      <c r="G2581">
        <v>0</v>
      </c>
      <c r="H2581">
        <v>0</v>
      </c>
      <c r="I2581">
        <v>0</v>
      </c>
      <c r="J2581">
        <v>0</v>
      </c>
      <c r="K2581">
        <v>0</v>
      </c>
      <c r="L2581">
        <v>0</v>
      </c>
      <c r="M2581">
        <v>0</v>
      </c>
      <c r="N2581">
        <v>0</v>
      </c>
      <c r="O2581">
        <v>0</v>
      </c>
      <c r="P2581">
        <v>0</v>
      </c>
      <c r="Q2581">
        <v>0</v>
      </c>
      <c r="R2581">
        <v>0</v>
      </c>
      <c r="S2581">
        <v>0</v>
      </c>
      <c r="T2581">
        <v>0</v>
      </c>
      <c r="U2581">
        <v>0</v>
      </c>
      <c r="V2581">
        <v>0</v>
      </c>
      <c r="W2581">
        <v>0</v>
      </c>
      <c r="X2581">
        <v>0</v>
      </c>
      <c r="Y2581">
        <v>33</v>
      </c>
      <c r="Z2581">
        <v>10</v>
      </c>
      <c r="AA2581">
        <v>101</v>
      </c>
      <c r="AB2581">
        <v>9</v>
      </c>
      <c r="AC2581">
        <v>103</v>
      </c>
      <c r="AD2581">
        <v>73</v>
      </c>
      <c r="AE2581">
        <v>55</v>
      </c>
      <c r="AF2581">
        <v>0</v>
      </c>
      <c r="AG2581">
        <v>50000</v>
      </c>
      <c r="AH2581">
        <v>50000</v>
      </c>
      <c r="AI2581">
        <v>0</v>
      </c>
      <c r="AJ2581">
        <v>0</v>
      </c>
      <c r="AK2581" t="s">
        <v>6</v>
      </c>
      <c r="AL2581">
        <v>0</v>
      </c>
      <c r="AM2581">
        <v>0</v>
      </c>
      <c r="AN2581">
        <v>0</v>
      </c>
      <c r="AO2581">
        <v>0</v>
      </c>
      <c r="AP2581">
        <v>0</v>
      </c>
      <c r="AQ2581">
        <v>0</v>
      </c>
      <c r="AR2581">
        <v>0</v>
      </c>
      <c r="AS2581">
        <v>0</v>
      </c>
      <c r="AT2581">
        <v>0</v>
      </c>
      <c r="AU2581">
        <v>0</v>
      </c>
      <c r="AV2581">
        <v>0</v>
      </c>
      <c r="AW2581">
        <v>0</v>
      </c>
      <c r="AX2581">
        <v>0</v>
      </c>
      <c r="AY2581">
        <v>0</v>
      </c>
      <c r="AZ2581">
        <v>0</v>
      </c>
      <c r="BA2581">
        <v>0</v>
      </c>
    </row>
    <row r="2582" spans="1:53" x14ac:dyDescent="0.4">
      <c r="A2582">
        <v>2626</v>
      </c>
      <c r="B2582" s="1">
        <v>43659</v>
      </c>
      <c r="C2582">
        <v>2</v>
      </c>
      <c r="D2582" s="1">
        <v>43659.412499999999</v>
      </c>
      <c r="E2582" s="1">
        <v>43659.738194444442</v>
      </c>
      <c r="F2582">
        <v>39750</v>
      </c>
      <c r="G2582">
        <v>2620</v>
      </c>
      <c r="H2582">
        <v>200</v>
      </c>
      <c r="I2582">
        <v>0</v>
      </c>
      <c r="J2582">
        <v>0</v>
      </c>
      <c r="K2582">
        <v>0</v>
      </c>
      <c r="L2582">
        <v>0</v>
      </c>
      <c r="M2582">
        <v>3405</v>
      </c>
      <c r="N2582">
        <v>0</v>
      </c>
      <c r="O2582">
        <v>0</v>
      </c>
      <c r="P2582">
        <v>24300</v>
      </c>
      <c r="Q2582">
        <v>0</v>
      </c>
      <c r="R2582">
        <v>70275</v>
      </c>
      <c r="S2582">
        <v>0</v>
      </c>
      <c r="T2582">
        <v>0</v>
      </c>
      <c r="U2582">
        <v>0</v>
      </c>
      <c r="V2582">
        <v>3</v>
      </c>
      <c r="W2582">
        <v>0</v>
      </c>
      <c r="X2582">
        <v>0</v>
      </c>
      <c r="Y2582">
        <v>63</v>
      </c>
      <c r="Z2582">
        <v>31</v>
      </c>
      <c r="AA2582">
        <v>91</v>
      </c>
      <c r="AB2582">
        <v>10</v>
      </c>
      <c r="AC2582">
        <v>176</v>
      </c>
      <c r="AD2582">
        <v>72</v>
      </c>
      <c r="AE2582">
        <v>55</v>
      </c>
      <c r="AF2582">
        <v>0</v>
      </c>
      <c r="AG2582">
        <v>120275</v>
      </c>
      <c r="AH2582">
        <v>50000</v>
      </c>
      <c r="AI2582">
        <v>0</v>
      </c>
      <c r="AJ2582">
        <v>108</v>
      </c>
      <c r="AK2582" t="s">
        <v>30</v>
      </c>
      <c r="AL2582">
        <v>0</v>
      </c>
      <c r="AM2582">
        <v>0</v>
      </c>
      <c r="AN2582">
        <v>0</v>
      </c>
      <c r="AO2582">
        <v>0</v>
      </c>
      <c r="AP2582">
        <v>0</v>
      </c>
      <c r="AQ2582">
        <v>0</v>
      </c>
      <c r="AR2582">
        <v>0</v>
      </c>
      <c r="AS2582">
        <v>0</v>
      </c>
      <c r="AT2582">
        <v>0</v>
      </c>
      <c r="AU2582">
        <v>0</v>
      </c>
      <c r="AV2582">
        <v>0</v>
      </c>
      <c r="AW2582">
        <v>0</v>
      </c>
      <c r="AX2582">
        <v>1490</v>
      </c>
      <c r="AY2582">
        <v>53</v>
      </c>
      <c r="AZ2582">
        <v>122</v>
      </c>
      <c r="BA2582">
        <v>7965</v>
      </c>
    </row>
    <row r="2583" spans="1:53" x14ac:dyDescent="0.4">
      <c r="A2583">
        <v>2627</v>
      </c>
      <c r="B2583" s="1">
        <v>43659</v>
      </c>
      <c r="C2583">
        <v>3</v>
      </c>
      <c r="D2583" s="1">
        <v>43659.738194444442</v>
      </c>
      <c r="E2583" s="1">
        <v>43660.031944444447</v>
      </c>
      <c r="F2583">
        <v>218700</v>
      </c>
      <c r="G2583">
        <v>16270</v>
      </c>
      <c r="H2583">
        <v>0</v>
      </c>
      <c r="I2583">
        <v>0</v>
      </c>
      <c r="J2583">
        <v>3200</v>
      </c>
      <c r="K2583">
        <v>0</v>
      </c>
      <c r="L2583">
        <v>0</v>
      </c>
      <c r="M2583">
        <v>18538</v>
      </c>
      <c r="N2583">
        <v>0</v>
      </c>
      <c r="O2583">
        <v>0</v>
      </c>
      <c r="P2583">
        <v>43848</v>
      </c>
      <c r="Q2583">
        <v>0</v>
      </c>
      <c r="R2583">
        <v>294156</v>
      </c>
      <c r="S2583">
        <v>0</v>
      </c>
      <c r="T2583">
        <v>0</v>
      </c>
      <c r="U2583">
        <v>0</v>
      </c>
      <c r="V2583">
        <v>18</v>
      </c>
      <c r="W2583">
        <v>2</v>
      </c>
      <c r="X2583">
        <v>0</v>
      </c>
      <c r="Y2583">
        <v>119</v>
      </c>
      <c r="Z2583">
        <v>28</v>
      </c>
      <c r="AA2583">
        <v>96</v>
      </c>
      <c r="AB2583">
        <v>1</v>
      </c>
      <c r="AC2583">
        <v>159</v>
      </c>
      <c r="AD2583">
        <v>70</v>
      </c>
      <c r="AE2583">
        <v>40</v>
      </c>
      <c r="AF2583">
        <v>79801</v>
      </c>
      <c r="AG2583">
        <v>414431</v>
      </c>
      <c r="AH2583">
        <v>50000</v>
      </c>
      <c r="AI2583">
        <v>0</v>
      </c>
      <c r="AJ2583">
        <v>100</v>
      </c>
      <c r="AK2583" t="s">
        <v>0</v>
      </c>
      <c r="AL2583">
        <v>0</v>
      </c>
      <c r="AM2583">
        <v>0</v>
      </c>
      <c r="AN2583">
        <v>0</v>
      </c>
      <c r="AO2583">
        <v>0</v>
      </c>
      <c r="AP2583">
        <v>0</v>
      </c>
      <c r="AQ2583">
        <v>0</v>
      </c>
      <c r="AR2583">
        <v>0</v>
      </c>
      <c r="AS2583">
        <v>0</v>
      </c>
      <c r="AT2583">
        <v>0</v>
      </c>
      <c r="AU2583">
        <v>0</v>
      </c>
      <c r="AV2583">
        <v>0</v>
      </c>
      <c r="AW2583">
        <v>0</v>
      </c>
      <c r="AX2583">
        <v>10151</v>
      </c>
      <c r="AY2583">
        <v>36</v>
      </c>
      <c r="AZ2583">
        <v>159</v>
      </c>
      <c r="BA2583">
        <v>5333</v>
      </c>
    </row>
    <row r="2584" spans="1:53" x14ac:dyDescent="0.4">
      <c r="A2584">
        <v>2628</v>
      </c>
      <c r="B2584" s="1">
        <v>43660</v>
      </c>
      <c r="C2584">
        <v>1</v>
      </c>
      <c r="D2584" s="1">
        <v>43660.291666666664</v>
      </c>
      <c r="E2584" s="1">
        <v>43660.394444444442</v>
      </c>
      <c r="F2584">
        <v>0</v>
      </c>
      <c r="G2584">
        <v>0</v>
      </c>
      <c r="H2584">
        <v>0</v>
      </c>
      <c r="I2584">
        <v>0</v>
      </c>
      <c r="J2584">
        <v>0</v>
      </c>
      <c r="K2584">
        <v>0</v>
      </c>
      <c r="L2584">
        <v>0</v>
      </c>
      <c r="M2584">
        <v>0</v>
      </c>
      <c r="N2584">
        <v>0</v>
      </c>
      <c r="O2584">
        <v>0</v>
      </c>
      <c r="P2584">
        <v>0</v>
      </c>
      <c r="Q2584">
        <v>0</v>
      </c>
      <c r="R2584">
        <v>0</v>
      </c>
      <c r="S2584">
        <v>0</v>
      </c>
      <c r="T2584">
        <v>0</v>
      </c>
      <c r="U2584">
        <v>0</v>
      </c>
      <c r="V2584">
        <v>0</v>
      </c>
      <c r="W2584">
        <v>0</v>
      </c>
      <c r="X2584">
        <v>0</v>
      </c>
      <c r="Y2584">
        <v>30</v>
      </c>
      <c r="Z2584">
        <v>10</v>
      </c>
      <c r="AA2584">
        <v>135</v>
      </c>
      <c r="AB2584">
        <v>1</v>
      </c>
      <c r="AC2584">
        <v>110</v>
      </c>
      <c r="AD2584">
        <v>65</v>
      </c>
      <c r="AE2584">
        <v>25</v>
      </c>
      <c r="AF2584">
        <v>0</v>
      </c>
      <c r="AG2584">
        <v>50000</v>
      </c>
      <c r="AH2584">
        <v>50000</v>
      </c>
      <c r="AI2584">
        <v>0</v>
      </c>
      <c r="AJ2584">
        <v>0</v>
      </c>
      <c r="AK2584" t="s">
        <v>6</v>
      </c>
      <c r="AL2584">
        <v>0</v>
      </c>
      <c r="AM2584">
        <v>0</v>
      </c>
      <c r="AN2584">
        <v>0</v>
      </c>
      <c r="AO2584">
        <v>0</v>
      </c>
      <c r="AP2584">
        <v>0</v>
      </c>
      <c r="AQ2584">
        <v>0</v>
      </c>
      <c r="AR2584">
        <v>0</v>
      </c>
      <c r="AS2584">
        <v>0</v>
      </c>
      <c r="AT2584">
        <v>0</v>
      </c>
      <c r="AU2584">
        <v>0</v>
      </c>
      <c r="AV2584">
        <v>0</v>
      </c>
      <c r="AW2584">
        <v>0</v>
      </c>
      <c r="AX2584">
        <v>0</v>
      </c>
      <c r="AY2584">
        <v>0</v>
      </c>
      <c r="AZ2584">
        <v>0</v>
      </c>
      <c r="BA2584">
        <v>0</v>
      </c>
    </row>
    <row r="2585" spans="1:53" x14ac:dyDescent="0.4">
      <c r="A2585">
        <v>2629</v>
      </c>
      <c r="B2585" s="1">
        <v>43660</v>
      </c>
      <c r="C2585">
        <v>2</v>
      </c>
      <c r="D2585" s="1">
        <v>43660.394444444442</v>
      </c>
      <c r="E2585" s="1">
        <v>43660.729861111111</v>
      </c>
      <c r="F2585">
        <v>47000</v>
      </c>
      <c r="G2585">
        <v>3920</v>
      </c>
      <c r="H2585">
        <v>0</v>
      </c>
      <c r="I2585">
        <v>0</v>
      </c>
      <c r="J2585">
        <v>0</v>
      </c>
      <c r="K2585">
        <v>0</v>
      </c>
      <c r="L2585">
        <v>0</v>
      </c>
      <c r="M2585">
        <v>4072</v>
      </c>
      <c r="N2585">
        <v>0</v>
      </c>
      <c r="O2585">
        <v>0</v>
      </c>
      <c r="P2585">
        <v>19980</v>
      </c>
      <c r="Q2585">
        <v>0</v>
      </c>
      <c r="R2585">
        <v>74972</v>
      </c>
      <c r="S2585">
        <v>0</v>
      </c>
      <c r="T2585">
        <v>0</v>
      </c>
      <c r="U2585">
        <v>0</v>
      </c>
      <c r="V2585">
        <v>1</v>
      </c>
      <c r="W2585">
        <v>3</v>
      </c>
      <c r="X2585">
        <v>0</v>
      </c>
      <c r="Y2585">
        <v>63</v>
      </c>
      <c r="Z2585">
        <v>41</v>
      </c>
      <c r="AA2585">
        <v>143</v>
      </c>
      <c r="AB2585">
        <v>4</v>
      </c>
      <c r="AC2585">
        <v>157</v>
      </c>
      <c r="AD2585">
        <v>72</v>
      </c>
      <c r="AE2585">
        <v>42</v>
      </c>
      <c r="AF2585">
        <v>0</v>
      </c>
      <c r="AG2585">
        <v>124972</v>
      </c>
      <c r="AH2585">
        <v>50000</v>
      </c>
      <c r="AI2585">
        <v>0</v>
      </c>
      <c r="AJ2585">
        <v>101</v>
      </c>
      <c r="AK2585" t="s">
        <v>28</v>
      </c>
      <c r="AL2585">
        <v>0</v>
      </c>
      <c r="AM2585">
        <v>0</v>
      </c>
      <c r="AN2585">
        <v>0</v>
      </c>
      <c r="AO2585">
        <v>0</v>
      </c>
      <c r="AP2585">
        <v>0</v>
      </c>
      <c r="AQ2585">
        <v>0</v>
      </c>
      <c r="AR2585">
        <v>0</v>
      </c>
      <c r="AS2585">
        <v>0</v>
      </c>
      <c r="AT2585">
        <v>0</v>
      </c>
      <c r="AU2585">
        <v>0</v>
      </c>
      <c r="AV2585">
        <v>0</v>
      </c>
      <c r="AW2585">
        <v>0</v>
      </c>
      <c r="AX2585">
        <v>0</v>
      </c>
      <c r="AY2585">
        <v>48</v>
      </c>
      <c r="AZ2585">
        <v>129</v>
      </c>
      <c r="BA2585">
        <v>6794</v>
      </c>
    </row>
    <row r="2586" spans="1:53" x14ac:dyDescent="0.4">
      <c r="A2586">
        <v>2630</v>
      </c>
      <c r="B2586" s="1">
        <v>43661</v>
      </c>
      <c r="C2586">
        <v>1</v>
      </c>
      <c r="D2586" s="1">
        <v>43661.291666666664</v>
      </c>
      <c r="E2586" s="1">
        <v>43661.411111111112</v>
      </c>
      <c r="F2586">
        <v>0</v>
      </c>
      <c r="G2586">
        <v>0</v>
      </c>
      <c r="H2586">
        <v>0</v>
      </c>
      <c r="I2586">
        <v>0</v>
      </c>
      <c r="J2586">
        <v>0</v>
      </c>
      <c r="K2586">
        <v>0</v>
      </c>
      <c r="L2586">
        <v>0</v>
      </c>
      <c r="M2586">
        <v>0</v>
      </c>
      <c r="N2586">
        <v>0</v>
      </c>
      <c r="O2586">
        <v>0</v>
      </c>
      <c r="P2586">
        <v>0</v>
      </c>
      <c r="Q2586">
        <v>0</v>
      </c>
      <c r="R2586">
        <v>0</v>
      </c>
      <c r="S2586">
        <v>0</v>
      </c>
      <c r="T2586">
        <v>0</v>
      </c>
      <c r="U2586">
        <v>0</v>
      </c>
      <c r="V2586">
        <v>0</v>
      </c>
      <c r="W2586">
        <v>0</v>
      </c>
      <c r="X2586">
        <v>0</v>
      </c>
      <c r="Y2586">
        <v>30</v>
      </c>
      <c r="Z2586">
        <v>10</v>
      </c>
      <c r="AA2586">
        <v>134</v>
      </c>
      <c r="AB2586">
        <v>0</v>
      </c>
      <c r="AC2586">
        <v>123</v>
      </c>
      <c r="AD2586">
        <v>68</v>
      </c>
      <c r="AE2586">
        <v>30</v>
      </c>
      <c r="AF2586">
        <v>0</v>
      </c>
      <c r="AG2586">
        <v>50000</v>
      </c>
      <c r="AH2586">
        <v>0</v>
      </c>
      <c r="AI2586">
        <v>50000</v>
      </c>
      <c r="AJ2586">
        <v>0</v>
      </c>
      <c r="AK2586" t="s">
        <v>6</v>
      </c>
      <c r="AL2586">
        <v>0</v>
      </c>
      <c r="AM2586">
        <v>0</v>
      </c>
      <c r="AN2586">
        <v>0</v>
      </c>
      <c r="AO2586">
        <v>0</v>
      </c>
      <c r="AP2586">
        <v>0</v>
      </c>
      <c r="AQ2586">
        <v>0</v>
      </c>
      <c r="AR2586">
        <v>0</v>
      </c>
      <c r="AS2586">
        <v>0</v>
      </c>
      <c r="AT2586">
        <v>0</v>
      </c>
      <c r="AU2586">
        <v>0</v>
      </c>
      <c r="AV2586">
        <v>0</v>
      </c>
      <c r="AW2586">
        <v>0</v>
      </c>
      <c r="AX2586">
        <v>0</v>
      </c>
      <c r="AY2586">
        <v>0</v>
      </c>
      <c r="AZ2586">
        <v>0</v>
      </c>
      <c r="BA2586">
        <v>0</v>
      </c>
    </row>
    <row r="2587" spans="1:53" x14ac:dyDescent="0.4">
      <c r="A2587">
        <v>2631</v>
      </c>
      <c r="B2587" s="1">
        <v>43661</v>
      </c>
      <c r="C2587">
        <v>2</v>
      </c>
      <c r="D2587" s="1">
        <v>43661.411111111112</v>
      </c>
      <c r="E2587" s="1">
        <v>43661.720138888886</v>
      </c>
      <c r="F2587">
        <v>43500</v>
      </c>
      <c r="G2587">
        <v>3400</v>
      </c>
      <c r="H2587">
        <v>200</v>
      </c>
      <c r="I2587">
        <v>0</v>
      </c>
      <c r="J2587">
        <v>0</v>
      </c>
      <c r="K2587">
        <v>0</v>
      </c>
      <c r="L2587">
        <v>0</v>
      </c>
      <c r="M2587">
        <v>3767</v>
      </c>
      <c r="N2587">
        <v>0</v>
      </c>
      <c r="O2587">
        <v>0</v>
      </c>
      <c r="P2587">
        <v>29700</v>
      </c>
      <c r="Q2587">
        <v>0</v>
      </c>
      <c r="R2587">
        <v>80567</v>
      </c>
      <c r="S2587">
        <v>0</v>
      </c>
      <c r="T2587">
        <v>0</v>
      </c>
      <c r="U2587">
        <v>0</v>
      </c>
      <c r="V2587">
        <v>1</v>
      </c>
      <c r="W2587">
        <v>0</v>
      </c>
      <c r="X2587">
        <v>0</v>
      </c>
      <c r="Y2587">
        <v>79</v>
      </c>
      <c r="Z2587">
        <v>46</v>
      </c>
      <c r="AA2587">
        <v>153</v>
      </c>
      <c r="AB2587">
        <v>4</v>
      </c>
      <c r="AC2587">
        <v>267</v>
      </c>
      <c r="AD2587">
        <v>72</v>
      </c>
      <c r="AE2587">
        <v>37</v>
      </c>
      <c r="AF2587">
        <v>0</v>
      </c>
      <c r="AG2587">
        <v>130567</v>
      </c>
      <c r="AH2587">
        <v>50000</v>
      </c>
      <c r="AI2587">
        <v>0</v>
      </c>
      <c r="AJ2587">
        <v>96</v>
      </c>
      <c r="AK2587" t="s">
        <v>4</v>
      </c>
      <c r="AL2587">
        <v>0</v>
      </c>
      <c r="AM2587">
        <v>0</v>
      </c>
      <c r="AN2587">
        <v>0</v>
      </c>
      <c r="AO2587">
        <v>0</v>
      </c>
      <c r="AP2587">
        <v>0</v>
      </c>
      <c r="AQ2587">
        <v>0</v>
      </c>
      <c r="AR2587">
        <v>0</v>
      </c>
      <c r="AS2587">
        <v>0</v>
      </c>
      <c r="AT2587">
        <v>0</v>
      </c>
      <c r="AU2587">
        <v>0</v>
      </c>
      <c r="AV2587">
        <v>0</v>
      </c>
      <c r="AW2587">
        <v>0</v>
      </c>
      <c r="AX2587">
        <v>-1966</v>
      </c>
      <c r="AY2587">
        <v>52</v>
      </c>
      <c r="AZ2587">
        <v>137</v>
      </c>
      <c r="BA2587">
        <v>7202</v>
      </c>
    </row>
    <row r="2588" spans="1:53" x14ac:dyDescent="0.4">
      <c r="A2588">
        <v>2632</v>
      </c>
      <c r="B2588" s="1">
        <v>43662</v>
      </c>
      <c r="C2588">
        <v>1</v>
      </c>
      <c r="D2588" s="1">
        <v>43662.291666666664</v>
      </c>
      <c r="E2588" s="1">
        <v>43662.443055555559</v>
      </c>
      <c r="F2588">
        <v>0</v>
      </c>
      <c r="G2588">
        <v>0</v>
      </c>
      <c r="H2588">
        <v>0</v>
      </c>
      <c r="I2588">
        <v>0</v>
      </c>
      <c r="J2588">
        <v>0</v>
      </c>
      <c r="K2588">
        <v>0</v>
      </c>
      <c r="L2588">
        <v>0</v>
      </c>
      <c r="M2588">
        <v>0</v>
      </c>
      <c r="N2588">
        <v>0</v>
      </c>
      <c r="O2588">
        <v>0</v>
      </c>
      <c r="P2588">
        <v>0</v>
      </c>
      <c r="Q2588">
        <v>0</v>
      </c>
      <c r="R2588">
        <v>0</v>
      </c>
      <c r="S2588">
        <v>0</v>
      </c>
      <c r="T2588">
        <v>0</v>
      </c>
      <c r="U2588">
        <v>0</v>
      </c>
      <c r="V2588">
        <v>0</v>
      </c>
      <c r="W2588">
        <v>0</v>
      </c>
      <c r="X2588">
        <v>0</v>
      </c>
      <c r="Y2588">
        <v>27</v>
      </c>
      <c r="Z2588">
        <v>10</v>
      </c>
      <c r="AA2588">
        <v>164</v>
      </c>
      <c r="AB2588">
        <v>1</v>
      </c>
      <c r="AC2588">
        <v>117</v>
      </c>
      <c r="AD2588">
        <v>70</v>
      </c>
      <c r="AE2588">
        <v>30</v>
      </c>
      <c r="AF2588">
        <v>0</v>
      </c>
      <c r="AG2588">
        <v>50000</v>
      </c>
      <c r="AH2588">
        <v>50000</v>
      </c>
      <c r="AI2588">
        <v>0</v>
      </c>
      <c r="AJ2588">
        <v>0</v>
      </c>
      <c r="AK2588" t="s">
        <v>6</v>
      </c>
      <c r="AL2588">
        <v>0</v>
      </c>
      <c r="AM2588">
        <v>0</v>
      </c>
      <c r="AN2588">
        <v>0</v>
      </c>
      <c r="AO2588">
        <v>0</v>
      </c>
      <c r="AP2588">
        <v>0</v>
      </c>
      <c r="AQ2588">
        <v>0</v>
      </c>
      <c r="AR2588">
        <v>0</v>
      </c>
      <c r="AS2588">
        <v>0</v>
      </c>
      <c r="AT2588">
        <v>0</v>
      </c>
      <c r="AU2588">
        <v>0</v>
      </c>
      <c r="AV2588">
        <v>0</v>
      </c>
      <c r="AW2588">
        <v>0</v>
      </c>
      <c r="AX2588">
        <v>0</v>
      </c>
      <c r="AY2588">
        <v>0</v>
      </c>
      <c r="AZ2588">
        <v>0</v>
      </c>
      <c r="BA2588">
        <v>0</v>
      </c>
    </row>
    <row r="2589" spans="1:53" x14ac:dyDescent="0.4">
      <c r="A2589">
        <v>2633</v>
      </c>
      <c r="B2589" s="1">
        <v>43662</v>
      </c>
      <c r="C2589">
        <v>2</v>
      </c>
      <c r="D2589" s="1">
        <v>43662.443055555559</v>
      </c>
      <c r="E2589" s="1">
        <v>43662.738194444442</v>
      </c>
      <c r="F2589">
        <v>19500</v>
      </c>
      <c r="G2589">
        <v>500</v>
      </c>
      <c r="H2589">
        <v>200</v>
      </c>
      <c r="I2589">
        <v>0</v>
      </c>
      <c r="J2589">
        <v>0</v>
      </c>
      <c r="K2589">
        <v>0</v>
      </c>
      <c r="L2589">
        <v>0</v>
      </c>
      <c r="M2589">
        <v>1616</v>
      </c>
      <c r="N2589">
        <v>0</v>
      </c>
      <c r="O2589">
        <v>0</v>
      </c>
      <c r="P2589">
        <v>21600</v>
      </c>
      <c r="Q2589">
        <v>0</v>
      </c>
      <c r="R2589">
        <v>43416</v>
      </c>
      <c r="S2589">
        <v>0</v>
      </c>
      <c r="T2589">
        <v>0</v>
      </c>
      <c r="U2589">
        <v>0</v>
      </c>
      <c r="V2589">
        <v>0</v>
      </c>
      <c r="W2589">
        <v>3</v>
      </c>
      <c r="X2589">
        <v>0</v>
      </c>
      <c r="Y2589">
        <v>40</v>
      </c>
      <c r="Z2589">
        <v>24</v>
      </c>
      <c r="AA2589">
        <v>176</v>
      </c>
      <c r="AB2589">
        <v>17</v>
      </c>
      <c r="AC2589">
        <v>157</v>
      </c>
      <c r="AD2589">
        <v>73</v>
      </c>
      <c r="AE2589">
        <v>22</v>
      </c>
      <c r="AF2589">
        <v>6009</v>
      </c>
      <c r="AG2589">
        <v>93416</v>
      </c>
      <c r="AH2589">
        <v>50000</v>
      </c>
      <c r="AI2589">
        <v>0</v>
      </c>
      <c r="AJ2589">
        <v>97</v>
      </c>
      <c r="AK2589" t="s">
        <v>33</v>
      </c>
      <c r="AL2589">
        <v>0</v>
      </c>
      <c r="AM2589">
        <v>0</v>
      </c>
      <c r="AN2589">
        <v>0</v>
      </c>
      <c r="AO2589">
        <v>0</v>
      </c>
      <c r="AP2589">
        <v>0</v>
      </c>
      <c r="AQ2589">
        <v>0</v>
      </c>
      <c r="AR2589">
        <v>0</v>
      </c>
      <c r="AS2589">
        <v>0</v>
      </c>
      <c r="AT2589">
        <v>0</v>
      </c>
      <c r="AU2589">
        <v>0</v>
      </c>
      <c r="AV2589">
        <v>0</v>
      </c>
      <c r="AW2589">
        <v>0</v>
      </c>
      <c r="AX2589">
        <v>-3910</v>
      </c>
      <c r="AY2589">
        <v>43</v>
      </c>
      <c r="AZ2589">
        <v>78</v>
      </c>
      <c r="BA2589">
        <v>5871</v>
      </c>
    </row>
    <row r="2590" spans="1:53" x14ac:dyDescent="0.4">
      <c r="A2590">
        <v>2634</v>
      </c>
      <c r="B2590" s="1">
        <v>43662</v>
      </c>
      <c r="C2590">
        <v>3</v>
      </c>
      <c r="D2590" s="1">
        <v>43662.738194444442</v>
      </c>
      <c r="E2590" s="1">
        <v>43662.952777777777</v>
      </c>
      <c r="F2590">
        <v>25500</v>
      </c>
      <c r="G2590">
        <v>1640</v>
      </c>
      <c r="H2590">
        <v>0</v>
      </c>
      <c r="I2590">
        <v>0</v>
      </c>
      <c r="J2590">
        <v>200</v>
      </c>
      <c r="K2590">
        <v>0</v>
      </c>
      <c r="L2590">
        <v>0</v>
      </c>
      <c r="M2590">
        <v>2154</v>
      </c>
      <c r="N2590">
        <v>0</v>
      </c>
      <c r="O2590">
        <v>0</v>
      </c>
      <c r="P2590">
        <v>-14256</v>
      </c>
      <c r="Q2590">
        <v>0</v>
      </c>
      <c r="R2590">
        <v>14838</v>
      </c>
      <c r="S2590">
        <v>0</v>
      </c>
      <c r="T2590">
        <v>0</v>
      </c>
      <c r="U2590">
        <v>0</v>
      </c>
      <c r="V2590">
        <v>1</v>
      </c>
      <c r="W2590">
        <v>2</v>
      </c>
      <c r="X2590">
        <v>0</v>
      </c>
      <c r="Y2590">
        <v>49</v>
      </c>
      <c r="Z2590">
        <v>25</v>
      </c>
      <c r="AA2590">
        <v>177</v>
      </c>
      <c r="AB2590">
        <v>20</v>
      </c>
      <c r="AC2590">
        <v>165</v>
      </c>
      <c r="AD2590">
        <v>73</v>
      </c>
      <c r="AE2590">
        <v>30</v>
      </c>
      <c r="AF2590">
        <v>6009</v>
      </c>
      <c r="AG2590">
        <v>108254</v>
      </c>
      <c r="AH2590">
        <v>50000</v>
      </c>
      <c r="AI2590">
        <v>0</v>
      </c>
      <c r="AJ2590">
        <v>94</v>
      </c>
      <c r="AK2590" t="s">
        <v>21</v>
      </c>
      <c r="AL2590">
        <v>0</v>
      </c>
      <c r="AM2590">
        <v>0</v>
      </c>
      <c r="AN2590">
        <v>0</v>
      </c>
      <c r="AO2590">
        <v>0</v>
      </c>
      <c r="AP2590">
        <v>0</v>
      </c>
      <c r="AQ2590">
        <v>0</v>
      </c>
      <c r="AR2590">
        <v>0</v>
      </c>
      <c r="AS2590">
        <v>0</v>
      </c>
      <c r="AT2590">
        <v>0</v>
      </c>
      <c r="AU2590">
        <v>0</v>
      </c>
      <c r="AV2590">
        <v>0</v>
      </c>
      <c r="AW2590">
        <v>0</v>
      </c>
      <c r="AX2590">
        <v>18738</v>
      </c>
      <c r="AY2590">
        <v>8</v>
      </c>
      <c r="AZ2590">
        <v>19</v>
      </c>
      <c r="BA2590">
        <v>2821</v>
      </c>
    </row>
    <row r="2591" spans="1:53" x14ac:dyDescent="0.4">
      <c r="A2591">
        <v>2635</v>
      </c>
      <c r="B2591" s="1">
        <v>43663</v>
      </c>
      <c r="C2591">
        <v>1</v>
      </c>
      <c r="D2591" s="1">
        <v>43663.291666666664</v>
      </c>
      <c r="E2591" s="1">
        <v>43663.44027777778</v>
      </c>
      <c r="F2591">
        <v>0</v>
      </c>
      <c r="G2591">
        <v>0</v>
      </c>
      <c r="H2591">
        <v>0</v>
      </c>
      <c r="I2591">
        <v>0</v>
      </c>
      <c r="J2591">
        <v>0</v>
      </c>
      <c r="K2591">
        <v>0</v>
      </c>
      <c r="L2591">
        <v>0</v>
      </c>
      <c r="M2591">
        <v>0</v>
      </c>
      <c r="N2591">
        <v>0</v>
      </c>
      <c r="O2591">
        <v>0</v>
      </c>
      <c r="P2591">
        <v>0</v>
      </c>
      <c r="Q2591">
        <v>0</v>
      </c>
      <c r="R2591">
        <v>0</v>
      </c>
      <c r="S2591">
        <v>0</v>
      </c>
      <c r="T2591">
        <v>0</v>
      </c>
      <c r="U2591">
        <v>0</v>
      </c>
      <c r="V2591">
        <v>0</v>
      </c>
      <c r="W2591">
        <v>1</v>
      </c>
      <c r="X2591">
        <v>0</v>
      </c>
      <c r="Y2591">
        <v>26</v>
      </c>
      <c r="Z2591">
        <v>10</v>
      </c>
      <c r="AA2591">
        <v>114</v>
      </c>
      <c r="AB2591">
        <v>23</v>
      </c>
      <c r="AC2591">
        <v>108</v>
      </c>
      <c r="AD2591">
        <v>72</v>
      </c>
      <c r="AE2591">
        <v>10</v>
      </c>
      <c r="AF2591">
        <v>0</v>
      </c>
      <c r="AG2591">
        <v>50000</v>
      </c>
      <c r="AH2591">
        <v>50000</v>
      </c>
      <c r="AI2591">
        <v>0</v>
      </c>
      <c r="AJ2591">
        <v>0</v>
      </c>
      <c r="AK2591" t="s">
        <v>6</v>
      </c>
      <c r="AL2591">
        <v>0</v>
      </c>
      <c r="AM2591">
        <v>0</v>
      </c>
      <c r="AN2591">
        <v>0</v>
      </c>
      <c r="AO2591">
        <v>0</v>
      </c>
      <c r="AP2591">
        <v>0</v>
      </c>
      <c r="AQ2591">
        <v>0</v>
      </c>
      <c r="AR2591">
        <v>0</v>
      </c>
      <c r="AS2591">
        <v>0</v>
      </c>
      <c r="AT2591">
        <v>0</v>
      </c>
      <c r="AU2591">
        <v>0</v>
      </c>
      <c r="AV2591">
        <v>0</v>
      </c>
      <c r="AW2591">
        <v>0</v>
      </c>
      <c r="AX2591">
        <v>0</v>
      </c>
      <c r="AY2591">
        <v>0</v>
      </c>
      <c r="AZ2591">
        <v>0</v>
      </c>
      <c r="BA2591">
        <v>0</v>
      </c>
    </row>
    <row r="2592" spans="1:53" x14ac:dyDescent="0.4">
      <c r="A2592">
        <v>2636</v>
      </c>
      <c r="B2592" s="1">
        <v>43663</v>
      </c>
      <c r="C2592">
        <v>2</v>
      </c>
      <c r="D2592" s="1">
        <v>43663.44027777778</v>
      </c>
      <c r="E2592" s="1">
        <v>43663.744444444441</v>
      </c>
      <c r="F2592">
        <v>19000</v>
      </c>
      <c r="G2592">
        <v>1560</v>
      </c>
      <c r="H2592">
        <v>200</v>
      </c>
      <c r="I2592">
        <v>0</v>
      </c>
      <c r="J2592">
        <v>0</v>
      </c>
      <c r="K2592">
        <v>0</v>
      </c>
      <c r="L2592">
        <v>0</v>
      </c>
      <c r="M2592">
        <v>1661</v>
      </c>
      <c r="N2592">
        <v>0</v>
      </c>
      <c r="O2592">
        <v>0</v>
      </c>
      <c r="P2592">
        <v>22170</v>
      </c>
      <c r="Q2592">
        <v>0</v>
      </c>
      <c r="R2592">
        <v>44591</v>
      </c>
      <c r="S2592">
        <v>0</v>
      </c>
      <c r="T2592">
        <v>0</v>
      </c>
      <c r="U2592">
        <v>0</v>
      </c>
      <c r="V2592">
        <v>0</v>
      </c>
      <c r="W2592">
        <v>5</v>
      </c>
      <c r="X2592">
        <v>0</v>
      </c>
      <c r="Y2592">
        <v>46</v>
      </c>
      <c r="Z2592">
        <v>22</v>
      </c>
      <c r="AA2592">
        <v>95</v>
      </c>
      <c r="AB2592">
        <v>16</v>
      </c>
      <c r="AC2592">
        <v>189</v>
      </c>
      <c r="AD2592">
        <v>76</v>
      </c>
      <c r="AE2592">
        <v>21</v>
      </c>
      <c r="AF2592">
        <v>0</v>
      </c>
      <c r="AG2592">
        <v>94591</v>
      </c>
      <c r="AH2592">
        <v>50000</v>
      </c>
      <c r="AI2592">
        <v>0</v>
      </c>
      <c r="AJ2592">
        <v>97</v>
      </c>
      <c r="AK2592" t="s">
        <v>33</v>
      </c>
      <c r="AL2592">
        <v>0</v>
      </c>
      <c r="AM2592">
        <v>0</v>
      </c>
      <c r="AN2592">
        <v>0</v>
      </c>
      <c r="AO2592">
        <v>0</v>
      </c>
      <c r="AP2592">
        <v>0</v>
      </c>
      <c r="AQ2592">
        <v>0</v>
      </c>
      <c r="AR2592">
        <v>0</v>
      </c>
      <c r="AS2592">
        <v>0</v>
      </c>
      <c r="AT2592">
        <v>0</v>
      </c>
      <c r="AU2592">
        <v>0</v>
      </c>
      <c r="AV2592">
        <v>0</v>
      </c>
      <c r="AW2592">
        <v>0</v>
      </c>
      <c r="AX2592">
        <v>-30</v>
      </c>
      <c r="AY2592">
        <v>42</v>
      </c>
      <c r="AZ2592">
        <v>77</v>
      </c>
      <c r="BA2592">
        <v>5787</v>
      </c>
    </row>
    <row r="2593" spans="1:53" x14ac:dyDescent="0.4">
      <c r="A2593">
        <v>2637</v>
      </c>
      <c r="B2593" s="1">
        <v>43663</v>
      </c>
      <c r="C2593">
        <v>3</v>
      </c>
      <c r="D2593" s="1">
        <v>43663.744444444441</v>
      </c>
      <c r="E2593" s="1">
        <v>43663.957638888889</v>
      </c>
      <c r="F2593">
        <v>44340</v>
      </c>
      <c r="G2593">
        <v>1120</v>
      </c>
      <c r="H2593">
        <v>0</v>
      </c>
      <c r="I2593">
        <v>0</v>
      </c>
      <c r="J2593">
        <v>0</v>
      </c>
      <c r="K2593">
        <v>0</v>
      </c>
      <c r="L2593">
        <v>0</v>
      </c>
      <c r="M2593">
        <v>3636</v>
      </c>
      <c r="N2593">
        <v>0</v>
      </c>
      <c r="O2593">
        <v>0</v>
      </c>
      <c r="P2593">
        <v>-18282</v>
      </c>
      <c r="Q2593">
        <v>0</v>
      </c>
      <c r="R2593">
        <v>30814</v>
      </c>
      <c r="S2593">
        <v>0</v>
      </c>
      <c r="T2593">
        <v>0</v>
      </c>
      <c r="U2593">
        <v>0</v>
      </c>
      <c r="V2593">
        <v>2</v>
      </c>
      <c r="W2593">
        <v>3</v>
      </c>
      <c r="X2593">
        <v>0</v>
      </c>
      <c r="Y2593">
        <v>50</v>
      </c>
      <c r="Z2593">
        <v>22</v>
      </c>
      <c r="AA2593">
        <v>87</v>
      </c>
      <c r="AB2593">
        <v>14</v>
      </c>
      <c r="AC2593">
        <v>186</v>
      </c>
      <c r="AD2593">
        <v>76</v>
      </c>
      <c r="AE2593">
        <v>18</v>
      </c>
      <c r="AF2593">
        <v>17647</v>
      </c>
      <c r="AG2593">
        <v>125305</v>
      </c>
      <c r="AH2593">
        <v>50000</v>
      </c>
      <c r="AI2593">
        <v>-100</v>
      </c>
      <c r="AJ2593">
        <v>100</v>
      </c>
      <c r="AK2593" t="s">
        <v>0</v>
      </c>
      <c r="AL2593">
        <v>0</v>
      </c>
      <c r="AM2593">
        <v>0</v>
      </c>
      <c r="AN2593">
        <v>0</v>
      </c>
      <c r="AO2593">
        <v>0</v>
      </c>
      <c r="AP2593">
        <v>0</v>
      </c>
      <c r="AQ2593">
        <v>0</v>
      </c>
      <c r="AR2593">
        <v>0</v>
      </c>
      <c r="AS2593">
        <v>0</v>
      </c>
      <c r="AT2593">
        <v>0</v>
      </c>
      <c r="AU2593">
        <v>0</v>
      </c>
      <c r="AV2593">
        <v>0</v>
      </c>
      <c r="AW2593">
        <v>0</v>
      </c>
      <c r="AX2593">
        <v>9331</v>
      </c>
      <c r="AY2593">
        <v>11</v>
      </c>
      <c r="AZ2593">
        <v>30</v>
      </c>
      <c r="BA2593">
        <v>2363</v>
      </c>
    </row>
    <row r="2594" spans="1:53" x14ac:dyDescent="0.4">
      <c r="A2594">
        <v>2638</v>
      </c>
      <c r="B2594" s="1">
        <v>43663</v>
      </c>
      <c r="C2594">
        <v>4</v>
      </c>
      <c r="D2594" s="1">
        <v>43663.957638888889</v>
      </c>
      <c r="E2594" s="1">
        <v>43664.076388888891</v>
      </c>
      <c r="F2594">
        <v>20500</v>
      </c>
      <c r="G2594">
        <v>880</v>
      </c>
      <c r="H2594">
        <v>200</v>
      </c>
      <c r="I2594">
        <v>0</v>
      </c>
      <c r="J2594">
        <v>0</v>
      </c>
      <c r="K2594">
        <v>0</v>
      </c>
      <c r="L2594">
        <v>0</v>
      </c>
      <c r="M2594">
        <v>1726</v>
      </c>
      <c r="N2594">
        <v>0</v>
      </c>
      <c r="O2594">
        <v>0</v>
      </c>
      <c r="P2594">
        <v>1188</v>
      </c>
      <c r="Q2594">
        <v>0</v>
      </c>
      <c r="R2594">
        <v>24494</v>
      </c>
      <c r="S2594">
        <v>0</v>
      </c>
      <c r="T2594">
        <v>0</v>
      </c>
      <c r="U2594">
        <v>0</v>
      </c>
      <c r="V2594">
        <v>4</v>
      </c>
      <c r="W2594">
        <v>2</v>
      </c>
      <c r="X2594">
        <v>0</v>
      </c>
      <c r="Y2594">
        <v>51</v>
      </c>
      <c r="Z2594">
        <v>24</v>
      </c>
      <c r="AA2594">
        <v>74</v>
      </c>
      <c r="AB2594">
        <v>11</v>
      </c>
      <c r="AC2594">
        <v>184</v>
      </c>
      <c r="AD2594">
        <v>75</v>
      </c>
      <c r="AE2594">
        <v>15</v>
      </c>
      <c r="AF2594">
        <v>26719</v>
      </c>
      <c r="AG2594">
        <v>149899</v>
      </c>
      <c r="AH2594">
        <v>50000</v>
      </c>
      <c r="AI2594">
        <v>0</v>
      </c>
      <c r="AJ2594">
        <v>108</v>
      </c>
      <c r="AK2594" t="s">
        <v>30</v>
      </c>
      <c r="AL2594">
        <v>0</v>
      </c>
      <c r="AM2594">
        <v>0</v>
      </c>
      <c r="AN2594">
        <v>0</v>
      </c>
      <c r="AO2594">
        <v>0</v>
      </c>
      <c r="AP2594">
        <v>0</v>
      </c>
      <c r="AQ2594">
        <v>0</v>
      </c>
      <c r="AR2594">
        <v>0</v>
      </c>
      <c r="AS2594">
        <v>0</v>
      </c>
      <c r="AT2594">
        <v>0</v>
      </c>
      <c r="AU2594">
        <v>0</v>
      </c>
      <c r="AV2594">
        <v>0</v>
      </c>
      <c r="AW2594">
        <v>0</v>
      </c>
      <c r="AX2594">
        <v>0</v>
      </c>
      <c r="AY2594">
        <v>2</v>
      </c>
      <c r="AZ2594">
        <v>6</v>
      </c>
      <c r="BA2594">
        <v>563</v>
      </c>
    </row>
    <row r="2595" spans="1:53" x14ac:dyDescent="0.4">
      <c r="A2595">
        <v>2639</v>
      </c>
      <c r="B2595" s="1">
        <v>43664</v>
      </c>
      <c r="C2595">
        <v>1</v>
      </c>
      <c r="D2595" s="1">
        <v>43664.291666666664</v>
      </c>
      <c r="E2595" s="1">
        <v>43664.456250000003</v>
      </c>
      <c r="F2595">
        <v>0</v>
      </c>
      <c r="G2595">
        <v>0</v>
      </c>
      <c r="H2595">
        <v>0</v>
      </c>
      <c r="I2595">
        <v>0</v>
      </c>
      <c r="J2595">
        <v>0</v>
      </c>
      <c r="K2595">
        <v>0</v>
      </c>
      <c r="L2595">
        <v>0</v>
      </c>
      <c r="M2595">
        <v>0</v>
      </c>
      <c r="N2595">
        <v>0</v>
      </c>
      <c r="O2595">
        <v>0</v>
      </c>
      <c r="P2595">
        <v>0</v>
      </c>
      <c r="Q2595">
        <v>0</v>
      </c>
      <c r="R2595">
        <v>0</v>
      </c>
      <c r="S2595">
        <v>0</v>
      </c>
      <c r="T2595">
        <v>0</v>
      </c>
      <c r="U2595">
        <v>0</v>
      </c>
      <c r="V2595">
        <v>0</v>
      </c>
      <c r="W2595">
        <v>0</v>
      </c>
      <c r="X2595">
        <v>0</v>
      </c>
      <c r="Y2595">
        <v>35</v>
      </c>
      <c r="Z2595">
        <v>9</v>
      </c>
      <c r="AA2595">
        <v>81</v>
      </c>
      <c r="AB2595">
        <v>12</v>
      </c>
      <c r="AC2595">
        <v>140</v>
      </c>
      <c r="AD2595">
        <v>76</v>
      </c>
      <c r="AE2595">
        <v>20</v>
      </c>
      <c r="AF2595">
        <v>0</v>
      </c>
      <c r="AG2595">
        <v>50000</v>
      </c>
      <c r="AH2595">
        <v>0</v>
      </c>
      <c r="AI2595">
        <v>50000</v>
      </c>
      <c r="AJ2595">
        <v>0</v>
      </c>
      <c r="AK2595" t="s">
        <v>6</v>
      </c>
      <c r="AL2595">
        <v>0</v>
      </c>
      <c r="AM2595">
        <v>0</v>
      </c>
      <c r="AN2595">
        <v>0</v>
      </c>
      <c r="AO2595">
        <v>0</v>
      </c>
      <c r="AP2595">
        <v>0</v>
      </c>
      <c r="AQ2595">
        <v>0</v>
      </c>
      <c r="AR2595">
        <v>0</v>
      </c>
      <c r="AS2595">
        <v>0</v>
      </c>
      <c r="AT2595">
        <v>0</v>
      </c>
      <c r="AU2595">
        <v>0</v>
      </c>
      <c r="AV2595">
        <v>0</v>
      </c>
      <c r="AW2595">
        <v>0</v>
      </c>
      <c r="AX2595">
        <v>0</v>
      </c>
      <c r="AY2595">
        <v>0</v>
      </c>
      <c r="AZ2595">
        <v>0</v>
      </c>
      <c r="BA2595">
        <v>0</v>
      </c>
    </row>
    <row r="2596" spans="1:53" x14ac:dyDescent="0.4">
      <c r="A2596">
        <v>2640</v>
      </c>
      <c r="B2596" s="1">
        <v>43664</v>
      </c>
      <c r="C2596">
        <v>2</v>
      </c>
      <c r="D2596" s="1">
        <v>43664.456250000003</v>
      </c>
      <c r="E2596" s="1">
        <v>43664.739583333336</v>
      </c>
      <c r="F2596">
        <v>21000</v>
      </c>
      <c r="G2596">
        <v>0</v>
      </c>
      <c r="H2596">
        <v>0</v>
      </c>
      <c r="I2596">
        <v>0</v>
      </c>
      <c r="J2596">
        <v>0</v>
      </c>
      <c r="K2596">
        <v>0</v>
      </c>
      <c r="L2596">
        <v>0</v>
      </c>
      <c r="M2596">
        <v>1680</v>
      </c>
      <c r="N2596">
        <v>0</v>
      </c>
      <c r="O2596">
        <v>0</v>
      </c>
      <c r="P2596">
        <v>17874</v>
      </c>
      <c r="Q2596">
        <v>0</v>
      </c>
      <c r="R2596">
        <v>40554</v>
      </c>
      <c r="S2596">
        <v>0</v>
      </c>
      <c r="T2596">
        <v>0</v>
      </c>
      <c r="U2596">
        <v>0</v>
      </c>
      <c r="V2596">
        <v>3</v>
      </c>
      <c r="W2596">
        <v>1</v>
      </c>
      <c r="X2596">
        <v>0</v>
      </c>
      <c r="Y2596">
        <v>34</v>
      </c>
      <c r="Z2596">
        <v>18</v>
      </c>
      <c r="AA2596">
        <v>101</v>
      </c>
      <c r="AB2596">
        <v>11</v>
      </c>
      <c r="AC2596">
        <v>199</v>
      </c>
      <c r="AD2596">
        <v>76</v>
      </c>
      <c r="AE2596">
        <v>20</v>
      </c>
      <c r="AF2596">
        <v>0</v>
      </c>
      <c r="AG2596">
        <v>91040</v>
      </c>
      <c r="AH2596">
        <v>0</v>
      </c>
      <c r="AI2596">
        <v>50486</v>
      </c>
      <c r="AJ2596">
        <v>96</v>
      </c>
      <c r="AK2596" t="s">
        <v>4</v>
      </c>
      <c r="AL2596">
        <v>0</v>
      </c>
      <c r="AM2596">
        <v>0</v>
      </c>
      <c r="AN2596">
        <v>0</v>
      </c>
      <c r="AO2596">
        <v>0</v>
      </c>
      <c r="AP2596">
        <v>0</v>
      </c>
      <c r="AQ2596">
        <v>0</v>
      </c>
      <c r="AR2596">
        <v>0</v>
      </c>
      <c r="AS2596">
        <v>0</v>
      </c>
      <c r="AT2596">
        <v>0</v>
      </c>
      <c r="AU2596">
        <v>0</v>
      </c>
      <c r="AV2596">
        <v>0</v>
      </c>
      <c r="AW2596">
        <v>0</v>
      </c>
      <c r="AX2596">
        <v>-54</v>
      </c>
      <c r="AY2596">
        <v>40</v>
      </c>
      <c r="AZ2596">
        <v>75</v>
      </c>
      <c r="BA2596">
        <v>5018</v>
      </c>
    </row>
    <row r="2597" spans="1:53" x14ac:dyDescent="0.4">
      <c r="A2597">
        <v>2641</v>
      </c>
      <c r="B2597" s="1">
        <v>43664</v>
      </c>
      <c r="C2597">
        <v>3</v>
      </c>
      <c r="D2597" s="1">
        <v>43664.739583333336</v>
      </c>
      <c r="E2597" s="1">
        <v>43664.740277777775</v>
      </c>
      <c r="F2597">
        <v>0</v>
      </c>
      <c r="G2597">
        <v>0</v>
      </c>
      <c r="H2597">
        <v>0</v>
      </c>
      <c r="I2597">
        <v>0</v>
      </c>
      <c r="J2597">
        <v>0</v>
      </c>
      <c r="K2597">
        <v>0</v>
      </c>
      <c r="L2597">
        <v>0</v>
      </c>
      <c r="M2597">
        <v>0</v>
      </c>
      <c r="N2597">
        <v>0</v>
      </c>
      <c r="O2597">
        <v>0</v>
      </c>
      <c r="P2597">
        <v>0</v>
      </c>
      <c r="Q2597">
        <v>0</v>
      </c>
      <c r="R2597">
        <v>0</v>
      </c>
      <c r="S2597">
        <v>0</v>
      </c>
      <c r="T2597">
        <v>0</v>
      </c>
      <c r="U2597">
        <v>0</v>
      </c>
      <c r="V2597">
        <v>3</v>
      </c>
      <c r="W2597">
        <v>1</v>
      </c>
      <c r="X2597">
        <v>0</v>
      </c>
      <c r="Y2597">
        <v>34</v>
      </c>
      <c r="Z2597">
        <v>18</v>
      </c>
      <c r="AA2597">
        <v>101</v>
      </c>
      <c r="AB2597">
        <v>11</v>
      </c>
      <c r="AC2597">
        <v>199</v>
      </c>
      <c r="AD2597">
        <v>76</v>
      </c>
      <c r="AE2597">
        <v>20</v>
      </c>
      <c r="AF2597">
        <v>0</v>
      </c>
      <c r="AG2597">
        <v>91040</v>
      </c>
      <c r="AH2597">
        <v>50000</v>
      </c>
      <c r="AI2597">
        <v>486</v>
      </c>
      <c r="AJ2597">
        <v>96</v>
      </c>
      <c r="AK2597" t="s">
        <v>4</v>
      </c>
      <c r="AL2597">
        <v>0</v>
      </c>
      <c r="AM2597">
        <v>0</v>
      </c>
      <c r="AN2597">
        <v>0</v>
      </c>
      <c r="AO2597">
        <v>0</v>
      </c>
      <c r="AP2597">
        <v>0</v>
      </c>
      <c r="AQ2597">
        <v>0</v>
      </c>
      <c r="AR2597">
        <v>0</v>
      </c>
      <c r="AS2597">
        <v>0</v>
      </c>
      <c r="AT2597">
        <v>0</v>
      </c>
      <c r="AU2597">
        <v>0</v>
      </c>
      <c r="AV2597">
        <v>0</v>
      </c>
      <c r="AW2597">
        <v>0</v>
      </c>
      <c r="AX2597">
        <v>486</v>
      </c>
      <c r="AY2597">
        <v>0</v>
      </c>
      <c r="AZ2597">
        <v>0</v>
      </c>
      <c r="BA2597">
        <v>18</v>
      </c>
    </row>
    <row r="2598" spans="1:53" x14ac:dyDescent="0.4">
      <c r="A2598">
        <v>2642</v>
      </c>
      <c r="B2598" s="1">
        <v>43664</v>
      </c>
      <c r="C2598">
        <v>4</v>
      </c>
      <c r="D2598" s="1">
        <v>43664.740277777775</v>
      </c>
      <c r="E2598" s="1">
        <v>43664.773611111108</v>
      </c>
      <c r="F2598">
        <v>5000</v>
      </c>
      <c r="G2598">
        <v>0</v>
      </c>
      <c r="H2598">
        <v>0</v>
      </c>
      <c r="I2598">
        <v>0</v>
      </c>
      <c r="J2598">
        <v>0</v>
      </c>
      <c r="K2598">
        <v>0</v>
      </c>
      <c r="L2598">
        <v>0</v>
      </c>
      <c r="M2598">
        <v>400</v>
      </c>
      <c r="N2598">
        <v>0</v>
      </c>
      <c r="O2598">
        <v>0</v>
      </c>
      <c r="P2598">
        <v>-3834</v>
      </c>
      <c r="Q2598">
        <v>0</v>
      </c>
      <c r="R2598">
        <v>1566</v>
      </c>
      <c r="S2598">
        <v>0</v>
      </c>
      <c r="T2598">
        <v>0</v>
      </c>
      <c r="U2598">
        <v>0</v>
      </c>
      <c r="V2598">
        <v>3</v>
      </c>
      <c r="W2598">
        <v>1</v>
      </c>
      <c r="X2598">
        <v>0</v>
      </c>
      <c r="Y2598">
        <v>35</v>
      </c>
      <c r="Z2598">
        <v>18</v>
      </c>
      <c r="AA2598">
        <v>101</v>
      </c>
      <c r="AB2598">
        <v>12</v>
      </c>
      <c r="AC2598">
        <v>202</v>
      </c>
      <c r="AD2598">
        <v>76</v>
      </c>
      <c r="AE2598">
        <v>20</v>
      </c>
      <c r="AF2598">
        <v>0</v>
      </c>
      <c r="AG2598">
        <v>92120</v>
      </c>
      <c r="AH2598">
        <v>50000</v>
      </c>
      <c r="AI2598">
        <v>0</v>
      </c>
      <c r="AJ2598">
        <v>84</v>
      </c>
      <c r="AK2598" t="s">
        <v>16</v>
      </c>
      <c r="AL2598">
        <v>0</v>
      </c>
      <c r="AM2598">
        <v>0</v>
      </c>
      <c r="AN2598">
        <v>0</v>
      </c>
      <c r="AO2598">
        <v>0</v>
      </c>
      <c r="AP2598">
        <v>0</v>
      </c>
      <c r="AQ2598">
        <v>0</v>
      </c>
      <c r="AR2598">
        <v>0</v>
      </c>
      <c r="AS2598">
        <v>0</v>
      </c>
      <c r="AT2598">
        <v>0</v>
      </c>
      <c r="AU2598">
        <v>0</v>
      </c>
      <c r="AV2598">
        <v>0</v>
      </c>
      <c r="AW2598">
        <v>0</v>
      </c>
      <c r="AX2598">
        <v>-1080</v>
      </c>
      <c r="AY2598">
        <v>1</v>
      </c>
      <c r="AZ2598">
        <v>1</v>
      </c>
      <c r="BA2598">
        <v>723</v>
      </c>
    </row>
    <row r="2599" spans="1:53" x14ac:dyDescent="0.4">
      <c r="A2599">
        <v>2643</v>
      </c>
      <c r="B2599" s="1">
        <v>43664</v>
      </c>
      <c r="C2599">
        <v>5</v>
      </c>
      <c r="D2599" s="1">
        <v>43664.773611111108</v>
      </c>
      <c r="E2599" s="1">
        <v>43664.952777777777</v>
      </c>
      <c r="F2599">
        <v>24660</v>
      </c>
      <c r="G2599">
        <v>0</v>
      </c>
      <c r="H2599">
        <v>0</v>
      </c>
      <c r="I2599">
        <v>0</v>
      </c>
      <c r="J2599">
        <v>0</v>
      </c>
      <c r="K2599">
        <v>0</v>
      </c>
      <c r="L2599">
        <v>0</v>
      </c>
      <c r="M2599">
        <v>1973</v>
      </c>
      <c r="N2599">
        <v>0</v>
      </c>
      <c r="O2599">
        <v>0</v>
      </c>
      <c r="P2599">
        <v>-10152</v>
      </c>
      <c r="Q2599">
        <v>0</v>
      </c>
      <c r="R2599">
        <v>16481</v>
      </c>
      <c r="S2599">
        <v>0</v>
      </c>
      <c r="T2599">
        <v>0</v>
      </c>
      <c r="U2599">
        <v>0</v>
      </c>
      <c r="V2599">
        <v>3</v>
      </c>
      <c r="W2599">
        <v>1</v>
      </c>
      <c r="X2599">
        <v>0</v>
      </c>
      <c r="Y2599">
        <v>50</v>
      </c>
      <c r="Z2599">
        <v>21</v>
      </c>
      <c r="AA2599">
        <v>102</v>
      </c>
      <c r="AB2599">
        <v>10</v>
      </c>
      <c r="AC2599">
        <v>201</v>
      </c>
      <c r="AD2599">
        <v>76</v>
      </c>
      <c r="AE2599">
        <v>11</v>
      </c>
      <c r="AF2599">
        <v>0</v>
      </c>
      <c r="AG2599">
        <v>108601</v>
      </c>
      <c r="AH2599">
        <v>50000</v>
      </c>
      <c r="AI2599">
        <v>0</v>
      </c>
      <c r="AJ2599">
        <v>108</v>
      </c>
      <c r="AK2599" t="s">
        <v>30</v>
      </c>
      <c r="AL2599">
        <v>0</v>
      </c>
      <c r="AM2599">
        <v>0</v>
      </c>
      <c r="AN2599">
        <v>0</v>
      </c>
      <c r="AO2599">
        <v>0</v>
      </c>
      <c r="AP2599">
        <v>0</v>
      </c>
      <c r="AQ2599">
        <v>0</v>
      </c>
      <c r="AR2599">
        <v>0</v>
      </c>
      <c r="AS2599">
        <v>0</v>
      </c>
      <c r="AT2599">
        <v>0</v>
      </c>
      <c r="AU2599">
        <v>0</v>
      </c>
      <c r="AV2599">
        <v>0</v>
      </c>
      <c r="AW2599">
        <v>0</v>
      </c>
      <c r="AX2599">
        <v>5540</v>
      </c>
      <c r="AY2599">
        <v>11</v>
      </c>
      <c r="AZ2599">
        <v>22</v>
      </c>
      <c r="BA2599">
        <v>2049</v>
      </c>
    </row>
    <row r="2600" spans="1:53" x14ac:dyDescent="0.4">
      <c r="A2600">
        <v>2644</v>
      </c>
      <c r="B2600" s="1">
        <v>43664</v>
      </c>
      <c r="C2600">
        <v>6</v>
      </c>
      <c r="D2600" s="1">
        <v>43664.952777777777</v>
      </c>
      <c r="E2600" s="1">
        <v>43665.074305555558</v>
      </c>
      <c r="F2600">
        <v>14450</v>
      </c>
      <c r="G2600">
        <v>1550</v>
      </c>
      <c r="H2600">
        <v>200</v>
      </c>
      <c r="I2600">
        <v>0</v>
      </c>
      <c r="J2600">
        <v>0</v>
      </c>
      <c r="K2600">
        <v>2000</v>
      </c>
      <c r="L2600">
        <v>0</v>
      </c>
      <c r="M2600">
        <v>1456</v>
      </c>
      <c r="N2600">
        <v>0</v>
      </c>
      <c r="O2600">
        <v>0</v>
      </c>
      <c r="P2600">
        <v>864</v>
      </c>
      <c r="Q2600">
        <v>0</v>
      </c>
      <c r="R2600">
        <v>20520</v>
      </c>
      <c r="S2600">
        <v>0</v>
      </c>
      <c r="T2600">
        <v>0</v>
      </c>
      <c r="U2600">
        <v>0</v>
      </c>
      <c r="V2600">
        <v>3</v>
      </c>
      <c r="W2600">
        <v>3</v>
      </c>
      <c r="X2600">
        <v>0</v>
      </c>
      <c r="Y2600">
        <v>54</v>
      </c>
      <c r="Z2600">
        <v>21</v>
      </c>
      <c r="AA2600">
        <v>104</v>
      </c>
      <c r="AB2600">
        <v>11</v>
      </c>
      <c r="AC2600">
        <v>202</v>
      </c>
      <c r="AD2600">
        <v>74</v>
      </c>
      <c r="AE2600">
        <v>17</v>
      </c>
      <c r="AF2600">
        <v>6264</v>
      </c>
      <c r="AG2600">
        <v>129121</v>
      </c>
      <c r="AH2600">
        <v>50000</v>
      </c>
      <c r="AI2600">
        <v>0</v>
      </c>
      <c r="AJ2600">
        <v>108</v>
      </c>
      <c r="AK2600" t="s">
        <v>30</v>
      </c>
      <c r="AL2600">
        <v>0</v>
      </c>
      <c r="AM2600">
        <v>0</v>
      </c>
      <c r="AN2600">
        <v>0</v>
      </c>
      <c r="AO2600">
        <v>0</v>
      </c>
      <c r="AP2600">
        <v>0</v>
      </c>
      <c r="AQ2600">
        <v>0</v>
      </c>
      <c r="AR2600">
        <v>0</v>
      </c>
      <c r="AS2600">
        <v>0</v>
      </c>
      <c r="AT2600">
        <v>0</v>
      </c>
      <c r="AU2600">
        <v>0</v>
      </c>
      <c r="AV2600">
        <v>0</v>
      </c>
      <c r="AW2600">
        <v>0</v>
      </c>
      <c r="AX2600">
        <v>2106</v>
      </c>
      <c r="AY2600">
        <v>5</v>
      </c>
      <c r="AZ2600">
        <v>11</v>
      </c>
      <c r="BA2600">
        <v>620</v>
      </c>
    </row>
    <row r="2601" spans="1:53" x14ac:dyDescent="0.4">
      <c r="A2601">
        <v>2645</v>
      </c>
      <c r="B2601" s="1">
        <v>43665</v>
      </c>
      <c r="C2601">
        <v>1</v>
      </c>
      <c r="D2601" s="1">
        <v>43665.291666666664</v>
      </c>
      <c r="E2601" s="1">
        <v>43665.450694444444</v>
      </c>
      <c r="F2601">
        <v>0</v>
      </c>
      <c r="G2601">
        <v>0</v>
      </c>
      <c r="H2601">
        <v>0</v>
      </c>
      <c r="I2601">
        <v>0</v>
      </c>
      <c r="J2601">
        <v>0</v>
      </c>
      <c r="K2601">
        <v>0</v>
      </c>
      <c r="L2601">
        <v>0</v>
      </c>
      <c r="M2601">
        <v>0</v>
      </c>
      <c r="N2601">
        <v>0</v>
      </c>
      <c r="O2601">
        <v>0</v>
      </c>
      <c r="P2601">
        <v>0</v>
      </c>
      <c r="Q2601">
        <v>0</v>
      </c>
      <c r="R2601">
        <v>0</v>
      </c>
      <c r="S2601">
        <v>0</v>
      </c>
      <c r="T2601">
        <v>0</v>
      </c>
      <c r="U2601">
        <v>0</v>
      </c>
      <c r="V2601">
        <v>0</v>
      </c>
      <c r="W2601">
        <v>0</v>
      </c>
      <c r="X2601">
        <v>0</v>
      </c>
      <c r="Y2601">
        <v>33</v>
      </c>
      <c r="Z2601">
        <v>10</v>
      </c>
      <c r="AA2601">
        <v>99</v>
      </c>
      <c r="AB2601">
        <v>13</v>
      </c>
      <c r="AC2601">
        <v>106</v>
      </c>
      <c r="AD2601">
        <v>74</v>
      </c>
      <c r="AE2601">
        <v>20</v>
      </c>
      <c r="AF2601">
        <v>0</v>
      </c>
      <c r="AG2601">
        <v>50000</v>
      </c>
      <c r="AH2601">
        <v>0</v>
      </c>
      <c r="AI2601">
        <v>50000</v>
      </c>
      <c r="AJ2601">
        <v>0</v>
      </c>
      <c r="AK2601" t="s">
        <v>6</v>
      </c>
      <c r="AL2601">
        <v>0</v>
      </c>
      <c r="AM2601">
        <v>0</v>
      </c>
      <c r="AN2601">
        <v>0</v>
      </c>
      <c r="AO2601">
        <v>0</v>
      </c>
      <c r="AP2601">
        <v>0</v>
      </c>
      <c r="AQ2601">
        <v>0</v>
      </c>
      <c r="AR2601">
        <v>0</v>
      </c>
      <c r="AS2601">
        <v>0</v>
      </c>
      <c r="AT2601">
        <v>0</v>
      </c>
      <c r="AU2601">
        <v>0</v>
      </c>
      <c r="AV2601">
        <v>0</v>
      </c>
      <c r="AW2601">
        <v>0</v>
      </c>
      <c r="AX2601">
        <v>0</v>
      </c>
      <c r="AY2601">
        <v>0</v>
      </c>
      <c r="AZ2601">
        <v>0</v>
      </c>
      <c r="BA2601">
        <v>0</v>
      </c>
    </row>
    <row r="2602" spans="1:53" x14ac:dyDescent="0.4">
      <c r="A2602">
        <v>2646</v>
      </c>
      <c r="B2602" s="1">
        <v>43665</v>
      </c>
      <c r="C2602">
        <v>2</v>
      </c>
      <c r="D2602" s="1">
        <v>43665.450694444444</v>
      </c>
      <c r="E2602" s="1">
        <v>43665.74722222222</v>
      </c>
      <c r="F2602">
        <v>23500</v>
      </c>
      <c r="G2602">
        <v>1460</v>
      </c>
      <c r="H2602">
        <v>200</v>
      </c>
      <c r="I2602">
        <v>0</v>
      </c>
      <c r="J2602">
        <v>0</v>
      </c>
      <c r="K2602">
        <v>0</v>
      </c>
      <c r="L2602">
        <v>0</v>
      </c>
      <c r="M2602">
        <v>2012</v>
      </c>
      <c r="N2602">
        <v>0</v>
      </c>
      <c r="O2602">
        <v>0</v>
      </c>
      <c r="P2602">
        <v>27540</v>
      </c>
      <c r="Q2602">
        <v>0</v>
      </c>
      <c r="R2602">
        <v>54712</v>
      </c>
      <c r="S2602">
        <v>0</v>
      </c>
      <c r="T2602">
        <v>0</v>
      </c>
      <c r="U2602">
        <v>0</v>
      </c>
      <c r="V2602">
        <v>0</v>
      </c>
      <c r="W2602">
        <v>1</v>
      </c>
      <c r="X2602">
        <v>0</v>
      </c>
      <c r="Y2602">
        <v>73</v>
      </c>
      <c r="Z2602">
        <v>26</v>
      </c>
      <c r="AA2602">
        <v>103</v>
      </c>
      <c r="AB2602">
        <v>12</v>
      </c>
      <c r="AC2602">
        <v>181</v>
      </c>
      <c r="AD2602">
        <v>84</v>
      </c>
      <c r="AE2602">
        <v>42</v>
      </c>
      <c r="AF2602">
        <v>540</v>
      </c>
      <c r="AG2602">
        <v>104712</v>
      </c>
      <c r="AH2602">
        <v>50000</v>
      </c>
      <c r="AI2602">
        <v>0</v>
      </c>
      <c r="AJ2602">
        <v>96</v>
      </c>
      <c r="AK2602" t="s">
        <v>4</v>
      </c>
      <c r="AL2602">
        <v>0</v>
      </c>
      <c r="AM2602">
        <v>0</v>
      </c>
      <c r="AN2602">
        <v>0</v>
      </c>
      <c r="AO2602">
        <v>0</v>
      </c>
      <c r="AP2602">
        <v>0</v>
      </c>
      <c r="AQ2602">
        <v>0</v>
      </c>
      <c r="AR2602">
        <v>0</v>
      </c>
      <c r="AS2602">
        <v>0</v>
      </c>
      <c r="AT2602">
        <v>0</v>
      </c>
      <c r="AU2602">
        <v>0</v>
      </c>
      <c r="AV2602">
        <v>0</v>
      </c>
      <c r="AW2602">
        <v>0</v>
      </c>
      <c r="AX2602">
        <v>-540</v>
      </c>
      <c r="AY2602">
        <v>44</v>
      </c>
      <c r="AZ2602">
        <v>95</v>
      </c>
      <c r="BA2602">
        <v>6222</v>
      </c>
    </row>
    <row r="2603" spans="1:53" x14ac:dyDescent="0.4">
      <c r="A2603">
        <v>2647</v>
      </c>
      <c r="B2603" s="1">
        <v>43666</v>
      </c>
      <c r="C2603">
        <v>1</v>
      </c>
      <c r="D2603" s="1">
        <v>43666.291666666664</v>
      </c>
      <c r="E2603" s="1">
        <v>43666.736111111109</v>
      </c>
      <c r="F2603">
        <v>43000</v>
      </c>
      <c r="G2603">
        <v>4460</v>
      </c>
      <c r="H2603">
        <v>0</v>
      </c>
      <c r="I2603">
        <v>0</v>
      </c>
      <c r="J2603">
        <v>0</v>
      </c>
      <c r="K2603">
        <v>0</v>
      </c>
      <c r="L2603">
        <v>0</v>
      </c>
      <c r="M2603">
        <v>3795</v>
      </c>
      <c r="N2603">
        <v>0</v>
      </c>
      <c r="O2603">
        <v>0</v>
      </c>
      <c r="P2603">
        <v>15660</v>
      </c>
      <c r="Q2603">
        <v>0</v>
      </c>
      <c r="R2603">
        <v>66915</v>
      </c>
      <c r="S2603">
        <v>0</v>
      </c>
      <c r="T2603">
        <v>0</v>
      </c>
      <c r="U2603">
        <v>0</v>
      </c>
      <c r="V2603">
        <v>5</v>
      </c>
      <c r="W2603">
        <v>0</v>
      </c>
      <c r="X2603">
        <v>0</v>
      </c>
      <c r="Y2603">
        <v>38</v>
      </c>
      <c r="Z2603">
        <v>25</v>
      </c>
      <c r="AA2603">
        <v>121</v>
      </c>
      <c r="AB2603">
        <v>12</v>
      </c>
      <c r="AC2603">
        <v>228</v>
      </c>
      <c r="AD2603">
        <v>79</v>
      </c>
      <c r="AE2603">
        <v>40</v>
      </c>
      <c r="AF2603">
        <v>1000</v>
      </c>
      <c r="AG2603">
        <v>116915</v>
      </c>
      <c r="AH2603">
        <v>50000</v>
      </c>
      <c r="AI2603">
        <v>0</v>
      </c>
      <c r="AJ2603">
        <v>93</v>
      </c>
      <c r="AK2603" t="s">
        <v>20</v>
      </c>
      <c r="AL2603">
        <v>0</v>
      </c>
      <c r="AM2603">
        <v>0</v>
      </c>
      <c r="AN2603">
        <v>0</v>
      </c>
      <c r="AO2603">
        <v>0</v>
      </c>
      <c r="AP2603">
        <v>0</v>
      </c>
      <c r="AQ2603">
        <v>0</v>
      </c>
      <c r="AR2603">
        <v>0</v>
      </c>
      <c r="AS2603">
        <v>0</v>
      </c>
      <c r="AT2603">
        <v>0</v>
      </c>
      <c r="AU2603">
        <v>0</v>
      </c>
      <c r="AV2603">
        <v>0</v>
      </c>
      <c r="AW2603">
        <v>0</v>
      </c>
      <c r="AX2603">
        <v>-1080</v>
      </c>
      <c r="AY2603">
        <v>48</v>
      </c>
      <c r="AZ2603">
        <v>112</v>
      </c>
      <c r="BA2603">
        <v>7291</v>
      </c>
    </row>
    <row r="2604" spans="1:53" x14ac:dyDescent="0.4">
      <c r="A2604">
        <v>2648</v>
      </c>
      <c r="B2604" s="1">
        <v>43667</v>
      </c>
      <c r="C2604">
        <v>1</v>
      </c>
      <c r="D2604" s="1">
        <v>43667.291666666664</v>
      </c>
      <c r="E2604" s="1">
        <v>43667.405555555553</v>
      </c>
      <c r="F2604">
        <v>0</v>
      </c>
      <c r="G2604">
        <v>0</v>
      </c>
      <c r="H2604">
        <v>0</v>
      </c>
      <c r="I2604">
        <v>0</v>
      </c>
      <c r="J2604">
        <v>0</v>
      </c>
      <c r="K2604">
        <v>0</v>
      </c>
      <c r="L2604">
        <v>0</v>
      </c>
      <c r="M2604">
        <v>0</v>
      </c>
      <c r="N2604">
        <v>0</v>
      </c>
      <c r="O2604">
        <v>0</v>
      </c>
      <c r="P2604">
        <v>0</v>
      </c>
      <c r="Q2604">
        <v>0</v>
      </c>
      <c r="R2604">
        <v>0</v>
      </c>
      <c r="S2604">
        <v>0</v>
      </c>
      <c r="T2604">
        <v>0</v>
      </c>
      <c r="U2604">
        <v>0</v>
      </c>
      <c r="V2604">
        <v>0</v>
      </c>
      <c r="W2604">
        <v>0</v>
      </c>
      <c r="X2604">
        <v>0</v>
      </c>
      <c r="Y2604">
        <v>29</v>
      </c>
      <c r="Z2604">
        <v>10</v>
      </c>
      <c r="AA2604">
        <v>115</v>
      </c>
      <c r="AB2604">
        <v>59</v>
      </c>
      <c r="AC2604">
        <v>112</v>
      </c>
      <c r="AD2604">
        <v>75</v>
      </c>
      <c r="AE2604">
        <v>55</v>
      </c>
      <c r="AF2604">
        <v>0</v>
      </c>
      <c r="AG2604">
        <v>50000</v>
      </c>
      <c r="AH2604">
        <v>50000</v>
      </c>
      <c r="AI2604">
        <v>0</v>
      </c>
      <c r="AJ2604">
        <v>0</v>
      </c>
      <c r="AK2604" t="s">
        <v>6</v>
      </c>
      <c r="AL2604">
        <v>0</v>
      </c>
      <c r="AM2604">
        <v>0</v>
      </c>
      <c r="AN2604">
        <v>0</v>
      </c>
      <c r="AO2604">
        <v>0</v>
      </c>
      <c r="AP2604">
        <v>0</v>
      </c>
      <c r="AQ2604">
        <v>0</v>
      </c>
      <c r="AR2604">
        <v>0</v>
      </c>
      <c r="AS2604">
        <v>0</v>
      </c>
      <c r="AT2604">
        <v>0</v>
      </c>
      <c r="AU2604">
        <v>0</v>
      </c>
      <c r="AV2604">
        <v>0</v>
      </c>
      <c r="AW2604">
        <v>0</v>
      </c>
      <c r="AX2604">
        <v>0</v>
      </c>
      <c r="AY2604">
        <v>0</v>
      </c>
      <c r="AZ2604">
        <v>0</v>
      </c>
      <c r="BA2604">
        <v>0</v>
      </c>
    </row>
    <row r="2605" spans="1:53" x14ac:dyDescent="0.4">
      <c r="A2605">
        <v>2649</v>
      </c>
      <c r="B2605" s="1">
        <v>43667</v>
      </c>
      <c r="C2605">
        <v>2</v>
      </c>
      <c r="D2605" s="1">
        <v>43667.405555555553</v>
      </c>
      <c r="E2605" s="1">
        <v>43667.774305555555</v>
      </c>
      <c r="F2605">
        <v>45750</v>
      </c>
      <c r="G2605">
        <v>2000</v>
      </c>
      <c r="H2605">
        <v>400</v>
      </c>
      <c r="I2605">
        <v>0</v>
      </c>
      <c r="J2605">
        <v>0</v>
      </c>
      <c r="K2605">
        <v>0</v>
      </c>
      <c r="L2605">
        <v>0</v>
      </c>
      <c r="M2605">
        <v>3852</v>
      </c>
      <c r="N2605">
        <v>0</v>
      </c>
      <c r="O2605">
        <v>0</v>
      </c>
      <c r="P2605">
        <v>14040</v>
      </c>
      <c r="Q2605">
        <v>0</v>
      </c>
      <c r="R2605">
        <v>66042</v>
      </c>
      <c r="S2605">
        <v>0</v>
      </c>
      <c r="T2605">
        <v>0</v>
      </c>
      <c r="U2605">
        <v>0</v>
      </c>
      <c r="V2605">
        <v>2</v>
      </c>
      <c r="W2605">
        <v>0</v>
      </c>
      <c r="X2605">
        <v>0</v>
      </c>
      <c r="Y2605">
        <v>68</v>
      </c>
      <c r="Z2605">
        <v>17</v>
      </c>
      <c r="AA2605">
        <v>134</v>
      </c>
      <c r="AB2605">
        <v>67</v>
      </c>
      <c r="AC2605">
        <v>212</v>
      </c>
      <c r="AD2605">
        <v>81</v>
      </c>
      <c r="AE2605">
        <v>53</v>
      </c>
      <c r="AF2605">
        <v>214</v>
      </c>
      <c r="AG2605">
        <v>116042</v>
      </c>
      <c r="AH2605">
        <v>50000</v>
      </c>
      <c r="AI2605">
        <v>0</v>
      </c>
      <c r="AJ2605">
        <v>107</v>
      </c>
      <c r="AK2605" t="s">
        <v>40</v>
      </c>
      <c r="AL2605">
        <v>0</v>
      </c>
      <c r="AM2605">
        <v>0</v>
      </c>
      <c r="AN2605">
        <v>0</v>
      </c>
      <c r="AO2605">
        <v>0</v>
      </c>
      <c r="AP2605">
        <v>0</v>
      </c>
      <c r="AQ2605">
        <v>0</v>
      </c>
      <c r="AR2605">
        <v>0</v>
      </c>
      <c r="AS2605">
        <v>0</v>
      </c>
      <c r="AT2605">
        <v>0</v>
      </c>
      <c r="AU2605">
        <v>0</v>
      </c>
      <c r="AV2605">
        <v>0</v>
      </c>
      <c r="AW2605">
        <v>0</v>
      </c>
      <c r="AX2605">
        <v>7257</v>
      </c>
      <c r="AY2605">
        <v>55</v>
      </c>
      <c r="AZ2605">
        <v>125</v>
      </c>
      <c r="BA2605">
        <v>8694</v>
      </c>
    </row>
    <row r="2606" spans="1:53" x14ac:dyDescent="0.4">
      <c r="A2606">
        <v>2650</v>
      </c>
      <c r="B2606" s="1">
        <v>43667</v>
      </c>
      <c r="C2606">
        <v>3</v>
      </c>
      <c r="D2606" s="1">
        <v>43667.774305555555</v>
      </c>
      <c r="E2606" s="1">
        <v>43668.043749999997</v>
      </c>
      <c r="F2606">
        <v>65680</v>
      </c>
      <c r="G2606">
        <v>4580</v>
      </c>
      <c r="H2606">
        <v>200</v>
      </c>
      <c r="I2606">
        <v>0</v>
      </c>
      <c r="J2606">
        <v>800</v>
      </c>
      <c r="K2606">
        <v>0</v>
      </c>
      <c r="L2606">
        <v>0</v>
      </c>
      <c r="M2606">
        <v>5573</v>
      </c>
      <c r="N2606">
        <v>0</v>
      </c>
      <c r="O2606">
        <v>0</v>
      </c>
      <c r="P2606">
        <v>3888</v>
      </c>
      <c r="Q2606">
        <v>0</v>
      </c>
      <c r="R2606">
        <v>79121</v>
      </c>
      <c r="S2606">
        <v>0</v>
      </c>
      <c r="T2606">
        <v>0</v>
      </c>
      <c r="U2606">
        <v>0</v>
      </c>
      <c r="V2606">
        <v>9</v>
      </c>
      <c r="W2606">
        <v>2</v>
      </c>
      <c r="X2606">
        <v>0</v>
      </c>
      <c r="Y2606">
        <v>63</v>
      </c>
      <c r="Z2606">
        <v>19</v>
      </c>
      <c r="AA2606">
        <v>125</v>
      </c>
      <c r="AB2606">
        <v>69</v>
      </c>
      <c r="AC2606">
        <v>214</v>
      </c>
      <c r="AD2606">
        <v>80</v>
      </c>
      <c r="AE2606">
        <v>70</v>
      </c>
      <c r="AF2606">
        <v>4102</v>
      </c>
      <c r="AG2606">
        <v>195162</v>
      </c>
      <c r="AH2606">
        <v>50000</v>
      </c>
      <c r="AI2606">
        <v>-1</v>
      </c>
      <c r="AJ2606">
        <v>108</v>
      </c>
      <c r="AK2606" t="s">
        <v>30</v>
      </c>
      <c r="AL2606">
        <v>0</v>
      </c>
      <c r="AM2606">
        <v>0</v>
      </c>
      <c r="AN2606">
        <v>0</v>
      </c>
      <c r="AO2606">
        <v>0</v>
      </c>
      <c r="AP2606">
        <v>0</v>
      </c>
      <c r="AQ2606">
        <v>0</v>
      </c>
      <c r="AR2606">
        <v>0</v>
      </c>
      <c r="AS2606">
        <v>0</v>
      </c>
      <c r="AT2606">
        <v>0</v>
      </c>
      <c r="AU2606">
        <v>0</v>
      </c>
      <c r="AV2606">
        <v>0</v>
      </c>
      <c r="AW2606">
        <v>0</v>
      </c>
      <c r="AX2606">
        <v>-5422</v>
      </c>
      <c r="AY2606">
        <v>18</v>
      </c>
      <c r="AZ2606">
        <v>44</v>
      </c>
      <c r="BA2606">
        <v>2677</v>
      </c>
    </row>
    <row r="2607" spans="1:53" x14ac:dyDescent="0.4">
      <c r="A2607">
        <v>2651</v>
      </c>
      <c r="B2607" s="1">
        <v>43668</v>
      </c>
      <c r="C2607">
        <v>1</v>
      </c>
      <c r="D2607" s="1">
        <v>43668.291666666664</v>
      </c>
      <c r="E2607" s="1">
        <v>43668.413194444445</v>
      </c>
      <c r="F2607">
        <v>0</v>
      </c>
      <c r="G2607">
        <v>0</v>
      </c>
      <c r="H2607">
        <v>0</v>
      </c>
      <c r="I2607">
        <v>0</v>
      </c>
      <c r="J2607">
        <v>0</v>
      </c>
      <c r="K2607">
        <v>0</v>
      </c>
      <c r="L2607">
        <v>0</v>
      </c>
      <c r="M2607">
        <v>0</v>
      </c>
      <c r="N2607">
        <v>0</v>
      </c>
      <c r="O2607">
        <v>0</v>
      </c>
      <c r="P2607">
        <v>0</v>
      </c>
      <c r="Q2607">
        <v>0</v>
      </c>
      <c r="R2607">
        <v>0</v>
      </c>
      <c r="S2607">
        <v>0</v>
      </c>
      <c r="T2607">
        <v>0</v>
      </c>
      <c r="U2607">
        <v>0</v>
      </c>
      <c r="V2607">
        <v>0</v>
      </c>
      <c r="W2607">
        <v>0</v>
      </c>
      <c r="X2607">
        <v>0</v>
      </c>
      <c r="Y2607">
        <v>27</v>
      </c>
      <c r="Z2607">
        <v>11</v>
      </c>
      <c r="AA2607">
        <v>125</v>
      </c>
      <c r="AB2607">
        <v>69</v>
      </c>
      <c r="AC2607">
        <v>109</v>
      </c>
      <c r="AD2607">
        <v>79</v>
      </c>
      <c r="AE2607">
        <v>65</v>
      </c>
      <c r="AF2607">
        <v>0</v>
      </c>
      <c r="AG2607">
        <v>50000</v>
      </c>
      <c r="AH2607">
        <v>0</v>
      </c>
      <c r="AI2607">
        <v>50000</v>
      </c>
      <c r="AJ2607">
        <v>0</v>
      </c>
      <c r="AK2607" t="s">
        <v>6</v>
      </c>
      <c r="AL2607">
        <v>0</v>
      </c>
      <c r="AM2607">
        <v>0</v>
      </c>
      <c r="AN2607">
        <v>0</v>
      </c>
      <c r="AO2607">
        <v>0</v>
      </c>
      <c r="AP2607">
        <v>0</v>
      </c>
      <c r="AQ2607">
        <v>0</v>
      </c>
      <c r="AR2607">
        <v>0</v>
      </c>
      <c r="AS2607">
        <v>0</v>
      </c>
      <c r="AT2607">
        <v>0</v>
      </c>
      <c r="AU2607">
        <v>0</v>
      </c>
      <c r="AV2607">
        <v>0</v>
      </c>
      <c r="AW2607">
        <v>0</v>
      </c>
      <c r="AX2607">
        <v>0</v>
      </c>
      <c r="AY2607">
        <v>0</v>
      </c>
      <c r="AZ2607">
        <v>0</v>
      </c>
      <c r="BA2607">
        <v>0</v>
      </c>
    </row>
    <row r="2608" spans="1:53" x14ac:dyDescent="0.4">
      <c r="A2608">
        <v>2652</v>
      </c>
      <c r="B2608" s="1">
        <v>43668</v>
      </c>
      <c r="C2608">
        <v>2</v>
      </c>
      <c r="D2608" s="1">
        <v>43668.413194444445</v>
      </c>
      <c r="E2608" s="1">
        <v>43668.755555555559</v>
      </c>
      <c r="F2608">
        <v>37250</v>
      </c>
      <c r="G2608">
        <v>4080</v>
      </c>
      <c r="H2608">
        <v>200</v>
      </c>
      <c r="I2608">
        <v>0</v>
      </c>
      <c r="J2608">
        <v>0</v>
      </c>
      <c r="K2608">
        <v>0</v>
      </c>
      <c r="L2608">
        <v>0</v>
      </c>
      <c r="M2608">
        <v>3321</v>
      </c>
      <c r="N2608">
        <v>0</v>
      </c>
      <c r="O2608">
        <v>0</v>
      </c>
      <c r="P2608">
        <v>15660</v>
      </c>
      <c r="Q2608">
        <v>0</v>
      </c>
      <c r="R2608">
        <v>60511</v>
      </c>
      <c r="S2608">
        <v>0</v>
      </c>
      <c r="T2608">
        <v>0</v>
      </c>
      <c r="U2608">
        <v>0</v>
      </c>
      <c r="V2608">
        <v>1</v>
      </c>
      <c r="W2608">
        <v>1</v>
      </c>
      <c r="X2608">
        <v>0</v>
      </c>
      <c r="Y2608">
        <v>54</v>
      </c>
      <c r="Z2608">
        <v>33</v>
      </c>
      <c r="AA2608">
        <v>107</v>
      </c>
      <c r="AB2608">
        <v>62</v>
      </c>
      <c r="AC2608">
        <v>232</v>
      </c>
      <c r="AD2608">
        <v>87</v>
      </c>
      <c r="AE2608">
        <v>79</v>
      </c>
      <c r="AF2608">
        <v>8377</v>
      </c>
      <c r="AG2608">
        <v>110511</v>
      </c>
      <c r="AH2608">
        <v>50000</v>
      </c>
      <c r="AI2608">
        <v>0</v>
      </c>
      <c r="AJ2608">
        <v>96</v>
      </c>
      <c r="AK2608" t="s">
        <v>4</v>
      </c>
      <c r="AL2608">
        <v>0</v>
      </c>
      <c r="AM2608">
        <v>0</v>
      </c>
      <c r="AN2608">
        <v>0</v>
      </c>
      <c r="AO2608">
        <v>0</v>
      </c>
      <c r="AP2608">
        <v>0</v>
      </c>
      <c r="AQ2608">
        <v>0</v>
      </c>
      <c r="AR2608">
        <v>0</v>
      </c>
      <c r="AS2608">
        <v>0</v>
      </c>
      <c r="AT2608">
        <v>0</v>
      </c>
      <c r="AU2608">
        <v>0</v>
      </c>
      <c r="AV2608">
        <v>0</v>
      </c>
      <c r="AW2608">
        <v>0</v>
      </c>
      <c r="AX2608">
        <v>0</v>
      </c>
      <c r="AY2608">
        <v>47</v>
      </c>
      <c r="AZ2608">
        <v>106</v>
      </c>
      <c r="BA2608">
        <v>7060</v>
      </c>
    </row>
    <row r="2609" spans="1:53" x14ac:dyDescent="0.4">
      <c r="A2609">
        <v>2653</v>
      </c>
      <c r="B2609" s="1">
        <v>43668</v>
      </c>
      <c r="C2609">
        <v>3</v>
      </c>
      <c r="D2609" s="1">
        <v>43668.755555555559</v>
      </c>
      <c r="E2609" s="1">
        <v>43668.955555555556</v>
      </c>
      <c r="F2609">
        <v>27800</v>
      </c>
      <c r="G2609">
        <v>0</v>
      </c>
      <c r="H2609">
        <v>0</v>
      </c>
      <c r="I2609">
        <v>0</v>
      </c>
      <c r="J2609">
        <v>0</v>
      </c>
      <c r="K2609">
        <v>0</v>
      </c>
      <c r="L2609">
        <v>0</v>
      </c>
      <c r="M2609">
        <v>2224</v>
      </c>
      <c r="N2609">
        <v>0</v>
      </c>
      <c r="O2609">
        <v>0</v>
      </c>
      <c r="P2609">
        <v>-15660</v>
      </c>
      <c r="Q2609">
        <v>0</v>
      </c>
      <c r="R2609">
        <v>14364</v>
      </c>
      <c r="S2609">
        <v>0</v>
      </c>
      <c r="T2609">
        <v>0</v>
      </c>
      <c r="U2609">
        <v>0</v>
      </c>
      <c r="V2609">
        <v>3</v>
      </c>
      <c r="W2609">
        <v>0</v>
      </c>
      <c r="X2609">
        <v>0</v>
      </c>
      <c r="Y2609">
        <v>55</v>
      </c>
      <c r="Z2609">
        <v>27</v>
      </c>
      <c r="AA2609">
        <v>111</v>
      </c>
      <c r="AB2609">
        <v>61</v>
      </c>
      <c r="AC2609">
        <v>226</v>
      </c>
      <c r="AD2609">
        <v>86</v>
      </c>
      <c r="AE2609">
        <v>78</v>
      </c>
      <c r="AF2609">
        <v>9457</v>
      </c>
      <c r="AG2609">
        <v>124875</v>
      </c>
      <c r="AH2609">
        <v>50000</v>
      </c>
      <c r="AI2609">
        <v>0</v>
      </c>
      <c r="AJ2609">
        <v>94</v>
      </c>
      <c r="AK2609" t="s">
        <v>21</v>
      </c>
      <c r="AL2609">
        <v>0</v>
      </c>
      <c r="AM2609">
        <v>0</v>
      </c>
      <c r="AN2609">
        <v>0</v>
      </c>
      <c r="AO2609">
        <v>0</v>
      </c>
      <c r="AP2609">
        <v>0</v>
      </c>
      <c r="AQ2609">
        <v>0</v>
      </c>
      <c r="AR2609">
        <v>0</v>
      </c>
      <c r="AS2609">
        <v>0</v>
      </c>
      <c r="AT2609">
        <v>0</v>
      </c>
      <c r="AU2609">
        <v>0</v>
      </c>
      <c r="AV2609">
        <v>0</v>
      </c>
      <c r="AW2609">
        <v>0</v>
      </c>
      <c r="AX2609">
        <v>5400</v>
      </c>
      <c r="AY2609">
        <v>8</v>
      </c>
      <c r="AZ2609">
        <v>19</v>
      </c>
      <c r="BA2609">
        <v>1818</v>
      </c>
    </row>
    <row r="2610" spans="1:53" x14ac:dyDescent="0.4">
      <c r="A2610">
        <v>2654</v>
      </c>
      <c r="B2610" s="1">
        <v>43669</v>
      </c>
      <c r="C2610">
        <v>1</v>
      </c>
      <c r="D2610" s="1">
        <v>43669.291666666664</v>
      </c>
      <c r="E2610" s="1">
        <v>43669.405555555553</v>
      </c>
      <c r="F2610">
        <v>0</v>
      </c>
      <c r="G2610">
        <v>0</v>
      </c>
      <c r="H2610">
        <v>0</v>
      </c>
      <c r="I2610">
        <v>0</v>
      </c>
      <c r="J2610">
        <v>0</v>
      </c>
      <c r="K2610">
        <v>0</v>
      </c>
      <c r="L2610">
        <v>0</v>
      </c>
      <c r="M2610">
        <v>0</v>
      </c>
      <c r="N2610">
        <v>0</v>
      </c>
      <c r="O2610">
        <v>0</v>
      </c>
      <c r="P2610">
        <v>0</v>
      </c>
      <c r="Q2610">
        <v>0</v>
      </c>
      <c r="R2610">
        <v>0</v>
      </c>
      <c r="S2610">
        <v>0</v>
      </c>
      <c r="T2610">
        <v>0</v>
      </c>
      <c r="U2610">
        <v>0</v>
      </c>
      <c r="V2610">
        <v>0</v>
      </c>
      <c r="W2610">
        <v>0</v>
      </c>
      <c r="X2610">
        <v>0</v>
      </c>
      <c r="Y2610">
        <v>28</v>
      </c>
      <c r="Z2610">
        <v>10</v>
      </c>
      <c r="AA2610">
        <v>121</v>
      </c>
      <c r="AB2610">
        <v>62</v>
      </c>
      <c r="AC2610">
        <v>128</v>
      </c>
      <c r="AD2610">
        <v>88</v>
      </c>
      <c r="AE2610">
        <v>80</v>
      </c>
      <c r="AF2610">
        <v>0</v>
      </c>
      <c r="AG2610">
        <v>50000</v>
      </c>
      <c r="AH2610">
        <v>50000</v>
      </c>
      <c r="AI2610">
        <v>0</v>
      </c>
      <c r="AJ2610">
        <v>0</v>
      </c>
      <c r="AK2610" t="s">
        <v>6</v>
      </c>
      <c r="AL2610">
        <v>0</v>
      </c>
      <c r="AM2610">
        <v>0</v>
      </c>
      <c r="AN2610">
        <v>0</v>
      </c>
      <c r="AO2610">
        <v>0</v>
      </c>
      <c r="AP2610">
        <v>0</v>
      </c>
      <c r="AQ2610">
        <v>0</v>
      </c>
      <c r="AR2610">
        <v>0</v>
      </c>
      <c r="AS2610">
        <v>0</v>
      </c>
      <c r="AT2610">
        <v>0</v>
      </c>
      <c r="AU2610">
        <v>0</v>
      </c>
      <c r="AV2610">
        <v>0</v>
      </c>
      <c r="AW2610">
        <v>0</v>
      </c>
      <c r="AX2610">
        <v>0</v>
      </c>
      <c r="AY2610">
        <v>0</v>
      </c>
      <c r="AZ2610">
        <v>0</v>
      </c>
      <c r="BA2610">
        <v>0</v>
      </c>
    </row>
    <row r="2611" spans="1:53" x14ac:dyDescent="0.4">
      <c r="A2611">
        <v>2655</v>
      </c>
      <c r="B2611" s="1">
        <v>43669</v>
      </c>
      <c r="C2611">
        <v>2</v>
      </c>
      <c r="D2611" s="1">
        <v>43669.405555555553</v>
      </c>
      <c r="E2611" s="1">
        <v>43669.740277777775</v>
      </c>
      <c r="F2611">
        <v>20500</v>
      </c>
      <c r="G2611">
        <v>1560</v>
      </c>
      <c r="H2611">
        <v>0</v>
      </c>
      <c r="I2611">
        <v>0</v>
      </c>
      <c r="J2611">
        <v>0</v>
      </c>
      <c r="K2611">
        <v>0</v>
      </c>
      <c r="L2611">
        <v>0</v>
      </c>
      <c r="M2611">
        <v>1764</v>
      </c>
      <c r="N2611">
        <v>0</v>
      </c>
      <c r="O2611">
        <v>0</v>
      </c>
      <c r="P2611">
        <v>10800</v>
      </c>
      <c r="Q2611">
        <v>0</v>
      </c>
      <c r="R2611">
        <v>34624</v>
      </c>
      <c r="S2611">
        <v>0</v>
      </c>
      <c r="T2611">
        <v>0</v>
      </c>
      <c r="U2611">
        <v>0</v>
      </c>
      <c r="V2611">
        <v>0</v>
      </c>
      <c r="W2611">
        <v>2</v>
      </c>
      <c r="X2611">
        <v>0</v>
      </c>
      <c r="Y2611">
        <v>52</v>
      </c>
      <c r="Z2611">
        <v>11</v>
      </c>
      <c r="AA2611">
        <v>121</v>
      </c>
      <c r="AB2611">
        <v>63</v>
      </c>
      <c r="AC2611">
        <v>136</v>
      </c>
      <c r="AD2611">
        <v>87</v>
      </c>
      <c r="AE2611">
        <v>79</v>
      </c>
      <c r="AF2611">
        <v>0</v>
      </c>
      <c r="AG2611">
        <v>84624</v>
      </c>
      <c r="AH2611">
        <v>50000</v>
      </c>
      <c r="AI2611">
        <v>0</v>
      </c>
      <c r="AJ2611">
        <v>101</v>
      </c>
      <c r="AK2611" t="s">
        <v>28</v>
      </c>
      <c r="AL2611">
        <v>0</v>
      </c>
      <c r="AM2611">
        <v>0</v>
      </c>
      <c r="AN2611">
        <v>0</v>
      </c>
      <c r="AO2611">
        <v>0</v>
      </c>
      <c r="AP2611">
        <v>0</v>
      </c>
      <c r="AQ2611">
        <v>0</v>
      </c>
      <c r="AR2611">
        <v>0</v>
      </c>
      <c r="AS2611">
        <v>0</v>
      </c>
      <c r="AT2611">
        <v>0</v>
      </c>
      <c r="AU2611">
        <v>0</v>
      </c>
      <c r="AV2611">
        <v>0</v>
      </c>
      <c r="AW2611">
        <v>0</v>
      </c>
      <c r="AX2611">
        <v>-540</v>
      </c>
      <c r="AY2611">
        <v>35</v>
      </c>
      <c r="AZ2611">
        <v>62</v>
      </c>
      <c r="BA2611">
        <v>5011</v>
      </c>
    </row>
    <row r="2612" spans="1:53" x14ac:dyDescent="0.4">
      <c r="A2612">
        <v>2656</v>
      </c>
      <c r="B2612" s="1">
        <v>43669</v>
      </c>
      <c r="C2612">
        <v>3</v>
      </c>
      <c r="D2612" s="1">
        <v>43669.740277777775</v>
      </c>
      <c r="E2612" s="1">
        <v>43669.959027777775</v>
      </c>
      <c r="F2612">
        <v>20000</v>
      </c>
      <c r="G2612">
        <v>0</v>
      </c>
      <c r="H2612">
        <v>0</v>
      </c>
      <c r="I2612">
        <v>0</v>
      </c>
      <c r="J2612">
        <v>0</v>
      </c>
      <c r="K2612">
        <v>0</v>
      </c>
      <c r="L2612">
        <v>0</v>
      </c>
      <c r="M2612">
        <v>1600</v>
      </c>
      <c r="N2612">
        <v>0</v>
      </c>
      <c r="O2612">
        <v>0</v>
      </c>
      <c r="P2612">
        <v>17928</v>
      </c>
      <c r="Q2612">
        <v>0</v>
      </c>
      <c r="R2612">
        <v>39528</v>
      </c>
      <c r="S2612">
        <v>0</v>
      </c>
      <c r="T2612">
        <v>0</v>
      </c>
      <c r="U2612">
        <v>0</v>
      </c>
      <c r="V2612">
        <v>3</v>
      </c>
      <c r="W2612">
        <v>2</v>
      </c>
      <c r="X2612">
        <v>0</v>
      </c>
      <c r="Y2612">
        <v>61</v>
      </c>
      <c r="Z2612">
        <v>10</v>
      </c>
      <c r="AA2612">
        <v>125</v>
      </c>
      <c r="AB2612">
        <v>65</v>
      </c>
      <c r="AC2612">
        <v>135</v>
      </c>
      <c r="AD2612">
        <v>87</v>
      </c>
      <c r="AE2612">
        <v>78</v>
      </c>
      <c r="AF2612">
        <v>540</v>
      </c>
      <c r="AG2612">
        <v>124153</v>
      </c>
      <c r="AH2612">
        <v>50000</v>
      </c>
      <c r="AI2612">
        <v>1</v>
      </c>
      <c r="AJ2612">
        <v>100</v>
      </c>
      <c r="AK2612" t="s">
        <v>0</v>
      </c>
      <c r="AL2612">
        <v>0</v>
      </c>
      <c r="AM2612">
        <v>0</v>
      </c>
      <c r="AN2612">
        <v>0</v>
      </c>
      <c r="AO2612">
        <v>0</v>
      </c>
      <c r="AP2612">
        <v>0</v>
      </c>
      <c r="AQ2612">
        <v>0</v>
      </c>
      <c r="AR2612">
        <v>0</v>
      </c>
      <c r="AS2612">
        <v>0</v>
      </c>
      <c r="AT2612">
        <v>0</v>
      </c>
      <c r="AU2612">
        <v>0</v>
      </c>
      <c r="AV2612">
        <v>0</v>
      </c>
      <c r="AW2612">
        <v>0</v>
      </c>
      <c r="AX2612">
        <v>-7560</v>
      </c>
      <c r="AY2612">
        <v>13</v>
      </c>
      <c r="AZ2612">
        <v>31</v>
      </c>
      <c r="BA2612">
        <v>1590</v>
      </c>
    </row>
    <row r="2613" spans="1:53" x14ac:dyDescent="0.4">
      <c r="A2613">
        <v>2657</v>
      </c>
      <c r="B2613" s="1">
        <v>43670</v>
      </c>
      <c r="C2613">
        <v>1</v>
      </c>
      <c r="D2613" s="1">
        <v>43670.291666666664</v>
      </c>
      <c r="E2613" s="1">
        <v>43670.399305555555</v>
      </c>
      <c r="F2613">
        <v>0</v>
      </c>
      <c r="G2613">
        <v>0</v>
      </c>
      <c r="H2613">
        <v>0</v>
      </c>
      <c r="I2613">
        <v>0</v>
      </c>
      <c r="J2613">
        <v>0</v>
      </c>
      <c r="K2613">
        <v>0</v>
      </c>
      <c r="L2613">
        <v>0</v>
      </c>
      <c r="M2613">
        <v>0</v>
      </c>
      <c r="N2613">
        <v>0</v>
      </c>
      <c r="O2613">
        <v>0</v>
      </c>
      <c r="P2613">
        <v>0</v>
      </c>
      <c r="Q2613">
        <v>0</v>
      </c>
      <c r="R2613">
        <v>0</v>
      </c>
      <c r="S2613">
        <v>0</v>
      </c>
      <c r="T2613">
        <v>0</v>
      </c>
      <c r="U2613">
        <v>0</v>
      </c>
      <c r="V2613">
        <v>0</v>
      </c>
      <c r="W2613">
        <v>1</v>
      </c>
      <c r="X2613">
        <v>0</v>
      </c>
      <c r="Y2613">
        <v>24</v>
      </c>
      <c r="Z2613">
        <v>10</v>
      </c>
      <c r="AA2613">
        <v>110</v>
      </c>
      <c r="AB2613">
        <v>64</v>
      </c>
      <c r="AC2613">
        <v>130</v>
      </c>
      <c r="AD2613">
        <v>87</v>
      </c>
      <c r="AE2613">
        <v>65</v>
      </c>
      <c r="AF2613">
        <v>0</v>
      </c>
      <c r="AG2613">
        <v>50000</v>
      </c>
      <c r="AH2613">
        <v>50000</v>
      </c>
      <c r="AI2613">
        <v>0</v>
      </c>
      <c r="AJ2613">
        <v>0</v>
      </c>
      <c r="AK2613" t="s">
        <v>6</v>
      </c>
      <c r="AL2613">
        <v>0</v>
      </c>
      <c r="AM2613">
        <v>0</v>
      </c>
      <c r="AN2613">
        <v>0</v>
      </c>
      <c r="AO2613">
        <v>0</v>
      </c>
      <c r="AP2613">
        <v>0</v>
      </c>
      <c r="AQ2613">
        <v>0</v>
      </c>
      <c r="AR2613">
        <v>0</v>
      </c>
      <c r="AS2613">
        <v>0</v>
      </c>
      <c r="AT2613">
        <v>0</v>
      </c>
      <c r="AU2613">
        <v>0</v>
      </c>
      <c r="AV2613">
        <v>0</v>
      </c>
      <c r="AW2613">
        <v>0</v>
      </c>
      <c r="AX2613">
        <v>0</v>
      </c>
      <c r="AY2613">
        <v>0</v>
      </c>
      <c r="AZ2613">
        <v>0</v>
      </c>
      <c r="BA2613">
        <v>0</v>
      </c>
    </row>
    <row r="2614" spans="1:53" x14ac:dyDescent="0.4">
      <c r="A2614">
        <v>2658</v>
      </c>
      <c r="B2614" s="1">
        <v>43670</v>
      </c>
      <c r="C2614">
        <v>2</v>
      </c>
      <c r="D2614" s="1">
        <v>43670.399305555555</v>
      </c>
      <c r="E2614" s="1">
        <v>43670.736111111109</v>
      </c>
      <c r="F2614">
        <v>30500</v>
      </c>
      <c r="G2614">
        <v>2060</v>
      </c>
      <c r="H2614">
        <v>200</v>
      </c>
      <c r="I2614">
        <v>0</v>
      </c>
      <c r="J2614">
        <v>0</v>
      </c>
      <c r="K2614">
        <v>0</v>
      </c>
      <c r="L2614">
        <v>0</v>
      </c>
      <c r="M2614">
        <v>2620</v>
      </c>
      <c r="N2614">
        <v>0</v>
      </c>
      <c r="O2614">
        <v>0</v>
      </c>
      <c r="P2614">
        <v>27540</v>
      </c>
      <c r="Q2614">
        <v>0</v>
      </c>
      <c r="R2614">
        <v>62920</v>
      </c>
      <c r="S2614">
        <v>0</v>
      </c>
      <c r="T2614">
        <v>0</v>
      </c>
      <c r="U2614">
        <v>0</v>
      </c>
      <c r="V2614">
        <v>2</v>
      </c>
      <c r="W2614">
        <v>1</v>
      </c>
      <c r="X2614">
        <v>0</v>
      </c>
      <c r="Y2614">
        <v>57</v>
      </c>
      <c r="Z2614">
        <v>21</v>
      </c>
      <c r="AA2614">
        <v>149</v>
      </c>
      <c r="AB2614">
        <v>55</v>
      </c>
      <c r="AC2614">
        <v>227</v>
      </c>
      <c r="AD2614">
        <v>87</v>
      </c>
      <c r="AE2614">
        <v>65</v>
      </c>
      <c r="AF2614">
        <v>0</v>
      </c>
      <c r="AG2614">
        <v>112920</v>
      </c>
      <c r="AH2614">
        <v>50000</v>
      </c>
      <c r="AI2614">
        <v>0</v>
      </c>
      <c r="AJ2614">
        <v>90</v>
      </c>
      <c r="AK2614" t="s">
        <v>38</v>
      </c>
      <c r="AL2614">
        <v>0</v>
      </c>
      <c r="AM2614">
        <v>0</v>
      </c>
      <c r="AN2614">
        <v>0</v>
      </c>
      <c r="AO2614">
        <v>0</v>
      </c>
      <c r="AP2614">
        <v>0</v>
      </c>
      <c r="AQ2614">
        <v>0</v>
      </c>
      <c r="AR2614">
        <v>0</v>
      </c>
      <c r="AS2614">
        <v>0</v>
      </c>
      <c r="AT2614">
        <v>0</v>
      </c>
      <c r="AU2614">
        <v>0</v>
      </c>
      <c r="AV2614">
        <v>0</v>
      </c>
      <c r="AW2614">
        <v>0</v>
      </c>
      <c r="AX2614">
        <v>-2700</v>
      </c>
      <c r="AY2614">
        <v>50</v>
      </c>
      <c r="AZ2614">
        <v>112</v>
      </c>
      <c r="BA2614">
        <v>6778</v>
      </c>
    </row>
    <row r="2615" spans="1:53" x14ac:dyDescent="0.4">
      <c r="A2615">
        <v>2659</v>
      </c>
      <c r="B2615" s="1">
        <v>43670</v>
      </c>
      <c r="C2615">
        <v>3</v>
      </c>
      <c r="D2615" s="1">
        <v>43670.736111111109</v>
      </c>
      <c r="E2615" s="1">
        <v>43671.12222222222</v>
      </c>
      <c r="F2615">
        <v>170900</v>
      </c>
      <c r="G2615">
        <v>1820</v>
      </c>
      <c r="H2615">
        <v>0</v>
      </c>
      <c r="I2615">
        <v>0</v>
      </c>
      <c r="J2615">
        <v>500</v>
      </c>
      <c r="K2615">
        <v>500</v>
      </c>
      <c r="L2615">
        <v>0</v>
      </c>
      <c r="M2615">
        <v>13817</v>
      </c>
      <c r="N2615">
        <v>0</v>
      </c>
      <c r="O2615">
        <v>0</v>
      </c>
      <c r="P2615">
        <v>-27540</v>
      </c>
      <c r="Q2615">
        <v>0</v>
      </c>
      <c r="R2615">
        <v>158997</v>
      </c>
      <c r="S2615">
        <v>0</v>
      </c>
      <c r="T2615">
        <v>0</v>
      </c>
      <c r="U2615">
        <v>0</v>
      </c>
      <c r="V2615">
        <v>9</v>
      </c>
      <c r="W2615">
        <v>0</v>
      </c>
      <c r="X2615">
        <v>0</v>
      </c>
      <c r="Y2615">
        <v>58</v>
      </c>
      <c r="Z2615">
        <v>23</v>
      </c>
      <c r="AA2615">
        <v>152</v>
      </c>
      <c r="AB2615">
        <v>57</v>
      </c>
      <c r="AC2615">
        <v>231</v>
      </c>
      <c r="AD2615">
        <v>86</v>
      </c>
      <c r="AE2615">
        <v>65</v>
      </c>
      <c r="AF2615">
        <v>91562</v>
      </c>
      <c r="AG2615">
        <v>271917</v>
      </c>
      <c r="AH2615">
        <v>50000</v>
      </c>
      <c r="AI2615">
        <v>0</v>
      </c>
      <c r="AJ2615">
        <v>108</v>
      </c>
      <c r="AK2615" t="s">
        <v>30</v>
      </c>
      <c r="AL2615">
        <v>0</v>
      </c>
      <c r="AM2615">
        <v>0</v>
      </c>
      <c r="AN2615">
        <v>0</v>
      </c>
      <c r="AO2615">
        <v>0</v>
      </c>
      <c r="AP2615">
        <v>0</v>
      </c>
      <c r="AQ2615">
        <v>0</v>
      </c>
      <c r="AR2615">
        <v>0</v>
      </c>
      <c r="AS2615">
        <v>0</v>
      </c>
      <c r="AT2615">
        <v>0</v>
      </c>
      <c r="AU2615">
        <v>0</v>
      </c>
      <c r="AV2615">
        <v>0</v>
      </c>
      <c r="AW2615">
        <v>0</v>
      </c>
      <c r="AX2615">
        <v>2668</v>
      </c>
      <c r="AY2615">
        <v>15</v>
      </c>
      <c r="AZ2615">
        <v>83</v>
      </c>
      <c r="BA2615">
        <v>3513</v>
      </c>
    </row>
    <row r="2616" spans="1:53" x14ac:dyDescent="0.4">
      <c r="A2616">
        <v>2660</v>
      </c>
      <c r="B2616" s="1">
        <v>43671</v>
      </c>
      <c r="C2616">
        <v>1</v>
      </c>
      <c r="D2616" s="1">
        <v>43671.291666666664</v>
      </c>
      <c r="E2616" s="1">
        <v>43671.413888888892</v>
      </c>
      <c r="F2616">
        <v>0</v>
      </c>
      <c r="G2616">
        <v>0</v>
      </c>
      <c r="H2616">
        <v>0</v>
      </c>
      <c r="I2616">
        <v>0</v>
      </c>
      <c r="J2616">
        <v>0</v>
      </c>
      <c r="K2616">
        <v>0</v>
      </c>
      <c r="L2616">
        <v>0</v>
      </c>
      <c r="M2616">
        <v>0</v>
      </c>
      <c r="N2616">
        <v>0</v>
      </c>
      <c r="O2616">
        <v>0</v>
      </c>
      <c r="P2616">
        <v>0</v>
      </c>
      <c r="Q2616">
        <v>0</v>
      </c>
      <c r="R2616">
        <v>0</v>
      </c>
      <c r="S2616">
        <v>0</v>
      </c>
      <c r="T2616">
        <v>0</v>
      </c>
      <c r="U2616">
        <v>0</v>
      </c>
      <c r="V2616">
        <v>0</v>
      </c>
      <c r="W2616">
        <v>0</v>
      </c>
      <c r="X2616">
        <v>0</v>
      </c>
      <c r="Y2616">
        <v>30</v>
      </c>
      <c r="Z2616">
        <v>11</v>
      </c>
      <c r="AA2616">
        <v>99</v>
      </c>
      <c r="AB2616">
        <v>56</v>
      </c>
      <c r="AC2616">
        <v>130</v>
      </c>
      <c r="AD2616">
        <v>86</v>
      </c>
      <c r="AE2616">
        <v>70</v>
      </c>
      <c r="AF2616">
        <v>0</v>
      </c>
      <c r="AG2616">
        <v>50000</v>
      </c>
      <c r="AH2616">
        <v>0</v>
      </c>
      <c r="AI2616">
        <v>50000</v>
      </c>
      <c r="AJ2616">
        <v>0</v>
      </c>
      <c r="AK2616" t="s">
        <v>6</v>
      </c>
      <c r="AL2616">
        <v>0</v>
      </c>
      <c r="AM2616">
        <v>0</v>
      </c>
      <c r="AN2616">
        <v>0</v>
      </c>
      <c r="AO2616">
        <v>0</v>
      </c>
      <c r="AP2616">
        <v>0</v>
      </c>
      <c r="AQ2616">
        <v>0</v>
      </c>
      <c r="AR2616">
        <v>0</v>
      </c>
      <c r="AS2616">
        <v>0</v>
      </c>
      <c r="AT2616">
        <v>0</v>
      </c>
      <c r="AU2616">
        <v>0</v>
      </c>
      <c r="AV2616">
        <v>0</v>
      </c>
      <c r="AW2616">
        <v>0</v>
      </c>
      <c r="AX2616">
        <v>0</v>
      </c>
      <c r="AY2616">
        <v>0</v>
      </c>
      <c r="AZ2616">
        <v>0</v>
      </c>
      <c r="BA2616">
        <v>0</v>
      </c>
    </row>
    <row r="2617" spans="1:53" x14ac:dyDescent="0.4">
      <c r="A2617">
        <v>2661</v>
      </c>
      <c r="B2617" s="1">
        <v>43671</v>
      </c>
      <c r="C2617">
        <v>2</v>
      </c>
      <c r="D2617" s="1">
        <v>43671.413888888892</v>
      </c>
      <c r="E2617" s="1">
        <v>43671.730555555558</v>
      </c>
      <c r="F2617">
        <v>31000</v>
      </c>
      <c r="G2617">
        <v>2420</v>
      </c>
      <c r="H2617">
        <v>200</v>
      </c>
      <c r="I2617">
        <v>0</v>
      </c>
      <c r="J2617">
        <v>0</v>
      </c>
      <c r="K2617">
        <v>0</v>
      </c>
      <c r="L2617">
        <v>0</v>
      </c>
      <c r="M2617">
        <v>2688</v>
      </c>
      <c r="N2617">
        <v>0</v>
      </c>
      <c r="O2617">
        <v>0</v>
      </c>
      <c r="P2617">
        <v>18900</v>
      </c>
      <c r="Q2617">
        <v>0</v>
      </c>
      <c r="R2617">
        <v>55208</v>
      </c>
      <c r="S2617">
        <v>0</v>
      </c>
      <c r="T2617">
        <v>0</v>
      </c>
      <c r="U2617">
        <v>0</v>
      </c>
      <c r="V2617">
        <v>0</v>
      </c>
      <c r="W2617">
        <v>1</v>
      </c>
      <c r="X2617">
        <v>0</v>
      </c>
      <c r="Y2617">
        <v>71</v>
      </c>
      <c r="Z2617">
        <v>21</v>
      </c>
      <c r="AA2617">
        <v>94</v>
      </c>
      <c r="AB2617">
        <v>51</v>
      </c>
      <c r="AC2617">
        <v>204</v>
      </c>
      <c r="AD2617">
        <v>91</v>
      </c>
      <c r="AE2617">
        <v>83</v>
      </c>
      <c r="AF2617">
        <v>4180</v>
      </c>
      <c r="AG2617">
        <v>105208</v>
      </c>
      <c r="AH2617">
        <v>50000</v>
      </c>
      <c r="AI2617">
        <v>0</v>
      </c>
      <c r="AJ2617">
        <v>96</v>
      </c>
      <c r="AK2617" t="s">
        <v>4</v>
      </c>
      <c r="AL2617">
        <v>0</v>
      </c>
      <c r="AM2617">
        <v>0</v>
      </c>
      <c r="AN2617">
        <v>0</v>
      </c>
      <c r="AO2617">
        <v>0</v>
      </c>
      <c r="AP2617">
        <v>0</v>
      </c>
      <c r="AQ2617">
        <v>0</v>
      </c>
      <c r="AR2617">
        <v>0</v>
      </c>
      <c r="AS2617">
        <v>0</v>
      </c>
      <c r="AT2617">
        <v>0</v>
      </c>
      <c r="AU2617">
        <v>0</v>
      </c>
      <c r="AV2617">
        <v>0</v>
      </c>
      <c r="AW2617">
        <v>0</v>
      </c>
      <c r="AX2617">
        <v>-540</v>
      </c>
      <c r="AY2617">
        <v>45</v>
      </c>
      <c r="AZ2617">
        <v>91</v>
      </c>
      <c r="BA2617">
        <v>5842</v>
      </c>
    </row>
    <row r="2618" spans="1:53" x14ac:dyDescent="0.4">
      <c r="A2618">
        <v>2662</v>
      </c>
      <c r="B2618" s="1">
        <v>43671</v>
      </c>
      <c r="C2618">
        <v>3</v>
      </c>
      <c r="D2618" s="1">
        <v>43671.730555555558</v>
      </c>
      <c r="E2618" s="1">
        <v>43671.959027777775</v>
      </c>
      <c r="F2618">
        <v>43020</v>
      </c>
      <c r="G2618">
        <v>4070</v>
      </c>
      <c r="H2618">
        <v>0</v>
      </c>
      <c r="I2618">
        <v>0</v>
      </c>
      <c r="J2618">
        <v>0</v>
      </c>
      <c r="K2618">
        <v>0</v>
      </c>
      <c r="L2618">
        <v>0</v>
      </c>
      <c r="M2618">
        <v>3767</v>
      </c>
      <c r="N2618">
        <v>0</v>
      </c>
      <c r="O2618">
        <v>0</v>
      </c>
      <c r="P2618">
        <v>-15012</v>
      </c>
      <c r="Q2618">
        <v>0</v>
      </c>
      <c r="R2618">
        <v>35845</v>
      </c>
      <c r="S2618">
        <v>0</v>
      </c>
      <c r="T2618">
        <v>0</v>
      </c>
      <c r="U2618">
        <v>0</v>
      </c>
      <c r="V2618">
        <v>0</v>
      </c>
      <c r="W2618">
        <v>2</v>
      </c>
      <c r="X2618">
        <v>0</v>
      </c>
      <c r="Y2618">
        <v>89</v>
      </c>
      <c r="Z2618">
        <v>22</v>
      </c>
      <c r="AA2618">
        <v>97</v>
      </c>
      <c r="AB2618">
        <v>53</v>
      </c>
      <c r="AC2618">
        <v>216</v>
      </c>
      <c r="AD2618">
        <v>90</v>
      </c>
      <c r="AE2618">
        <v>76</v>
      </c>
      <c r="AF2618">
        <v>16017</v>
      </c>
      <c r="AG2618">
        <v>141053</v>
      </c>
      <c r="AH2618">
        <v>50000</v>
      </c>
      <c r="AI2618">
        <v>0</v>
      </c>
      <c r="AJ2618">
        <v>99</v>
      </c>
      <c r="AK2618" t="s">
        <v>9</v>
      </c>
      <c r="AL2618">
        <v>0</v>
      </c>
      <c r="AM2618">
        <v>0</v>
      </c>
      <c r="AN2618">
        <v>0</v>
      </c>
      <c r="AO2618">
        <v>0</v>
      </c>
      <c r="AP2618">
        <v>0</v>
      </c>
      <c r="AQ2618">
        <v>0</v>
      </c>
      <c r="AR2618">
        <v>0</v>
      </c>
      <c r="AS2618">
        <v>0</v>
      </c>
      <c r="AT2618">
        <v>0</v>
      </c>
      <c r="AU2618">
        <v>0</v>
      </c>
      <c r="AV2618">
        <v>0</v>
      </c>
      <c r="AW2618">
        <v>0</v>
      </c>
      <c r="AX2618">
        <v>540</v>
      </c>
      <c r="AY2618">
        <v>13</v>
      </c>
      <c r="AZ2618">
        <v>34</v>
      </c>
      <c r="BA2618">
        <v>2717</v>
      </c>
    </row>
    <row r="2619" spans="1:53" x14ac:dyDescent="0.4">
      <c r="A2619">
        <v>2663</v>
      </c>
      <c r="B2619" s="1">
        <v>43672</v>
      </c>
      <c r="C2619">
        <v>1</v>
      </c>
      <c r="D2619" s="1">
        <v>43672.291666666664</v>
      </c>
      <c r="E2619" s="1">
        <v>43672.411805555559</v>
      </c>
      <c r="F2619">
        <v>0</v>
      </c>
      <c r="G2619">
        <v>0</v>
      </c>
      <c r="H2619">
        <v>0</v>
      </c>
      <c r="I2619">
        <v>0</v>
      </c>
      <c r="J2619">
        <v>0</v>
      </c>
      <c r="K2619">
        <v>0</v>
      </c>
      <c r="L2619">
        <v>0</v>
      </c>
      <c r="M2619">
        <v>0</v>
      </c>
      <c r="N2619">
        <v>0</v>
      </c>
      <c r="O2619">
        <v>0</v>
      </c>
      <c r="P2619">
        <v>0</v>
      </c>
      <c r="Q2619">
        <v>0</v>
      </c>
      <c r="R2619">
        <v>0</v>
      </c>
      <c r="S2619">
        <v>0</v>
      </c>
      <c r="T2619">
        <v>0</v>
      </c>
      <c r="U2619">
        <v>0</v>
      </c>
      <c r="V2619">
        <v>0</v>
      </c>
      <c r="W2619">
        <v>0</v>
      </c>
      <c r="X2619">
        <v>0</v>
      </c>
      <c r="Y2619">
        <v>30</v>
      </c>
      <c r="Z2619">
        <v>13</v>
      </c>
      <c r="AA2619">
        <v>93</v>
      </c>
      <c r="AB2619">
        <v>53</v>
      </c>
      <c r="AC2619">
        <v>127</v>
      </c>
      <c r="AD2619">
        <v>40</v>
      </c>
      <c r="AE2619">
        <v>80</v>
      </c>
      <c r="AF2619">
        <v>0</v>
      </c>
      <c r="AG2619">
        <v>50000</v>
      </c>
      <c r="AH2619">
        <v>0</v>
      </c>
      <c r="AI2619">
        <v>50000</v>
      </c>
      <c r="AJ2619">
        <v>0</v>
      </c>
      <c r="AK2619" t="s">
        <v>6</v>
      </c>
      <c r="AL2619">
        <v>0</v>
      </c>
      <c r="AM2619">
        <v>0</v>
      </c>
      <c r="AN2619">
        <v>0</v>
      </c>
      <c r="AO2619">
        <v>0</v>
      </c>
      <c r="AP2619">
        <v>0</v>
      </c>
      <c r="AQ2619">
        <v>0</v>
      </c>
      <c r="AR2619">
        <v>0</v>
      </c>
      <c r="AS2619">
        <v>0</v>
      </c>
      <c r="AT2619">
        <v>0</v>
      </c>
      <c r="AU2619">
        <v>0</v>
      </c>
      <c r="AV2619">
        <v>0</v>
      </c>
      <c r="AW2619">
        <v>0</v>
      </c>
      <c r="AX2619">
        <v>0</v>
      </c>
      <c r="AY2619">
        <v>0</v>
      </c>
      <c r="AZ2619">
        <v>0</v>
      </c>
      <c r="BA2619">
        <v>0</v>
      </c>
    </row>
    <row r="2620" spans="1:53" x14ac:dyDescent="0.4">
      <c r="A2620">
        <v>2664</v>
      </c>
      <c r="B2620" s="1">
        <v>43672</v>
      </c>
      <c r="C2620">
        <v>2</v>
      </c>
      <c r="D2620" s="1">
        <v>43672.411805555559</v>
      </c>
      <c r="E2620" s="1">
        <v>43672.732638888891</v>
      </c>
      <c r="F2620">
        <v>31500</v>
      </c>
      <c r="G2620">
        <v>3200</v>
      </c>
      <c r="H2620">
        <v>400</v>
      </c>
      <c r="I2620">
        <v>0</v>
      </c>
      <c r="J2620">
        <v>0</v>
      </c>
      <c r="K2620">
        <v>0</v>
      </c>
      <c r="L2620">
        <v>0</v>
      </c>
      <c r="M2620">
        <v>2806</v>
      </c>
      <c r="N2620">
        <v>0</v>
      </c>
      <c r="O2620">
        <v>0</v>
      </c>
      <c r="P2620">
        <v>16740</v>
      </c>
      <c r="Q2620">
        <v>0</v>
      </c>
      <c r="R2620">
        <v>54646</v>
      </c>
      <c r="S2620">
        <v>0</v>
      </c>
      <c r="T2620">
        <v>0</v>
      </c>
      <c r="U2620">
        <v>0</v>
      </c>
      <c r="V2620">
        <v>3</v>
      </c>
      <c r="W2620">
        <v>2</v>
      </c>
      <c r="X2620">
        <v>0</v>
      </c>
      <c r="Y2620">
        <v>32</v>
      </c>
      <c r="Z2620">
        <v>34</v>
      </c>
      <c r="AA2620">
        <v>111</v>
      </c>
      <c r="AB2620">
        <v>53</v>
      </c>
      <c r="AC2620">
        <v>161</v>
      </c>
      <c r="AD2620">
        <v>41</v>
      </c>
      <c r="AE2620">
        <v>81</v>
      </c>
      <c r="AF2620">
        <v>0</v>
      </c>
      <c r="AG2620">
        <v>104646</v>
      </c>
      <c r="AH2620">
        <v>50000</v>
      </c>
      <c r="AI2620">
        <v>0</v>
      </c>
      <c r="AJ2620">
        <v>96</v>
      </c>
      <c r="AK2620" t="s">
        <v>4</v>
      </c>
      <c r="AL2620">
        <v>0</v>
      </c>
      <c r="AM2620">
        <v>0</v>
      </c>
      <c r="AN2620">
        <v>0</v>
      </c>
      <c r="AO2620">
        <v>0</v>
      </c>
      <c r="AP2620">
        <v>0</v>
      </c>
      <c r="AQ2620">
        <v>0</v>
      </c>
      <c r="AR2620">
        <v>0</v>
      </c>
      <c r="AS2620">
        <v>0</v>
      </c>
      <c r="AT2620">
        <v>0</v>
      </c>
      <c r="AU2620">
        <v>0</v>
      </c>
      <c r="AV2620">
        <v>0</v>
      </c>
      <c r="AW2620">
        <v>0</v>
      </c>
      <c r="AX2620">
        <v>0</v>
      </c>
      <c r="AY2620">
        <v>41</v>
      </c>
      <c r="AZ2620">
        <v>94</v>
      </c>
      <c r="BA2620">
        <v>5800</v>
      </c>
    </row>
    <row r="2621" spans="1:53" x14ac:dyDescent="0.4">
      <c r="A2621">
        <v>2665</v>
      </c>
      <c r="B2621" s="1">
        <v>43672</v>
      </c>
      <c r="C2621">
        <v>3</v>
      </c>
      <c r="D2621" s="1">
        <v>43672.732638888891</v>
      </c>
      <c r="E2621" s="1">
        <v>43672.956944444442</v>
      </c>
      <c r="F2621">
        <v>76800</v>
      </c>
      <c r="G2621">
        <v>3930</v>
      </c>
      <c r="H2621">
        <v>0</v>
      </c>
      <c r="I2621">
        <v>0</v>
      </c>
      <c r="J2621">
        <v>0</v>
      </c>
      <c r="K2621">
        <v>0</v>
      </c>
      <c r="L2621">
        <v>0</v>
      </c>
      <c r="M2621">
        <v>6458</v>
      </c>
      <c r="N2621">
        <v>0</v>
      </c>
      <c r="O2621">
        <v>0</v>
      </c>
      <c r="P2621">
        <v>-14148</v>
      </c>
      <c r="Q2621">
        <v>0</v>
      </c>
      <c r="R2621">
        <v>73040</v>
      </c>
      <c r="S2621">
        <v>0</v>
      </c>
      <c r="T2621">
        <v>0</v>
      </c>
      <c r="U2621">
        <v>0</v>
      </c>
      <c r="V2621">
        <v>6</v>
      </c>
      <c r="W2621">
        <v>2</v>
      </c>
      <c r="X2621">
        <v>0</v>
      </c>
      <c r="Y2621">
        <v>56</v>
      </c>
      <c r="Z2621">
        <v>33</v>
      </c>
      <c r="AA2621">
        <v>116</v>
      </c>
      <c r="AB2621">
        <v>52</v>
      </c>
      <c r="AC2621">
        <v>174</v>
      </c>
      <c r="AD2621">
        <v>43</v>
      </c>
      <c r="AE2621">
        <v>77</v>
      </c>
      <c r="AF2621">
        <v>18954</v>
      </c>
      <c r="AG2621">
        <v>177686</v>
      </c>
      <c r="AH2621">
        <v>50000</v>
      </c>
      <c r="AI2621">
        <v>0</v>
      </c>
      <c r="AJ2621">
        <v>108</v>
      </c>
      <c r="AK2621" t="s">
        <v>30</v>
      </c>
      <c r="AL2621">
        <v>0</v>
      </c>
      <c r="AM2621">
        <v>0</v>
      </c>
      <c r="AN2621">
        <v>0</v>
      </c>
      <c r="AO2621">
        <v>0</v>
      </c>
      <c r="AP2621">
        <v>0</v>
      </c>
      <c r="AQ2621">
        <v>0</v>
      </c>
      <c r="AR2621">
        <v>0</v>
      </c>
      <c r="AS2621">
        <v>0</v>
      </c>
      <c r="AT2621">
        <v>0</v>
      </c>
      <c r="AU2621">
        <v>0</v>
      </c>
      <c r="AV2621">
        <v>0</v>
      </c>
      <c r="AW2621">
        <v>0</v>
      </c>
      <c r="AX2621">
        <v>117514</v>
      </c>
      <c r="AY2621">
        <v>27</v>
      </c>
      <c r="AZ2621">
        <v>121</v>
      </c>
      <c r="BA2621">
        <v>3682</v>
      </c>
    </row>
    <row r="2622" spans="1:53" x14ac:dyDescent="0.4">
      <c r="A2622">
        <v>2666</v>
      </c>
      <c r="B2622" s="1">
        <v>43673</v>
      </c>
      <c r="C2622">
        <v>1</v>
      </c>
      <c r="D2622" s="1">
        <v>43673.291666666664</v>
      </c>
      <c r="E2622" s="1">
        <v>43673.408333333333</v>
      </c>
      <c r="F2622">
        <v>0</v>
      </c>
      <c r="G2622">
        <v>0</v>
      </c>
      <c r="H2622">
        <v>0</v>
      </c>
      <c r="I2622">
        <v>0</v>
      </c>
      <c r="J2622">
        <v>0</v>
      </c>
      <c r="K2622">
        <v>0</v>
      </c>
      <c r="L2622">
        <v>0</v>
      </c>
      <c r="M2622">
        <v>0</v>
      </c>
      <c r="N2622">
        <v>0</v>
      </c>
      <c r="O2622">
        <v>0</v>
      </c>
      <c r="P2622">
        <v>0</v>
      </c>
      <c r="Q2622">
        <v>0</v>
      </c>
      <c r="R2622">
        <v>0</v>
      </c>
      <c r="S2622">
        <v>0</v>
      </c>
      <c r="T2622">
        <v>0</v>
      </c>
      <c r="U2622">
        <v>0</v>
      </c>
      <c r="V2622">
        <v>0</v>
      </c>
      <c r="W2622">
        <v>0</v>
      </c>
      <c r="X2622">
        <v>0</v>
      </c>
      <c r="Y2622">
        <v>31</v>
      </c>
      <c r="Z2622">
        <v>9</v>
      </c>
      <c r="AA2622">
        <v>107</v>
      </c>
      <c r="AB2622">
        <v>41</v>
      </c>
      <c r="AC2622">
        <v>147</v>
      </c>
      <c r="AD2622">
        <v>38</v>
      </c>
      <c r="AE2622">
        <v>90</v>
      </c>
      <c r="AF2622">
        <v>0</v>
      </c>
      <c r="AG2622">
        <v>50000</v>
      </c>
      <c r="AH2622">
        <v>50000</v>
      </c>
      <c r="AI2622">
        <v>0</v>
      </c>
      <c r="AJ2622">
        <v>0</v>
      </c>
      <c r="AK2622" t="s">
        <v>6</v>
      </c>
      <c r="AL2622">
        <v>0</v>
      </c>
      <c r="AM2622">
        <v>0</v>
      </c>
      <c r="AN2622">
        <v>0</v>
      </c>
      <c r="AO2622">
        <v>0</v>
      </c>
      <c r="AP2622">
        <v>0</v>
      </c>
      <c r="AQ2622">
        <v>0</v>
      </c>
      <c r="AR2622">
        <v>0</v>
      </c>
      <c r="AS2622">
        <v>0</v>
      </c>
      <c r="AT2622">
        <v>0</v>
      </c>
      <c r="AU2622">
        <v>0</v>
      </c>
      <c r="AV2622">
        <v>0</v>
      </c>
      <c r="AW2622">
        <v>0</v>
      </c>
      <c r="AX2622">
        <v>0</v>
      </c>
      <c r="AY2622">
        <v>0</v>
      </c>
      <c r="AZ2622">
        <v>0</v>
      </c>
      <c r="BA2622">
        <v>0</v>
      </c>
    </row>
    <row r="2623" spans="1:53" x14ac:dyDescent="0.4">
      <c r="A2623">
        <v>2667</v>
      </c>
      <c r="B2623" s="1">
        <v>43673</v>
      </c>
      <c r="C2623">
        <v>2</v>
      </c>
      <c r="D2623" s="1">
        <v>43673.408333333333</v>
      </c>
      <c r="E2623" s="1">
        <v>43673.74722222222</v>
      </c>
      <c r="F2623">
        <v>47500</v>
      </c>
      <c r="G2623">
        <v>2240</v>
      </c>
      <c r="H2623">
        <v>600</v>
      </c>
      <c r="I2623">
        <v>0</v>
      </c>
      <c r="J2623">
        <v>0</v>
      </c>
      <c r="K2623">
        <v>0</v>
      </c>
      <c r="L2623">
        <v>0</v>
      </c>
      <c r="M2623">
        <v>4026</v>
      </c>
      <c r="N2623">
        <v>0</v>
      </c>
      <c r="O2623">
        <v>0</v>
      </c>
      <c r="P2623">
        <v>18900</v>
      </c>
      <c r="Q2623">
        <v>0</v>
      </c>
      <c r="R2623">
        <v>73266</v>
      </c>
      <c r="S2623">
        <v>0</v>
      </c>
      <c r="T2623">
        <v>0</v>
      </c>
      <c r="U2623">
        <v>0</v>
      </c>
      <c r="V2623">
        <v>1</v>
      </c>
      <c r="W2623">
        <v>3</v>
      </c>
      <c r="X2623">
        <v>0</v>
      </c>
      <c r="Y2623">
        <v>68</v>
      </c>
      <c r="Z2623">
        <v>22</v>
      </c>
      <c r="AA2623">
        <v>134</v>
      </c>
      <c r="AB2623">
        <v>55</v>
      </c>
      <c r="AC2623">
        <v>272</v>
      </c>
      <c r="AD2623">
        <v>37</v>
      </c>
      <c r="AE2623">
        <v>103</v>
      </c>
      <c r="AF2623">
        <v>108</v>
      </c>
      <c r="AG2623">
        <v>123266</v>
      </c>
      <c r="AH2623">
        <v>50000</v>
      </c>
      <c r="AI2623">
        <v>0</v>
      </c>
      <c r="AJ2623">
        <v>85</v>
      </c>
      <c r="AK2623" t="s">
        <v>37</v>
      </c>
      <c r="AL2623">
        <v>0</v>
      </c>
      <c r="AM2623">
        <v>0</v>
      </c>
      <c r="AN2623">
        <v>0</v>
      </c>
      <c r="AO2623">
        <v>0</v>
      </c>
      <c r="AP2623">
        <v>0</v>
      </c>
      <c r="AQ2623">
        <v>0</v>
      </c>
      <c r="AR2623">
        <v>0</v>
      </c>
      <c r="AS2623">
        <v>0</v>
      </c>
      <c r="AT2623">
        <v>0</v>
      </c>
      <c r="AU2623">
        <v>0</v>
      </c>
      <c r="AV2623">
        <v>0</v>
      </c>
      <c r="AW2623">
        <v>0</v>
      </c>
      <c r="AX2623">
        <v>0</v>
      </c>
      <c r="AY2623">
        <v>56</v>
      </c>
      <c r="AZ2623">
        <v>128</v>
      </c>
      <c r="BA2623">
        <v>8094</v>
      </c>
    </row>
    <row r="2624" spans="1:53" x14ac:dyDescent="0.4">
      <c r="A2624">
        <v>2668</v>
      </c>
      <c r="B2624" s="1">
        <v>43673</v>
      </c>
      <c r="C2624">
        <v>3</v>
      </c>
      <c r="D2624" s="1">
        <v>43673.74722222222</v>
      </c>
      <c r="E2624" s="1">
        <v>43673.968055555553</v>
      </c>
      <c r="F2624">
        <v>77160</v>
      </c>
      <c r="G2624">
        <v>6000</v>
      </c>
      <c r="H2624">
        <v>0</v>
      </c>
      <c r="I2624">
        <v>0</v>
      </c>
      <c r="J2624">
        <v>0</v>
      </c>
      <c r="K2624">
        <v>0</v>
      </c>
      <c r="L2624">
        <v>0</v>
      </c>
      <c r="M2624">
        <v>6653</v>
      </c>
      <c r="N2624">
        <v>0</v>
      </c>
      <c r="O2624">
        <v>0</v>
      </c>
      <c r="P2624">
        <v>-6890</v>
      </c>
      <c r="Q2624">
        <v>0</v>
      </c>
      <c r="R2624">
        <v>82923</v>
      </c>
      <c r="S2624">
        <v>0</v>
      </c>
      <c r="T2624">
        <v>0</v>
      </c>
      <c r="U2624">
        <v>0</v>
      </c>
      <c r="V2624">
        <v>6</v>
      </c>
      <c r="W2624">
        <v>5</v>
      </c>
      <c r="X2624">
        <v>0</v>
      </c>
      <c r="Y2624">
        <v>76</v>
      </c>
      <c r="Z2624">
        <v>23</v>
      </c>
      <c r="AA2624">
        <v>132</v>
      </c>
      <c r="AB2624">
        <v>48</v>
      </c>
      <c r="AC2624">
        <v>260</v>
      </c>
      <c r="AD2624">
        <v>36</v>
      </c>
      <c r="AE2624">
        <v>81</v>
      </c>
      <c r="AF2624">
        <v>15228</v>
      </c>
      <c r="AG2624">
        <v>206189</v>
      </c>
      <c r="AH2624">
        <v>50000</v>
      </c>
      <c r="AI2624">
        <v>0</v>
      </c>
      <c r="AJ2624">
        <v>84</v>
      </c>
      <c r="AK2624" t="s">
        <v>16</v>
      </c>
      <c r="AL2624">
        <v>0</v>
      </c>
      <c r="AM2624">
        <v>0</v>
      </c>
      <c r="AN2624">
        <v>0</v>
      </c>
      <c r="AO2624">
        <v>0</v>
      </c>
      <c r="AP2624">
        <v>0</v>
      </c>
      <c r="AQ2624">
        <v>0</v>
      </c>
      <c r="AR2624">
        <v>0</v>
      </c>
      <c r="AS2624">
        <v>0</v>
      </c>
      <c r="AT2624">
        <v>0</v>
      </c>
      <c r="AU2624">
        <v>0</v>
      </c>
      <c r="AV2624">
        <v>0</v>
      </c>
      <c r="AW2624">
        <v>0</v>
      </c>
      <c r="AX2624">
        <v>46147</v>
      </c>
      <c r="AY2624">
        <v>29</v>
      </c>
      <c r="AZ2624">
        <v>87</v>
      </c>
      <c r="BA2624">
        <v>4143</v>
      </c>
    </row>
    <row r="2625" spans="1:53" x14ac:dyDescent="0.4">
      <c r="A2625">
        <v>2669</v>
      </c>
      <c r="B2625" s="1">
        <v>43673</v>
      </c>
      <c r="C2625">
        <v>4</v>
      </c>
      <c r="D2625" s="1">
        <v>43673.968055555553</v>
      </c>
      <c r="E2625" s="1">
        <v>43674.076388888891</v>
      </c>
      <c r="F2625">
        <v>87700</v>
      </c>
      <c r="G2625">
        <v>8410</v>
      </c>
      <c r="H2625">
        <v>200</v>
      </c>
      <c r="I2625">
        <v>0</v>
      </c>
      <c r="J2625">
        <v>0</v>
      </c>
      <c r="K2625">
        <v>3000</v>
      </c>
      <c r="L2625">
        <v>0</v>
      </c>
      <c r="M2625">
        <v>7944</v>
      </c>
      <c r="N2625">
        <v>0</v>
      </c>
      <c r="O2625">
        <v>0</v>
      </c>
      <c r="P2625">
        <v>69876</v>
      </c>
      <c r="Q2625">
        <v>0</v>
      </c>
      <c r="R2625">
        <v>177130</v>
      </c>
      <c r="S2625">
        <v>0</v>
      </c>
      <c r="T2625">
        <v>0</v>
      </c>
      <c r="U2625">
        <v>0</v>
      </c>
      <c r="V2625">
        <v>16</v>
      </c>
      <c r="W2625">
        <v>6</v>
      </c>
      <c r="X2625">
        <v>0</v>
      </c>
      <c r="Y2625">
        <v>136</v>
      </c>
      <c r="Z2625">
        <v>18</v>
      </c>
      <c r="AA2625">
        <v>130</v>
      </c>
      <c r="AB2625">
        <v>48</v>
      </c>
      <c r="AC2625">
        <v>234</v>
      </c>
      <c r="AD2625">
        <v>32</v>
      </c>
      <c r="AE2625">
        <v>71</v>
      </c>
      <c r="AF2625">
        <v>30348</v>
      </c>
      <c r="AG2625">
        <v>383319</v>
      </c>
      <c r="AH2625">
        <v>50000</v>
      </c>
      <c r="AI2625">
        <v>0</v>
      </c>
      <c r="AJ2625">
        <v>108</v>
      </c>
      <c r="AK2625" t="s">
        <v>30</v>
      </c>
      <c r="AL2625">
        <v>0</v>
      </c>
      <c r="AM2625">
        <v>0</v>
      </c>
      <c r="AN2625">
        <v>0</v>
      </c>
      <c r="AO2625">
        <v>0</v>
      </c>
      <c r="AP2625">
        <v>0</v>
      </c>
      <c r="AQ2625">
        <v>0</v>
      </c>
      <c r="AR2625">
        <v>0</v>
      </c>
      <c r="AS2625">
        <v>0</v>
      </c>
      <c r="AT2625">
        <v>0</v>
      </c>
      <c r="AU2625">
        <v>0</v>
      </c>
      <c r="AV2625">
        <v>0</v>
      </c>
      <c r="AW2625">
        <v>0</v>
      </c>
      <c r="AX2625">
        <v>1598</v>
      </c>
      <c r="AY2625">
        <v>12</v>
      </c>
      <c r="AZ2625">
        <v>55</v>
      </c>
      <c r="BA2625">
        <v>2072</v>
      </c>
    </row>
    <row r="2626" spans="1:53" x14ac:dyDescent="0.4">
      <c r="A2626">
        <v>2670</v>
      </c>
      <c r="B2626" s="1">
        <v>43674</v>
      </c>
      <c r="C2626">
        <v>1</v>
      </c>
      <c r="D2626" s="1">
        <v>43674.291666666664</v>
      </c>
      <c r="E2626" s="1">
        <v>43674.409722222219</v>
      </c>
      <c r="F2626">
        <v>0</v>
      </c>
      <c r="G2626">
        <v>0</v>
      </c>
      <c r="H2626">
        <v>0</v>
      </c>
      <c r="I2626">
        <v>0</v>
      </c>
      <c r="J2626">
        <v>0</v>
      </c>
      <c r="K2626">
        <v>0</v>
      </c>
      <c r="L2626">
        <v>0</v>
      </c>
      <c r="M2626">
        <v>0</v>
      </c>
      <c r="N2626">
        <v>0</v>
      </c>
      <c r="O2626">
        <v>0</v>
      </c>
      <c r="P2626">
        <v>1080</v>
      </c>
      <c r="Q2626">
        <v>0</v>
      </c>
      <c r="R2626">
        <v>1080</v>
      </c>
      <c r="S2626">
        <v>0</v>
      </c>
      <c r="T2626">
        <v>0</v>
      </c>
      <c r="U2626">
        <v>0</v>
      </c>
      <c r="V2626">
        <v>0</v>
      </c>
      <c r="W2626">
        <v>0</v>
      </c>
      <c r="X2626">
        <v>0</v>
      </c>
      <c r="Y2626">
        <v>29</v>
      </c>
      <c r="Z2626">
        <v>10</v>
      </c>
      <c r="AA2626">
        <v>132</v>
      </c>
      <c r="AB2626">
        <v>47</v>
      </c>
      <c r="AC2626">
        <v>129</v>
      </c>
      <c r="AD2626">
        <v>34</v>
      </c>
      <c r="AE2626">
        <v>70</v>
      </c>
      <c r="AF2626">
        <v>0</v>
      </c>
      <c r="AG2626">
        <v>51080</v>
      </c>
      <c r="AH2626">
        <v>50000</v>
      </c>
      <c r="AI2626">
        <v>0</v>
      </c>
      <c r="AJ2626">
        <v>97</v>
      </c>
      <c r="AK2626" t="s">
        <v>33</v>
      </c>
      <c r="AL2626">
        <v>0</v>
      </c>
      <c r="AM2626">
        <v>0</v>
      </c>
      <c r="AN2626">
        <v>0</v>
      </c>
      <c r="AO2626">
        <v>0</v>
      </c>
      <c r="AP2626">
        <v>0</v>
      </c>
      <c r="AQ2626">
        <v>0</v>
      </c>
      <c r="AR2626">
        <v>0</v>
      </c>
      <c r="AS2626">
        <v>0</v>
      </c>
      <c r="AT2626">
        <v>0</v>
      </c>
      <c r="AU2626">
        <v>0</v>
      </c>
      <c r="AV2626">
        <v>0</v>
      </c>
      <c r="AW2626">
        <v>0</v>
      </c>
      <c r="AX2626">
        <v>-1080</v>
      </c>
      <c r="AY2626">
        <v>1</v>
      </c>
      <c r="AZ2626">
        <v>2</v>
      </c>
      <c r="BA2626">
        <v>4</v>
      </c>
    </row>
    <row r="2627" spans="1:53" x14ac:dyDescent="0.4">
      <c r="A2627">
        <v>2671</v>
      </c>
      <c r="B2627" s="1">
        <v>43674</v>
      </c>
      <c r="C2627">
        <v>2</v>
      </c>
      <c r="D2627" s="1">
        <v>43674.409722222219</v>
      </c>
      <c r="E2627" s="1">
        <v>43674.769444444442</v>
      </c>
      <c r="F2627">
        <v>53000</v>
      </c>
      <c r="G2627">
        <v>1600</v>
      </c>
      <c r="H2627">
        <v>200</v>
      </c>
      <c r="I2627">
        <v>0</v>
      </c>
      <c r="J2627">
        <v>0</v>
      </c>
      <c r="K2627">
        <v>0</v>
      </c>
      <c r="L2627">
        <v>0</v>
      </c>
      <c r="M2627">
        <v>4383</v>
      </c>
      <c r="N2627">
        <v>0</v>
      </c>
      <c r="O2627">
        <v>0</v>
      </c>
      <c r="P2627">
        <v>17820</v>
      </c>
      <c r="Q2627">
        <v>0</v>
      </c>
      <c r="R2627">
        <v>77003</v>
      </c>
      <c r="S2627">
        <v>0</v>
      </c>
      <c r="T2627">
        <v>0</v>
      </c>
      <c r="U2627">
        <v>0</v>
      </c>
      <c r="V2627">
        <v>0</v>
      </c>
      <c r="W2627">
        <v>0</v>
      </c>
      <c r="X2627">
        <v>0</v>
      </c>
      <c r="Y2627">
        <v>92</v>
      </c>
      <c r="Z2627">
        <v>34</v>
      </c>
      <c r="AA2627">
        <v>143</v>
      </c>
      <c r="AB2627">
        <v>56</v>
      </c>
      <c r="AC2627">
        <v>171</v>
      </c>
      <c r="AD2627">
        <v>39</v>
      </c>
      <c r="AE2627">
        <v>78</v>
      </c>
      <c r="AF2627">
        <v>0</v>
      </c>
      <c r="AG2627">
        <v>128083</v>
      </c>
      <c r="AH2627">
        <v>50000</v>
      </c>
      <c r="AI2627">
        <v>0</v>
      </c>
      <c r="AJ2627">
        <v>101</v>
      </c>
      <c r="AK2627" t="s">
        <v>28</v>
      </c>
      <c r="AL2627">
        <v>0</v>
      </c>
      <c r="AM2627">
        <v>0</v>
      </c>
      <c r="AN2627">
        <v>0</v>
      </c>
      <c r="AO2627">
        <v>0</v>
      </c>
      <c r="AP2627">
        <v>0</v>
      </c>
      <c r="AQ2627">
        <v>0</v>
      </c>
      <c r="AR2627">
        <v>0</v>
      </c>
      <c r="AS2627">
        <v>0</v>
      </c>
      <c r="AT2627">
        <v>0</v>
      </c>
      <c r="AU2627">
        <v>0</v>
      </c>
      <c r="AV2627">
        <v>0</v>
      </c>
      <c r="AW2627">
        <v>0</v>
      </c>
      <c r="AX2627">
        <v>2008</v>
      </c>
      <c r="AY2627">
        <v>54</v>
      </c>
      <c r="AZ2627">
        <v>126</v>
      </c>
      <c r="BA2627">
        <v>9120</v>
      </c>
    </row>
    <row r="2628" spans="1:53" x14ac:dyDescent="0.4">
      <c r="A2628">
        <v>2672</v>
      </c>
      <c r="B2628" s="1">
        <v>43675</v>
      </c>
      <c r="C2628">
        <v>1</v>
      </c>
      <c r="D2628" s="1">
        <v>43675.291666666664</v>
      </c>
      <c r="E2628" s="1">
        <v>43675.409722222219</v>
      </c>
      <c r="F2628">
        <v>0</v>
      </c>
      <c r="G2628">
        <v>0</v>
      </c>
      <c r="H2628">
        <v>0</v>
      </c>
      <c r="I2628">
        <v>0</v>
      </c>
      <c r="J2628">
        <v>0</v>
      </c>
      <c r="K2628">
        <v>0</v>
      </c>
      <c r="L2628">
        <v>0</v>
      </c>
      <c r="M2628">
        <v>0</v>
      </c>
      <c r="N2628">
        <v>0</v>
      </c>
      <c r="O2628">
        <v>0</v>
      </c>
      <c r="P2628">
        <v>0</v>
      </c>
      <c r="Q2628">
        <v>0</v>
      </c>
      <c r="R2628">
        <v>0</v>
      </c>
      <c r="S2628">
        <v>0</v>
      </c>
      <c r="T2628">
        <v>0</v>
      </c>
      <c r="U2628">
        <v>0</v>
      </c>
      <c r="V2628">
        <v>0</v>
      </c>
      <c r="W2628">
        <v>0</v>
      </c>
      <c r="X2628">
        <v>0</v>
      </c>
      <c r="Y2628">
        <v>30</v>
      </c>
      <c r="Z2628">
        <v>8</v>
      </c>
      <c r="AA2628">
        <v>119</v>
      </c>
      <c r="AB2628">
        <v>56</v>
      </c>
      <c r="AC2628">
        <v>103</v>
      </c>
      <c r="AD2628">
        <v>39</v>
      </c>
      <c r="AE2628">
        <v>75</v>
      </c>
      <c r="AF2628">
        <v>0</v>
      </c>
      <c r="AG2628">
        <v>50000</v>
      </c>
      <c r="AH2628">
        <v>0</v>
      </c>
      <c r="AI2628">
        <v>50000</v>
      </c>
      <c r="AJ2628">
        <v>0</v>
      </c>
      <c r="AK2628" t="s">
        <v>6</v>
      </c>
      <c r="AL2628">
        <v>0</v>
      </c>
      <c r="AM2628">
        <v>0</v>
      </c>
      <c r="AN2628">
        <v>0</v>
      </c>
      <c r="AO2628">
        <v>0</v>
      </c>
      <c r="AP2628">
        <v>0</v>
      </c>
      <c r="AQ2628">
        <v>0</v>
      </c>
      <c r="AR2628">
        <v>0</v>
      </c>
      <c r="AS2628">
        <v>0</v>
      </c>
      <c r="AT2628">
        <v>0</v>
      </c>
      <c r="AU2628">
        <v>0</v>
      </c>
      <c r="AV2628">
        <v>0</v>
      </c>
      <c r="AW2628">
        <v>0</v>
      </c>
      <c r="AX2628">
        <v>0</v>
      </c>
      <c r="AY2628">
        <v>0</v>
      </c>
      <c r="AZ2628">
        <v>0</v>
      </c>
      <c r="BA2628">
        <v>0</v>
      </c>
    </row>
    <row r="2629" spans="1:53" x14ac:dyDescent="0.4">
      <c r="A2629">
        <v>2673</v>
      </c>
      <c r="B2629" s="1">
        <v>43675</v>
      </c>
      <c r="C2629">
        <v>2</v>
      </c>
      <c r="D2629" s="1">
        <v>43675.409722222219</v>
      </c>
      <c r="E2629" s="1">
        <v>43675.736805555556</v>
      </c>
      <c r="F2629">
        <v>30500</v>
      </c>
      <c r="G2629">
        <v>1840</v>
      </c>
      <c r="H2629">
        <v>200</v>
      </c>
      <c r="I2629">
        <v>0</v>
      </c>
      <c r="J2629">
        <v>0</v>
      </c>
      <c r="K2629">
        <v>0</v>
      </c>
      <c r="L2629">
        <v>0</v>
      </c>
      <c r="M2629">
        <v>2603</v>
      </c>
      <c r="N2629">
        <v>0</v>
      </c>
      <c r="O2629">
        <v>0</v>
      </c>
      <c r="P2629">
        <v>21600</v>
      </c>
      <c r="Q2629">
        <v>0</v>
      </c>
      <c r="R2629">
        <v>56743</v>
      </c>
      <c r="S2629">
        <v>0</v>
      </c>
      <c r="T2629">
        <v>0</v>
      </c>
      <c r="U2629">
        <v>0</v>
      </c>
      <c r="V2629">
        <v>0</v>
      </c>
      <c r="W2629">
        <v>3</v>
      </c>
      <c r="X2629">
        <v>0</v>
      </c>
      <c r="Y2629">
        <v>63</v>
      </c>
      <c r="Z2629">
        <v>20</v>
      </c>
      <c r="AA2629">
        <v>130</v>
      </c>
      <c r="AB2629">
        <v>46</v>
      </c>
      <c r="AC2629">
        <v>159</v>
      </c>
      <c r="AD2629">
        <v>44</v>
      </c>
      <c r="AE2629">
        <v>80</v>
      </c>
      <c r="AF2629">
        <v>1553</v>
      </c>
      <c r="AG2629">
        <v>106743</v>
      </c>
      <c r="AH2629">
        <v>50000</v>
      </c>
      <c r="AI2629">
        <v>0</v>
      </c>
      <c r="AJ2629">
        <v>90</v>
      </c>
      <c r="AK2629" t="s">
        <v>38</v>
      </c>
      <c r="AL2629">
        <v>0</v>
      </c>
      <c r="AM2629">
        <v>0</v>
      </c>
      <c r="AN2629">
        <v>0</v>
      </c>
      <c r="AO2629">
        <v>0</v>
      </c>
      <c r="AP2629">
        <v>0</v>
      </c>
      <c r="AQ2629">
        <v>0</v>
      </c>
      <c r="AR2629">
        <v>0</v>
      </c>
      <c r="AS2629">
        <v>0</v>
      </c>
      <c r="AT2629">
        <v>0</v>
      </c>
      <c r="AU2629">
        <v>0</v>
      </c>
      <c r="AV2629">
        <v>0</v>
      </c>
      <c r="AW2629">
        <v>0</v>
      </c>
      <c r="AX2629">
        <v>0</v>
      </c>
      <c r="AY2629">
        <v>48</v>
      </c>
      <c r="AZ2629">
        <v>99</v>
      </c>
      <c r="BA2629">
        <v>7032</v>
      </c>
    </row>
    <row r="2630" spans="1:53" x14ac:dyDescent="0.4">
      <c r="A2630">
        <v>2674</v>
      </c>
      <c r="B2630" s="1">
        <v>43675</v>
      </c>
      <c r="C2630">
        <v>3</v>
      </c>
      <c r="D2630" s="1">
        <v>43675.736805555556</v>
      </c>
      <c r="E2630" s="1">
        <v>43675.954861111109</v>
      </c>
      <c r="F2630">
        <v>32500</v>
      </c>
      <c r="G2630">
        <v>4940</v>
      </c>
      <c r="H2630">
        <v>400</v>
      </c>
      <c r="I2630">
        <v>0</v>
      </c>
      <c r="J2630">
        <v>1000</v>
      </c>
      <c r="K2630">
        <v>0</v>
      </c>
      <c r="L2630">
        <v>0</v>
      </c>
      <c r="M2630">
        <v>2946</v>
      </c>
      <c r="N2630">
        <v>0</v>
      </c>
      <c r="O2630">
        <v>0</v>
      </c>
      <c r="P2630">
        <v>-21600</v>
      </c>
      <c r="Q2630">
        <v>0</v>
      </c>
      <c r="R2630">
        <v>18186</v>
      </c>
      <c r="S2630">
        <v>0</v>
      </c>
      <c r="T2630">
        <v>0</v>
      </c>
      <c r="U2630">
        <v>0</v>
      </c>
      <c r="V2630">
        <v>1</v>
      </c>
      <c r="W2630">
        <v>4</v>
      </c>
      <c r="X2630">
        <v>0</v>
      </c>
      <c r="Y2630">
        <v>65</v>
      </c>
      <c r="Z2630">
        <v>20</v>
      </c>
      <c r="AA2630">
        <v>127</v>
      </c>
      <c r="AB2630">
        <v>51</v>
      </c>
      <c r="AC2630">
        <v>186</v>
      </c>
      <c r="AD2630">
        <v>43</v>
      </c>
      <c r="AE2630">
        <v>79</v>
      </c>
      <c r="AF2630">
        <v>2525</v>
      </c>
      <c r="AG2630">
        <v>124929</v>
      </c>
      <c r="AH2630">
        <v>50000</v>
      </c>
      <c r="AI2630">
        <v>0</v>
      </c>
      <c r="AJ2630">
        <v>84</v>
      </c>
      <c r="AK2630" t="s">
        <v>16</v>
      </c>
      <c r="AL2630">
        <v>0</v>
      </c>
      <c r="AM2630">
        <v>0</v>
      </c>
      <c r="AN2630">
        <v>0</v>
      </c>
      <c r="AO2630">
        <v>0</v>
      </c>
      <c r="AP2630">
        <v>0</v>
      </c>
      <c r="AQ2630">
        <v>0</v>
      </c>
      <c r="AR2630">
        <v>0</v>
      </c>
      <c r="AS2630">
        <v>0</v>
      </c>
      <c r="AT2630">
        <v>0</v>
      </c>
      <c r="AU2630">
        <v>0</v>
      </c>
      <c r="AV2630">
        <v>0</v>
      </c>
      <c r="AW2630">
        <v>0</v>
      </c>
      <c r="AX2630">
        <v>6135</v>
      </c>
      <c r="AY2630">
        <v>7</v>
      </c>
      <c r="AZ2630">
        <v>19</v>
      </c>
      <c r="BA2630">
        <v>2049</v>
      </c>
    </row>
    <row r="2631" spans="1:53" x14ac:dyDescent="0.4">
      <c r="A2631">
        <v>2675</v>
      </c>
      <c r="B2631" s="1">
        <v>43676</v>
      </c>
      <c r="C2631">
        <v>1</v>
      </c>
      <c r="D2631" s="1">
        <v>43676.291666666664</v>
      </c>
      <c r="E2631" s="1">
        <v>43676.40347222222</v>
      </c>
      <c r="F2631">
        <v>0</v>
      </c>
      <c r="G2631">
        <v>0</v>
      </c>
      <c r="H2631">
        <v>0</v>
      </c>
      <c r="I2631">
        <v>0</v>
      </c>
      <c r="J2631">
        <v>0</v>
      </c>
      <c r="K2631">
        <v>0</v>
      </c>
      <c r="L2631">
        <v>0</v>
      </c>
      <c r="M2631">
        <v>0</v>
      </c>
      <c r="N2631">
        <v>0</v>
      </c>
      <c r="O2631">
        <v>0</v>
      </c>
      <c r="P2631">
        <v>0</v>
      </c>
      <c r="Q2631">
        <v>0</v>
      </c>
      <c r="R2631">
        <v>0</v>
      </c>
      <c r="S2631">
        <v>0</v>
      </c>
      <c r="T2631">
        <v>0</v>
      </c>
      <c r="U2631">
        <v>0</v>
      </c>
      <c r="V2631">
        <v>0</v>
      </c>
      <c r="W2631">
        <v>0</v>
      </c>
      <c r="X2631">
        <v>0</v>
      </c>
      <c r="Y2631">
        <v>25</v>
      </c>
      <c r="Z2631">
        <v>15</v>
      </c>
      <c r="AA2631">
        <v>134</v>
      </c>
      <c r="AB2631">
        <v>50</v>
      </c>
      <c r="AC2631">
        <v>132</v>
      </c>
      <c r="AD2631">
        <v>42</v>
      </c>
      <c r="AE2631">
        <v>70</v>
      </c>
      <c r="AF2631">
        <v>0</v>
      </c>
      <c r="AG2631">
        <v>50000</v>
      </c>
      <c r="AH2631">
        <v>50000</v>
      </c>
      <c r="AI2631">
        <v>0</v>
      </c>
      <c r="AJ2631">
        <v>0</v>
      </c>
      <c r="AK2631" t="s">
        <v>6</v>
      </c>
      <c r="AL2631">
        <v>0</v>
      </c>
      <c r="AM2631">
        <v>0</v>
      </c>
      <c r="AN2631">
        <v>0</v>
      </c>
      <c r="AO2631">
        <v>0</v>
      </c>
      <c r="AP2631">
        <v>0</v>
      </c>
      <c r="AQ2631">
        <v>0</v>
      </c>
      <c r="AR2631">
        <v>0</v>
      </c>
      <c r="AS2631">
        <v>0</v>
      </c>
      <c r="AT2631">
        <v>0</v>
      </c>
      <c r="AU2631">
        <v>0</v>
      </c>
      <c r="AV2631">
        <v>0</v>
      </c>
      <c r="AW2631">
        <v>0</v>
      </c>
      <c r="AX2631">
        <v>0</v>
      </c>
      <c r="AY2631">
        <v>0</v>
      </c>
      <c r="AZ2631">
        <v>0</v>
      </c>
      <c r="BA2631">
        <v>0</v>
      </c>
    </row>
    <row r="2632" spans="1:53" x14ac:dyDescent="0.4">
      <c r="A2632">
        <v>2676</v>
      </c>
      <c r="B2632" s="1">
        <v>43676</v>
      </c>
      <c r="C2632">
        <v>2</v>
      </c>
      <c r="D2632" s="1">
        <v>43676.40347222222</v>
      </c>
      <c r="E2632" s="1">
        <v>43676.747916666667</v>
      </c>
      <c r="F2632">
        <v>43750</v>
      </c>
      <c r="G2632">
        <v>3360</v>
      </c>
      <c r="H2632">
        <v>0</v>
      </c>
      <c r="I2632">
        <v>0</v>
      </c>
      <c r="J2632">
        <v>0</v>
      </c>
      <c r="K2632">
        <v>0</v>
      </c>
      <c r="L2632">
        <v>0</v>
      </c>
      <c r="M2632">
        <v>3768</v>
      </c>
      <c r="N2632">
        <v>0</v>
      </c>
      <c r="O2632">
        <v>0</v>
      </c>
      <c r="P2632">
        <v>9720</v>
      </c>
      <c r="Q2632">
        <v>0</v>
      </c>
      <c r="R2632">
        <v>60598</v>
      </c>
      <c r="S2632">
        <v>0</v>
      </c>
      <c r="T2632">
        <v>0</v>
      </c>
      <c r="U2632">
        <v>0</v>
      </c>
      <c r="V2632">
        <v>3</v>
      </c>
      <c r="W2632">
        <v>2</v>
      </c>
      <c r="X2632">
        <v>0</v>
      </c>
      <c r="Y2632">
        <v>42</v>
      </c>
      <c r="Z2632">
        <v>27</v>
      </c>
      <c r="AA2632">
        <v>110</v>
      </c>
      <c r="AB2632">
        <v>37</v>
      </c>
      <c r="AC2632">
        <v>194</v>
      </c>
      <c r="AD2632">
        <v>47</v>
      </c>
      <c r="AE2632">
        <v>73</v>
      </c>
      <c r="AF2632">
        <v>0</v>
      </c>
      <c r="AG2632">
        <v>110598</v>
      </c>
      <c r="AH2632">
        <v>50000</v>
      </c>
      <c r="AI2632">
        <v>0</v>
      </c>
      <c r="AJ2632">
        <v>101</v>
      </c>
      <c r="AK2632" t="s">
        <v>28</v>
      </c>
      <c r="AL2632">
        <v>0</v>
      </c>
      <c r="AM2632">
        <v>0</v>
      </c>
      <c r="AN2632">
        <v>0</v>
      </c>
      <c r="AO2632">
        <v>0</v>
      </c>
      <c r="AP2632">
        <v>0</v>
      </c>
      <c r="AQ2632">
        <v>0</v>
      </c>
      <c r="AR2632">
        <v>0</v>
      </c>
      <c r="AS2632">
        <v>0</v>
      </c>
      <c r="AT2632">
        <v>0</v>
      </c>
      <c r="AU2632">
        <v>0</v>
      </c>
      <c r="AV2632">
        <v>0</v>
      </c>
      <c r="AW2632">
        <v>0</v>
      </c>
      <c r="AX2632">
        <v>-2160</v>
      </c>
      <c r="AY2632">
        <v>43</v>
      </c>
      <c r="AZ2632">
        <v>97</v>
      </c>
      <c r="BA2632">
        <v>7219</v>
      </c>
    </row>
    <row r="2633" spans="1:53" x14ac:dyDescent="0.4">
      <c r="A2633">
        <v>2677</v>
      </c>
      <c r="B2633" s="1">
        <v>43676</v>
      </c>
      <c r="C2633">
        <v>3</v>
      </c>
      <c r="D2633" s="1">
        <v>43676.747916666667</v>
      </c>
      <c r="E2633" s="1">
        <v>43676.951388888891</v>
      </c>
      <c r="F2633">
        <v>26500</v>
      </c>
      <c r="G2633">
        <v>3350</v>
      </c>
      <c r="H2633">
        <v>0</v>
      </c>
      <c r="I2633">
        <v>0</v>
      </c>
      <c r="J2633">
        <v>0</v>
      </c>
      <c r="K2633">
        <v>0</v>
      </c>
      <c r="L2633">
        <v>0</v>
      </c>
      <c r="M2633">
        <v>2388</v>
      </c>
      <c r="N2633">
        <v>0</v>
      </c>
      <c r="O2633">
        <v>0</v>
      </c>
      <c r="P2633">
        <v>-9720</v>
      </c>
      <c r="Q2633">
        <v>0</v>
      </c>
      <c r="R2633">
        <v>22518</v>
      </c>
      <c r="S2633">
        <v>0</v>
      </c>
      <c r="T2633">
        <v>0</v>
      </c>
      <c r="U2633">
        <v>0</v>
      </c>
      <c r="V2633">
        <v>6</v>
      </c>
      <c r="W2633">
        <v>1</v>
      </c>
      <c r="X2633">
        <v>0</v>
      </c>
      <c r="Y2633">
        <v>39</v>
      </c>
      <c r="Z2633">
        <v>26</v>
      </c>
      <c r="AA2633">
        <v>113</v>
      </c>
      <c r="AB2633">
        <v>38</v>
      </c>
      <c r="AC2633">
        <v>207</v>
      </c>
      <c r="AD2633">
        <v>47</v>
      </c>
      <c r="AE2633">
        <v>71</v>
      </c>
      <c r="AF2633">
        <v>540</v>
      </c>
      <c r="AG2633">
        <v>133116</v>
      </c>
      <c r="AH2633">
        <v>50000</v>
      </c>
      <c r="AI2633">
        <v>0</v>
      </c>
      <c r="AJ2633">
        <v>94</v>
      </c>
      <c r="AK2633" t="s">
        <v>21</v>
      </c>
      <c r="AL2633">
        <v>0</v>
      </c>
      <c r="AM2633">
        <v>0</v>
      </c>
      <c r="AN2633">
        <v>0</v>
      </c>
      <c r="AO2633">
        <v>0</v>
      </c>
      <c r="AP2633">
        <v>0</v>
      </c>
      <c r="AQ2633">
        <v>0</v>
      </c>
      <c r="AR2633">
        <v>0</v>
      </c>
      <c r="AS2633">
        <v>0</v>
      </c>
      <c r="AT2633">
        <v>0</v>
      </c>
      <c r="AU2633">
        <v>0</v>
      </c>
      <c r="AV2633">
        <v>0</v>
      </c>
      <c r="AW2633">
        <v>0</v>
      </c>
      <c r="AX2633">
        <v>11513</v>
      </c>
      <c r="AY2633">
        <v>10</v>
      </c>
      <c r="AZ2633">
        <v>24</v>
      </c>
      <c r="BA2633">
        <v>1649</v>
      </c>
    </row>
    <row r="2634" spans="1:53" x14ac:dyDescent="0.4">
      <c r="A2634">
        <v>2678</v>
      </c>
      <c r="B2634" s="1">
        <v>43676</v>
      </c>
      <c r="C2634">
        <v>4</v>
      </c>
      <c r="D2634" s="1">
        <v>43676.951388888891</v>
      </c>
      <c r="E2634" s="1">
        <v>43677.091666666667</v>
      </c>
      <c r="F2634">
        <v>10750</v>
      </c>
      <c r="G2634">
        <v>2660</v>
      </c>
      <c r="H2634">
        <v>0</v>
      </c>
      <c r="I2634">
        <v>0</v>
      </c>
      <c r="J2634">
        <v>0</v>
      </c>
      <c r="K2634">
        <v>0</v>
      </c>
      <c r="L2634">
        <v>0</v>
      </c>
      <c r="M2634">
        <v>1073</v>
      </c>
      <c r="N2634">
        <v>0</v>
      </c>
      <c r="O2634">
        <v>0</v>
      </c>
      <c r="P2634">
        <v>9828</v>
      </c>
      <c r="Q2634">
        <v>0</v>
      </c>
      <c r="R2634">
        <v>24311</v>
      </c>
      <c r="S2634">
        <v>0</v>
      </c>
      <c r="T2634">
        <v>0</v>
      </c>
      <c r="U2634">
        <v>0</v>
      </c>
      <c r="V2634">
        <v>9</v>
      </c>
      <c r="W2634">
        <v>1</v>
      </c>
      <c r="X2634">
        <v>0</v>
      </c>
      <c r="Y2634">
        <v>35</v>
      </c>
      <c r="Z2634">
        <v>23</v>
      </c>
      <c r="AA2634">
        <v>111</v>
      </c>
      <c r="AB2634">
        <v>37</v>
      </c>
      <c r="AC2634">
        <v>214</v>
      </c>
      <c r="AD2634">
        <v>46</v>
      </c>
      <c r="AE2634">
        <v>67</v>
      </c>
      <c r="AF2634">
        <v>540</v>
      </c>
      <c r="AG2634">
        <v>157427</v>
      </c>
      <c r="AH2634">
        <v>50000</v>
      </c>
      <c r="AI2634">
        <v>0</v>
      </c>
      <c r="AJ2634">
        <v>99</v>
      </c>
      <c r="AK2634" t="s">
        <v>9</v>
      </c>
      <c r="AL2634">
        <v>0</v>
      </c>
      <c r="AM2634">
        <v>0</v>
      </c>
      <c r="AN2634">
        <v>0</v>
      </c>
      <c r="AO2634">
        <v>0</v>
      </c>
      <c r="AP2634">
        <v>0</v>
      </c>
      <c r="AQ2634">
        <v>0</v>
      </c>
      <c r="AR2634">
        <v>0</v>
      </c>
      <c r="AS2634">
        <v>0</v>
      </c>
      <c r="AT2634">
        <v>0</v>
      </c>
      <c r="AU2634">
        <v>0</v>
      </c>
      <c r="AV2634">
        <v>0</v>
      </c>
      <c r="AW2634">
        <v>0</v>
      </c>
      <c r="AX2634">
        <v>1274</v>
      </c>
      <c r="AY2634">
        <v>2</v>
      </c>
      <c r="AZ2634">
        <v>11</v>
      </c>
      <c r="BA2634">
        <v>408</v>
      </c>
    </row>
    <row r="2635" spans="1:53" x14ac:dyDescent="0.4">
      <c r="A2635">
        <v>2679</v>
      </c>
      <c r="B2635" s="1">
        <v>43677</v>
      </c>
      <c r="C2635">
        <v>1</v>
      </c>
      <c r="D2635" s="1">
        <v>43677.291666666664</v>
      </c>
      <c r="E2635" s="1">
        <v>43677.40347222222</v>
      </c>
      <c r="F2635">
        <v>0</v>
      </c>
      <c r="G2635">
        <v>0</v>
      </c>
      <c r="H2635">
        <v>0</v>
      </c>
      <c r="I2635">
        <v>0</v>
      </c>
      <c r="J2635">
        <v>0</v>
      </c>
      <c r="K2635">
        <v>0</v>
      </c>
      <c r="L2635">
        <v>0</v>
      </c>
      <c r="M2635">
        <v>0</v>
      </c>
      <c r="N2635">
        <v>0</v>
      </c>
      <c r="O2635">
        <v>0</v>
      </c>
      <c r="P2635">
        <v>0</v>
      </c>
      <c r="Q2635">
        <v>0</v>
      </c>
      <c r="R2635">
        <v>0</v>
      </c>
      <c r="S2635">
        <v>0</v>
      </c>
      <c r="T2635">
        <v>0</v>
      </c>
      <c r="U2635">
        <v>0</v>
      </c>
      <c r="V2635">
        <v>0</v>
      </c>
      <c r="W2635">
        <v>1</v>
      </c>
      <c r="X2635">
        <v>0</v>
      </c>
      <c r="Y2635">
        <v>26</v>
      </c>
      <c r="Z2635">
        <v>10</v>
      </c>
      <c r="AA2635">
        <v>108</v>
      </c>
      <c r="AB2635">
        <v>36</v>
      </c>
      <c r="AC2635">
        <v>110</v>
      </c>
      <c r="AD2635">
        <v>47</v>
      </c>
      <c r="AE2635">
        <v>65</v>
      </c>
      <c r="AF2635">
        <v>0</v>
      </c>
      <c r="AG2635">
        <v>50000</v>
      </c>
      <c r="AH2635">
        <v>50000</v>
      </c>
      <c r="AI2635">
        <v>0</v>
      </c>
      <c r="AJ2635">
        <v>0</v>
      </c>
      <c r="AK2635" t="s">
        <v>6</v>
      </c>
      <c r="AL2635">
        <v>0</v>
      </c>
      <c r="AM2635">
        <v>0</v>
      </c>
      <c r="AN2635">
        <v>0</v>
      </c>
      <c r="AO2635">
        <v>0</v>
      </c>
      <c r="AP2635">
        <v>0</v>
      </c>
      <c r="AQ2635">
        <v>0</v>
      </c>
      <c r="AR2635">
        <v>0</v>
      </c>
      <c r="AS2635">
        <v>0</v>
      </c>
      <c r="AT2635">
        <v>0</v>
      </c>
      <c r="AU2635">
        <v>0</v>
      </c>
      <c r="AV2635">
        <v>0</v>
      </c>
      <c r="AW2635">
        <v>0</v>
      </c>
      <c r="AX2635">
        <v>0</v>
      </c>
      <c r="AY2635">
        <v>0</v>
      </c>
      <c r="AZ2635">
        <v>0</v>
      </c>
      <c r="BA2635">
        <v>0</v>
      </c>
    </row>
    <row r="2636" spans="1:53" x14ac:dyDescent="0.4">
      <c r="A2636">
        <v>2680</v>
      </c>
      <c r="B2636" s="1">
        <v>43677</v>
      </c>
      <c r="C2636">
        <v>2</v>
      </c>
      <c r="D2636" s="1">
        <v>43677.40347222222</v>
      </c>
      <c r="E2636" s="1">
        <v>43677.745138888888</v>
      </c>
      <c r="F2636">
        <v>34000</v>
      </c>
      <c r="G2636">
        <v>3660</v>
      </c>
      <c r="H2636">
        <v>0</v>
      </c>
      <c r="I2636">
        <v>0</v>
      </c>
      <c r="J2636">
        <v>0</v>
      </c>
      <c r="K2636">
        <v>0</v>
      </c>
      <c r="L2636">
        <v>0</v>
      </c>
      <c r="M2636">
        <v>3012</v>
      </c>
      <c r="N2636">
        <v>0</v>
      </c>
      <c r="O2636">
        <v>0</v>
      </c>
      <c r="P2636">
        <v>17820</v>
      </c>
      <c r="Q2636">
        <v>0</v>
      </c>
      <c r="R2636">
        <v>58492</v>
      </c>
      <c r="S2636">
        <v>0</v>
      </c>
      <c r="T2636">
        <v>0</v>
      </c>
      <c r="U2636">
        <v>0</v>
      </c>
      <c r="V2636">
        <v>1</v>
      </c>
      <c r="W2636">
        <v>2</v>
      </c>
      <c r="X2636">
        <v>0</v>
      </c>
      <c r="Y2636">
        <v>57</v>
      </c>
      <c r="Z2636">
        <v>21</v>
      </c>
      <c r="AA2636">
        <v>168</v>
      </c>
      <c r="AB2636">
        <v>39</v>
      </c>
      <c r="AC2636">
        <v>195</v>
      </c>
      <c r="AD2636">
        <v>45</v>
      </c>
      <c r="AE2636">
        <v>67</v>
      </c>
      <c r="AF2636">
        <v>0</v>
      </c>
      <c r="AG2636">
        <v>108492</v>
      </c>
      <c r="AH2636">
        <v>50000</v>
      </c>
      <c r="AI2636">
        <v>0</v>
      </c>
      <c r="AJ2636">
        <v>93</v>
      </c>
      <c r="AK2636" t="s">
        <v>20</v>
      </c>
      <c r="AL2636">
        <v>0</v>
      </c>
      <c r="AM2636">
        <v>0</v>
      </c>
      <c r="AN2636">
        <v>0</v>
      </c>
      <c r="AO2636">
        <v>0</v>
      </c>
      <c r="AP2636">
        <v>0</v>
      </c>
      <c r="AQ2636">
        <v>0</v>
      </c>
      <c r="AR2636">
        <v>0</v>
      </c>
      <c r="AS2636">
        <v>0</v>
      </c>
      <c r="AT2636">
        <v>0</v>
      </c>
      <c r="AU2636">
        <v>0</v>
      </c>
      <c r="AV2636">
        <v>0</v>
      </c>
      <c r="AW2636">
        <v>0</v>
      </c>
      <c r="AX2636">
        <v>-2160</v>
      </c>
      <c r="AY2636">
        <v>48</v>
      </c>
      <c r="AZ2636">
        <v>101</v>
      </c>
      <c r="BA2636">
        <v>7035</v>
      </c>
    </row>
    <row r="2637" spans="1:53" x14ac:dyDescent="0.4">
      <c r="A2637">
        <v>2681</v>
      </c>
      <c r="B2637" s="1">
        <v>43678</v>
      </c>
      <c r="C2637">
        <v>1</v>
      </c>
      <c r="D2637" s="1">
        <v>43678.291666666664</v>
      </c>
      <c r="E2637" s="1">
        <v>43678.413194444445</v>
      </c>
      <c r="F2637">
        <v>0</v>
      </c>
      <c r="G2637">
        <v>0</v>
      </c>
      <c r="H2637">
        <v>0</v>
      </c>
      <c r="I2637">
        <v>0</v>
      </c>
      <c r="J2637">
        <v>0</v>
      </c>
      <c r="K2637">
        <v>0</v>
      </c>
      <c r="L2637">
        <v>0</v>
      </c>
      <c r="M2637">
        <v>0</v>
      </c>
      <c r="N2637">
        <v>0</v>
      </c>
      <c r="O2637">
        <v>0</v>
      </c>
      <c r="P2637">
        <v>0</v>
      </c>
      <c r="Q2637">
        <v>0</v>
      </c>
      <c r="R2637">
        <v>0</v>
      </c>
      <c r="S2637">
        <v>0</v>
      </c>
      <c r="T2637">
        <v>0</v>
      </c>
      <c r="U2637">
        <v>0</v>
      </c>
      <c r="V2637">
        <v>0</v>
      </c>
      <c r="W2637">
        <v>0</v>
      </c>
      <c r="X2637">
        <v>0</v>
      </c>
      <c r="Y2637">
        <v>31</v>
      </c>
      <c r="Z2637">
        <v>10</v>
      </c>
      <c r="AA2637">
        <v>106</v>
      </c>
      <c r="AB2637">
        <v>42</v>
      </c>
      <c r="AC2637">
        <v>103</v>
      </c>
      <c r="AD2637">
        <v>43</v>
      </c>
      <c r="AE2637">
        <v>55</v>
      </c>
      <c r="AF2637">
        <v>0</v>
      </c>
      <c r="AG2637">
        <v>50000</v>
      </c>
      <c r="AH2637">
        <v>0</v>
      </c>
      <c r="AI2637">
        <v>50000</v>
      </c>
      <c r="AJ2637">
        <v>0</v>
      </c>
      <c r="AK2637" t="s">
        <v>6</v>
      </c>
      <c r="AL2637">
        <v>0</v>
      </c>
      <c r="AM2637">
        <v>0</v>
      </c>
      <c r="AN2637">
        <v>0</v>
      </c>
      <c r="AO2637">
        <v>0</v>
      </c>
      <c r="AP2637">
        <v>0</v>
      </c>
      <c r="AQ2637">
        <v>0</v>
      </c>
      <c r="AR2637">
        <v>0</v>
      </c>
      <c r="AS2637">
        <v>0</v>
      </c>
      <c r="AT2637">
        <v>0</v>
      </c>
      <c r="AU2637">
        <v>0</v>
      </c>
      <c r="AV2637">
        <v>0</v>
      </c>
      <c r="AW2637">
        <v>0</v>
      </c>
      <c r="AX2637">
        <v>0</v>
      </c>
      <c r="AY2637">
        <v>0</v>
      </c>
      <c r="AZ2637">
        <v>0</v>
      </c>
      <c r="BA2637">
        <v>0</v>
      </c>
    </row>
    <row r="2638" spans="1:53" x14ac:dyDescent="0.4">
      <c r="A2638">
        <v>2682</v>
      </c>
      <c r="B2638" s="1">
        <v>43678</v>
      </c>
      <c r="C2638">
        <v>2</v>
      </c>
      <c r="D2638" s="1">
        <v>43678.413194444445</v>
      </c>
      <c r="E2638" s="1">
        <v>43678.736111111109</v>
      </c>
      <c r="F2638">
        <v>26000</v>
      </c>
      <c r="G2638">
        <v>2280</v>
      </c>
      <c r="H2638">
        <v>200</v>
      </c>
      <c r="I2638">
        <v>0</v>
      </c>
      <c r="J2638">
        <v>0</v>
      </c>
      <c r="K2638">
        <v>0</v>
      </c>
      <c r="L2638">
        <v>0</v>
      </c>
      <c r="M2638">
        <v>2278</v>
      </c>
      <c r="N2638">
        <v>0</v>
      </c>
      <c r="O2638">
        <v>0</v>
      </c>
      <c r="P2638">
        <v>24300</v>
      </c>
      <c r="Q2638">
        <v>0</v>
      </c>
      <c r="R2638">
        <v>55058</v>
      </c>
      <c r="S2638">
        <v>0</v>
      </c>
      <c r="T2638">
        <v>0</v>
      </c>
      <c r="U2638">
        <v>0</v>
      </c>
      <c r="V2638">
        <v>1</v>
      </c>
      <c r="W2638">
        <v>0</v>
      </c>
      <c r="X2638">
        <v>0</v>
      </c>
      <c r="Y2638">
        <v>63</v>
      </c>
      <c r="Z2638">
        <v>30</v>
      </c>
      <c r="AA2638">
        <v>132</v>
      </c>
      <c r="AB2638">
        <v>35</v>
      </c>
      <c r="AC2638">
        <v>184</v>
      </c>
      <c r="AD2638">
        <v>44</v>
      </c>
      <c r="AE2638">
        <v>58</v>
      </c>
      <c r="AF2638">
        <v>0</v>
      </c>
      <c r="AG2638">
        <v>105068</v>
      </c>
      <c r="AH2638">
        <v>50000</v>
      </c>
      <c r="AI2638">
        <v>10</v>
      </c>
      <c r="AJ2638">
        <v>96</v>
      </c>
      <c r="AK2638" t="s">
        <v>4</v>
      </c>
      <c r="AL2638">
        <v>0</v>
      </c>
      <c r="AM2638">
        <v>0</v>
      </c>
      <c r="AN2638">
        <v>0</v>
      </c>
      <c r="AO2638">
        <v>0</v>
      </c>
      <c r="AP2638">
        <v>0</v>
      </c>
      <c r="AQ2638">
        <v>0</v>
      </c>
      <c r="AR2638">
        <v>0</v>
      </c>
      <c r="AS2638">
        <v>0</v>
      </c>
      <c r="AT2638">
        <v>0</v>
      </c>
      <c r="AU2638">
        <v>0</v>
      </c>
      <c r="AV2638">
        <v>0</v>
      </c>
      <c r="AW2638">
        <v>0</v>
      </c>
      <c r="AX2638">
        <v>64</v>
      </c>
      <c r="AY2638">
        <v>47</v>
      </c>
      <c r="AZ2638">
        <v>96</v>
      </c>
      <c r="BA2638">
        <v>6386</v>
      </c>
    </row>
    <row r="2639" spans="1:53" x14ac:dyDescent="0.4">
      <c r="A2639">
        <v>2683</v>
      </c>
      <c r="B2639" s="1">
        <v>43678</v>
      </c>
      <c r="C2639">
        <v>3</v>
      </c>
      <c r="D2639" s="1">
        <v>43678.736111111109</v>
      </c>
      <c r="E2639" s="1">
        <v>43678.956944444442</v>
      </c>
      <c r="F2639">
        <v>49300</v>
      </c>
      <c r="G2639">
        <v>1060</v>
      </c>
      <c r="H2639">
        <v>0</v>
      </c>
      <c r="I2639">
        <v>0</v>
      </c>
      <c r="J2639">
        <v>0</v>
      </c>
      <c r="K2639">
        <v>0</v>
      </c>
      <c r="L2639">
        <v>0</v>
      </c>
      <c r="M2639">
        <v>4028</v>
      </c>
      <c r="N2639">
        <v>0</v>
      </c>
      <c r="O2639">
        <v>0</v>
      </c>
      <c r="P2639">
        <v>-20412</v>
      </c>
      <c r="Q2639">
        <v>0</v>
      </c>
      <c r="R2639">
        <v>33976</v>
      </c>
      <c r="S2639">
        <v>0</v>
      </c>
      <c r="T2639">
        <v>0</v>
      </c>
      <c r="U2639">
        <v>0</v>
      </c>
      <c r="V2639">
        <v>2</v>
      </c>
      <c r="W2639">
        <v>4</v>
      </c>
      <c r="X2639">
        <v>0</v>
      </c>
      <c r="Y2639">
        <v>65</v>
      </c>
      <c r="Z2639">
        <v>33</v>
      </c>
      <c r="AA2639">
        <v>140</v>
      </c>
      <c r="AB2639">
        <v>39</v>
      </c>
      <c r="AC2639">
        <v>187</v>
      </c>
      <c r="AD2639">
        <v>41</v>
      </c>
      <c r="AE2639">
        <v>49</v>
      </c>
      <c r="AF2639">
        <v>0</v>
      </c>
      <c r="AG2639">
        <v>139574</v>
      </c>
      <c r="AH2639">
        <v>50000</v>
      </c>
      <c r="AI2639">
        <v>540</v>
      </c>
      <c r="AJ2639">
        <v>108</v>
      </c>
      <c r="AK2639" t="s">
        <v>30</v>
      </c>
      <c r="AL2639">
        <v>0</v>
      </c>
      <c r="AM2639">
        <v>0</v>
      </c>
      <c r="AN2639">
        <v>0</v>
      </c>
      <c r="AO2639">
        <v>0</v>
      </c>
      <c r="AP2639">
        <v>0</v>
      </c>
      <c r="AQ2639">
        <v>0</v>
      </c>
      <c r="AR2639">
        <v>0</v>
      </c>
      <c r="AS2639">
        <v>0</v>
      </c>
      <c r="AT2639">
        <v>0</v>
      </c>
      <c r="AU2639">
        <v>0</v>
      </c>
      <c r="AV2639">
        <v>0</v>
      </c>
      <c r="AW2639">
        <v>0</v>
      </c>
      <c r="AX2639">
        <v>27076</v>
      </c>
      <c r="AY2639">
        <v>17</v>
      </c>
      <c r="AZ2639">
        <v>51</v>
      </c>
      <c r="BA2639">
        <v>3407</v>
      </c>
    </row>
    <row r="2640" spans="1:53" x14ac:dyDescent="0.4">
      <c r="A2640">
        <v>2684</v>
      </c>
      <c r="B2640" s="1">
        <v>43678</v>
      </c>
      <c r="C2640">
        <v>4</v>
      </c>
      <c r="D2640" s="1">
        <v>43678.956944444442</v>
      </c>
      <c r="E2640" s="1">
        <v>43679.080555555556</v>
      </c>
      <c r="F2640">
        <v>31160</v>
      </c>
      <c r="G2640">
        <v>1760</v>
      </c>
      <c r="H2640">
        <v>200</v>
      </c>
      <c r="I2640">
        <v>0</v>
      </c>
      <c r="J2640">
        <v>0</v>
      </c>
      <c r="K2640">
        <v>0</v>
      </c>
      <c r="L2640">
        <v>0</v>
      </c>
      <c r="M2640">
        <v>2650</v>
      </c>
      <c r="N2640">
        <v>0</v>
      </c>
      <c r="O2640">
        <v>0</v>
      </c>
      <c r="P2640">
        <v>-432</v>
      </c>
      <c r="Q2640">
        <v>0</v>
      </c>
      <c r="R2640">
        <v>35338</v>
      </c>
      <c r="S2640">
        <v>0</v>
      </c>
      <c r="T2640">
        <v>0</v>
      </c>
      <c r="U2640">
        <v>0</v>
      </c>
      <c r="V2640">
        <v>2</v>
      </c>
      <c r="W2640">
        <v>6</v>
      </c>
      <c r="X2640">
        <v>0</v>
      </c>
      <c r="Y2640">
        <v>89</v>
      </c>
      <c r="Z2640">
        <v>31</v>
      </c>
      <c r="AA2640">
        <v>144</v>
      </c>
      <c r="AB2640">
        <v>41</v>
      </c>
      <c r="AC2640">
        <v>186</v>
      </c>
      <c r="AD2640">
        <v>43</v>
      </c>
      <c r="AE2640">
        <v>51</v>
      </c>
      <c r="AF2640">
        <v>1296</v>
      </c>
      <c r="AG2640">
        <v>174372</v>
      </c>
      <c r="AH2640">
        <v>50000</v>
      </c>
      <c r="AI2640">
        <v>0</v>
      </c>
      <c r="AJ2640">
        <v>108</v>
      </c>
      <c r="AK2640" t="s">
        <v>30</v>
      </c>
      <c r="AL2640">
        <v>0</v>
      </c>
      <c r="AM2640">
        <v>0</v>
      </c>
      <c r="AN2640">
        <v>0</v>
      </c>
      <c r="AO2640">
        <v>0</v>
      </c>
      <c r="AP2640">
        <v>0</v>
      </c>
      <c r="AQ2640">
        <v>0</v>
      </c>
      <c r="AR2640">
        <v>0</v>
      </c>
      <c r="AS2640">
        <v>0</v>
      </c>
      <c r="AT2640">
        <v>0</v>
      </c>
      <c r="AU2640">
        <v>0</v>
      </c>
      <c r="AV2640">
        <v>0</v>
      </c>
      <c r="AW2640">
        <v>0</v>
      </c>
      <c r="AX2640">
        <v>0</v>
      </c>
      <c r="AY2640">
        <v>2</v>
      </c>
      <c r="AZ2640">
        <v>3</v>
      </c>
      <c r="BA2640">
        <v>575</v>
      </c>
    </row>
    <row r="2641" spans="1:53" x14ac:dyDescent="0.4">
      <c r="A2641">
        <v>2685</v>
      </c>
      <c r="B2641" s="1">
        <v>43679</v>
      </c>
      <c r="C2641">
        <v>1</v>
      </c>
      <c r="D2641" s="1">
        <v>43679.291666666664</v>
      </c>
      <c r="E2641" s="1">
        <v>43679.40902777778</v>
      </c>
      <c r="F2641">
        <v>0</v>
      </c>
      <c r="G2641">
        <v>0</v>
      </c>
      <c r="H2641">
        <v>0</v>
      </c>
      <c r="I2641">
        <v>0</v>
      </c>
      <c r="J2641">
        <v>0</v>
      </c>
      <c r="K2641">
        <v>0</v>
      </c>
      <c r="L2641">
        <v>0</v>
      </c>
      <c r="M2641">
        <v>0</v>
      </c>
      <c r="N2641">
        <v>0</v>
      </c>
      <c r="O2641">
        <v>0</v>
      </c>
      <c r="P2641">
        <v>0</v>
      </c>
      <c r="Q2641">
        <v>0</v>
      </c>
      <c r="R2641">
        <v>0</v>
      </c>
      <c r="S2641">
        <v>0</v>
      </c>
      <c r="T2641">
        <v>0</v>
      </c>
      <c r="U2641">
        <v>0</v>
      </c>
      <c r="V2641">
        <v>0</v>
      </c>
      <c r="W2641">
        <v>0</v>
      </c>
      <c r="X2641">
        <v>0</v>
      </c>
      <c r="Y2641">
        <v>30</v>
      </c>
      <c r="Z2641">
        <v>6</v>
      </c>
      <c r="AA2641">
        <v>133</v>
      </c>
      <c r="AB2641">
        <v>42</v>
      </c>
      <c r="AC2641">
        <v>134</v>
      </c>
      <c r="AD2641">
        <v>42</v>
      </c>
      <c r="AE2641">
        <v>50</v>
      </c>
      <c r="AF2641">
        <v>0</v>
      </c>
      <c r="AG2641">
        <v>50000</v>
      </c>
      <c r="AH2641">
        <v>0</v>
      </c>
      <c r="AI2641">
        <v>50000</v>
      </c>
      <c r="AJ2641">
        <v>0</v>
      </c>
      <c r="AK2641" t="s">
        <v>6</v>
      </c>
      <c r="AL2641">
        <v>0</v>
      </c>
      <c r="AM2641">
        <v>0</v>
      </c>
      <c r="AN2641">
        <v>0</v>
      </c>
      <c r="AO2641">
        <v>0</v>
      </c>
      <c r="AP2641">
        <v>0</v>
      </c>
      <c r="AQ2641">
        <v>0</v>
      </c>
      <c r="AR2641">
        <v>0</v>
      </c>
      <c r="AS2641">
        <v>0</v>
      </c>
      <c r="AT2641">
        <v>0</v>
      </c>
      <c r="AU2641">
        <v>0</v>
      </c>
      <c r="AV2641">
        <v>0</v>
      </c>
      <c r="AW2641">
        <v>0</v>
      </c>
      <c r="AX2641">
        <v>0</v>
      </c>
      <c r="AY2641">
        <v>0</v>
      </c>
      <c r="AZ2641">
        <v>0</v>
      </c>
      <c r="BA2641">
        <v>0</v>
      </c>
    </row>
    <row r="2642" spans="1:53" x14ac:dyDescent="0.4">
      <c r="A2642">
        <v>2686</v>
      </c>
      <c r="B2642" s="1">
        <v>43679</v>
      </c>
      <c r="C2642">
        <v>2</v>
      </c>
      <c r="D2642" s="1">
        <v>43679.40902777778</v>
      </c>
      <c r="E2642" s="1">
        <v>43679.738194444442</v>
      </c>
      <c r="F2642">
        <v>42500</v>
      </c>
      <c r="G2642">
        <v>0</v>
      </c>
      <c r="H2642">
        <v>200</v>
      </c>
      <c r="I2642">
        <v>0</v>
      </c>
      <c r="J2642">
        <v>0</v>
      </c>
      <c r="K2642">
        <v>0</v>
      </c>
      <c r="L2642">
        <v>0</v>
      </c>
      <c r="M2642">
        <v>3416</v>
      </c>
      <c r="N2642">
        <v>0</v>
      </c>
      <c r="O2642">
        <v>0</v>
      </c>
      <c r="P2642">
        <v>14580</v>
      </c>
      <c r="Q2642">
        <v>0</v>
      </c>
      <c r="R2642">
        <v>60696</v>
      </c>
      <c r="S2642">
        <v>0</v>
      </c>
      <c r="T2642">
        <v>0</v>
      </c>
      <c r="U2642">
        <v>0</v>
      </c>
      <c r="V2642">
        <v>2</v>
      </c>
      <c r="W2642">
        <v>6</v>
      </c>
      <c r="X2642">
        <v>0</v>
      </c>
      <c r="Y2642">
        <v>31</v>
      </c>
      <c r="Z2642">
        <v>26</v>
      </c>
      <c r="AA2642">
        <v>83</v>
      </c>
      <c r="AB2642">
        <v>28</v>
      </c>
      <c r="AC2642">
        <v>172</v>
      </c>
      <c r="AD2642">
        <v>43</v>
      </c>
      <c r="AE2642">
        <v>48</v>
      </c>
      <c r="AF2642">
        <v>5013</v>
      </c>
      <c r="AG2642">
        <v>110696</v>
      </c>
      <c r="AH2642">
        <v>50000</v>
      </c>
      <c r="AI2642">
        <v>0</v>
      </c>
      <c r="AJ2642">
        <v>96</v>
      </c>
      <c r="AK2642" t="s">
        <v>4</v>
      </c>
      <c r="AL2642">
        <v>0</v>
      </c>
      <c r="AM2642">
        <v>0</v>
      </c>
      <c r="AN2642">
        <v>0</v>
      </c>
      <c r="AO2642">
        <v>0</v>
      </c>
      <c r="AP2642">
        <v>0</v>
      </c>
      <c r="AQ2642">
        <v>0</v>
      </c>
      <c r="AR2642">
        <v>0</v>
      </c>
      <c r="AS2642">
        <v>0</v>
      </c>
      <c r="AT2642">
        <v>0</v>
      </c>
      <c r="AU2642">
        <v>0</v>
      </c>
      <c r="AV2642">
        <v>0</v>
      </c>
      <c r="AW2642">
        <v>0</v>
      </c>
      <c r="AX2642">
        <v>1620</v>
      </c>
      <c r="AY2642">
        <v>50</v>
      </c>
      <c r="AZ2642">
        <v>109</v>
      </c>
      <c r="BA2642">
        <v>7489</v>
      </c>
    </row>
    <row r="2643" spans="1:53" x14ac:dyDescent="0.4">
      <c r="A2643">
        <v>2687</v>
      </c>
      <c r="B2643" s="1">
        <v>43679</v>
      </c>
      <c r="C2643">
        <v>3</v>
      </c>
      <c r="D2643" s="1">
        <v>43679.738194444442</v>
      </c>
      <c r="E2643" s="1">
        <v>43679.956944444442</v>
      </c>
      <c r="F2643">
        <v>64660</v>
      </c>
      <c r="G2643">
        <v>1000</v>
      </c>
      <c r="H2643">
        <v>0</v>
      </c>
      <c r="I2643">
        <v>0</v>
      </c>
      <c r="J2643">
        <v>0</v>
      </c>
      <c r="K2643">
        <v>0</v>
      </c>
      <c r="L2643">
        <v>0</v>
      </c>
      <c r="M2643">
        <v>5253</v>
      </c>
      <c r="N2643">
        <v>0</v>
      </c>
      <c r="O2643">
        <v>0</v>
      </c>
      <c r="P2643">
        <v>4428</v>
      </c>
      <c r="Q2643">
        <v>0</v>
      </c>
      <c r="R2643">
        <v>75341</v>
      </c>
      <c r="S2643">
        <v>0</v>
      </c>
      <c r="T2643">
        <v>0</v>
      </c>
      <c r="U2643">
        <v>0</v>
      </c>
      <c r="V2643">
        <v>7</v>
      </c>
      <c r="W2643">
        <v>7</v>
      </c>
      <c r="X2643">
        <v>0</v>
      </c>
      <c r="Y2643">
        <v>29</v>
      </c>
      <c r="Z2643">
        <v>25</v>
      </c>
      <c r="AA2643">
        <v>75</v>
      </c>
      <c r="AB2643">
        <v>32</v>
      </c>
      <c r="AC2643">
        <v>171</v>
      </c>
      <c r="AD2643">
        <v>43</v>
      </c>
      <c r="AE2643">
        <v>45</v>
      </c>
      <c r="AF2643">
        <v>28557</v>
      </c>
      <c r="AG2643">
        <v>186127</v>
      </c>
      <c r="AH2643">
        <v>50000</v>
      </c>
      <c r="AI2643">
        <v>90</v>
      </c>
      <c r="AJ2643">
        <v>99</v>
      </c>
      <c r="AK2643" t="s">
        <v>9</v>
      </c>
      <c r="AL2643">
        <v>0</v>
      </c>
      <c r="AM2643">
        <v>0</v>
      </c>
      <c r="AN2643">
        <v>0</v>
      </c>
      <c r="AO2643">
        <v>0</v>
      </c>
      <c r="AP2643">
        <v>0</v>
      </c>
      <c r="AQ2643">
        <v>0</v>
      </c>
      <c r="AR2643">
        <v>0</v>
      </c>
      <c r="AS2643">
        <v>0</v>
      </c>
      <c r="AT2643">
        <v>0</v>
      </c>
      <c r="AU2643">
        <v>0</v>
      </c>
      <c r="AV2643">
        <v>0</v>
      </c>
      <c r="AW2643">
        <v>0</v>
      </c>
      <c r="AX2643">
        <v>109195</v>
      </c>
      <c r="AY2643">
        <v>26</v>
      </c>
      <c r="AZ2643">
        <v>119</v>
      </c>
      <c r="BA2643">
        <v>3615</v>
      </c>
    </row>
    <row r="2644" spans="1:53" x14ac:dyDescent="0.4">
      <c r="A2644">
        <v>2688</v>
      </c>
      <c r="B2644" s="1">
        <v>43680</v>
      </c>
      <c r="C2644">
        <v>1</v>
      </c>
      <c r="D2644" s="1">
        <v>43680.291666666664</v>
      </c>
      <c r="E2644" s="1">
        <v>43680.399305555555</v>
      </c>
      <c r="F2644">
        <v>0</v>
      </c>
      <c r="G2644">
        <v>0</v>
      </c>
      <c r="H2644">
        <v>0</v>
      </c>
      <c r="I2644">
        <v>0</v>
      </c>
      <c r="J2644">
        <v>0</v>
      </c>
      <c r="K2644">
        <v>0</v>
      </c>
      <c r="L2644">
        <v>0</v>
      </c>
      <c r="M2644">
        <v>0</v>
      </c>
      <c r="N2644">
        <v>0</v>
      </c>
      <c r="O2644">
        <v>0</v>
      </c>
      <c r="P2644">
        <v>0</v>
      </c>
      <c r="Q2644">
        <v>0</v>
      </c>
      <c r="R2644">
        <v>0</v>
      </c>
      <c r="S2644">
        <v>0</v>
      </c>
      <c r="T2644">
        <v>0</v>
      </c>
      <c r="U2644">
        <v>0</v>
      </c>
      <c r="V2644">
        <v>0</v>
      </c>
      <c r="W2644">
        <v>0</v>
      </c>
      <c r="X2644">
        <v>0</v>
      </c>
      <c r="Y2644">
        <v>30</v>
      </c>
      <c r="Z2644">
        <v>21</v>
      </c>
      <c r="AA2644">
        <v>67</v>
      </c>
      <c r="AB2644">
        <v>22</v>
      </c>
      <c r="AC2644">
        <v>148</v>
      </c>
      <c r="AD2644">
        <v>37</v>
      </c>
      <c r="AE2644">
        <v>35</v>
      </c>
      <c r="AF2644">
        <v>0</v>
      </c>
      <c r="AG2644">
        <v>50000</v>
      </c>
      <c r="AH2644">
        <v>50000</v>
      </c>
      <c r="AI2644">
        <v>0</v>
      </c>
      <c r="AJ2644">
        <v>0</v>
      </c>
      <c r="AK2644" t="s">
        <v>6</v>
      </c>
      <c r="AL2644">
        <v>0</v>
      </c>
      <c r="AM2644">
        <v>0</v>
      </c>
      <c r="AN2644">
        <v>0</v>
      </c>
      <c r="AO2644">
        <v>0</v>
      </c>
      <c r="AP2644">
        <v>0</v>
      </c>
      <c r="AQ2644">
        <v>0</v>
      </c>
      <c r="AR2644">
        <v>0</v>
      </c>
      <c r="AS2644">
        <v>0</v>
      </c>
      <c r="AT2644">
        <v>0</v>
      </c>
      <c r="AU2644">
        <v>0</v>
      </c>
      <c r="AV2644">
        <v>0</v>
      </c>
      <c r="AW2644">
        <v>0</v>
      </c>
      <c r="AX2644">
        <v>0</v>
      </c>
      <c r="AY2644">
        <v>0</v>
      </c>
      <c r="AZ2644">
        <v>0</v>
      </c>
      <c r="BA2644">
        <v>0</v>
      </c>
    </row>
    <row r="2645" spans="1:53" x14ac:dyDescent="0.4">
      <c r="A2645">
        <v>2689</v>
      </c>
      <c r="B2645" s="1">
        <v>43680</v>
      </c>
      <c r="C2645">
        <v>2</v>
      </c>
      <c r="D2645" s="1">
        <v>43680.399305555555</v>
      </c>
      <c r="E2645" s="1">
        <v>43680.742361111108</v>
      </c>
      <c r="F2645">
        <v>46750</v>
      </c>
      <c r="G2645">
        <v>1860</v>
      </c>
      <c r="H2645">
        <v>0</v>
      </c>
      <c r="I2645">
        <v>0</v>
      </c>
      <c r="J2645">
        <v>0</v>
      </c>
      <c r="K2645">
        <v>0</v>
      </c>
      <c r="L2645">
        <v>0</v>
      </c>
      <c r="M2645">
        <v>3888</v>
      </c>
      <c r="N2645">
        <v>0</v>
      </c>
      <c r="O2645">
        <v>0</v>
      </c>
      <c r="P2645">
        <v>15660</v>
      </c>
      <c r="Q2645">
        <v>0</v>
      </c>
      <c r="R2645">
        <v>68158</v>
      </c>
      <c r="S2645">
        <v>0</v>
      </c>
      <c r="T2645">
        <v>0</v>
      </c>
      <c r="U2645">
        <v>0</v>
      </c>
      <c r="V2645">
        <v>1</v>
      </c>
      <c r="W2645">
        <v>1</v>
      </c>
      <c r="X2645">
        <v>0</v>
      </c>
      <c r="Y2645">
        <v>78</v>
      </c>
      <c r="Z2645">
        <v>28</v>
      </c>
      <c r="AA2645">
        <v>54</v>
      </c>
      <c r="AB2645">
        <v>31</v>
      </c>
      <c r="AC2645">
        <v>207</v>
      </c>
      <c r="AD2645">
        <v>43</v>
      </c>
      <c r="AE2645">
        <v>33</v>
      </c>
      <c r="AF2645">
        <v>1890</v>
      </c>
      <c r="AG2645">
        <v>118158</v>
      </c>
      <c r="AH2645">
        <v>50000</v>
      </c>
      <c r="AI2645">
        <v>0</v>
      </c>
      <c r="AJ2645">
        <v>97</v>
      </c>
      <c r="AK2645" t="s">
        <v>33</v>
      </c>
      <c r="AL2645">
        <v>0</v>
      </c>
      <c r="AM2645">
        <v>0</v>
      </c>
      <c r="AN2645">
        <v>0</v>
      </c>
      <c r="AO2645">
        <v>0</v>
      </c>
      <c r="AP2645">
        <v>0</v>
      </c>
      <c r="AQ2645">
        <v>0</v>
      </c>
      <c r="AR2645">
        <v>0</v>
      </c>
      <c r="AS2645">
        <v>0</v>
      </c>
      <c r="AT2645">
        <v>0</v>
      </c>
      <c r="AU2645">
        <v>0</v>
      </c>
      <c r="AV2645">
        <v>0</v>
      </c>
      <c r="AW2645">
        <v>0</v>
      </c>
      <c r="AX2645">
        <v>431</v>
      </c>
      <c r="AY2645">
        <v>52</v>
      </c>
      <c r="AZ2645">
        <v>122</v>
      </c>
      <c r="BA2645">
        <v>7674</v>
      </c>
    </row>
    <row r="2646" spans="1:53" x14ac:dyDescent="0.4">
      <c r="A2646">
        <v>2690</v>
      </c>
      <c r="B2646" s="1">
        <v>43681</v>
      </c>
      <c r="C2646">
        <v>1</v>
      </c>
      <c r="D2646" s="1">
        <v>43681.291666666664</v>
      </c>
      <c r="E2646" s="1">
        <v>43681.375</v>
      </c>
      <c r="F2646">
        <v>0</v>
      </c>
      <c r="G2646">
        <v>0</v>
      </c>
      <c r="H2646">
        <v>0</v>
      </c>
      <c r="I2646">
        <v>0</v>
      </c>
      <c r="J2646">
        <v>0</v>
      </c>
      <c r="K2646">
        <v>0</v>
      </c>
      <c r="L2646">
        <v>0</v>
      </c>
      <c r="M2646">
        <v>0</v>
      </c>
      <c r="N2646">
        <v>0</v>
      </c>
      <c r="O2646">
        <v>0</v>
      </c>
      <c r="P2646">
        <v>0</v>
      </c>
      <c r="Q2646">
        <v>0</v>
      </c>
      <c r="R2646">
        <v>0</v>
      </c>
      <c r="S2646">
        <v>0</v>
      </c>
      <c r="T2646">
        <v>0</v>
      </c>
      <c r="U2646">
        <v>0</v>
      </c>
      <c r="V2646">
        <v>0</v>
      </c>
      <c r="W2646">
        <v>0</v>
      </c>
      <c r="X2646">
        <v>0</v>
      </c>
      <c r="Y2646">
        <v>29</v>
      </c>
      <c r="Z2646">
        <v>24</v>
      </c>
      <c r="AA2646">
        <v>55</v>
      </c>
      <c r="AB2646">
        <v>27</v>
      </c>
      <c r="AC2646">
        <v>188</v>
      </c>
      <c r="AD2646">
        <v>36</v>
      </c>
      <c r="AE2646">
        <v>90</v>
      </c>
      <c r="AF2646">
        <v>0</v>
      </c>
      <c r="AG2646">
        <v>50000</v>
      </c>
      <c r="AH2646">
        <v>50000</v>
      </c>
      <c r="AI2646">
        <v>0</v>
      </c>
      <c r="AJ2646">
        <v>0</v>
      </c>
      <c r="AK2646" t="s">
        <v>6</v>
      </c>
      <c r="AL2646">
        <v>0</v>
      </c>
      <c r="AM2646">
        <v>0</v>
      </c>
      <c r="AN2646">
        <v>0</v>
      </c>
      <c r="AO2646">
        <v>0</v>
      </c>
      <c r="AP2646">
        <v>0</v>
      </c>
      <c r="AQ2646">
        <v>0</v>
      </c>
      <c r="AR2646">
        <v>0</v>
      </c>
      <c r="AS2646">
        <v>0</v>
      </c>
      <c r="AT2646">
        <v>0</v>
      </c>
      <c r="AU2646">
        <v>0</v>
      </c>
      <c r="AV2646">
        <v>0</v>
      </c>
      <c r="AW2646">
        <v>0</v>
      </c>
      <c r="AX2646">
        <v>0</v>
      </c>
      <c r="AY2646">
        <v>0</v>
      </c>
      <c r="AZ2646">
        <v>0</v>
      </c>
      <c r="BA2646">
        <v>0</v>
      </c>
    </row>
    <row r="2647" spans="1:53" x14ac:dyDescent="0.4">
      <c r="A2647">
        <v>2691</v>
      </c>
      <c r="B2647" s="1">
        <v>43681</v>
      </c>
      <c r="C2647">
        <v>2</v>
      </c>
      <c r="D2647" s="1">
        <v>43681.375</v>
      </c>
      <c r="E2647" s="1">
        <v>43681.747916666667</v>
      </c>
      <c r="F2647">
        <v>43500</v>
      </c>
      <c r="G2647">
        <v>4740</v>
      </c>
      <c r="H2647">
        <v>200</v>
      </c>
      <c r="I2647">
        <v>0</v>
      </c>
      <c r="J2647">
        <v>0</v>
      </c>
      <c r="K2647">
        <v>0</v>
      </c>
      <c r="L2647">
        <v>0</v>
      </c>
      <c r="M2647">
        <v>3874</v>
      </c>
      <c r="N2647">
        <v>0</v>
      </c>
      <c r="O2647">
        <v>0</v>
      </c>
      <c r="P2647">
        <v>16740</v>
      </c>
      <c r="Q2647">
        <v>0</v>
      </c>
      <c r="R2647">
        <v>69054</v>
      </c>
      <c r="S2647">
        <v>0</v>
      </c>
      <c r="T2647">
        <v>0</v>
      </c>
      <c r="U2647">
        <v>0</v>
      </c>
      <c r="V2647">
        <v>2</v>
      </c>
      <c r="W2647">
        <v>2</v>
      </c>
      <c r="X2647">
        <v>0</v>
      </c>
      <c r="Y2647">
        <v>59</v>
      </c>
      <c r="Z2647">
        <v>43</v>
      </c>
      <c r="AA2647">
        <v>44</v>
      </c>
      <c r="AB2647">
        <v>23</v>
      </c>
      <c r="AC2647">
        <v>273</v>
      </c>
      <c r="AD2647">
        <v>35</v>
      </c>
      <c r="AE2647">
        <v>99</v>
      </c>
      <c r="AF2647">
        <v>0</v>
      </c>
      <c r="AG2647">
        <v>119054</v>
      </c>
      <c r="AH2647">
        <v>50000</v>
      </c>
      <c r="AI2647">
        <v>0</v>
      </c>
      <c r="AJ2647">
        <v>101</v>
      </c>
      <c r="AK2647" t="s">
        <v>28</v>
      </c>
      <c r="AL2647">
        <v>0</v>
      </c>
      <c r="AM2647">
        <v>0</v>
      </c>
      <c r="AN2647">
        <v>0</v>
      </c>
      <c r="AO2647">
        <v>0</v>
      </c>
      <c r="AP2647">
        <v>0</v>
      </c>
      <c r="AQ2647">
        <v>0</v>
      </c>
      <c r="AR2647">
        <v>0</v>
      </c>
      <c r="AS2647">
        <v>0</v>
      </c>
      <c r="AT2647">
        <v>0</v>
      </c>
      <c r="AU2647">
        <v>0</v>
      </c>
      <c r="AV2647">
        <v>0</v>
      </c>
      <c r="AW2647">
        <v>0</v>
      </c>
      <c r="AX2647">
        <v>-1080</v>
      </c>
      <c r="AY2647">
        <v>49</v>
      </c>
      <c r="AZ2647">
        <v>117</v>
      </c>
      <c r="BA2647">
        <v>7269</v>
      </c>
    </row>
    <row r="2648" spans="1:53" x14ac:dyDescent="0.4">
      <c r="A2648">
        <v>2692</v>
      </c>
      <c r="B2648" s="1">
        <v>43682</v>
      </c>
      <c r="C2648">
        <v>1</v>
      </c>
      <c r="D2648" s="1">
        <v>43682.291666666664</v>
      </c>
      <c r="E2648" s="1">
        <v>43682.410416666666</v>
      </c>
      <c r="F2648">
        <v>0</v>
      </c>
      <c r="G2648">
        <v>0</v>
      </c>
      <c r="H2648">
        <v>0</v>
      </c>
      <c r="I2648">
        <v>0</v>
      </c>
      <c r="J2648">
        <v>0</v>
      </c>
      <c r="K2648">
        <v>0</v>
      </c>
      <c r="L2648">
        <v>0</v>
      </c>
      <c r="M2648">
        <v>0</v>
      </c>
      <c r="N2648">
        <v>0</v>
      </c>
      <c r="O2648">
        <v>0</v>
      </c>
      <c r="P2648">
        <v>0</v>
      </c>
      <c r="Q2648">
        <v>0</v>
      </c>
      <c r="R2648">
        <v>0</v>
      </c>
      <c r="S2648">
        <v>0</v>
      </c>
      <c r="T2648">
        <v>0</v>
      </c>
      <c r="U2648">
        <v>0</v>
      </c>
      <c r="V2648">
        <v>0</v>
      </c>
      <c r="W2648">
        <v>0</v>
      </c>
      <c r="X2648">
        <v>0</v>
      </c>
      <c r="Y2648">
        <v>38</v>
      </c>
      <c r="Z2648">
        <v>10</v>
      </c>
      <c r="AA2648">
        <v>45</v>
      </c>
      <c r="AB2648">
        <v>18</v>
      </c>
      <c r="AC2648">
        <v>132</v>
      </c>
      <c r="AD2648">
        <v>37</v>
      </c>
      <c r="AE2648">
        <v>95</v>
      </c>
      <c r="AF2648">
        <v>0</v>
      </c>
      <c r="AG2648">
        <v>50000</v>
      </c>
      <c r="AH2648">
        <v>0</v>
      </c>
      <c r="AI2648">
        <v>50000</v>
      </c>
      <c r="AJ2648">
        <v>0</v>
      </c>
      <c r="AK2648" t="s">
        <v>6</v>
      </c>
      <c r="AL2648">
        <v>0</v>
      </c>
      <c r="AM2648">
        <v>0</v>
      </c>
      <c r="AN2648">
        <v>0</v>
      </c>
      <c r="AO2648">
        <v>0</v>
      </c>
      <c r="AP2648">
        <v>0</v>
      </c>
      <c r="AQ2648">
        <v>0</v>
      </c>
      <c r="AR2648">
        <v>0</v>
      </c>
      <c r="AS2648">
        <v>0</v>
      </c>
      <c r="AT2648">
        <v>0</v>
      </c>
      <c r="AU2648">
        <v>0</v>
      </c>
      <c r="AV2648">
        <v>0</v>
      </c>
      <c r="AW2648">
        <v>0</v>
      </c>
      <c r="AX2648">
        <v>0</v>
      </c>
      <c r="AY2648">
        <v>0</v>
      </c>
      <c r="AZ2648">
        <v>0</v>
      </c>
      <c r="BA2648">
        <v>0</v>
      </c>
    </row>
    <row r="2649" spans="1:53" x14ac:dyDescent="0.4">
      <c r="A2649">
        <v>2693</v>
      </c>
      <c r="B2649" s="1">
        <v>43682</v>
      </c>
      <c r="C2649">
        <v>2</v>
      </c>
      <c r="D2649" s="1">
        <v>43682.410416666666</v>
      </c>
      <c r="E2649" s="1">
        <v>43682.754861111112</v>
      </c>
      <c r="F2649">
        <v>42000</v>
      </c>
      <c r="G2649">
        <v>2740</v>
      </c>
      <c r="H2649">
        <v>200</v>
      </c>
      <c r="I2649">
        <v>0</v>
      </c>
      <c r="J2649">
        <v>0</v>
      </c>
      <c r="K2649">
        <v>0</v>
      </c>
      <c r="L2649">
        <v>0</v>
      </c>
      <c r="M2649">
        <v>3594</v>
      </c>
      <c r="N2649">
        <v>0</v>
      </c>
      <c r="O2649">
        <v>0</v>
      </c>
      <c r="P2649">
        <v>18360</v>
      </c>
      <c r="Q2649">
        <v>0</v>
      </c>
      <c r="R2649">
        <v>66894</v>
      </c>
      <c r="S2649">
        <v>0</v>
      </c>
      <c r="T2649">
        <v>0</v>
      </c>
      <c r="U2649">
        <v>0</v>
      </c>
      <c r="V2649">
        <v>1</v>
      </c>
      <c r="W2649">
        <v>4</v>
      </c>
      <c r="X2649">
        <v>0</v>
      </c>
      <c r="Y2649">
        <v>51</v>
      </c>
      <c r="Z2649">
        <v>34</v>
      </c>
      <c r="AA2649">
        <v>68</v>
      </c>
      <c r="AB2649">
        <v>33</v>
      </c>
      <c r="AC2649">
        <v>288</v>
      </c>
      <c r="AD2649">
        <v>45</v>
      </c>
      <c r="AE2649">
        <v>114</v>
      </c>
      <c r="AF2649">
        <v>7225</v>
      </c>
      <c r="AG2649">
        <v>116894</v>
      </c>
      <c r="AH2649">
        <v>50000</v>
      </c>
      <c r="AI2649">
        <v>0</v>
      </c>
      <c r="AJ2649">
        <v>95</v>
      </c>
      <c r="AL2649">
        <v>0</v>
      </c>
      <c r="AM2649">
        <v>0</v>
      </c>
      <c r="AN2649">
        <v>0</v>
      </c>
      <c r="AO2649">
        <v>0</v>
      </c>
      <c r="AP2649">
        <v>0</v>
      </c>
      <c r="AQ2649">
        <v>0</v>
      </c>
      <c r="AR2649">
        <v>0</v>
      </c>
      <c r="AS2649">
        <v>0</v>
      </c>
      <c r="AT2649">
        <v>0</v>
      </c>
      <c r="AU2649">
        <v>0</v>
      </c>
      <c r="AV2649">
        <v>0</v>
      </c>
      <c r="AW2649">
        <v>0</v>
      </c>
      <c r="AX2649">
        <v>302</v>
      </c>
      <c r="AY2649">
        <v>51</v>
      </c>
      <c r="AZ2649">
        <v>107</v>
      </c>
      <c r="BA2649">
        <v>7762</v>
      </c>
    </row>
    <row r="2650" spans="1:53" x14ac:dyDescent="0.4">
      <c r="A2650">
        <v>2694</v>
      </c>
      <c r="B2650" s="1">
        <v>43682</v>
      </c>
      <c r="C2650">
        <v>3</v>
      </c>
      <c r="D2650" s="1">
        <v>43682.754861111112</v>
      </c>
      <c r="E2650" s="1">
        <v>43682.949305555558</v>
      </c>
      <c r="F2650">
        <v>28050</v>
      </c>
      <c r="G2650">
        <v>280</v>
      </c>
      <c r="H2650">
        <v>0</v>
      </c>
      <c r="I2650">
        <v>0</v>
      </c>
      <c r="J2650">
        <v>0</v>
      </c>
      <c r="K2650">
        <v>0</v>
      </c>
      <c r="L2650">
        <v>0</v>
      </c>
      <c r="M2650">
        <v>2266</v>
      </c>
      <c r="N2650">
        <v>0</v>
      </c>
      <c r="O2650">
        <v>0</v>
      </c>
      <c r="P2650">
        <v>-5832</v>
      </c>
      <c r="Q2650">
        <v>0</v>
      </c>
      <c r="R2650">
        <v>24764</v>
      </c>
      <c r="S2650">
        <v>0</v>
      </c>
      <c r="T2650">
        <v>0</v>
      </c>
      <c r="U2650">
        <v>0</v>
      </c>
      <c r="V2650">
        <v>2</v>
      </c>
      <c r="W2650">
        <v>3</v>
      </c>
      <c r="X2650">
        <v>0</v>
      </c>
      <c r="Y2650">
        <v>70</v>
      </c>
      <c r="Z2650">
        <v>36</v>
      </c>
      <c r="AA2650">
        <v>60</v>
      </c>
      <c r="AB2650">
        <v>34</v>
      </c>
      <c r="AC2650">
        <v>288</v>
      </c>
      <c r="AD2650">
        <v>42</v>
      </c>
      <c r="AE2650">
        <v>103</v>
      </c>
      <c r="AF2650">
        <v>7765</v>
      </c>
      <c r="AG2650">
        <v>141658</v>
      </c>
      <c r="AH2650">
        <v>50000</v>
      </c>
      <c r="AI2650">
        <v>0</v>
      </c>
      <c r="AJ2650">
        <v>95</v>
      </c>
      <c r="AL2650">
        <v>0</v>
      </c>
      <c r="AM2650">
        <v>0</v>
      </c>
      <c r="AN2650">
        <v>0</v>
      </c>
      <c r="AO2650">
        <v>0</v>
      </c>
      <c r="AP2650">
        <v>0</v>
      </c>
      <c r="AQ2650">
        <v>0</v>
      </c>
      <c r="AR2650">
        <v>0</v>
      </c>
      <c r="AS2650">
        <v>0</v>
      </c>
      <c r="AT2650">
        <v>0</v>
      </c>
      <c r="AU2650">
        <v>0</v>
      </c>
      <c r="AV2650">
        <v>0</v>
      </c>
      <c r="AW2650">
        <v>0</v>
      </c>
      <c r="AX2650">
        <v>1620</v>
      </c>
      <c r="AY2650">
        <v>13</v>
      </c>
      <c r="AZ2650">
        <v>28</v>
      </c>
      <c r="BA2650">
        <v>2736</v>
      </c>
    </row>
    <row r="2651" spans="1:53" x14ac:dyDescent="0.4">
      <c r="A2651">
        <v>2695</v>
      </c>
      <c r="B2651" s="1">
        <v>43683</v>
      </c>
      <c r="C2651">
        <v>1</v>
      </c>
      <c r="D2651" s="1">
        <v>43683.291666666664</v>
      </c>
      <c r="E2651" s="1">
        <v>43683.40625</v>
      </c>
      <c r="F2651">
        <v>0</v>
      </c>
      <c r="G2651">
        <v>0</v>
      </c>
      <c r="H2651">
        <v>0</v>
      </c>
      <c r="I2651">
        <v>0</v>
      </c>
      <c r="J2651">
        <v>0</v>
      </c>
      <c r="K2651">
        <v>0</v>
      </c>
      <c r="L2651">
        <v>0</v>
      </c>
      <c r="M2651">
        <v>0</v>
      </c>
      <c r="N2651">
        <v>0</v>
      </c>
      <c r="O2651">
        <v>0</v>
      </c>
      <c r="P2651">
        <v>0</v>
      </c>
      <c r="Q2651">
        <v>0</v>
      </c>
      <c r="R2651">
        <v>0</v>
      </c>
      <c r="S2651">
        <v>0</v>
      </c>
      <c r="T2651">
        <v>0</v>
      </c>
      <c r="U2651">
        <v>0</v>
      </c>
      <c r="V2651">
        <v>0</v>
      </c>
      <c r="W2651">
        <v>1</v>
      </c>
      <c r="X2651">
        <v>0</v>
      </c>
      <c r="Y2651">
        <v>21</v>
      </c>
      <c r="Z2651">
        <v>9</v>
      </c>
      <c r="AA2651">
        <v>62</v>
      </c>
      <c r="AB2651">
        <v>35</v>
      </c>
      <c r="AC2651">
        <v>125</v>
      </c>
      <c r="AD2651">
        <v>43</v>
      </c>
      <c r="AE2651">
        <v>85</v>
      </c>
      <c r="AF2651">
        <v>0</v>
      </c>
      <c r="AG2651">
        <v>40000</v>
      </c>
      <c r="AH2651">
        <v>40000</v>
      </c>
      <c r="AI2651">
        <v>0</v>
      </c>
      <c r="AJ2651">
        <v>0</v>
      </c>
      <c r="AK2651" t="s">
        <v>6</v>
      </c>
      <c r="AL2651">
        <v>0</v>
      </c>
      <c r="AM2651">
        <v>0</v>
      </c>
      <c r="AN2651">
        <v>0</v>
      </c>
      <c r="AO2651">
        <v>0</v>
      </c>
      <c r="AP2651">
        <v>0</v>
      </c>
      <c r="AQ2651">
        <v>0</v>
      </c>
      <c r="AR2651">
        <v>0</v>
      </c>
      <c r="AS2651">
        <v>0</v>
      </c>
      <c r="AT2651">
        <v>0</v>
      </c>
      <c r="AU2651">
        <v>0</v>
      </c>
      <c r="AV2651">
        <v>0</v>
      </c>
      <c r="AW2651">
        <v>0</v>
      </c>
      <c r="AX2651">
        <v>0</v>
      </c>
      <c r="AY2651">
        <v>0</v>
      </c>
      <c r="AZ2651">
        <v>0</v>
      </c>
      <c r="BA2651">
        <v>0</v>
      </c>
    </row>
    <row r="2652" spans="1:53" x14ac:dyDescent="0.4">
      <c r="A2652">
        <v>2696</v>
      </c>
      <c r="B2652" s="1">
        <v>43683</v>
      </c>
      <c r="C2652">
        <v>2</v>
      </c>
      <c r="D2652" s="1">
        <v>43683.40625</v>
      </c>
      <c r="E2652" s="1">
        <v>43683.743750000001</v>
      </c>
      <c r="F2652">
        <v>35750</v>
      </c>
      <c r="G2652">
        <v>1880</v>
      </c>
      <c r="H2652">
        <v>200</v>
      </c>
      <c r="I2652">
        <v>0</v>
      </c>
      <c r="J2652">
        <v>0</v>
      </c>
      <c r="K2652">
        <v>1400</v>
      </c>
      <c r="L2652">
        <v>0</v>
      </c>
      <c r="M2652">
        <v>3138</v>
      </c>
      <c r="N2652">
        <v>0</v>
      </c>
      <c r="O2652">
        <v>0</v>
      </c>
      <c r="P2652">
        <v>15120</v>
      </c>
      <c r="Q2652">
        <v>0</v>
      </c>
      <c r="R2652">
        <v>57488</v>
      </c>
      <c r="S2652">
        <v>0</v>
      </c>
      <c r="T2652">
        <v>0</v>
      </c>
      <c r="U2652">
        <v>0</v>
      </c>
      <c r="V2652">
        <v>3</v>
      </c>
      <c r="W2652">
        <v>2</v>
      </c>
      <c r="X2652">
        <v>0</v>
      </c>
      <c r="Y2652">
        <v>44</v>
      </c>
      <c r="Z2652">
        <v>32</v>
      </c>
      <c r="AA2652">
        <v>38</v>
      </c>
      <c r="AB2652">
        <v>26</v>
      </c>
      <c r="AC2652">
        <v>206</v>
      </c>
      <c r="AD2652">
        <v>47</v>
      </c>
      <c r="AE2652">
        <v>93</v>
      </c>
      <c r="AF2652">
        <v>0</v>
      </c>
      <c r="AG2652">
        <v>107488</v>
      </c>
      <c r="AH2652">
        <v>50000</v>
      </c>
      <c r="AI2652">
        <v>0</v>
      </c>
      <c r="AJ2652">
        <v>97</v>
      </c>
      <c r="AK2652" t="s">
        <v>33</v>
      </c>
      <c r="AL2652">
        <v>0</v>
      </c>
      <c r="AM2652">
        <v>0</v>
      </c>
      <c r="AN2652">
        <v>0</v>
      </c>
      <c r="AO2652">
        <v>0</v>
      </c>
      <c r="AP2652">
        <v>0</v>
      </c>
      <c r="AQ2652">
        <v>0</v>
      </c>
      <c r="AR2652">
        <v>0</v>
      </c>
      <c r="AS2652">
        <v>0</v>
      </c>
      <c r="AT2652">
        <v>0</v>
      </c>
      <c r="AU2652">
        <v>0</v>
      </c>
      <c r="AV2652">
        <v>0</v>
      </c>
      <c r="AW2652">
        <v>0</v>
      </c>
      <c r="AX2652">
        <v>0</v>
      </c>
      <c r="AY2652">
        <v>46</v>
      </c>
      <c r="AZ2652">
        <v>100</v>
      </c>
      <c r="BA2652">
        <v>7369</v>
      </c>
    </row>
    <row r="2653" spans="1:53" x14ac:dyDescent="0.4">
      <c r="A2653">
        <v>2697</v>
      </c>
      <c r="B2653" s="1">
        <v>43683</v>
      </c>
      <c r="C2653">
        <v>3</v>
      </c>
      <c r="D2653" s="1">
        <v>43683.743750000001</v>
      </c>
      <c r="E2653" s="1">
        <v>43683.95416666667</v>
      </c>
      <c r="F2653">
        <v>29060</v>
      </c>
      <c r="G2653">
        <v>0</v>
      </c>
      <c r="H2653">
        <v>0</v>
      </c>
      <c r="I2653">
        <v>0</v>
      </c>
      <c r="J2653">
        <v>0</v>
      </c>
      <c r="K2653">
        <v>0</v>
      </c>
      <c r="L2653">
        <v>0</v>
      </c>
      <c r="M2653">
        <v>2325</v>
      </c>
      <c r="N2653">
        <v>0</v>
      </c>
      <c r="O2653">
        <v>0</v>
      </c>
      <c r="P2653">
        <v>-10368</v>
      </c>
      <c r="Q2653">
        <v>0</v>
      </c>
      <c r="R2653">
        <v>21017</v>
      </c>
      <c r="S2653">
        <v>0</v>
      </c>
      <c r="T2653">
        <v>0</v>
      </c>
      <c r="U2653">
        <v>0</v>
      </c>
      <c r="V2653">
        <v>5</v>
      </c>
      <c r="W2653">
        <v>0</v>
      </c>
      <c r="X2653">
        <v>0</v>
      </c>
      <c r="Y2653">
        <v>55</v>
      </c>
      <c r="Z2653">
        <v>32</v>
      </c>
      <c r="AA2653">
        <v>32</v>
      </c>
      <c r="AB2653">
        <v>27</v>
      </c>
      <c r="AC2653">
        <v>209</v>
      </c>
      <c r="AD2653">
        <v>46</v>
      </c>
      <c r="AE2653">
        <v>95</v>
      </c>
      <c r="AF2653">
        <v>540</v>
      </c>
      <c r="AG2653">
        <v>128505</v>
      </c>
      <c r="AH2653">
        <v>50000</v>
      </c>
      <c r="AI2653">
        <v>0</v>
      </c>
      <c r="AJ2653">
        <v>94</v>
      </c>
      <c r="AK2653" t="s">
        <v>21</v>
      </c>
      <c r="AL2653">
        <v>0</v>
      </c>
      <c r="AM2653">
        <v>0</v>
      </c>
      <c r="AN2653">
        <v>0</v>
      </c>
      <c r="AO2653">
        <v>0</v>
      </c>
      <c r="AP2653">
        <v>0</v>
      </c>
      <c r="AQ2653">
        <v>0</v>
      </c>
      <c r="AR2653">
        <v>0</v>
      </c>
      <c r="AS2653">
        <v>0</v>
      </c>
      <c r="AT2653">
        <v>0</v>
      </c>
      <c r="AU2653">
        <v>0</v>
      </c>
      <c r="AV2653">
        <v>0</v>
      </c>
      <c r="AW2653">
        <v>0</v>
      </c>
      <c r="AX2653">
        <v>0</v>
      </c>
      <c r="AY2653">
        <v>8</v>
      </c>
      <c r="AZ2653">
        <v>13</v>
      </c>
      <c r="BA2653">
        <v>1720</v>
      </c>
    </row>
    <row r="2654" spans="1:53" x14ac:dyDescent="0.4">
      <c r="A2654">
        <v>2698</v>
      </c>
      <c r="B2654" s="1">
        <v>43684</v>
      </c>
      <c r="C2654">
        <v>1</v>
      </c>
      <c r="D2654" s="1">
        <v>43684.291666666664</v>
      </c>
      <c r="E2654" s="1">
        <v>43684.402777777781</v>
      </c>
      <c r="F2654">
        <v>0</v>
      </c>
      <c r="G2654">
        <v>0</v>
      </c>
      <c r="H2654">
        <v>0</v>
      </c>
      <c r="I2654">
        <v>0</v>
      </c>
      <c r="J2654">
        <v>0</v>
      </c>
      <c r="K2654">
        <v>0</v>
      </c>
      <c r="L2654">
        <v>0</v>
      </c>
      <c r="M2654">
        <v>0</v>
      </c>
      <c r="N2654">
        <v>0</v>
      </c>
      <c r="O2654">
        <v>0</v>
      </c>
      <c r="P2654">
        <v>0</v>
      </c>
      <c r="Q2654">
        <v>0</v>
      </c>
      <c r="R2654">
        <v>0</v>
      </c>
      <c r="S2654">
        <v>0</v>
      </c>
      <c r="T2654">
        <v>0</v>
      </c>
      <c r="U2654">
        <v>0</v>
      </c>
      <c r="V2654">
        <v>0</v>
      </c>
      <c r="W2654">
        <v>0</v>
      </c>
      <c r="X2654">
        <v>0</v>
      </c>
      <c r="Y2654">
        <v>38</v>
      </c>
      <c r="Z2654">
        <v>10</v>
      </c>
      <c r="AA2654">
        <v>41</v>
      </c>
      <c r="AB2654">
        <v>28</v>
      </c>
      <c r="AC2654">
        <v>119</v>
      </c>
      <c r="AD2654">
        <v>45</v>
      </c>
      <c r="AE2654">
        <v>85</v>
      </c>
      <c r="AF2654">
        <v>0</v>
      </c>
      <c r="AG2654">
        <v>50000</v>
      </c>
      <c r="AH2654">
        <v>50000</v>
      </c>
      <c r="AI2654">
        <v>0</v>
      </c>
      <c r="AJ2654">
        <v>0</v>
      </c>
      <c r="AK2654" t="s">
        <v>6</v>
      </c>
      <c r="AL2654">
        <v>0</v>
      </c>
      <c r="AM2654">
        <v>0</v>
      </c>
      <c r="AN2654">
        <v>0</v>
      </c>
      <c r="AO2654">
        <v>0</v>
      </c>
      <c r="AP2654">
        <v>0</v>
      </c>
      <c r="AQ2654">
        <v>0</v>
      </c>
      <c r="AR2654">
        <v>0</v>
      </c>
      <c r="AS2654">
        <v>0</v>
      </c>
      <c r="AT2654">
        <v>0</v>
      </c>
      <c r="AU2654">
        <v>0</v>
      </c>
      <c r="AV2654">
        <v>0</v>
      </c>
      <c r="AW2654">
        <v>0</v>
      </c>
      <c r="AX2654">
        <v>0</v>
      </c>
      <c r="AY2654">
        <v>0</v>
      </c>
      <c r="AZ2654">
        <v>0</v>
      </c>
      <c r="BA2654">
        <v>0</v>
      </c>
    </row>
    <row r="2655" spans="1:53" x14ac:dyDescent="0.4">
      <c r="A2655">
        <v>2699</v>
      </c>
      <c r="B2655" s="1">
        <v>43684</v>
      </c>
      <c r="C2655">
        <v>2</v>
      </c>
      <c r="D2655" s="1">
        <v>43684.402777777781</v>
      </c>
      <c r="E2655" s="1">
        <v>43684.743055555555</v>
      </c>
      <c r="F2655">
        <v>39750</v>
      </c>
      <c r="G2655">
        <v>3520</v>
      </c>
      <c r="H2655">
        <v>400</v>
      </c>
      <c r="I2655">
        <v>0</v>
      </c>
      <c r="J2655">
        <v>0</v>
      </c>
      <c r="K2655">
        <v>0</v>
      </c>
      <c r="L2655">
        <v>0</v>
      </c>
      <c r="M2655">
        <v>3493</v>
      </c>
      <c r="N2655">
        <v>0</v>
      </c>
      <c r="O2655">
        <v>0</v>
      </c>
      <c r="P2655">
        <v>23220</v>
      </c>
      <c r="Q2655">
        <v>0</v>
      </c>
      <c r="R2655">
        <v>70383</v>
      </c>
      <c r="S2655">
        <v>0</v>
      </c>
      <c r="T2655">
        <v>0</v>
      </c>
      <c r="U2655">
        <v>0</v>
      </c>
      <c r="V2655">
        <v>5</v>
      </c>
      <c r="W2655">
        <v>0</v>
      </c>
      <c r="X2655">
        <v>0</v>
      </c>
      <c r="Y2655">
        <v>52</v>
      </c>
      <c r="Z2655">
        <v>33</v>
      </c>
      <c r="AA2655">
        <v>0</v>
      </c>
      <c r="AB2655">
        <v>0</v>
      </c>
      <c r="AC2655">
        <v>159</v>
      </c>
      <c r="AD2655">
        <v>50</v>
      </c>
      <c r="AE2655">
        <v>83</v>
      </c>
      <c r="AF2655">
        <v>0</v>
      </c>
      <c r="AG2655">
        <v>120423</v>
      </c>
      <c r="AH2655">
        <v>50000</v>
      </c>
      <c r="AI2655">
        <v>40</v>
      </c>
      <c r="AJ2655">
        <v>97</v>
      </c>
      <c r="AK2655" t="s">
        <v>33</v>
      </c>
      <c r="AL2655">
        <v>0</v>
      </c>
      <c r="AM2655">
        <v>0</v>
      </c>
      <c r="AN2655">
        <v>0</v>
      </c>
      <c r="AO2655">
        <v>0</v>
      </c>
      <c r="AP2655">
        <v>0</v>
      </c>
      <c r="AQ2655">
        <v>0</v>
      </c>
      <c r="AR2655">
        <v>0</v>
      </c>
      <c r="AS2655">
        <v>0</v>
      </c>
      <c r="AT2655">
        <v>0</v>
      </c>
      <c r="AU2655">
        <v>0</v>
      </c>
      <c r="AV2655">
        <v>0</v>
      </c>
      <c r="AW2655">
        <v>0</v>
      </c>
      <c r="AX2655">
        <v>-508</v>
      </c>
      <c r="AY2655">
        <v>52</v>
      </c>
      <c r="AZ2655">
        <v>121</v>
      </c>
      <c r="BA2655">
        <v>7671</v>
      </c>
    </row>
    <row r="2656" spans="1:53" x14ac:dyDescent="0.4">
      <c r="A2656">
        <v>2700</v>
      </c>
      <c r="B2656" s="1">
        <v>43684</v>
      </c>
      <c r="C2656">
        <v>3</v>
      </c>
      <c r="D2656" s="1">
        <v>43684.743055555555</v>
      </c>
      <c r="E2656" s="1">
        <v>43684.95208333333</v>
      </c>
      <c r="F2656">
        <v>43900</v>
      </c>
      <c r="G2656">
        <v>6490</v>
      </c>
      <c r="H2656">
        <v>0</v>
      </c>
      <c r="I2656">
        <v>0</v>
      </c>
      <c r="J2656">
        <v>0</v>
      </c>
      <c r="K2656">
        <v>0</v>
      </c>
      <c r="L2656">
        <v>0</v>
      </c>
      <c r="M2656">
        <v>4030</v>
      </c>
      <c r="N2656">
        <v>0</v>
      </c>
      <c r="O2656">
        <v>0</v>
      </c>
      <c r="P2656">
        <v>-18252</v>
      </c>
      <c r="Q2656">
        <v>0</v>
      </c>
      <c r="R2656">
        <v>36168</v>
      </c>
      <c r="S2656">
        <v>0</v>
      </c>
      <c r="T2656">
        <v>0</v>
      </c>
      <c r="U2656">
        <v>0</v>
      </c>
      <c r="V2656">
        <v>8</v>
      </c>
      <c r="W2656">
        <v>2</v>
      </c>
      <c r="X2656">
        <v>0</v>
      </c>
      <c r="Y2656">
        <v>44</v>
      </c>
      <c r="Z2656">
        <v>38</v>
      </c>
      <c r="AA2656">
        <v>13</v>
      </c>
      <c r="AB2656">
        <v>4</v>
      </c>
      <c r="AC2656">
        <v>66</v>
      </c>
      <c r="AD2656">
        <v>44</v>
      </c>
      <c r="AE2656">
        <v>71</v>
      </c>
      <c r="AF2656">
        <v>1100</v>
      </c>
      <c r="AG2656">
        <v>156551</v>
      </c>
      <c r="AH2656">
        <v>50000</v>
      </c>
      <c r="AI2656">
        <v>0</v>
      </c>
      <c r="AJ2656">
        <v>107</v>
      </c>
      <c r="AK2656" t="s">
        <v>40</v>
      </c>
      <c r="AL2656">
        <v>0</v>
      </c>
      <c r="AM2656">
        <v>0</v>
      </c>
      <c r="AN2656">
        <v>0</v>
      </c>
      <c r="AO2656">
        <v>0</v>
      </c>
      <c r="AP2656">
        <v>0</v>
      </c>
      <c r="AQ2656">
        <v>0</v>
      </c>
      <c r="AR2656">
        <v>0</v>
      </c>
      <c r="AS2656">
        <v>0</v>
      </c>
      <c r="AT2656">
        <v>0</v>
      </c>
      <c r="AU2656">
        <v>0</v>
      </c>
      <c r="AV2656">
        <v>0</v>
      </c>
      <c r="AW2656">
        <v>0</v>
      </c>
      <c r="AX2656">
        <v>6623</v>
      </c>
      <c r="AY2656">
        <v>15</v>
      </c>
      <c r="AZ2656">
        <v>31</v>
      </c>
      <c r="BA2656">
        <v>3054</v>
      </c>
    </row>
    <row r="2657" spans="1:53" x14ac:dyDescent="0.4">
      <c r="A2657">
        <v>2701</v>
      </c>
      <c r="B2657" s="1">
        <v>43685</v>
      </c>
      <c r="C2657">
        <v>1</v>
      </c>
      <c r="D2657" s="1">
        <v>43685.291666666664</v>
      </c>
      <c r="E2657" s="1">
        <v>43685.411805555559</v>
      </c>
      <c r="F2657">
        <v>0</v>
      </c>
      <c r="G2657">
        <v>0</v>
      </c>
      <c r="H2657">
        <v>0</v>
      </c>
      <c r="I2657">
        <v>0</v>
      </c>
      <c r="J2657">
        <v>0</v>
      </c>
      <c r="K2657">
        <v>0</v>
      </c>
      <c r="L2657">
        <v>0</v>
      </c>
      <c r="M2657">
        <v>0</v>
      </c>
      <c r="N2657">
        <v>0</v>
      </c>
      <c r="O2657">
        <v>0</v>
      </c>
      <c r="P2657">
        <v>0</v>
      </c>
      <c r="Q2657">
        <v>0</v>
      </c>
      <c r="R2657">
        <v>0</v>
      </c>
      <c r="S2657">
        <v>0</v>
      </c>
      <c r="T2657">
        <v>0</v>
      </c>
      <c r="U2657">
        <v>0</v>
      </c>
      <c r="V2657">
        <v>0</v>
      </c>
      <c r="W2657">
        <v>0</v>
      </c>
      <c r="X2657">
        <v>0</v>
      </c>
      <c r="Y2657">
        <v>40</v>
      </c>
      <c r="Z2657">
        <v>10</v>
      </c>
      <c r="AA2657">
        <v>36</v>
      </c>
      <c r="AB2657">
        <v>6</v>
      </c>
      <c r="AC2657">
        <v>80</v>
      </c>
      <c r="AD2657">
        <v>47</v>
      </c>
      <c r="AE2657">
        <v>65</v>
      </c>
      <c r="AF2657">
        <v>0</v>
      </c>
      <c r="AG2657">
        <v>50000</v>
      </c>
      <c r="AH2657">
        <v>0</v>
      </c>
      <c r="AI2657">
        <v>50000</v>
      </c>
      <c r="AJ2657">
        <v>0</v>
      </c>
      <c r="AK2657" t="s">
        <v>6</v>
      </c>
      <c r="AL2657">
        <v>0</v>
      </c>
      <c r="AM2657">
        <v>0</v>
      </c>
      <c r="AN2657">
        <v>0</v>
      </c>
      <c r="AO2657">
        <v>0</v>
      </c>
      <c r="AP2657">
        <v>0</v>
      </c>
      <c r="AQ2657">
        <v>0</v>
      </c>
      <c r="AR2657">
        <v>0</v>
      </c>
      <c r="AS2657">
        <v>0</v>
      </c>
      <c r="AT2657">
        <v>0</v>
      </c>
      <c r="AU2657">
        <v>0</v>
      </c>
      <c r="AV2657">
        <v>0</v>
      </c>
      <c r="AW2657">
        <v>0</v>
      </c>
      <c r="AX2657">
        <v>0</v>
      </c>
      <c r="AY2657">
        <v>0</v>
      </c>
      <c r="AZ2657">
        <v>0</v>
      </c>
      <c r="BA2657">
        <v>0</v>
      </c>
    </row>
    <row r="2658" spans="1:53" x14ac:dyDescent="0.4">
      <c r="A2658">
        <v>2702</v>
      </c>
      <c r="B2658" s="1">
        <v>43685</v>
      </c>
      <c r="C2658">
        <v>2</v>
      </c>
      <c r="D2658" s="1">
        <v>43685.411805555559</v>
      </c>
      <c r="E2658" s="1">
        <v>43685.737500000003</v>
      </c>
      <c r="F2658">
        <v>39750</v>
      </c>
      <c r="G2658">
        <v>2180</v>
      </c>
      <c r="H2658">
        <v>200</v>
      </c>
      <c r="I2658">
        <v>0</v>
      </c>
      <c r="J2658">
        <v>0</v>
      </c>
      <c r="K2658">
        <v>0</v>
      </c>
      <c r="L2658">
        <v>0</v>
      </c>
      <c r="M2658">
        <v>3370</v>
      </c>
      <c r="N2658">
        <v>0</v>
      </c>
      <c r="O2658">
        <v>0</v>
      </c>
      <c r="P2658">
        <v>15120</v>
      </c>
      <c r="Q2658">
        <v>0</v>
      </c>
      <c r="R2658">
        <v>60620</v>
      </c>
      <c r="S2658">
        <v>0</v>
      </c>
      <c r="T2658">
        <v>0</v>
      </c>
      <c r="U2658">
        <v>0</v>
      </c>
      <c r="V2658">
        <v>1</v>
      </c>
      <c r="W2658">
        <v>3</v>
      </c>
      <c r="X2658">
        <v>0</v>
      </c>
      <c r="Y2658">
        <v>63</v>
      </c>
      <c r="Z2658">
        <v>20</v>
      </c>
      <c r="AA2658">
        <v>98</v>
      </c>
      <c r="AB2658">
        <v>14</v>
      </c>
      <c r="AC2658">
        <v>183</v>
      </c>
      <c r="AD2658">
        <v>48</v>
      </c>
      <c r="AE2658">
        <v>70</v>
      </c>
      <c r="AF2658">
        <v>0</v>
      </c>
      <c r="AG2658">
        <v>110640</v>
      </c>
      <c r="AH2658">
        <v>50000</v>
      </c>
      <c r="AI2658">
        <v>20</v>
      </c>
      <c r="AJ2658">
        <v>96</v>
      </c>
      <c r="AK2658" t="s">
        <v>4</v>
      </c>
      <c r="AL2658">
        <v>0</v>
      </c>
      <c r="AM2658">
        <v>0</v>
      </c>
      <c r="AN2658">
        <v>0</v>
      </c>
      <c r="AO2658">
        <v>0</v>
      </c>
      <c r="AP2658">
        <v>0</v>
      </c>
      <c r="AQ2658">
        <v>0</v>
      </c>
      <c r="AR2658">
        <v>0</v>
      </c>
      <c r="AS2658">
        <v>0</v>
      </c>
      <c r="AT2658">
        <v>0</v>
      </c>
      <c r="AU2658">
        <v>0</v>
      </c>
      <c r="AV2658">
        <v>0</v>
      </c>
      <c r="AW2658">
        <v>0</v>
      </c>
      <c r="AX2658">
        <v>1145</v>
      </c>
      <c r="AY2658">
        <v>48</v>
      </c>
      <c r="AZ2658">
        <v>104</v>
      </c>
      <c r="BA2658">
        <v>7358</v>
      </c>
    </row>
    <row r="2659" spans="1:53" x14ac:dyDescent="0.4">
      <c r="A2659">
        <v>2703</v>
      </c>
      <c r="B2659" s="1">
        <v>43685</v>
      </c>
      <c r="C2659">
        <v>3</v>
      </c>
      <c r="D2659" s="1">
        <v>43685.737500000003</v>
      </c>
      <c r="E2659" s="1">
        <v>43685.957638888889</v>
      </c>
      <c r="F2659">
        <v>46875</v>
      </c>
      <c r="G2659">
        <v>3000</v>
      </c>
      <c r="H2659">
        <v>0</v>
      </c>
      <c r="I2659">
        <v>0</v>
      </c>
      <c r="J2659">
        <v>0</v>
      </c>
      <c r="K2659">
        <v>0</v>
      </c>
      <c r="L2659">
        <v>0</v>
      </c>
      <c r="M2659">
        <v>3990</v>
      </c>
      <c r="N2659">
        <v>0</v>
      </c>
      <c r="O2659">
        <v>0</v>
      </c>
      <c r="P2659">
        <v>-6372</v>
      </c>
      <c r="Q2659">
        <v>0</v>
      </c>
      <c r="R2659">
        <v>47493</v>
      </c>
      <c r="S2659">
        <v>0</v>
      </c>
      <c r="T2659">
        <v>0</v>
      </c>
      <c r="U2659">
        <v>0</v>
      </c>
      <c r="V2659">
        <v>3</v>
      </c>
      <c r="W2659">
        <v>3</v>
      </c>
      <c r="X2659">
        <v>0</v>
      </c>
      <c r="Y2659">
        <v>72</v>
      </c>
      <c r="Z2659">
        <v>20</v>
      </c>
      <c r="AA2659">
        <v>95</v>
      </c>
      <c r="AB2659">
        <v>12</v>
      </c>
      <c r="AC2659">
        <v>167</v>
      </c>
      <c r="AD2659">
        <v>46</v>
      </c>
      <c r="AE2659">
        <v>62</v>
      </c>
      <c r="AF2659">
        <v>19051</v>
      </c>
      <c r="AG2659">
        <v>158113</v>
      </c>
      <c r="AH2659">
        <v>50000</v>
      </c>
      <c r="AI2659">
        <v>0</v>
      </c>
      <c r="AJ2659">
        <v>84</v>
      </c>
      <c r="AK2659" t="s">
        <v>16</v>
      </c>
      <c r="AL2659">
        <v>0</v>
      </c>
      <c r="AM2659">
        <v>0</v>
      </c>
      <c r="AN2659">
        <v>0</v>
      </c>
      <c r="AO2659">
        <v>0</v>
      </c>
      <c r="AP2659">
        <v>0</v>
      </c>
      <c r="AQ2659">
        <v>0</v>
      </c>
      <c r="AR2659">
        <v>0</v>
      </c>
      <c r="AS2659">
        <v>0</v>
      </c>
      <c r="AT2659">
        <v>0</v>
      </c>
      <c r="AU2659">
        <v>0</v>
      </c>
      <c r="AV2659">
        <v>0</v>
      </c>
      <c r="AW2659">
        <v>0</v>
      </c>
      <c r="AX2659">
        <v>14796</v>
      </c>
      <c r="AY2659">
        <v>17</v>
      </c>
      <c r="AZ2659">
        <v>46</v>
      </c>
      <c r="BA2659">
        <v>2707</v>
      </c>
    </row>
    <row r="2660" spans="1:53" x14ac:dyDescent="0.4">
      <c r="A2660">
        <v>2704</v>
      </c>
      <c r="B2660" s="1">
        <v>43685</v>
      </c>
      <c r="C2660">
        <v>4</v>
      </c>
      <c r="D2660" s="1">
        <v>43685.957638888889</v>
      </c>
      <c r="E2660" s="1">
        <v>43686.088194444441</v>
      </c>
      <c r="F2660">
        <v>25140</v>
      </c>
      <c r="G2660">
        <v>900</v>
      </c>
      <c r="H2660">
        <v>200</v>
      </c>
      <c r="I2660">
        <v>0</v>
      </c>
      <c r="J2660">
        <v>0</v>
      </c>
      <c r="K2660">
        <v>0</v>
      </c>
      <c r="L2660">
        <v>0</v>
      </c>
      <c r="M2660">
        <v>2099</v>
      </c>
      <c r="N2660">
        <v>0</v>
      </c>
      <c r="O2660">
        <v>0</v>
      </c>
      <c r="P2660">
        <v>5292</v>
      </c>
      <c r="Q2660">
        <v>0</v>
      </c>
      <c r="R2660">
        <v>33631</v>
      </c>
      <c r="S2660">
        <v>0</v>
      </c>
      <c r="T2660">
        <v>0</v>
      </c>
      <c r="U2660">
        <v>0</v>
      </c>
      <c r="V2660">
        <v>6</v>
      </c>
      <c r="W2660">
        <v>2</v>
      </c>
      <c r="X2660">
        <v>0</v>
      </c>
      <c r="Y2660">
        <v>72</v>
      </c>
      <c r="Z2660">
        <v>21</v>
      </c>
      <c r="AA2660">
        <v>99</v>
      </c>
      <c r="AB2660">
        <v>15</v>
      </c>
      <c r="AC2660">
        <v>159</v>
      </c>
      <c r="AD2660">
        <v>47</v>
      </c>
      <c r="AE2660">
        <v>50</v>
      </c>
      <c r="AF2660">
        <v>26719</v>
      </c>
      <c r="AG2660">
        <v>191744</v>
      </c>
      <c r="AH2660">
        <v>50000</v>
      </c>
      <c r="AI2660">
        <v>0</v>
      </c>
      <c r="AJ2660">
        <v>108</v>
      </c>
      <c r="AK2660" t="s">
        <v>30</v>
      </c>
      <c r="AL2660">
        <v>0</v>
      </c>
      <c r="AM2660">
        <v>0</v>
      </c>
      <c r="AN2660">
        <v>0</v>
      </c>
      <c r="AO2660">
        <v>0</v>
      </c>
      <c r="AP2660">
        <v>0</v>
      </c>
      <c r="AQ2660">
        <v>0</v>
      </c>
      <c r="AR2660">
        <v>0</v>
      </c>
      <c r="AS2660">
        <v>0</v>
      </c>
      <c r="AT2660">
        <v>0</v>
      </c>
      <c r="AU2660">
        <v>0</v>
      </c>
      <c r="AV2660">
        <v>0</v>
      </c>
      <c r="AW2660">
        <v>0</v>
      </c>
      <c r="AX2660">
        <v>21913</v>
      </c>
      <c r="AY2660">
        <v>9</v>
      </c>
      <c r="AZ2660">
        <v>16</v>
      </c>
      <c r="BA2660">
        <v>1341</v>
      </c>
    </row>
    <row r="2661" spans="1:53" x14ac:dyDescent="0.4">
      <c r="A2661">
        <v>2705</v>
      </c>
      <c r="B2661" s="1">
        <v>43686</v>
      </c>
      <c r="C2661">
        <v>1</v>
      </c>
      <c r="D2661" s="1">
        <v>43686.291666666664</v>
      </c>
      <c r="E2661" s="1">
        <v>43686.408333333333</v>
      </c>
      <c r="F2661">
        <v>0</v>
      </c>
      <c r="G2661">
        <v>0</v>
      </c>
      <c r="H2661">
        <v>0</v>
      </c>
      <c r="I2661">
        <v>0</v>
      </c>
      <c r="J2661">
        <v>0</v>
      </c>
      <c r="K2661">
        <v>0</v>
      </c>
      <c r="L2661">
        <v>0</v>
      </c>
      <c r="M2661">
        <v>0</v>
      </c>
      <c r="N2661">
        <v>0</v>
      </c>
      <c r="O2661">
        <v>0</v>
      </c>
      <c r="P2661">
        <v>0</v>
      </c>
      <c r="Q2661">
        <v>0</v>
      </c>
      <c r="R2661">
        <v>0</v>
      </c>
      <c r="S2661">
        <v>0</v>
      </c>
      <c r="T2661">
        <v>0</v>
      </c>
      <c r="U2661">
        <v>0</v>
      </c>
      <c r="V2661">
        <v>0</v>
      </c>
      <c r="W2661">
        <v>0</v>
      </c>
      <c r="X2661">
        <v>0</v>
      </c>
      <c r="Y2661">
        <v>33</v>
      </c>
      <c r="Z2661">
        <v>11</v>
      </c>
      <c r="AA2661">
        <v>94</v>
      </c>
      <c r="AB2661">
        <v>14</v>
      </c>
      <c r="AC2661">
        <v>111</v>
      </c>
      <c r="AD2661">
        <v>47</v>
      </c>
      <c r="AE2661">
        <v>55</v>
      </c>
      <c r="AF2661">
        <v>0</v>
      </c>
      <c r="AG2661">
        <v>50000</v>
      </c>
      <c r="AH2661">
        <v>0</v>
      </c>
      <c r="AI2661">
        <v>50000</v>
      </c>
      <c r="AJ2661">
        <v>0</v>
      </c>
      <c r="AK2661" t="s">
        <v>6</v>
      </c>
      <c r="AL2661">
        <v>0</v>
      </c>
      <c r="AM2661">
        <v>0</v>
      </c>
      <c r="AN2661">
        <v>0</v>
      </c>
      <c r="AO2661">
        <v>0</v>
      </c>
      <c r="AP2661">
        <v>0</v>
      </c>
      <c r="AQ2661">
        <v>0</v>
      </c>
      <c r="AR2661">
        <v>0</v>
      </c>
      <c r="AS2661">
        <v>0</v>
      </c>
      <c r="AT2661">
        <v>0</v>
      </c>
      <c r="AU2661">
        <v>0</v>
      </c>
      <c r="AV2661">
        <v>0</v>
      </c>
      <c r="AW2661">
        <v>0</v>
      </c>
      <c r="AX2661">
        <v>0</v>
      </c>
      <c r="AY2661">
        <v>0</v>
      </c>
      <c r="AZ2661">
        <v>0</v>
      </c>
      <c r="BA2661">
        <v>0</v>
      </c>
    </row>
    <row r="2662" spans="1:53" x14ac:dyDescent="0.4">
      <c r="A2662">
        <v>2706</v>
      </c>
      <c r="B2662" s="1">
        <v>43686</v>
      </c>
      <c r="C2662">
        <v>2</v>
      </c>
      <c r="D2662" s="1">
        <v>43686.408333333333</v>
      </c>
      <c r="E2662" s="1">
        <v>43686.73541666667</v>
      </c>
      <c r="F2662">
        <v>36500</v>
      </c>
      <c r="G2662">
        <v>2780</v>
      </c>
      <c r="H2662">
        <v>200</v>
      </c>
      <c r="I2662">
        <v>0</v>
      </c>
      <c r="J2662">
        <v>0</v>
      </c>
      <c r="K2662">
        <v>0</v>
      </c>
      <c r="L2662">
        <v>0</v>
      </c>
      <c r="M2662">
        <v>3158</v>
      </c>
      <c r="N2662">
        <v>0</v>
      </c>
      <c r="O2662">
        <v>0</v>
      </c>
      <c r="P2662">
        <v>17820</v>
      </c>
      <c r="Q2662">
        <v>0</v>
      </c>
      <c r="R2662">
        <v>60458</v>
      </c>
      <c r="S2662">
        <v>0</v>
      </c>
      <c r="T2662">
        <v>0</v>
      </c>
      <c r="U2662">
        <v>0</v>
      </c>
      <c r="V2662">
        <v>2</v>
      </c>
      <c r="W2662">
        <v>1</v>
      </c>
      <c r="X2662">
        <v>0</v>
      </c>
      <c r="Y2662">
        <v>45</v>
      </c>
      <c r="Z2662">
        <v>41</v>
      </c>
      <c r="AA2662">
        <v>93</v>
      </c>
      <c r="AB2662">
        <v>29</v>
      </c>
      <c r="AC2662">
        <v>188</v>
      </c>
      <c r="AD2662">
        <v>50</v>
      </c>
      <c r="AE2662">
        <v>47</v>
      </c>
      <c r="AF2662">
        <v>7031</v>
      </c>
      <c r="AG2662">
        <v>110458</v>
      </c>
      <c r="AH2662">
        <v>50000</v>
      </c>
      <c r="AI2662">
        <v>0</v>
      </c>
      <c r="AJ2662">
        <v>96</v>
      </c>
      <c r="AK2662" t="s">
        <v>4</v>
      </c>
      <c r="AL2662">
        <v>0</v>
      </c>
      <c r="AM2662">
        <v>0</v>
      </c>
      <c r="AN2662">
        <v>0</v>
      </c>
      <c r="AO2662">
        <v>0</v>
      </c>
      <c r="AP2662">
        <v>0</v>
      </c>
      <c r="AQ2662">
        <v>0</v>
      </c>
      <c r="AR2662">
        <v>0</v>
      </c>
      <c r="AS2662">
        <v>0</v>
      </c>
      <c r="AT2662">
        <v>0</v>
      </c>
      <c r="AU2662">
        <v>0</v>
      </c>
      <c r="AV2662">
        <v>0</v>
      </c>
      <c r="AW2662">
        <v>0</v>
      </c>
      <c r="AX2662">
        <v>-541</v>
      </c>
      <c r="AY2662">
        <v>48</v>
      </c>
      <c r="AZ2662">
        <v>106</v>
      </c>
      <c r="BA2662">
        <v>7075</v>
      </c>
    </row>
    <row r="2663" spans="1:53" x14ac:dyDescent="0.4">
      <c r="A2663">
        <v>2707</v>
      </c>
      <c r="B2663" s="1">
        <v>43687</v>
      </c>
      <c r="C2663">
        <v>1</v>
      </c>
      <c r="D2663" s="1">
        <v>43687.291666666664</v>
      </c>
      <c r="E2663" s="1">
        <v>43687.40625</v>
      </c>
      <c r="F2663">
        <v>0</v>
      </c>
      <c r="G2663">
        <v>0</v>
      </c>
      <c r="H2663">
        <v>0</v>
      </c>
      <c r="I2663">
        <v>0</v>
      </c>
      <c r="J2663">
        <v>0</v>
      </c>
      <c r="K2663">
        <v>0</v>
      </c>
      <c r="L2663">
        <v>0</v>
      </c>
      <c r="M2663">
        <v>0</v>
      </c>
      <c r="N2663">
        <v>0</v>
      </c>
      <c r="O2663">
        <v>0</v>
      </c>
      <c r="P2663">
        <v>0</v>
      </c>
      <c r="Q2663">
        <v>0</v>
      </c>
      <c r="R2663">
        <v>0</v>
      </c>
      <c r="S2663">
        <v>0</v>
      </c>
      <c r="T2663">
        <v>0</v>
      </c>
      <c r="U2663">
        <v>0</v>
      </c>
      <c r="V2663">
        <v>0</v>
      </c>
      <c r="W2663">
        <v>0</v>
      </c>
      <c r="X2663">
        <v>0</v>
      </c>
      <c r="Y2663">
        <v>33</v>
      </c>
      <c r="Z2663">
        <v>11</v>
      </c>
      <c r="AA2663">
        <v>87</v>
      </c>
      <c r="AB2663">
        <v>30</v>
      </c>
      <c r="AC2663">
        <v>105</v>
      </c>
      <c r="AD2663">
        <v>45</v>
      </c>
      <c r="AE2663">
        <v>25</v>
      </c>
      <c r="AF2663">
        <v>0</v>
      </c>
      <c r="AG2663">
        <v>50000</v>
      </c>
      <c r="AH2663">
        <v>50000</v>
      </c>
      <c r="AI2663">
        <v>0</v>
      </c>
      <c r="AJ2663">
        <v>0</v>
      </c>
      <c r="AK2663" t="s">
        <v>6</v>
      </c>
      <c r="AL2663">
        <v>0</v>
      </c>
      <c r="AM2663">
        <v>0</v>
      </c>
      <c r="AN2663">
        <v>0</v>
      </c>
      <c r="AO2663">
        <v>0</v>
      </c>
      <c r="AP2663">
        <v>0</v>
      </c>
      <c r="AQ2663">
        <v>0</v>
      </c>
      <c r="AR2663">
        <v>0</v>
      </c>
      <c r="AS2663">
        <v>0</v>
      </c>
      <c r="AT2663">
        <v>0</v>
      </c>
      <c r="AU2663">
        <v>0</v>
      </c>
      <c r="AV2663">
        <v>0</v>
      </c>
      <c r="AW2663">
        <v>0</v>
      </c>
      <c r="AX2663">
        <v>0</v>
      </c>
      <c r="AY2663">
        <v>0</v>
      </c>
      <c r="AZ2663">
        <v>0</v>
      </c>
      <c r="BA2663">
        <v>0</v>
      </c>
    </row>
    <row r="2664" spans="1:53" x14ac:dyDescent="0.4">
      <c r="A2664">
        <v>2708</v>
      </c>
      <c r="B2664" s="1">
        <v>43687</v>
      </c>
      <c r="C2664">
        <v>2</v>
      </c>
      <c r="D2664" s="1">
        <v>43687.40625</v>
      </c>
      <c r="E2664" s="1">
        <v>43687.742361111108</v>
      </c>
      <c r="F2664">
        <v>43500</v>
      </c>
      <c r="G2664">
        <v>2940</v>
      </c>
      <c r="H2664">
        <v>0</v>
      </c>
      <c r="I2664">
        <v>0</v>
      </c>
      <c r="J2664">
        <v>0</v>
      </c>
      <c r="K2664">
        <v>0</v>
      </c>
      <c r="L2664">
        <v>0</v>
      </c>
      <c r="M2664">
        <v>3714</v>
      </c>
      <c r="N2664">
        <v>0</v>
      </c>
      <c r="O2664">
        <v>0</v>
      </c>
      <c r="P2664">
        <v>12960</v>
      </c>
      <c r="Q2664">
        <v>0</v>
      </c>
      <c r="R2664">
        <v>63114</v>
      </c>
      <c r="S2664">
        <v>0</v>
      </c>
      <c r="T2664">
        <v>0</v>
      </c>
      <c r="U2664">
        <v>0</v>
      </c>
      <c r="V2664">
        <v>1</v>
      </c>
      <c r="W2664">
        <v>3</v>
      </c>
      <c r="X2664">
        <v>0</v>
      </c>
      <c r="Y2664">
        <v>63</v>
      </c>
      <c r="Z2664">
        <v>34</v>
      </c>
      <c r="AA2664">
        <v>49</v>
      </c>
      <c r="AB2664">
        <v>25</v>
      </c>
      <c r="AC2664">
        <v>170</v>
      </c>
      <c r="AD2664">
        <v>44</v>
      </c>
      <c r="AE2664">
        <v>44</v>
      </c>
      <c r="AF2664">
        <v>0</v>
      </c>
      <c r="AG2664">
        <v>113114</v>
      </c>
      <c r="AH2664">
        <v>50000</v>
      </c>
      <c r="AI2664">
        <v>0</v>
      </c>
      <c r="AJ2664">
        <v>93</v>
      </c>
      <c r="AK2664" t="s">
        <v>20</v>
      </c>
      <c r="AL2664">
        <v>0</v>
      </c>
      <c r="AM2664">
        <v>0</v>
      </c>
      <c r="AN2664">
        <v>0</v>
      </c>
      <c r="AO2664">
        <v>0</v>
      </c>
      <c r="AP2664">
        <v>0</v>
      </c>
      <c r="AQ2664">
        <v>0</v>
      </c>
      <c r="AR2664">
        <v>0</v>
      </c>
      <c r="AS2664">
        <v>0</v>
      </c>
      <c r="AT2664">
        <v>0</v>
      </c>
      <c r="AU2664">
        <v>0</v>
      </c>
      <c r="AV2664">
        <v>0</v>
      </c>
      <c r="AW2664">
        <v>0</v>
      </c>
      <c r="AX2664">
        <v>734</v>
      </c>
      <c r="AY2664">
        <v>49</v>
      </c>
      <c r="AZ2664">
        <v>106</v>
      </c>
      <c r="BA2664">
        <v>7643</v>
      </c>
    </row>
    <row r="2665" spans="1:53" x14ac:dyDescent="0.4">
      <c r="A2665">
        <v>2709</v>
      </c>
      <c r="B2665" s="1">
        <v>43687</v>
      </c>
      <c r="C2665">
        <v>3</v>
      </c>
      <c r="D2665" s="1">
        <v>43687.742361111108</v>
      </c>
      <c r="E2665" s="1">
        <v>43688.081250000003</v>
      </c>
      <c r="F2665">
        <v>267680</v>
      </c>
      <c r="G2665">
        <v>14670</v>
      </c>
      <c r="H2665">
        <v>0</v>
      </c>
      <c r="I2665">
        <v>0</v>
      </c>
      <c r="J2665">
        <v>0</v>
      </c>
      <c r="K2665">
        <v>0</v>
      </c>
      <c r="L2665">
        <v>0</v>
      </c>
      <c r="M2665">
        <v>22587</v>
      </c>
      <c r="N2665">
        <v>0</v>
      </c>
      <c r="O2665">
        <v>0</v>
      </c>
      <c r="P2665">
        <v>8964</v>
      </c>
      <c r="Q2665">
        <v>0</v>
      </c>
      <c r="R2665">
        <v>313901</v>
      </c>
      <c r="S2665">
        <v>0</v>
      </c>
      <c r="T2665">
        <v>0</v>
      </c>
      <c r="U2665">
        <v>0</v>
      </c>
      <c r="V2665">
        <v>21</v>
      </c>
      <c r="W2665">
        <v>12</v>
      </c>
      <c r="X2665">
        <v>0</v>
      </c>
      <c r="Y2665">
        <v>133</v>
      </c>
      <c r="Z2665">
        <v>30</v>
      </c>
      <c r="AA2665">
        <v>62</v>
      </c>
      <c r="AB2665">
        <v>17</v>
      </c>
      <c r="AC2665">
        <v>172</v>
      </c>
      <c r="AD2665">
        <v>43</v>
      </c>
      <c r="AE2665">
        <v>30</v>
      </c>
      <c r="AF2665">
        <v>0</v>
      </c>
      <c r="AG2665">
        <v>427015</v>
      </c>
      <c r="AH2665">
        <v>50000</v>
      </c>
      <c r="AI2665">
        <v>0</v>
      </c>
      <c r="AJ2665">
        <v>108</v>
      </c>
      <c r="AK2665" t="s">
        <v>30</v>
      </c>
      <c r="AL2665">
        <v>0</v>
      </c>
      <c r="AM2665">
        <v>0</v>
      </c>
      <c r="AN2665">
        <v>0</v>
      </c>
      <c r="AO2665">
        <v>0</v>
      </c>
      <c r="AP2665">
        <v>0</v>
      </c>
      <c r="AQ2665">
        <v>0</v>
      </c>
      <c r="AR2665">
        <v>0</v>
      </c>
      <c r="AS2665">
        <v>0</v>
      </c>
      <c r="AT2665">
        <v>0</v>
      </c>
      <c r="AU2665">
        <v>0</v>
      </c>
      <c r="AV2665">
        <v>0</v>
      </c>
      <c r="AW2665">
        <v>0</v>
      </c>
      <c r="AX2665">
        <v>25077</v>
      </c>
      <c r="AY2665">
        <v>37</v>
      </c>
      <c r="AZ2665">
        <v>172</v>
      </c>
      <c r="BA2665">
        <v>5551</v>
      </c>
    </row>
    <row r="2666" spans="1:53" x14ac:dyDescent="0.4">
      <c r="A2666">
        <v>2710</v>
      </c>
      <c r="B2666" s="1">
        <v>43688</v>
      </c>
      <c r="C2666">
        <v>1</v>
      </c>
      <c r="D2666" s="1">
        <v>43688.291666666664</v>
      </c>
      <c r="E2666" s="1">
        <v>43688.40625</v>
      </c>
      <c r="F2666">
        <v>0</v>
      </c>
      <c r="G2666">
        <v>0</v>
      </c>
      <c r="H2666">
        <v>0</v>
      </c>
      <c r="I2666">
        <v>0</v>
      </c>
      <c r="J2666">
        <v>0</v>
      </c>
      <c r="K2666">
        <v>0</v>
      </c>
      <c r="L2666">
        <v>0</v>
      </c>
      <c r="M2666">
        <v>0</v>
      </c>
      <c r="N2666">
        <v>0</v>
      </c>
      <c r="O2666">
        <v>0</v>
      </c>
      <c r="P2666">
        <v>0</v>
      </c>
      <c r="Q2666">
        <v>0</v>
      </c>
      <c r="R2666">
        <v>0</v>
      </c>
      <c r="S2666">
        <v>0</v>
      </c>
      <c r="T2666">
        <v>0</v>
      </c>
      <c r="U2666">
        <v>0</v>
      </c>
      <c r="V2666">
        <v>0</v>
      </c>
      <c r="W2666">
        <v>0</v>
      </c>
      <c r="X2666">
        <v>0</v>
      </c>
      <c r="Y2666">
        <v>37</v>
      </c>
      <c r="Z2666">
        <v>9</v>
      </c>
      <c r="AA2666">
        <v>61</v>
      </c>
      <c r="AB2666">
        <v>17</v>
      </c>
      <c r="AC2666">
        <v>131</v>
      </c>
      <c r="AD2666">
        <v>43</v>
      </c>
      <c r="AE2666">
        <v>25</v>
      </c>
      <c r="AF2666">
        <v>0</v>
      </c>
      <c r="AG2666">
        <v>50000</v>
      </c>
      <c r="AH2666">
        <v>50000</v>
      </c>
      <c r="AI2666">
        <v>0</v>
      </c>
      <c r="AJ2666">
        <v>0</v>
      </c>
      <c r="AK2666" t="s">
        <v>6</v>
      </c>
      <c r="AL2666">
        <v>0</v>
      </c>
      <c r="AM2666">
        <v>0</v>
      </c>
      <c r="AN2666">
        <v>0</v>
      </c>
      <c r="AO2666">
        <v>0</v>
      </c>
      <c r="AP2666">
        <v>0</v>
      </c>
      <c r="AQ2666">
        <v>0</v>
      </c>
      <c r="AR2666">
        <v>0</v>
      </c>
      <c r="AS2666">
        <v>0</v>
      </c>
      <c r="AT2666">
        <v>0</v>
      </c>
      <c r="AU2666">
        <v>0</v>
      </c>
      <c r="AV2666">
        <v>0</v>
      </c>
      <c r="AW2666">
        <v>0</v>
      </c>
      <c r="AX2666">
        <v>0</v>
      </c>
      <c r="AY2666">
        <v>0</v>
      </c>
      <c r="AZ2666">
        <v>0</v>
      </c>
      <c r="BA2666">
        <v>0</v>
      </c>
    </row>
    <row r="2667" spans="1:53" x14ac:dyDescent="0.4">
      <c r="A2667">
        <v>2711</v>
      </c>
      <c r="B2667" s="1">
        <v>43688</v>
      </c>
      <c r="C2667">
        <v>2</v>
      </c>
      <c r="D2667" s="1">
        <v>43688.40625</v>
      </c>
      <c r="E2667" s="1">
        <v>43688.734722222223</v>
      </c>
      <c r="F2667">
        <v>44000</v>
      </c>
      <c r="G2667">
        <v>1520</v>
      </c>
      <c r="H2667">
        <v>200</v>
      </c>
      <c r="I2667">
        <v>0</v>
      </c>
      <c r="J2667">
        <v>0</v>
      </c>
      <c r="K2667">
        <v>1000</v>
      </c>
      <c r="L2667">
        <v>0</v>
      </c>
      <c r="M2667">
        <v>3737</v>
      </c>
      <c r="N2667">
        <v>0</v>
      </c>
      <c r="O2667">
        <v>0</v>
      </c>
      <c r="P2667">
        <v>25110</v>
      </c>
      <c r="Q2667">
        <v>0</v>
      </c>
      <c r="R2667">
        <v>75567</v>
      </c>
      <c r="S2667">
        <v>0</v>
      </c>
      <c r="T2667">
        <v>0</v>
      </c>
      <c r="U2667">
        <v>0</v>
      </c>
      <c r="V2667">
        <v>2</v>
      </c>
      <c r="W2667">
        <v>0</v>
      </c>
      <c r="X2667">
        <v>0</v>
      </c>
      <c r="Y2667">
        <v>81</v>
      </c>
      <c r="Z2667">
        <v>32</v>
      </c>
      <c r="AA2667">
        <v>59</v>
      </c>
      <c r="AB2667">
        <v>14</v>
      </c>
      <c r="AC2667">
        <v>151</v>
      </c>
      <c r="AD2667">
        <v>48</v>
      </c>
      <c r="AE2667">
        <v>14</v>
      </c>
      <c r="AF2667">
        <v>203</v>
      </c>
      <c r="AG2667">
        <v>125567</v>
      </c>
      <c r="AH2667">
        <v>50000</v>
      </c>
      <c r="AI2667">
        <v>0</v>
      </c>
      <c r="AJ2667">
        <v>82</v>
      </c>
      <c r="AK2667" t="s">
        <v>41</v>
      </c>
      <c r="AL2667">
        <v>0</v>
      </c>
      <c r="AM2667">
        <v>0</v>
      </c>
      <c r="AN2667">
        <v>0</v>
      </c>
      <c r="AO2667">
        <v>0</v>
      </c>
      <c r="AP2667">
        <v>0</v>
      </c>
      <c r="AQ2667">
        <v>0</v>
      </c>
      <c r="AR2667">
        <v>0</v>
      </c>
      <c r="AS2667">
        <v>0</v>
      </c>
      <c r="AT2667">
        <v>0</v>
      </c>
      <c r="AU2667">
        <v>0</v>
      </c>
      <c r="AV2667">
        <v>0</v>
      </c>
      <c r="AW2667">
        <v>0</v>
      </c>
      <c r="AX2667">
        <v>2074</v>
      </c>
      <c r="AY2667">
        <v>53</v>
      </c>
      <c r="AZ2667">
        <v>131</v>
      </c>
      <c r="BA2667">
        <v>7984</v>
      </c>
    </row>
    <row r="2668" spans="1:53" x14ac:dyDescent="0.4">
      <c r="A2668">
        <v>2712</v>
      </c>
      <c r="B2668" s="1">
        <v>43689</v>
      </c>
      <c r="C2668">
        <v>1</v>
      </c>
      <c r="D2668" s="1">
        <v>43689.291666666664</v>
      </c>
      <c r="E2668" s="1">
        <v>43689.411111111112</v>
      </c>
      <c r="F2668">
        <v>0</v>
      </c>
      <c r="G2668">
        <v>0</v>
      </c>
      <c r="H2668">
        <v>0</v>
      </c>
      <c r="I2668">
        <v>0</v>
      </c>
      <c r="J2668">
        <v>0</v>
      </c>
      <c r="K2668">
        <v>0</v>
      </c>
      <c r="L2668">
        <v>0</v>
      </c>
      <c r="M2668">
        <v>0</v>
      </c>
      <c r="N2668">
        <v>0</v>
      </c>
      <c r="O2668">
        <v>0</v>
      </c>
      <c r="P2668">
        <v>0</v>
      </c>
      <c r="Q2668">
        <v>0</v>
      </c>
      <c r="R2668">
        <v>0</v>
      </c>
      <c r="S2668">
        <v>0</v>
      </c>
      <c r="T2668">
        <v>0</v>
      </c>
      <c r="U2668">
        <v>0</v>
      </c>
      <c r="V2668">
        <v>0</v>
      </c>
      <c r="W2668">
        <v>0</v>
      </c>
      <c r="X2668">
        <v>0</v>
      </c>
      <c r="Y2668">
        <v>33</v>
      </c>
      <c r="Z2668">
        <v>11</v>
      </c>
      <c r="AA2668">
        <v>100</v>
      </c>
      <c r="AB2668">
        <v>6</v>
      </c>
      <c r="AC2668">
        <v>97</v>
      </c>
      <c r="AD2668">
        <v>41</v>
      </c>
      <c r="AE2668">
        <v>25</v>
      </c>
      <c r="AF2668">
        <v>0</v>
      </c>
      <c r="AG2668">
        <v>50000</v>
      </c>
      <c r="AH2668">
        <v>0</v>
      </c>
      <c r="AI2668">
        <v>50000</v>
      </c>
      <c r="AJ2668">
        <v>0</v>
      </c>
      <c r="AK2668" t="s">
        <v>6</v>
      </c>
      <c r="AL2668">
        <v>0</v>
      </c>
      <c r="AM2668">
        <v>0</v>
      </c>
      <c r="AN2668">
        <v>0</v>
      </c>
      <c r="AO2668">
        <v>0</v>
      </c>
      <c r="AP2668">
        <v>0</v>
      </c>
      <c r="AQ2668">
        <v>0</v>
      </c>
      <c r="AR2668">
        <v>0</v>
      </c>
      <c r="AS2668">
        <v>0</v>
      </c>
      <c r="AT2668">
        <v>0</v>
      </c>
      <c r="AU2668">
        <v>0</v>
      </c>
      <c r="AV2668">
        <v>0</v>
      </c>
      <c r="AW2668">
        <v>0</v>
      </c>
      <c r="AX2668">
        <v>0</v>
      </c>
      <c r="AY2668">
        <v>0</v>
      </c>
      <c r="AZ2668">
        <v>0</v>
      </c>
      <c r="BA2668">
        <v>0</v>
      </c>
    </row>
    <row r="2669" spans="1:53" x14ac:dyDescent="0.4">
      <c r="A2669">
        <v>2713</v>
      </c>
      <c r="B2669" s="1">
        <v>43689</v>
      </c>
      <c r="C2669">
        <v>2</v>
      </c>
      <c r="D2669" s="1">
        <v>43689.411111111112</v>
      </c>
      <c r="E2669" s="1">
        <v>43689.743750000001</v>
      </c>
      <c r="F2669">
        <v>44500</v>
      </c>
      <c r="G2669">
        <v>2720</v>
      </c>
      <c r="H2669">
        <v>200</v>
      </c>
      <c r="I2669">
        <v>0</v>
      </c>
      <c r="J2669">
        <v>0</v>
      </c>
      <c r="K2669">
        <v>0</v>
      </c>
      <c r="L2669">
        <v>0</v>
      </c>
      <c r="M2669">
        <v>3793</v>
      </c>
      <c r="N2669">
        <v>0</v>
      </c>
      <c r="O2669">
        <v>0</v>
      </c>
      <c r="P2669">
        <v>23490</v>
      </c>
      <c r="Q2669">
        <v>0</v>
      </c>
      <c r="R2669">
        <v>74703</v>
      </c>
      <c r="S2669">
        <v>0</v>
      </c>
      <c r="T2669">
        <v>0</v>
      </c>
      <c r="U2669">
        <v>0</v>
      </c>
      <c r="V2669">
        <v>2</v>
      </c>
      <c r="W2669">
        <v>4</v>
      </c>
      <c r="X2669">
        <v>0</v>
      </c>
      <c r="Y2669">
        <v>59</v>
      </c>
      <c r="Z2669">
        <v>19</v>
      </c>
      <c r="AA2669">
        <v>112</v>
      </c>
      <c r="AB2669">
        <v>18</v>
      </c>
      <c r="AC2669">
        <v>170</v>
      </c>
      <c r="AD2669">
        <v>43</v>
      </c>
      <c r="AE2669">
        <v>28</v>
      </c>
      <c r="AF2669">
        <v>2160</v>
      </c>
      <c r="AG2669">
        <v>124703</v>
      </c>
      <c r="AH2669">
        <v>50000</v>
      </c>
      <c r="AI2669">
        <v>0</v>
      </c>
      <c r="AJ2669">
        <v>82</v>
      </c>
      <c r="AK2669" t="s">
        <v>41</v>
      </c>
      <c r="AL2669">
        <v>0</v>
      </c>
      <c r="AM2669">
        <v>0</v>
      </c>
      <c r="AN2669">
        <v>0</v>
      </c>
      <c r="AO2669">
        <v>0</v>
      </c>
      <c r="AP2669">
        <v>0</v>
      </c>
      <c r="AQ2669">
        <v>0</v>
      </c>
      <c r="AR2669">
        <v>0</v>
      </c>
      <c r="AS2669">
        <v>0</v>
      </c>
      <c r="AT2669">
        <v>0</v>
      </c>
      <c r="AU2669">
        <v>0</v>
      </c>
      <c r="AV2669">
        <v>0</v>
      </c>
      <c r="AW2669">
        <v>0</v>
      </c>
      <c r="AX2669">
        <v>1339</v>
      </c>
      <c r="AY2669">
        <v>57</v>
      </c>
      <c r="AZ2669">
        <v>128</v>
      </c>
      <c r="BA2669">
        <v>7748</v>
      </c>
    </row>
    <row r="2670" spans="1:53" x14ac:dyDescent="0.4">
      <c r="A2670">
        <v>2714</v>
      </c>
      <c r="B2670" s="1">
        <v>43690</v>
      </c>
      <c r="C2670">
        <v>1</v>
      </c>
      <c r="D2670" s="1">
        <v>43690.291666666664</v>
      </c>
      <c r="E2670" s="1">
        <v>43690.406944444447</v>
      </c>
      <c r="F2670">
        <v>0</v>
      </c>
      <c r="G2670">
        <v>0</v>
      </c>
      <c r="H2670">
        <v>0</v>
      </c>
      <c r="I2670">
        <v>0</v>
      </c>
      <c r="J2670">
        <v>0</v>
      </c>
      <c r="K2670">
        <v>0</v>
      </c>
      <c r="L2670">
        <v>0</v>
      </c>
      <c r="M2670">
        <v>0</v>
      </c>
      <c r="N2670">
        <v>0</v>
      </c>
      <c r="O2670">
        <v>0</v>
      </c>
      <c r="P2670">
        <v>0</v>
      </c>
      <c r="Q2670">
        <v>0</v>
      </c>
      <c r="R2670">
        <v>0</v>
      </c>
      <c r="S2670">
        <v>0</v>
      </c>
      <c r="T2670">
        <v>0</v>
      </c>
      <c r="U2670">
        <v>0</v>
      </c>
      <c r="V2670">
        <v>0</v>
      </c>
      <c r="W2670">
        <v>0</v>
      </c>
      <c r="X2670">
        <v>0</v>
      </c>
      <c r="Y2670">
        <v>33</v>
      </c>
      <c r="Z2670">
        <v>11</v>
      </c>
      <c r="AA2670">
        <v>95</v>
      </c>
      <c r="AB2670">
        <v>13</v>
      </c>
      <c r="AC2670">
        <v>111</v>
      </c>
      <c r="AD2670">
        <v>44</v>
      </c>
      <c r="AE2670">
        <v>20</v>
      </c>
      <c r="AF2670">
        <v>0</v>
      </c>
      <c r="AG2670">
        <v>50000</v>
      </c>
      <c r="AH2670">
        <v>50000</v>
      </c>
      <c r="AI2670">
        <v>0</v>
      </c>
      <c r="AJ2670">
        <v>0</v>
      </c>
      <c r="AK2670" t="s">
        <v>6</v>
      </c>
      <c r="AL2670">
        <v>0</v>
      </c>
      <c r="AM2670">
        <v>0</v>
      </c>
      <c r="AN2670">
        <v>0</v>
      </c>
      <c r="AO2670">
        <v>0</v>
      </c>
      <c r="AP2670">
        <v>0</v>
      </c>
      <c r="AQ2670">
        <v>0</v>
      </c>
      <c r="AR2670">
        <v>0</v>
      </c>
      <c r="AS2670">
        <v>0</v>
      </c>
      <c r="AT2670">
        <v>0</v>
      </c>
      <c r="AU2670">
        <v>0</v>
      </c>
      <c r="AV2670">
        <v>0</v>
      </c>
      <c r="AW2670">
        <v>0</v>
      </c>
      <c r="AX2670">
        <v>0</v>
      </c>
      <c r="AY2670">
        <v>0</v>
      </c>
      <c r="AZ2670">
        <v>0</v>
      </c>
      <c r="BA2670">
        <v>0</v>
      </c>
    </row>
    <row r="2671" spans="1:53" x14ac:dyDescent="0.4">
      <c r="A2671">
        <v>2715</v>
      </c>
      <c r="B2671" s="1">
        <v>43690</v>
      </c>
      <c r="C2671">
        <v>2</v>
      </c>
      <c r="D2671" s="1">
        <v>43690.406944444447</v>
      </c>
      <c r="E2671" s="1">
        <v>43690.744444444441</v>
      </c>
      <c r="F2671">
        <v>43000</v>
      </c>
      <c r="G2671">
        <v>2020</v>
      </c>
      <c r="H2671">
        <v>0</v>
      </c>
      <c r="I2671">
        <v>0</v>
      </c>
      <c r="J2671">
        <v>0</v>
      </c>
      <c r="K2671">
        <v>0</v>
      </c>
      <c r="L2671">
        <v>0</v>
      </c>
      <c r="M2671">
        <v>3601</v>
      </c>
      <c r="N2671">
        <v>0</v>
      </c>
      <c r="O2671">
        <v>0</v>
      </c>
      <c r="P2671">
        <v>18360</v>
      </c>
      <c r="Q2671">
        <v>0</v>
      </c>
      <c r="R2671">
        <v>66981</v>
      </c>
      <c r="S2671">
        <v>0</v>
      </c>
      <c r="T2671">
        <v>0</v>
      </c>
      <c r="U2671">
        <v>0</v>
      </c>
      <c r="V2671">
        <v>2</v>
      </c>
      <c r="W2671">
        <v>3</v>
      </c>
      <c r="X2671">
        <v>0</v>
      </c>
      <c r="Y2671">
        <v>58</v>
      </c>
      <c r="Z2671">
        <v>28</v>
      </c>
      <c r="AA2671">
        <v>78</v>
      </c>
      <c r="AB2671">
        <v>8</v>
      </c>
      <c r="AC2671">
        <v>151</v>
      </c>
      <c r="AD2671">
        <v>49</v>
      </c>
      <c r="AE2671">
        <v>26</v>
      </c>
      <c r="AF2671">
        <v>0</v>
      </c>
      <c r="AG2671">
        <v>116981</v>
      </c>
      <c r="AH2671">
        <v>50000</v>
      </c>
      <c r="AI2671">
        <v>0</v>
      </c>
      <c r="AJ2671">
        <v>91</v>
      </c>
      <c r="AL2671">
        <v>0</v>
      </c>
      <c r="AM2671">
        <v>0</v>
      </c>
      <c r="AN2671">
        <v>0</v>
      </c>
      <c r="AO2671">
        <v>0</v>
      </c>
      <c r="AP2671">
        <v>0</v>
      </c>
      <c r="AQ2671">
        <v>0</v>
      </c>
      <c r="AR2671">
        <v>0</v>
      </c>
      <c r="AS2671">
        <v>0</v>
      </c>
      <c r="AT2671">
        <v>0</v>
      </c>
      <c r="AU2671">
        <v>0</v>
      </c>
      <c r="AV2671">
        <v>0</v>
      </c>
      <c r="AW2671">
        <v>0</v>
      </c>
      <c r="AX2671">
        <v>302</v>
      </c>
      <c r="AY2671">
        <v>49</v>
      </c>
      <c r="AZ2671">
        <v>114</v>
      </c>
      <c r="BA2671">
        <v>7436</v>
      </c>
    </row>
    <row r="2672" spans="1:53" x14ac:dyDescent="0.4">
      <c r="A2672">
        <v>2716</v>
      </c>
      <c r="B2672" s="1">
        <v>43691</v>
      </c>
      <c r="C2672">
        <v>1</v>
      </c>
      <c r="D2672" s="1">
        <v>43691.291666666664</v>
      </c>
      <c r="E2672" s="1">
        <v>43691.401388888888</v>
      </c>
      <c r="F2672">
        <v>0</v>
      </c>
      <c r="G2672">
        <v>0</v>
      </c>
      <c r="H2672">
        <v>0</v>
      </c>
      <c r="I2672">
        <v>0</v>
      </c>
      <c r="J2672">
        <v>0</v>
      </c>
      <c r="K2672">
        <v>0</v>
      </c>
      <c r="L2672">
        <v>0</v>
      </c>
      <c r="M2672">
        <v>0</v>
      </c>
      <c r="N2672">
        <v>0</v>
      </c>
      <c r="O2672">
        <v>0</v>
      </c>
      <c r="P2672">
        <v>0</v>
      </c>
      <c r="Q2672">
        <v>0</v>
      </c>
      <c r="R2672">
        <v>0</v>
      </c>
      <c r="S2672">
        <v>0</v>
      </c>
      <c r="T2672">
        <v>0</v>
      </c>
      <c r="U2672">
        <v>0</v>
      </c>
      <c r="V2672">
        <v>0</v>
      </c>
      <c r="W2672">
        <v>0</v>
      </c>
      <c r="X2672">
        <v>0</v>
      </c>
      <c r="Y2672">
        <v>31</v>
      </c>
      <c r="Z2672">
        <v>15</v>
      </c>
      <c r="AA2672">
        <v>95</v>
      </c>
      <c r="AB2672">
        <v>7</v>
      </c>
      <c r="AC2672">
        <v>143</v>
      </c>
      <c r="AD2672">
        <v>43</v>
      </c>
      <c r="AE2672">
        <v>5</v>
      </c>
      <c r="AF2672">
        <v>0</v>
      </c>
      <c r="AG2672">
        <v>50000</v>
      </c>
      <c r="AH2672">
        <v>50000</v>
      </c>
      <c r="AI2672">
        <v>0</v>
      </c>
      <c r="AJ2672">
        <v>0</v>
      </c>
      <c r="AK2672" t="s">
        <v>6</v>
      </c>
      <c r="AL2672">
        <v>0</v>
      </c>
      <c r="AM2672">
        <v>0</v>
      </c>
      <c r="AN2672">
        <v>0</v>
      </c>
      <c r="AO2672">
        <v>0</v>
      </c>
      <c r="AP2672">
        <v>0</v>
      </c>
      <c r="AQ2672">
        <v>0</v>
      </c>
      <c r="AR2672">
        <v>0</v>
      </c>
      <c r="AS2672">
        <v>0</v>
      </c>
      <c r="AT2672">
        <v>0</v>
      </c>
      <c r="AU2672">
        <v>0</v>
      </c>
      <c r="AV2672">
        <v>0</v>
      </c>
      <c r="AW2672">
        <v>0</v>
      </c>
      <c r="AX2672">
        <v>0</v>
      </c>
      <c r="AY2672">
        <v>0</v>
      </c>
      <c r="AZ2672">
        <v>0</v>
      </c>
      <c r="BA2672">
        <v>0</v>
      </c>
    </row>
    <row r="2673" spans="1:53" x14ac:dyDescent="0.4">
      <c r="A2673">
        <v>2717</v>
      </c>
      <c r="B2673" s="1">
        <v>43691</v>
      </c>
      <c r="C2673">
        <v>2</v>
      </c>
      <c r="D2673" s="1">
        <v>43691.401388888888</v>
      </c>
      <c r="E2673" s="1">
        <v>43691.749305555553</v>
      </c>
      <c r="F2673">
        <v>40000</v>
      </c>
      <c r="G2673">
        <v>1220</v>
      </c>
      <c r="H2673">
        <v>0</v>
      </c>
      <c r="I2673">
        <v>0</v>
      </c>
      <c r="J2673">
        <v>0</v>
      </c>
      <c r="K2673">
        <v>0</v>
      </c>
      <c r="L2673">
        <v>0</v>
      </c>
      <c r="M2673">
        <v>3297</v>
      </c>
      <c r="N2673">
        <v>0</v>
      </c>
      <c r="O2673">
        <v>0</v>
      </c>
      <c r="P2673">
        <v>18360</v>
      </c>
      <c r="Q2673">
        <v>0</v>
      </c>
      <c r="R2673">
        <v>62877</v>
      </c>
      <c r="S2673">
        <v>0</v>
      </c>
      <c r="T2673">
        <v>0</v>
      </c>
      <c r="U2673">
        <v>0</v>
      </c>
      <c r="V2673">
        <v>1</v>
      </c>
      <c r="W2673">
        <v>0</v>
      </c>
      <c r="X2673">
        <v>0</v>
      </c>
      <c r="Y2673">
        <v>65</v>
      </c>
      <c r="Z2673">
        <v>43</v>
      </c>
      <c r="AA2673">
        <v>131</v>
      </c>
      <c r="AB2673">
        <v>17</v>
      </c>
      <c r="AC2673">
        <v>230</v>
      </c>
      <c r="AD2673">
        <v>45</v>
      </c>
      <c r="AE2673">
        <v>2</v>
      </c>
      <c r="AF2673">
        <v>0</v>
      </c>
      <c r="AG2673">
        <v>112977</v>
      </c>
      <c r="AH2673">
        <v>50000</v>
      </c>
      <c r="AI2673">
        <v>100</v>
      </c>
      <c r="AJ2673">
        <v>104</v>
      </c>
      <c r="AK2673" t="s">
        <v>42</v>
      </c>
      <c r="AL2673">
        <v>0</v>
      </c>
      <c r="AM2673">
        <v>0</v>
      </c>
      <c r="AN2673">
        <v>0</v>
      </c>
      <c r="AO2673">
        <v>0</v>
      </c>
      <c r="AP2673">
        <v>0</v>
      </c>
      <c r="AQ2673">
        <v>0</v>
      </c>
      <c r="AR2673">
        <v>0</v>
      </c>
      <c r="AS2673">
        <v>0</v>
      </c>
      <c r="AT2673">
        <v>0</v>
      </c>
      <c r="AU2673">
        <v>0</v>
      </c>
      <c r="AV2673">
        <v>0</v>
      </c>
      <c r="AW2673">
        <v>0</v>
      </c>
      <c r="AX2673">
        <v>0</v>
      </c>
      <c r="AY2673">
        <v>50</v>
      </c>
      <c r="AZ2673">
        <v>112</v>
      </c>
      <c r="BA2673">
        <v>7591</v>
      </c>
    </row>
    <row r="2674" spans="1:53" x14ac:dyDescent="0.4">
      <c r="A2674">
        <v>2718</v>
      </c>
      <c r="B2674" s="1">
        <v>43692</v>
      </c>
      <c r="C2674">
        <v>1</v>
      </c>
      <c r="D2674" s="1">
        <v>43692.291666666664</v>
      </c>
      <c r="E2674" s="1">
        <v>43692.407638888886</v>
      </c>
      <c r="F2674">
        <v>0</v>
      </c>
      <c r="G2674">
        <v>0</v>
      </c>
      <c r="H2674">
        <v>0</v>
      </c>
      <c r="I2674">
        <v>0</v>
      </c>
      <c r="J2674">
        <v>0</v>
      </c>
      <c r="K2674">
        <v>0</v>
      </c>
      <c r="L2674">
        <v>0</v>
      </c>
      <c r="M2674">
        <v>0</v>
      </c>
      <c r="N2674">
        <v>0</v>
      </c>
      <c r="O2674">
        <v>0</v>
      </c>
      <c r="P2674">
        <v>0</v>
      </c>
      <c r="Q2674">
        <v>0</v>
      </c>
      <c r="R2674">
        <v>0</v>
      </c>
      <c r="S2674">
        <v>0</v>
      </c>
      <c r="T2674">
        <v>0</v>
      </c>
      <c r="U2674">
        <v>0</v>
      </c>
      <c r="V2674">
        <v>0</v>
      </c>
      <c r="W2674">
        <v>0</v>
      </c>
      <c r="X2674">
        <v>0</v>
      </c>
      <c r="Y2674">
        <v>26</v>
      </c>
      <c r="Z2674">
        <v>10</v>
      </c>
      <c r="AA2674">
        <v>161</v>
      </c>
      <c r="AB2674">
        <v>32</v>
      </c>
      <c r="AC2674">
        <v>105</v>
      </c>
      <c r="AD2674">
        <v>46</v>
      </c>
      <c r="AE2674">
        <v>20</v>
      </c>
      <c r="AF2674">
        <v>0</v>
      </c>
      <c r="AG2674">
        <v>50000</v>
      </c>
      <c r="AH2674">
        <v>0</v>
      </c>
      <c r="AI2674">
        <v>50000</v>
      </c>
      <c r="AJ2674">
        <v>0</v>
      </c>
      <c r="AK2674" t="s">
        <v>6</v>
      </c>
      <c r="AL2674">
        <v>0</v>
      </c>
      <c r="AM2674">
        <v>0</v>
      </c>
      <c r="AN2674">
        <v>0</v>
      </c>
      <c r="AO2674">
        <v>0</v>
      </c>
      <c r="AP2674">
        <v>0</v>
      </c>
      <c r="AQ2674">
        <v>0</v>
      </c>
      <c r="AR2674">
        <v>0</v>
      </c>
      <c r="AS2674">
        <v>0</v>
      </c>
      <c r="AT2674">
        <v>0</v>
      </c>
      <c r="AU2674">
        <v>0</v>
      </c>
      <c r="AV2674">
        <v>0</v>
      </c>
      <c r="AW2674">
        <v>0</v>
      </c>
      <c r="AX2674">
        <v>0</v>
      </c>
      <c r="AY2674">
        <v>0</v>
      </c>
      <c r="AZ2674">
        <v>0</v>
      </c>
      <c r="BA2674">
        <v>0</v>
      </c>
    </row>
    <row r="2675" spans="1:53" x14ac:dyDescent="0.4">
      <c r="A2675">
        <v>2719</v>
      </c>
      <c r="B2675" s="1">
        <v>43692</v>
      </c>
      <c r="C2675">
        <v>2</v>
      </c>
      <c r="D2675" s="1">
        <v>43692.407638888886</v>
      </c>
      <c r="E2675" s="1">
        <v>43692.746527777781</v>
      </c>
      <c r="F2675">
        <v>48000</v>
      </c>
      <c r="G2675">
        <v>2960</v>
      </c>
      <c r="H2675">
        <v>200</v>
      </c>
      <c r="I2675">
        <v>0</v>
      </c>
      <c r="J2675">
        <v>0</v>
      </c>
      <c r="K2675">
        <v>0</v>
      </c>
      <c r="L2675">
        <v>0</v>
      </c>
      <c r="M2675">
        <v>4092</v>
      </c>
      <c r="N2675">
        <v>0</v>
      </c>
      <c r="O2675">
        <v>0</v>
      </c>
      <c r="P2675">
        <v>22140</v>
      </c>
      <c r="Q2675">
        <v>0</v>
      </c>
      <c r="R2675">
        <v>77392</v>
      </c>
      <c r="S2675">
        <v>0</v>
      </c>
      <c r="T2675">
        <v>0</v>
      </c>
      <c r="U2675">
        <v>0</v>
      </c>
      <c r="V2675">
        <v>2</v>
      </c>
      <c r="W2675">
        <v>4</v>
      </c>
      <c r="X2675">
        <v>0</v>
      </c>
      <c r="Y2675">
        <v>54</v>
      </c>
      <c r="Z2675">
        <v>28</v>
      </c>
      <c r="AA2675">
        <v>160</v>
      </c>
      <c r="AB2675">
        <v>19</v>
      </c>
      <c r="AC2675">
        <v>213</v>
      </c>
      <c r="AD2675">
        <v>53</v>
      </c>
      <c r="AE2675">
        <v>47</v>
      </c>
      <c r="AF2675">
        <v>0</v>
      </c>
      <c r="AG2675">
        <v>127392</v>
      </c>
      <c r="AH2675">
        <v>50000</v>
      </c>
      <c r="AI2675">
        <v>0</v>
      </c>
      <c r="AJ2675">
        <v>90</v>
      </c>
      <c r="AK2675" t="s">
        <v>38</v>
      </c>
      <c r="AL2675">
        <v>0</v>
      </c>
      <c r="AM2675">
        <v>0</v>
      </c>
      <c r="AN2675">
        <v>0</v>
      </c>
      <c r="AO2675">
        <v>0</v>
      </c>
      <c r="AP2675">
        <v>0</v>
      </c>
      <c r="AQ2675">
        <v>0</v>
      </c>
      <c r="AR2675">
        <v>0</v>
      </c>
      <c r="AS2675">
        <v>0</v>
      </c>
      <c r="AT2675">
        <v>0</v>
      </c>
      <c r="AU2675">
        <v>0</v>
      </c>
      <c r="AV2675">
        <v>0</v>
      </c>
      <c r="AW2675">
        <v>0</v>
      </c>
      <c r="AX2675">
        <v>-540</v>
      </c>
      <c r="AY2675">
        <v>50</v>
      </c>
      <c r="AZ2675">
        <v>128</v>
      </c>
      <c r="BA2675">
        <v>7731</v>
      </c>
    </row>
    <row r="2676" spans="1:53" x14ac:dyDescent="0.4">
      <c r="A2676">
        <v>2720</v>
      </c>
      <c r="B2676" s="1">
        <v>43692</v>
      </c>
      <c r="C2676">
        <v>3</v>
      </c>
      <c r="D2676" s="1">
        <v>43692.746527777781</v>
      </c>
      <c r="E2676" s="1">
        <v>43692.95416666667</v>
      </c>
      <c r="F2676">
        <v>61500</v>
      </c>
      <c r="G2676">
        <v>320</v>
      </c>
      <c r="H2676">
        <v>0</v>
      </c>
      <c r="I2676">
        <v>0</v>
      </c>
      <c r="J2676">
        <v>0</v>
      </c>
      <c r="K2676">
        <v>4500</v>
      </c>
      <c r="L2676">
        <v>0</v>
      </c>
      <c r="M2676">
        <v>5306</v>
      </c>
      <c r="N2676">
        <v>0</v>
      </c>
      <c r="O2676">
        <v>0</v>
      </c>
      <c r="P2676">
        <v>-12096</v>
      </c>
      <c r="Q2676">
        <v>0</v>
      </c>
      <c r="R2676">
        <v>59530</v>
      </c>
      <c r="S2676">
        <v>0</v>
      </c>
      <c r="T2676">
        <v>0</v>
      </c>
      <c r="U2676">
        <v>0</v>
      </c>
      <c r="V2676">
        <v>7</v>
      </c>
      <c r="W2676">
        <v>5</v>
      </c>
      <c r="X2676">
        <v>0</v>
      </c>
      <c r="Y2676">
        <v>63</v>
      </c>
      <c r="Z2676">
        <v>26</v>
      </c>
      <c r="AA2676">
        <v>111</v>
      </c>
      <c r="AB2676">
        <v>25</v>
      </c>
      <c r="AC2676">
        <v>210</v>
      </c>
      <c r="AD2676">
        <v>54</v>
      </c>
      <c r="AE2676">
        <v>52</v>
      </c>
      <c r="AF2676">
        <v>1690</v>
      </c>
      <c r="AG2676">
        <v>187462</v>
      </c>
      <c r="AH2676">
        <v>50000</v>
      </c>
      <c r="AI2676">
        <v>540</v>
      </c>
      <c r="AJ2676">
        <v>108</v>
      </c>
      <c r="AK2676" t="s">
        <v>30</v>
      </c>
      <c r="AL2676">
        <v>0</v>
      </c>
      <c r="AM2676">
        <v>0</v>
      </c>
      <c r="AN2676">
        <v>0</v>
      </c>
      <c r="AO2676">
        <v>0</v>
      </c>
      <c r="AP2676">
        <v>0</v>
      </c>
      <c r="AQ2676">
        <v>0</v>
      </c>
      <c r="AR2676">
        <v>0</v>
      </c>
      <c r="AS2676">
        <v>0</v>
      </c>
      <c r="AT2676">
        <v>0</v>
      </c>
      <c r="AU2676">
        <v>0</v>
      </c>
      <c r="AV2676">
        <v>0</v>
      </c>
      <c r="AW2676">
        <v>0</v>
      </c>
      <c r="AX2676">
        <v>9715</v>
      </c>
      <c r="AY2676">
        <v>14</v>
      </c>
      <c r="AZ2676">
        <v>64</v>
      </c>
      <c r="BA2676">
        <v>2952</v>
      </c>
    </row>
    <row r="2677" spans="1:53" x14ac:dyDescent="0.4">
      <c r="A2677">
        <v>2721</v>
      </c>
      <c r="B2677" s="1">
        <v>43693</v>
      </c>
      <c r="C2677">
        <v>1</v>
      </c>
      <c r="D2677" s="1">
        <v>43693.291666666664</v>
      </c>
      <c r="E2677" s="1">
        <v>43693.411805555559</v>
      </c>
      <c r="F2677">
        <v>0</v>
      </c>
      <c r="G2677">
        <v>0</v>
      </c>
      <c r="H2677">
        <v>0</v>
      </c>
      <c r="I2677">
        <v>0</v>
      </c>
      <c r="J2677">
        <v>0</v>
      </c>
      <c r="K2677">
        <v>0</v>
      </c>
      <c r="L2677">
        <v>0</v>
      </c>
      <c r="M2677">
        <v>0</v>
      </c>
      <c r="N2677">
        <v>0</v>
      </c>
      <c r="O2677">
        <v>0</v>
      </c>
      <c r="P2677">
        <v>0</v>
      </c>
      <c r="Q2677">
        <v>0</v>
      </c>
      <c r="R2677">
        <v>0</v>
      </c>
      <c r="S2677">
        <v>0</v>
      </c>
      <c r="T2677">
        <v>0</v>
      </c>
      <c r="U2677">
        <v>0</v>
      </c>
      <c r="V2677">
        <v>0</v>
      </c>
      <c r="W2677">
        <v>0</v>
      </c>
      <c r="X2677">
        <v>0</v>
      </c>
      <c r="Y2677">
        <v>31</v>
      </c>
      <c r="Z2677">
        <v>11</v>
      </c>
      <c r="AA2677">
        <v>109</v>
      </c>
      <c r="AB2677">
        <v>25</v>
      </c>
      <c r="AC2677">
        <v>105</v>
      </c>
      <c r="AD2677">
        <v>49</v>
      </c>
      <c r="AE2677">
        <v>55</v>
      </c>
      <c r="AF2677">
        <v>0</v>
      </c>
      <c r="AG2677">
        <v>50000</v>
      </c>
      <c r="AH2677">
        <v>0</v>
      </c>
      <c r="AI2677">
        <v>50000</v>
      </c>
      <c r="AJ2677">
        <v>0</v>
      </c>
      <c r="AK2677" t="s">
        <v>6</v>
      </c>
      <c r="AL2677">
        <v>0</v>
      </c>
      <c r="AM2677">
        <v>0</v>
      </c>
      <c r="AN2677">
        <v>0</v>
      </c>
      <c r="AO2677">
        <v>0</v>
      </c>
      <c r="AP2677">
        <v>0</v>
      </c>
      <c r="AQ2677">
        <v>0</v>
      </c>
      <c r="AR2677">
        <v>0</v>
      </c>
      <c r="AS2677">
        <v>0</v>
      </c>
      <c r="AT2677">
        <v>0</v>
      </c>
      <c r="AU2677">
        <v>0</v>
      </c>
      <c r="AV2677">
        <v>0</v>
      </c>
      <c r="AW2677">
        <v>0</v>
      </c>
      <c r="AX2677">
        <v>0</v>
      </c>
      <c r="AY2677">
        <v>0</v>
      </c>
      <c r="AZ2677">
        <v>0</v>
      </c>
      <c r="BA2677">
        <v>0</v>
      </c>
    </row>
    <row r="2678" spans="1:53" x14ac:dyDescent="0.4">
      <c r="A2678">
        <v>2722</v>
      </c>
      <c r="B2678" s="1">
        <v>43693</v>
      </c>
      <c r="C2678">
        <v>2</v>
      </c>
      <c r="D2678" s="1">
        <v>43693.411805555559</v>
      </c>
      <c r="E2678" s="1">
        <v>43693.736805555556</v>
      </c>
      <c r="F2678">
        <v>43500</v>
      </c>
      <c r="G2678">
        <v>940</v>
      </c>
      <c r="H2678">
        <v>0</v>
      </c>
      <c r="I2678">
        <v>0</v>
      </c>
      <c r="J2678">
        <v>0</v>
      </c>
      <c r="K2678">
        <v>0</v>
      </c>
      <c r="L2678">
        <v>0</v>
      </c>
      <c r="M2678">
        <v>3555</v>
      </c>
      <c r="N2678">
        <v>0</v>
      </c>
      <c r="O2678">
        <v>0</v>
      </c>
      <c r="P2678">
        <v>19980</v>
      </c>
      <c r="Q2678">
        <v>0</v>
      </c>
      <c r="R2678">
        <v>67975</v>
      </c>
      <c r="S2678">
        <v>0</v>
      </c>
      <c r="T2678">
        <v>0</v>
      </c>
      <c r="U2678">
        <v>0</v>
      </c>
      <c r="V2678">
        <v>4</v>
      </c>
      <c r="W2678">
        <v>0</v>
      </c>
      <c r="X2678">
        <v>0</v>
      </c>
      <c r="Y2678">
        <v>52</v>
      </c>
      <c r="Z2678">
        <v>17</v>
      </c>
      <c r="AA2678">
        <v>139</v>
      </c>
      <c r="AB2678">
        <v>22</v>
      </c>
      <c r="AC2678">
        <v>215</v>
      </c>
      <c r="AD2678">
        <v>53</v>
      </c>
      <c r="AE2678">
        <v>60</v>
      </c>
      <c r="AF2678">
        <v>0</v>
      </c>
      <c r="AG2678">
        <v>117975</v>
      </c>
      <c r="AH2678">
        <v>50000</v>
      </c>
      <c r="AI2678">
        <v>0</v>
      </c>
      <c r="AJ2678">
        <v>96</v>
      </c>
      <c r="AK2678" t="s">
        <v>4</v>
      </c>
      <c r="AL2678">
        <v>0</v>
      </c>
      <c r="AM2678">
        <v>0</v>
      </c>
      <c r="AN2678">
        <v>0</v>
      </c>
      <c r="AO2678">
        <v>0</v>
      </c>
      <c r="AP2678">
        <v>0</v>
      </c>
      <c r="AQ2678">
        <v>0</v>
      </c>
      <c r="AR2678">
        <v>0</v>
      </c>
      <c r="AS2678">
        <v>0</v>
      </c>
      <c r="AT2678">
        <v>0</v>
      </c>
      <c r="AU2678">
        <v>0</v>
      </c>
      <c r="AV2678">
        <v>0</v>
      </c>
      <c r="AW2678">
        <v>0</v>
      </c>
      <c r="AX2678">
        <v>583</v>
      </c>
      <c r="AY2678">
        <v>51</v>
      </c>
      <c r="AZ2678">
        <v>118</v>
      </c>
      <c r="BA2678">
        <v>7403</v>
      </c>
    </row>
    <row r="2679" spans="1:53" x14ac:dyDescent="0.4">
      <c r="A2679">
        <v>2723</v>
      </c>
      <c r="B2679" s="1">
        <v>43693</v>
      </c>
      <c r="C2679">
        <v>3</v>
      </c>
      <c r="D2679" s="1">
        <v>43693.736805555556</v>
      </c>
      <c r="E2679" s="1">
        <v>43693.96597222222</v>
      </c>
      <c r="F2679">
        <v>85500</v>
      </c>
      <c r="G2679">
        <v>7840</v>
      </c>
      <c r="H2679">
        <v>0</v>
      </c>
      <c r="I2679">
        <v>0</v>
      </c>
      <c r="J2679">
        <v>800</v>
      </c>
      <c r="K2679">
        <v>0</v>
      </c>
      <c r="L2679">
        <v>0</v>
      </c>
      <c r="M2679">
        <v>7403</v>
      </c>
      <c r="N2679">
        <v>0</v>
      </c>
      <c r="O2679">
        <v>0</v>
      </c>
      <c r="P2679">
        <v>-7020</v>
      </c>
      <c r="Q2679">
        <v>0</v>
      </c>
      <c r="R2679">
        <v>92923</v>
      </c>
      <c r="S2679">
        <v>0</v>
      </c>
      <c r="T2679">
        <v>0</v>
      </c>
      <c r="U2679">
        <v>0</v>
      </c>
      <c r="V2679">
        <v>11</v>
      </c>
      <c r="W2679">
        <v>1</v>
      </c>
      <c r="X2679">
        <v>0</v>
      </c>
      <c r="Y2679">
        <v>69</v>
      </c>
      <c r="Z2679">
        <v>20</v>
      </c>
      <c r="AA2679">
        <v>150</v>
      </c>
      <c r="AB2679">
        <v>28</v>
      </c>
      <c r="AC2679">
        <v>211</v>
      </c>
      <c r="AD2679">
        <v>54</v>
      </c>
      <c r="AE2679">
        <v>90</v>
      </c>
      <c r="AF2679">
        <v>0</v>
      </c>
      <c r="AG2679">
        <v>212870</v>
      </c>
      <c r="AH2679">
        <v>50000</v>
      </c>
      <c r="AI2679">
        <v>1972</v>
      </c>
      <c r="AJ2679">
        <v>84</v>
      </c>
      <c r="AK2679" t="s">
        <v>16</v>
      </c>
      <c r="AL2679">
        <v>0</v>
      </c>
      <c r="AM2679">
        <v>0</v>
      </c>
      <c r="AN2679">
        <v>0</v>
      </c>
      <c r="AO2679">
        <v>0</v>
      </c>
      <c r="AP2679">
        <v>0</v>
      </c>
      <c r="AQ2679">
        <v>0</v>
      </c>
      <c r="AR2679">
        <v>0</v>
      </c>
      <c r="AS2679">
        <v>0</v>
      </c>
      <c r="AT2679">
        <v>0</v>
      </c>
      <c r="AU2679">
        <v>0</v>
      </c>
      <c r="AV2679">
        <v>0</v>
      </c>
      <c r="AW2679">
        <v>0</v>
      </c>
      <c r="AX2679">
        <v>28609</v>
      </c>
      <c r="AY2679">
        <v>29</v>
      </c>
      <c r="AZ2679">
        <v>91</v>
      </c>
      <c r="BA2679">
        <v>4539</v>
      </c>
    </row>
    <row r="2680" spans="1:53" x14ac:dyDescent="0.4">
      <c r="A2680">
        <v>2724</v>
      </c>
      <c r="B2680" s="1">
        <v>43693</v>
      </c>
      <c r="C2680">
        <v>4</v>
      </c>
      <c r="D2680" s="1">
        <v>43693.96597222222</v>
      </c>
      <c r="E2680" s="1">
        <v>43694.09097222222</v>
      </c>
      <c r="F2680">
        <v>86500</v>
      </c>
      <c r="G2680">
        <v>2110</v>
      </c>
      <c r="H2680">
        <v>200</v>
      </c>
      <c r="I2680">
        <v>0</v>
      </c>
      <c r="J2680">
        <v>0</v>
      </c>
      <c r="K2680">
        <v>1200</v>
      </c>
      <c r="L2680">
        <v>0</v>
      </c>
      <c r="M2680">
        <v>7201</v>
      </c>
      <c r="N2680">
        <v>0</v>
      </c>
      <c r="O2680">
        <v>0</v>
      </c>
      <c r="P2680">
        <v>3564</v>
      </c>
      <c r="Q2680">
        <v>0</v>
      </c>
      <c r="R2680">
        <v>100775</v>
      </c>
      <c r="S2680">
        <v>0</v>
      </c>
      <c r="T2680">
        <v>0</v>
      </c>
      <c r="U2680">
        <v>0</v>
      </c>
      <c r="V2680">
        <v>17</v>
      </c>
      <c r="W2680">
        <v>5</v>
      </c>
      <c r="X2680">
        <v>0</v>
      </c>
      <c r="Y2680">
        <v>90</v>
      </c>
      <c r="Z2680">
        <v>18</v>
      </c>
      <c r="AA2680">
        <v>139</v>
      </c>
      <c r="AB2680">
        <v>25</v>
      </c>
      <c r="AC2680">
        <v>194</v>
      </c>
      <c r="AD2680">
        <v>54</v>
      </c>
      <c r="AE2680">
        <v>97</v>
      </c>
      <c r="AF2680">
        <v>216</v>
      </c>
      <c r="AG2680">
        <v>311673</v>
      </c>
      <c r="AH2680">
        <v>50000</v>
      </c>
      <c r="AI2680">
        <v>0</v>
      </c>
      <c r="AJ2680">
        <v>108</v>
      </c>
      <c r="AK2680" t="s">
        <v>30</v>
      </c>
      <c r="AL2680">
        <v>0</v>
      </c>
      <c r="AM2680">
        <v>0</v>
      </c>
      <c r="AN2680">
        <v>0</v>
      </c>
      <c r="AO2680">
        <v>0</v>
      </c>
      <c r="AP2680">
        <v>0</v>
      </c>
      <c r="AQ2680">
        <v>0</v>
      </c>
      <c r="AR2680">
        <v>0</v>
      </c>
      <c r="AS2680">
        <v>0</v>
      </c>
      <c r="AT2680">
        <v>0</v>
      </c>
      <c r="AU2680">
        <v>0</v>
      </c>
      <c r="AV2680">
        <v>0</v>
      </c>
      <c r="AW2680">
        <v>0</v>
      </c>
      <c r="AX2680">
        <v>9158</v>
      </c>
      <c r="AY2680">
        <v>7</v>
      </c>
      <c r="AZ2680">
        <v>17</v>
      </c>
      <c r="BA2680">
        <v>2066</v>
      </c>
    </row>
    <row r="2681" spans="1:53" x14ac:dyDescent="0.4">
      <c r="A2681">
        <v>2725</v>
      </c>
      <c r="B2681" s="1">
        <v>43694</v>
      </c>
      <c r="C2681">
        <v>1</v>
      </c>
      <c r="D2681" s="1">
        <v>43694.291666666664</v>
      </c>
      <c r="E2681" s="1">
        <v>43694.402777777781</v>
      </c>
      <c r="F2681">
        <v>0</v>
      </c>
      <c r="G2681">
        <v>0</v>
      </c>
      <c r="H2681">
        <v>0</v>
      </c>
      <c r="I2681">
        <v>0</v>
      </c>
      <c r="J2681">
        <v>0</v>
      </c>
      <c r="K2681">
        <v>0</v>
      </c>
      <c r="L2681">
        <v>0</v>
      </c>
      <c r="M2681">
        <v>0</v>
      </c>
      <c r="N2681">
        <v>0</v>
      </c>
      <c r="O2681">
        <v>0</v>
      </c>
      <c r="P2681">
        <v>0</v>
      </c>
      <c r="Q2681">
        <v>0</v>
      </c>
      <c r="R2681">
        <v>0</v>
      </c>
      <c r="S2681">
        <v>0</v>
      </c>
      <c r="T2681">
        <v>0</v>
      </c>
      <c r="U2681">
        <v>0</v>
      </c>
      <c r="V2681">
        <v>0</v>
      </c>
      <c r="W2681">
        <v>1</v>
      </c>
      <c r="X2681">
        <v>0</v>
      </c>
      <c r="Y2681">
        <v>30</v>
      </c>
      <c r="Z2681">
        <v>7</v>
      </c>
      <c r="AA2681">
        <v>89</v>
      </c>
      <c r="AB2681">
        <v>25</v>
      </c>
      <c r="AC2681">
        <v>100</v>
      </c>
      <c r="AD2681">
        <v>51</v>
      </c>
      <c r="AE2681">
        <v>95</v>
      </c>
      <c r="AF2681">
        <v>0</v>
      </c>
      <c r="AG2681">
        <v>50000</v>
      </c>
      <c r="AH2681">
        <v>50000</v>
      </c>
      <c r="AI2681">
        <v>0</v>
      </c>
      <c r="AJ2681">
        <v>0</v>
      </c>
      <c r="AK2681" t="s">
        <v>6</v>
      </c>
      <c r="AL2681">
        <v>0</v>
      </c>
      <c r="AM2681">
        <v>0</v>
      </c>
      <c r="AN2681">
        <v>0</v>
      </c>
      <c r="AO2681">
        <v>0</v>
      </c>
      <c r="AP2681">
        <v>0</v>
      </c>
      <c r="AQ2681">
        <v>0</v>
      </c>
      <c r="AR2681">
        <v>0</v>
      </c>
      <c r="AS2681">
        <v>0</v>
      </c>
      <c r="AT2681">
        <v>0</v>
      </c>
      <c r="AU2681">
        <v>0</v>
      </c>
      <c r="AV2681">
        <v>0</v>
      </c>
      <c r="AW2681">
        <v>0</v>
      </c>
      <c r="AX2681">
        <v>0</v>
      </c>
      <c r="AY2681">
        <v>0</v>
      </c>
      <c r="AZ2681">
        <v>0</v>
      </c>
      <c r="BA2681">
        <v>0</v>
      </c>
    </row>
    <row r="2682" spans="1:53" x14ac:dyDescent="0.4">
      <c r="A2682">
        <v>2726</v>
      </c>
      <c r="B2682" s="1">
        <v>43694</v>
      </c>
      <c r="C2682">
        <v>2</v>
      </c>
      <c r="D2682" s="1">
        <v>43694.402777777781</v>
      </c>
      <c r="E2682" s="1">
        <v>43694.73541666667</v>
      </c>
      <c r="F2682">
        <v>42500</v>
      </c>
      <c r="G2682">
        <v>540</v>
      </c>
      <c r="H2682">
        <v>0</v>
      </c>
      <c r="I2682">
        <v>0</v>
      </c>
      <c r="J2682">
        <v>0</v>
      </c>
      <c r="K2682">
        <v>0</v>
      </c>
      <c r="L2682">
        <v>0</v>
      </c>
      <c r="M2682">
        <v>3443</v>
      </c>
      <c r="N2682">
        <v>0</v>
      </c>
      <c r="O2682">
        <v>0</v>
      </c>
      <c r="P2682">
        <v>12960</v>
      </c>
      <c r="Q2682">
        <v>0</v>
      </c>
      <c r="R2682">
        <v>59443</v>
      </c>
      <c r="S2682">
        <v>0</v>
      </c>
      <c r="T2682">
        <v>0</v>
      </c>
      <c r="U2682">
        <v>0</v>
      </c>
      <c r="V2682">
        <v>0</v>
      </c>
      <c r="W2682">
        <v>6</v>
      </c>
      <c r="X2682">
        <v>0</v>
      </c>
      <c r="Y2682">
        <v>55</v>
      </c>
      <c r="Z2682">
        <v>21</v>
      </c>
      <c r="AA2682">
        <v>106</v>
      </c>
      <c r="AB2682">
        <v>32</v>
      </c>
      <c r="AC2682">
        <v>145</v>
      </c>
      <c r="AD2682">
        <v>51</v>
      </c>
      <c r="AE2682">
        <v>98</v>
      </c>
      <c r="AF2682">
        <v>0</v>
      </c>
      <c r="AG2682">
        <v>109503</v>
      </c>
      <c r="AH2682">
        <v>50000</v>
      </c>
      <c r="AI2682">
        <v>60</v>
      </c>
      <c r="AJ2682">
        <v>101</v>
      </c>
      <c r="AK2682" t="s">
        <v>28</v>
      </c>
      <c r="AL2682">
        <v>0</v>
      </c>
      <c r="AM2682">
        <v>0</v>
      </c>
      <c r="AN2682">
        <v>0</v>
      </c>
      <c r="AO2682">
        <v>0</v>
      </c>
      <c r="AP2682">
        <v>0</v>
      </c>
      <c r="AQ2682">
        <v>0</v>
      </c>
      <c r="AR2682">
        <v>0</v>
      </c>
      <c r="AS2682">
        <v>0</v>
      </c>
      <c r="AT2682">
        <v>0</v>
      </c>
      <c r="AU2682">
        <v>0</v>
      </c>
      <c r="AV2682">
        <v>0</v>
      </c>
      <c r="AW2682">
        <v>0</v>
      </c>
      <c r="AX2682">
        <v>0</v>
      </c>
      <c r="AY2682">
        <v>48</v>
      </c>
      <c r="AZ2682">
        <v>106</v>
      </c>
      <c r="BA2682">
        <v>7047</v>
      </c>
    </row>
    <row r="2683" spans="1:53" x14ac:dyDescent="0.4">
      <c r="A2683">
        <v>2727</v>
      </c>
      <c r="B2683" s="1">
        <v>43695</v>
      </c>
      <c r="C2683">
        <v>1</v>
      </c>
      <c r="D2683" s="1">
        <v>43695.291666666664</v>
      </c>
      <c r="E2683" s="1">
        <v>43695.402083333334</v>
      </c>
      <c r="F2683">
        <v>0</v>
      </c>
      <c r="G2683">
        <v>0</v>
      </c>
      <c r="H2683">
        <v>0</v>
      </c>
      <c r="I2683">
        <v>0</v>
      </c>
      <c r="J2683">
        <v>0</v>
      </c>
      <c r="K2683">
        <v>0</v>
      </c>
      <c r="L2683">
        <v>0</v>
      </c>
      <c r="M2683">
        <v>0</v>
      </c>
      <c r="N2683">
        <v>0</v>
      </c>
      <c r="O2683">
        <v>0</v>
      </c>
      <c r="P2683">
        <v>0</v>
      </c>
      <c r="Q2683">
        <v>0</v>
      </c>
      <c r="R2683">
        <v>0</v>
      </c>
      <c r="S2683">
        <v>0</v>
      </c>
      <c r="T2683">
        <v>0</v>
      </c>
      <c r="U2683">
        <v>0</v>
      </c>
      <c r="V2683">
        <v>0</v>
      </c>
      <c r="W2683">
        <v>0</v>
      </c>
      <c r="X2683">
        <v>0</v>
      </c>
      <c r="Y2683">
        <v>24</v>
      </c>
      <c r="Z2683">
        <v>2</v>
      </c>
      <c r="AA2683">
        <v>117</v>
      </c>
      <c r="AB2683">
        <v>36</v>
      </c>
      <c r="AC2683">
        <v>114</v>
      </c>
      <c r="AD2683">
        <v>58</v>
      </c>
      <c r="AE2683">
        <v>70</v>
      </c>
      <c r="AF2683">
        <v>0</v>
      </c>
      <c r="AG2683">
        <v>40000</v>
      </c>
      <c r="AH2683">
        <v>40000</v>
      </c>
      <c r="AI2683">
        <v>0</v>
      </c>
      <c r="AJ2683">
        <v>0</v>
      </c>
      <c r="AK2683" t="s">
        <v>6</v>
      </c>
      <c r="AL2683">
        <v>0</v>
      </c>
      <c r="AM2683">
        <v>0</v>
      </c>
      <c r="AN2683">
        <v>0</v>
      </c>
      <c r="AO2683">
        <v>0</v>
      </c>
      <c r="AP2683">
        <v>0</v>
      </c>
      <c r="AQ2683">
        <v>0</v>
      </c>
      <c r="AR2683">
        <v>0</v>
      </c>
      <c r="AS2683">
        <v>0</v>
      </c>
      <c r="AT2683">
        <v>0</v>
      </c>
      <c r="AU2683">
        <v>0</v>
      </c>
      <c r="AV2683">
        <v>0</v>
      </c>
      <c r="AW2683">
        <v>0</v>
      </c>
      <c r="AX2683">
        <v>0</v>
      </c>
      <c r="AY2683">
        <v>0</v>
      </c>
      <c r="AZ2683">
        <v>0</v>
      </c>
      <c r="BA2683">
        <v>0</v>
      </c>
    </row>
    <row r="2684" spans="1:53" x14ac:dyDescent="0.4">
      <c r="A2684">
        <v>2728</v>
      </c>
      <c r="B2684" s="1">
        <v>43695</v>
      </c>
      <c r="C2684">
        <v>2</v>
      </c>
      <c r="D2684" s="1">
        <v>43695.402083333334</v>
      </c>
      <c r="E2684" s="1">
        <v>43695.73541666667</v>
      </c>
      <c r="F2684">
        <v>45000</v>
      </c>
      <c r="G2684">
        <v>1400</v>
      </c>
      <c r="H2684">
        <v>0</v>
      </c>
      <c r="I2684">
        <v>0</v>
      </c>
      <c r="J2684">
        <v>0</v>
      </c>
      <c r="K2684">
        <v>0</v>
      </c>
      <c r="L2684">
        <v>0</v>
      </c>
      <c r="M2684">
        <v>3712</v>
      </c>
      <c r="N2684">
        <v>0</v>
      </c>
      <c r="O2684">
        <v>0</v>
      </c>
      <c r="P2684">
        <v>17280</v>
      </c>
      <c r="Q2684">
        <v>0</v>
      </c>
      <c r="R2684">
        <v>67392</v>
      </c>
      <c r="S2684">
        <v>0</v>
      </c>
      <c r="T2684">
        <v>0</v>
      </c>
      <c r="U2684">
        <v>0</v>
      </c>
      <c r="V2684">
        <v>2</v>
      </c>
      <c r="W2684">
        <v>0</v>
      </c>
      <c r="X2684">
        <v>0</v>
      </c>
      <c r="Y2684">
        <v>59</v>
      </c>
      <c r="Z2684">
        <v>16</v>
      </c>
      <c r="AA2684">
        <v>156</v>
      </c>
      <c r="AB2684">
        <v>49</v>
      </c>
      <c r="AC2684">
        <v>195</v>
      </c>
      <c r="AD2684">
        <v>63</v>
      </c>
      <c r="AE2684">
        <v>77</v>
      </c>
      <c r="AF2684">
        <v>0</v>
      </c>
      <c r="AG2684">
        <v>107392</v>
      </c>
      <c r="AH2684">
        <v>40000</v>
      </c>
      <c r="AI2684">
        <v>0</v>
      </c>
      <c r="AJ2684">
        <v>101</v>
      </c>
      <c r="AK2684" t="s">
        <v>28</v>
      </c>
      <c r="AL2684">
        <v>0</v>
      </c>
      <c r="AM2684">
        <v>0</v>
      </c>
      <c r="AN2684">
        <v>0</v>
      </c>
      <c r="AO2684">
        <v>0</v>
      </c>
      <c r="AP2684">
        <v>0</v>
      </c>
      <c r="AQ2684">
        <v>0</v>
      </c>
      <c r="AR2684">
        <v>0</v>
      </c>
      <c r="AS2684">
        <v>0</v>
      </c>
      <c r="AT2684">
        <v>0</v>
      </c>
      <c r="AU2684">
        <v>0</v>
      </c>
      <c r="AV2684">
        <v>0</v>
      </c>
      <c r="AW2684">
        <v>0</v>
      </c>
      <c r="AX2684">
        <v>-3240</v>
      </c>
      <c r="AY2684">
        <v>53</v>
      </c>
      <c r="AZ2684">
        <v>120</v>
      </c>
      <c r="BA2684">
        <v>7668</v>
      </c>
    </row>
    <row r="2685" spans="1:53" x14ac:dyDescent="0.4">
      <c r="A2685">
        <v>2729</v>
      </c>
      <c r="B2685" s="1">
        <v>43695</v>
      </c>
      <c r="C2685">
        <v>3</v>
      </c>
      <c r="D2685" s="1">
        <v>43695.73541666667</v>
      </c>
      <c r="E2685" s="1">
        <v>43695.956944444442</v>
      </c>
      <c r="F2685">
        <v>59920</v>
      </c>
      <c r="G2685">
        <v>2010</v>
      </c>
      <c r="H2685">
        <v>0</v>
      </c>
      <c r="I2685">
        <v>0</v>
      </c>
      <c r="J2685">
        <v>0</v>
      </c>
      <c r="K2685">
        <v>0</v>
      </c>
      <c r="L2685">
        <v>0</v>
      </c>
      <c r="M2685">
        <v>4954</v>
      </c>
      <c r="N2685">
        <v>0</v>
      </c>
      <c r="O2685">
        <v>0</v>
      </c>
      <c r="P2685">
        <v>-12096</v>
      </c>
      <c r="Q2685">
        <v>0</v>
      </c>
      <c r="R2685">
        <v>54788</v>
      </c>
      <c r="S2685">
        <v>0</v>
      </c>
      <c r="T2685">
        <v>0</v>
      </c>
      <c r="U2685">
        <v>0</v>
      </c>
      <c r="V2685">
        <v>5</v>
      </c>
      <c r="W2685">
        <v>0</v>
      </c>
      <c r="X2685">
        <v>0</v>
      </c>
      <c r="Y2685">
        <v>70</v>
      </c>
      <c r="Z2685">
        <v>16</v>
      </c>
      <c r="AA2685">
        <v>142</v>
      </c>
      <c r="AB2685">
        <v>46</v>
      </c>
      <c r="AC2685">
        <v>191</v>
      </c>
      <c r="AD2685">
        <v>61</v>
      </c>
      <c r="AE2685">
        <v>85</v>
      </c>
      <c r="AF2685">
        <v>25380</v>
      </c>
      <c r="AG2685">
        <v>172180</v>
      </c>
      <c r="AH2685">
        <v>50000</v>
      </c>
      <c r="AI2685">
        <v>0</v>
      </c>
      <c r="AJ2685">
        <v>98</v>
      </c>
      <c r="AK2685" t="s">
        <v>35</v>
      </c>
      <c r="AL2685">
        <v>0</v>
      </c>
      <c r="AM2685">
        <v>0</v>
      </c>
      <c r="AN2685">
        <v>0</v>
      </c>
      <c r="AO2685">
        <v>0</v>
      </c>
      <c r="AP2685">
        <v>0</v>
      </c>
      <c r="AQ2685">
        <v>0</v>
      </c>
      <c r="AR2685">
        <v>0</v>
      </c>
      <c r="AS2685">
        <v>0</v>
      </c>
      <c r="AT2685">
        <v>0</v>
      </c>
      <c r="AU2685">
        <v>0</v>
      </c>
      <c r="AV2685">
        <v>0</v>
      </c>
      <c r="AW2685">
        <v>0</v>
      </c>
      <c r="AX2685">
        <v>10109</v>
      </c>
      <c r="AY2685">
        <v>18</v>
      </c>
      <c r="AZ2685">
        <v>41</v>
      </c>
      <c r="BA2685">
        <v>3395</v>
      </c>
    </row>
    <row r="2686" spans="1:53" x14ac:dyDescent="0.4">
      <c r="A2686">
        <v>2730</v>
      </c>
      <c r="B2686" s="1">
        <v>43696</v>
      </c>
      <c r="C2686">
        <v>1</v>
      </c>
      <c r="D2686" s="1">
        <v>43696.291666666664</v>
      </c>
      <c r="E2686" s="1">
        <v>43696.397916666669</v>
      </c>
      <c r="F2686">
        <v>0</v>
      </c>
      <c r="G2686">
        <v>0</v>
      </c>
      <c r="H2686">
        <v>0</v>
      </c>
      <c r="I2686">
        <v>0</v>
      </c>
      <c r="J2686">
        <v>0</v>
      </c>
      <c r="K2686">
        <v>0</v>
      </c>
      <c r="L2686">
        <v>0</v>
      </c>
      <c r="M2686">
        <v>0</v>
      </c>
      <c r="N2686">
        <v>0</v>
      </c>
      <c r="O2686">
        <v>0</v>
      </c>
      <c r="P2686">
        <v>0</v>
      </c>
      <c r="Q2686">
        <v>0</v>
      </c>
      <c r="R2686">
        <v>0</v>
      </c>
      <c r="S2686">
        <v>0</v>
      </c>
      <c r="T2686">
        <v>0</v>
      </c>
      <c r="U2686">
        <v>0</v>
      </c>
      <c r="V2686">
        <v>0</v>
      </c>
      <c r="W2686">
        <v>0</v>
      </c>
      <c r="X2686">
        <v>0</v>
      </c>
      <c r="Y2686">
        <v>30</v>
      </c>
      <c r="Z2686">
        <v>5</v>
      </c>
      <c r="AA2686">
        <v>135</v>
      </c>
      <c r="AB2686">
        <v>45</v>
      </c>
      <c r="AC2686">
        <v>135</v>
      </c>
      <c r="AD2686">
        <v>63</v>
      </c>
      <c r="AE2686">
        <v>85</v>
      </c>
      <c r="AF2686">
        <v>0</v>
      </c>
      <c r="AG2686">
        <v>50000</v>
      </c>
      <c r="AH2686">
        <v>50000</v>
      </c>
      <c r="AI2686">
        <v>0</v>
      </c>
      <c r="AJ2686">
        <v>0</v>
      </c>
      <c r="AK2686" t="s">
        <v>6</v>
      </c>
      <c r="AL2686">
        <v>0</v>
      </c>
      <c r="AM2686">
        <v>0</v>
      </c>
      <c r="AN2686">
        <v>0</v>
      </c>
      <c r="AO2686">
        <v>0</v>
      </c>
      <c r="AP2686">
        <v>0</v>
      </c>
      <c r="AQ2686">
        <v>0</v>
      </c>
      <c r="AR2686">
        <v>0</v>
      </c>
      <c r="AS2686">
        <v>0</v>
      </c>
      <c r="AT2686">
        <v>0</v>
      </c>
      <c r="AU2686">
        <v>0</v>
      </c>
      <c r="AV2686">
        <v>0</v>
      </c>
      <c r="AW2686">
        <v>0</v>
      </c>
      <c r="AX2686">
        <v>0</v>
      </c>
      <c r="AY2686">
        <v>0</v>
      </c>
      <c r="AZ2686">
        <v>0</v>
      </c>
      <c r="BA2686">
        <v>0</v>
      </c>
    </row>
    <row r="2687" spans="1:53" x14ac:dyDescent="0.4">
      <c r="A2687">
        <v>2731</v>
      </c>
      <c r="B2687" s="1">
        <v>43696</v>
      </c>
      <c r="C2687">
        <v>2</v>
      </c>
      <c r="D2687" s="1">
        <v>43696.397916666669</v>
      </c>
      <c r="E2687" s="1">
        <v>43696.745138888888</v>
      </c>
      <c r="F2687">
        <v>43500</v>
      </c>
      <c r="G2687">
        <v>2220</v>
      </c>
      <c r="H2687">
        <v>0</v>
      </c>
      <c r="I2687">
        <v>0</v>
      </c>
      <c r="J2687">
        <v>0</v>
      </c>
      <c r="K2687">
        <v>0</v>
      </c>
      <c r="L2687">
        <v>0</v>
      </c>
      <c r="M2687">
        <v>3657</v>
      </c>
      <c r="N2687">
        <v>0</v>
      </c>
      <c r="O2687">
        <v>0</v>
      </c>
      <c r="P2687">
        <v>22140</v>
      </c>
      <c r="Q2687">
        <v>0</v>
      </c>
      <c r="R2687">
        <v>71517</v>
      </c>
      <c r="S2687">
        <v>0</v>
      </c>
      <c r="T2687">
        <v>0</v>
      </c>
      <c r="U2687">
        <v>0</v>
      </c>
      <c r="V2687">
        <v>1</v>
      </c>
      <c r="W2687">
        <v>3</v>
      </c>
      <c r="X2687">
        <v>0</v>
      </c>
      <c r="Y2687">
        <v>70</v>
      </c>
      <c r="Z2687">
        <v>14</v>
      </c>
      <c r="AA2687">
        <v>114</v>
      </c>
      <c r="AB2687">
        <v>37</v>
      </c>
      <c r="AC2687">
        <v>208</v>
      </c>
      <c r="AD2687">
        <v>61</v>
      </c>
      <c r="AE2687">
        <v>86</v>
      </c>
      <c r="AF2687">
        <v>3796</v>
      </c>
      <c r="AG2687">
        <v>121517</v>
      </c>
      <c r="AH2687">
        <v>50000</v>
      </c>
      <c r="AI2687">
        <v>0</v>
      </c>
      <c r="AJ2687">
        <v>98</v>
      </c>
      <c r="AK2687" t="s">
        <v>35</v>
      </c>
      <c r="AL2687">
        <v>0</v>
      </c>
      <c r="AM2687">
        <v>0</v>
      </c>
      <c r="AN2687">
        <v>0</v>
      </c>
      <c r="AO2687">
        <v>0</v>
      </c>
      <c r="AP2687">
        <v>0</v>
      </c>
      <c r="AQ2687">
        <v>0</v>
      </c>
      <c r="AR2687">
        <v>0</v>
      </c>
      <c r="AS2687">
        <v>0</v>
      </c>
      <c r="AT2687">
        <v>0</v>
      </c>
      <c r="AU2687">
        <v>0</v>
      </c>
      <c r="AV2687">
        <v>0</v>
      </c>
      <c r="AW2687">
        <v>0</v>
      </c>
      <c r="AX2687">
        <v>540</v>
      </c>
      <c r="AY2687">
        <v>53</v>
      </c>
      <c r="AZ2687">
        <v>127</v>
      </c>
      <c r="BA2687">
        <v>7598</v>
      </c>
    </row>
    <row r="2688" spans="1:53" x14ac:dyDescent="0.4">
      <c r="A2688">
        <v>2732</v>
      </c>
      <c r="B2688" s="1">
        <v>43697</v>
      </c>
      <c r="C2688">
        <v>1</v>
      </c>
      <c r="D2688" s="1">
        <v>43697.291666666664</v>
      </c>
      <c r="E2688" s="1">
        <v>43697.401388888888</v>
      </c>
      <c r="F2688">
        <v>0</v>
      </c>
      <c r="G2688">
        <v>0</v>
      </c>
      <c r="H2688">
        <v>0</v>
      </c>
      <c r="I2688">
        <v>0</v>
      </c>
      <c r="J2688">
        <v>0</v>
      </c>
      <c r="K2688">
        <v>0</v>
      </c>
      <c r="L2688">
        <v>0</v>
      </c>
      <c r="M2688">
        <v>0</v>
      </c>
      <c r="N2688">
        <v>0</v>
      </c>
      <c r="O2688">
        <v>0</v>
      </c>
      <c r="P2688">
        <v>0</v>
      </c>
      <c r="Q2688">
        <v>0</v>
      </c>
      <c r="R2688">
        <v>0</v>
      </c>
      <c r="S2688">
        <v>0</v>
      </c>
      <c r="T2688">
        <v>0</v>
      </c>
      <c r="U2688">
        <v>0</v>
      </c>
      <c r="V2688">
        <v>0</v>
      </c>
      <c r="W2688">
        <v>0</v>
      </c>
      <c r="X2688">
        <v>0</v>
      </c>
      <c r="Y2688">
        <v>30</v>
      </c>
      <c r="Z2688">
        <v>10</v>
      </c>
      <c r="AA2688">
        <v>116</v>
      </c>
      <c r="AB2688">
        <v>40</v>
      </c>
      <c r="AC2688">
        <v>101</v>
      </c>
      <c r="AD2688">
        <v>61</v>
      </c>
      <c r="AE2688">
        <v>85</v>
      </c>
      <c r="AF2688">
        <v>0</v>
      </c>
      <c r="AG2688">
        <v>50000</v>
      </c>
      <c r="AH2688">
        <v>50000</v>
      </c>
      <c r="AI2688">
        <v>0</v>
      </c>
      <c r="AJ2688">
        <v>0</v>
      </c>
      <c r="AK2688" t="s">
        <v>6</v>
      </c>
      <c r="AL2688">
        <v>0</v>
      </c>
      <c r="AM2688">
        <v>0</v>
      </c>
      <c r="AN2688">
        <v>0</v>
      </c>
      <c r="AO2688">
        <v>0</v>
      </c>
      <c r="AP2688">
        <v>0</v>
      </c>
      <c r="AQ2688">
        <v>0</v>
      </c>
      <c r="AR2688">
        <v>0</v>
      </c>
      <c r="AS2688">
        <v>0</v>
      </c>
      <c r="AT2688">
        <v>0</v>
      </c>
      <c r="AU2688">
        <v>0</v>
      </c>
      <c r="AV2688">
        <v>0</v>
      </c>
      <c r="AW2688">
        <v>0</v>
      </c>
      <c r="AX2688">
        <v>0</v>
      </c>
      <c r="AY2688">
        <v>0</v>
      </c>
      <c r="AZ2688">
        <v>0</v>
      </c>
      <c r="BA2688">
        <v>0</v>
      </c>
    </row>
    <row r="2689" spans="1:53" x14ac:dyDescent="0.4">
      <c r="A2689">
        <v>2733</v>
      </c>
      <c r="B2689" s="1">
        <v>43697</v>
      </c>
      <c r="C2689">
        <v>2</v>
      </c>
      <c r="D2689" s="1">
        <v>43697.401388888888</v>
      </c>
      <c r="E2689" s="1">
        <v>43697.740277777775</v>
      </c>
      <c r="F2689">
        <v>33250</v>
      </c>
      <c r="G2689">
        <v>1200</v>
      </c>
      <c r="H2689">
        <v>200</v>
      </c>
      <c r="I2689">
        <v>0</v>
      </c>
      <c r="J2689">
        <v>0</v>
      </c>
      <c r="K2689">
        <v>0</v>
      </c>
      <c r="L2689">
        <v>0</v>
      </c>
      <c r="M2689">
        <v>2771</v>
      </c>
      <c r="N2689">
        <v>0</v>
      </c>
      <c r="O2689">
        <v>0</v>
      </c>
      <c r="P2689">
        <v>16200</v>
      </c>
      <c r="Q2689">
        <v>0</v>
      </c>
      <c r="R2689">
        <v>53621</v>
      </c>
      <c r="S2689">
        <v>0</v>
      </c>
      <c r="T2689">
        <v>0</v>
      </c>
      <c r="U2689">
        <v>0</v>
      </c>
      <c r="V2689">
        <v>3</v>
      </c>
      <c r="W2689">
        <v>1</v>
      </c>
      <c r="X2689">
        <v>0</v>
      </c>
      <c r="Y2689">
        <v>52</v>
      </c>
      <c r="Z2689">
        <v>14</v>
      </c>
      <c r="AA2689">
        <v>62</v>
      </c>
      <c r="AB2689">
        <v>31</v>
      </c>
      <c r="AC2689">
        <v>148</v>
      </c>
      <c r="AD2689">
        <v>60</v>
      </c>
      <c r="AE2689">
        <v>91</v>
      </c>
      <c r="AF2689">
        <v>0</v>
      </c>
      <c r="AG2689">
        <v>103621</v>
      </c>
      <c r="AH2689">
        <v>50000</v>
      </c>
      <c r="AI2689">
        <v>0</v>
      </c>
      <c r="AJ2689">
        <v>101</v>
      </c>
      <c r="AK2689" t="s">
        <v>28</v>
      </c>
      <c r="AL2689">
        <v>0</v>
      </c>
      <c r="AM2689">
        <v>0</v>
      </c>
      <c r="AN2689">
        <v>0</v>
      </c>
      <c r="AO2689">
        <v>0</v>
      </c>
      <c r="AP2689">
        <v>0</v>
      </c>
      <c r="AQ2689">
        <v>0</v>
      </c>
      <c r="AR2689">
        <v>0</v>
      </c>
      <c r="AS2689">
        <v>0</v>
      </c>
      <c r="AT2689">
        <v>0</v>
      </c>
      <c r="AU2689">
        <v>0</v>
      </c>
      <c r="AV2689">
        <v>0</v>
      </c>
      <c r="AW2689">
        <v>0</v>
      </c>
      <c r="AX2689">
        <v>-1080</v>
      </c>
      <c r="AY2689">
        <v>44</v>
      </c>
      <c r="AZ2689">
        <v>97</v>
      </c>
      <c r="BA2689">
        <v>6572</v>
      </c>
    </row>
    <row r="2690" spans="1:53" x14ac:dyDescent="0.4">
      <c r="A2690">
        <v>2734</v>
      </c>
      <c r="B2690" s="1">
        <v>43697</v>
      </c>
      <c r="C2690">
        <v>3</v>
      </c>
      <c r="D2690" s="1">
        <v>43697.740277777775</v>
      </c>
      <c r="E2690" s="1">
        <v>43697.956250000003</v>
      </c>
      <c r="F2690">
        <v>45860</v>
      </c>
      <c r="G2690">
        <v>920</v>
      </c>
      <c r="H2690">
        <v>0</v>
      </c>
      <c r="I2690">
        <v>0</v>
      </c>
      <c r="J2690">
        <v>0</v>
      </c>
      <c r="K2690">
        <v>0</v>
      </c>
      <c r="L2690">
        <v>0</v>
      </c>
      <c r="M2690">
        <v>3742</v>
      </c>
      <c r="N2690">
        <v>0</v>
      </c>
      <c r="O2690">
        <v>0</v>
      </c>
      <c r="P2690">
        <v>-5832</v>
      </c>
      <c r="Q2690">
        <v>0</v>
      </c>
      <c r="R2690">
        <v>44690</v>
      </c>
      <c r="S2690">
        <v>0</v>
      </c>
      <c r="T2690">
        <v>0</v>
      </c>
      <c r="U2690">
        <v>0</v>
      </c>
      <c r="V2690">
        <v>4</v>
      </c>
      <c r="W2690">
        <v>2</v>
      </c>
      <c r="X2690">
        <v>0</v>
      </c>
      <c r="Y2690">
        <v>73</v>
      </c>
      <c r="Z2690">
        <v>15</v>
      </c>
      <c r="AA2690">
        <v>88</v>
      </c>
      <c r="AB2690">
        <v>41</v>
      </c>
      <c r="AC2690">
        <v>156</v>
      </c>
      <c r="AD2690">
        <v>56</v>
      </c>
      <c r="AE2690">
        <v>88</v>
      </c>
      <c r="AF2690">
        <v>5033</v>
      </c>
      <c r="AG2690">
        <v>148311</v>
      </c>
      <c r="AH2690">
        <v>50000</v>
      </c>
      <c r="AI2690">
        <v>0</v>
      </c>
      <c r="AJ2690">
        <v>100</v>
      </c>
      <c r="AK2690" t="s">
        <v>0</v>
      </c>
      <c r="AL2690">
        <v>0</v>
      </c>
      <c r="AM2690">
        <v>0</v>
      </c>
      <c r="AN2690">
        <v>0</v>
      </c>
      <c r="AO2690">
        <v>0</v>
      </c>
      <c r="AP2690">
        <v>0</v>
      </c>
      <c r="AQ2690">
        <v>0</v>
      </c>
      <c r="AR2690">
        <v>0</v>
      </c>
      <c r="AS2690">
        <v>0</v>
      </c>
      <c r="AT2690">
        <v>0</v>
      </c>
      <c r="AU2690">
        <v>0</v>
      </c>
      <c r="AV2690">
        <v>0</v>
      </c>
      <c r="AW2690">
        <v>0</v>
      </c>
      <c r="AX2690">
        <v>11794</v>
      </c>
      <c r="AY2690">
        <v>22</v>
      </c>
      <c r="AZ2690">
        <v>53</v>
      </c>
      <c r="BA2690">
        <v>3241</v>
      </c>
    </row>
    <row r="2691" spans="1:53" x14ac:dyDescent="0.4">
      <c r="A2691">
        <v>2735</v>
      </c>
      <c r="B2691" s="1">
        <v>43698</v>
      </c>
      <c r="C2691">
        <v>1</v>
      </c>
      <c r="D2691" s="1">
        <v>43698.291666666664</v>
      </c>
      <c r="E2691" s="1">
        <v>43698.395833333336</v>
      </c>
      <c r="F2691">
        <v>0</v>
      </c>
      <c r="G2691">
        <v>0</v>
      </c>
      <c r="H2691">
        <v>0</v>
      </c>
      <c r="I2691">
        <v>0</v>
      </c>
      <c r="J2691">
        <v>0</v>
      </c>
      <c r="K2691">
        <v>0</v>
      </c>
      <c r="L2691">
        <v>0</v>
      </c>
      <c r="M2691">
        <v>0</v>
      </c>
      <c r="N2691">
        <v>0</v>
      </c>
      <c r="O2691">
        <v>0</v>
      </c>
      <c r="P2691">
        <v>0</v>
      </c>
      <c r="Q2691">
        <v>0</v>
      </c>
      <c r="R2691">
        <v>0</v>
      </c>
      <c r="S2691">
        <v>0</v>
      </c>
      <c r="T2691">
        <v>0</v>
      </c>
      <c r="U2691">
        <v>0</v>
      </c>
      <c r="V2691">
        <v>0</v>
      </c>
      <c r="W2691">
        <v>1</v>
      </c>
      <c r="X2691">
        <v>0</v>
      </c>
      <c r="Y2691">
        <v>28</v>
      </c>
      <c r="Z2691">
        <v>10</v>
      </c>
      <c r="AA2691">
        <v>84</v>
      </c>
      <c r="AB2691">
        <v>41</v>
      </c>
      <c r="AC2691">
        <v>118</v>
      </c>
      <c r="AD2691">
        <v>55</v>
      </c>
      <c r="AE2691">
        <v>95</v>
      </c>
      <c r="AF2691">
        <v>0</v>
      </c>
      <c r="AG2691">
        <v>50000</v>
      </c>
      <c r="AH2691">
        <v>50000</v>
      </c>
      <c r="AI2691">
        <v>0</v>
      </c>
      <c r="AJ2691">
        <v>0</v>
      </c>
      <c r="AK2691" t="s">
        <v>6</v>
      </c>
      <c r="AL2691">
        <v>0</v>
      </c>
      <c r="AM2691">
        <v>0</v>
      </c>
      <c r="AN2691">
        <v>0</v>
      </c>
      <c r="AO2691">
        <v>0</v>
      </c>
      <c r="AP2691">
        <v>0</v>
      </c>
      <c r="AQ2691">
        <v>0</v>
      </c>
      <c r="AR2691">
        <v>0</v>
      </c>
      <c r="AS2691">
        <v>0</v>
      </c>
      <c r="AT2691">
        <v>0</v>
      </c>
      <c r="AU2691">
        <v>0</v>
      </c>
      <c r="AV2691">
        <v>0</v>
      </c>
      <c r="AW2691">
        <v>0</v>
      </c>
      <c r="AX2691">
        <v>0</v>
      </c>
      <c r="AY2691">
        <v>0</v>
      </c>
      <c r="AZ2691">
        <v>0</v>
      </c>
      <c r="BA2691">
        <v>0</v>
      </c>
    </row>
    <row r="2692" spans="1:53" x14ac:dyDescent="0.4">
      <c r="A2692">
        <v>2736</v>
      </c>
      <c r="B2692" s="1">
        <v>43698</v>
      </c>
      <c r="C2692">
        <v>2</v>
      </c>
      <c r="D2692" s="1">
        <v>43698.395833333336</v>
      </c>
      <c r="E2692" s="1">
        <v>43698.751388888886</v>
      </c>
      <c r="F2692">
        <v>35500</v>
      </c>
      <c r="G2692">
        <v>2140</v>
      </c>
      <c r="H2692">
        <v>200</v>
      </c>
      <c r="I2692">
        <v>0</v>
      </c>
      <c r="J2692">
        <v>0</v>
      </c>
      <c r="K2692">
        <v>0</v>
      </c>
      <c r="L2692">
        <v>0</v>
      </c>
      <c r="M2692">
        <v>3027</v>
      </c>
      <c r="N2692">
        <v>0</v>
      </c>
      <c r="O2692">
        <v>0</v>
      </c>
      <c r="P2692">
        <v>16200</v>
      </c>
      <c r="Q2692">
        <v>0</v>
      </c>
      <c r="R2692">
        <v>57067</v>
      </c>
      <c r="S2692">
        <v>0</v>
      </c>
      <c r="T2692">
        <v>0</v>
      </c>
      <c r="U2692">
        <v>0</v>
      </c>
      <c r="V2692">
        <v>1</v>
      </c>
      <c r="W2692">
        <v>7</v>
      </c>
      <c r="X2692">
        <v>0</v>
      </c>
      <c r="Y2692">
        <v>41</v>
      </c>
      <c r="Z2692">
        <v>13</v>
      </c>
      <c r="AA2692">
        <v>101</v>
      </c>
      <c r="AB2692">
        <v>40</v>
      </c>
      <c r="AC2692">
        <v>206</v>
      </c>
      <c r="AD2692">
        <v>61</v>
      </c>
      <c r="AE2692">
        <v>102</v>
      </c>
      <c r="AF2692">
        <v>0</v>
      </c>
      <c r="AG2692">
        <v>107067</v>
      </c>
      <c r="AH2692">
        <v>50000</v>
      </c>
      <c r="AI2692">
        <v>0</v>
      </c>
      <c r="AJ2692">
        <v>104</v>
      </c>
      <c r="AK2692" t="s">
        <v>42</v>
      </c>
      <c r="AL2692">
        <v>0</v>
      </c>
      <c r="AM2692">
        <v>0</v>
      </c>
      <c r="AN2692">
        <v>0</v>
      </c>
      <c r="AO2692">
        <v>0</v>
      </c>
      <c r="AP2692">
        <v>0</v>
      </c>
      <c r="AQ2692">
        <v>0</v>
      </c>
      <c r="AR2692">
        <v>0</v>
      </c>
      <c r="AS2692">
        <v>0</v>
      </c>
      <c r="AT2692">
        <v>0</v>
      </c>
      <c r="AU2692">
        <v>0</v>
      </c>
      <c r="AV2692">
        <v>0</v>
      </c>
      <c r="AW2692">
        <v>0</v>
      </c>
      <c r="AX2692">
        <v>-497</v>
      </c>
      <c r="AY2692">
        <v>47</v>
      </c>
      <c r="AZ2692">
        <v>99</v>
      </c>
      <c r="BA2692">
        <v>7434</v>
      </c>
    </row>
    <row r="2693" spans="1:53" x14ac:dyDescent="0.4">
      <c r="A2693">
        <v>2737</v>
      </c>
      <c r="B2693" s="1">
        <v>43698</v>
      </c>
      <c r="C2693">
        <v>3</v>
      </c>
      <c r="D2693" s="1">
        <v>43698.751388888886</v>
      </c>
      <c r="E2693" s="1">
        <v>43698.947222222225</v>
      </c>
      <c r="F2693">
        <v>45250</v>
      </c>
      <c r="G2693">
        <v>540</v>
      </c>
      <c r="H2693">
        <v>0</v>
      </c>
      <c r="I2693">
        <v>0</v>
      </c>
      <c r="J2693">
        <v>0</v>
      </c>
      <c r="K2693">
        <v>0</v>
      </c>
      <c r="L2693">
        <v>0</v>
      </c>
      <c r="M2693">
        <v>3663</v>
      </c>
      <c r="N2693">
        <v>0</v>
      </c>
      <c r="O2693">
        <v>0</v>
      </c>
      <c r="P2693">
        <v>-16200</v>
      </c>
      <c r="Q2693">
        <v>0</v>
      </c>
      <c r="R2693">
        <v>33253</v>
      </c>
      <c r="S2693">
        <v>0</v>
      </c>
      <c r="T2693">
        <v>0</v>
      </c>
      <c r="U2693">
        <v>0</v>
      </c>
      <c r="V2693">
        <v>3</v>
      </c>
      <c r="W2693">
        <v>7</v>
      </c>
      <c r="X2693">
        <v>0</v>
      </c>
      <c r="Y2693">
        <v>56</v>
      </c>
      <c r="Z2693">
        <v>12</v>
      </c>
      <c r="AA2693">
        <v>89</v>
      </c>
      <c r="AB2693">
        <v>40</v>
      </c>
      <c r="AC2693">
        <v>203</v>
      </c>
      <c r="AD2693">
        <v>59</v>
      </c>
      <c r="AE2693">
        <v>95</v>
      </c>
      <c r="AF2693">
        <v>0</v>
      </c>
      <c r="AG2693">
        <v>140320</v>
      </c>
      <c r="AH2693">
        <v>50000</v>
      </c>
      <c r="AI2693">
        <v>0</v>
      </c>
      <c r="AJ2693">
        <v>99</v>
      </c>
      <c r="AK2693" t="s">
        <v>9</v>
      </c>
      <c r="AL2693">
        <v>0</v>
      </c>
      <c r="AM2693">
        <v>0</v>
      </c>
      <c r="AN2693">
        <v>0</v>
      </c>
      <c r="AO2693">
        <v>0</v>
      </c>
      <c r="AP2693">
        <v>0</v>
      </c>
      <c r="AQ2693">
        <v>0</v>
      </c>
      <c r="AR2693">
        <v>0</v>
      </c>
      <c r="AS2693">
        <v>0</v>
      </c>
      <c r="AT2693">
        <v>0</v>
      </c>
      <c r="AU2693">
        <v>0</v>
      </c>
      <c r="AV2693">
        <v>0</v>
      </c>
      <c r="AW2693">
        <v>0</v>
      </c>
      <c r="AX2693">
        <v>10962</v>
      </c>
      <c r="AY2693">
        <v>20</v>
      </c>
      <c r="AZ2693">
        <v>41</v>
      </c>
      <c r="BA2693">
        <v>2352</v>
      </c>
    </row>
    <row r="2694" spans="1:53" x14ac:dyDescent="0.4">
      <c r="A2694">
        <v>2738</v>
      </c>
      <c r="B2694" s="1">
        <v>43699</v>
      </c>
      <c r="C2694">
        <v>1</v>
      </c>
      <c r="D2694" s="1">
        <v>43699.291666666664</v>
      </c>
      <c r="E2694" s="1">
        <v>43699.406944444447</v>
      </c>
      <c r="F2694">
        <v>0</v>
      </c>
      <c r="G2694">
        <v>0</v>
      </c>
      <c r="H2694">
        <v>0</v>
      </c>
      <c r="I2694">
        <v>0</v>
      </c>
      <c r="J2694">
        <v>0</v>
      </c>
      <c r="K2694">
        <v>0</v>
      </c>
      <c r="L2694">
        <v>0</v>
      </c>
      <c r="M2694">
        <v>0</v>
      </c>
      <c r="N2694">
        <v>0</v>
      </c>
      <c r="O2694">
        <v>0</v>
      </c>
      <c r="P2694">
        <v>0</v>
      </c>
      <c r="Q2694">
        <v>0</v>
      </c>
      <c r="R2694">
        <v>0</v>
      </c>
      <c r="S2694">
        <v>0</v>
      </c>
      <c r="T2694">
        <v>0</v>
      </c>
      <c r="U2694">
        <v>0</v>
      </c>
      <c r="V2694">
        <v>0</v>
      </c>
      <c r="W2694">
        <v>0</v>
      </c>
      <c r="X2694">
        <v>0</v>
      </c>
      <c r="Y2694">
        <v>33</v>
      </c>
      <c r="Z2694">
        <v>11</v>
      </c>
      <c r="AA2694">
        <v>78</v>
      </c>
      <c r="AB2694">
        <v>42</v>
      </c>
      <c r="AC2694">
        <v>126</v>
      </c>
      <c r="AD2694">
        <v>58</v>
      </c>
      <c r="AE2694">
        <v>50</v>
      </c>
      <c r="AF2694">
        <v>0</v>
      </c>
      <c r="AG2694">
        <v>50000</v>
      </c>
      <c r="AH2694">
        <v>0</v>
      </c>
      <c r="AI2694">
        <v>50000</v>
      </c>
      <c r="AJ2694">
        <v>0</v>
      </c>
      <c r="AK2694" t="s">
        <v>6</v>
      </c>
      <c r="AL2694">
        <v>0</v>
      </c>
      <c r="AM2694">
        <v>0</v>
      </c>
      <c r="AN2694">
        <v>0</v>
      </c>
      <c r="AO2694">
        <v>0</v>
      </c>
      <c r="AP2694">
        <v>0</v>
      </c>
      <c r="AQ2694">
        <v>0</v>
      </c>
      <c r="AR2694">
        <v>0</v>
      </c>
      <c r="AS2694">
        <v>0</v>
      </c>
      <c r="AT2694">
        <v>0</v>
      </c>
      <c r="AU2694">
        <v>0</v>
      </c>
      <c r="AV2694">
        <v>0</v>
      </c>
      <c r="AW2694">
        <v>0</v>
      </c>
      <c r="AX2694">
        <v>0</v>
      </c>
      <c r="AY2694">
        <v>0</v>
      </c>
      <c r="AZ2694">
        <v>0</v>
      </c>
      <c r="BA2694">
        <v>0</v>
      </c>
    </row>
    <row r="2695" spans="1:53" x14ac:dyDescent="0.4">
      <c r="A2695">
        <v>2739</v>
      </c>
      <c r="B2695" s="1">
        <v>43699</v>
      </c>
      <c r="C2695">
        <v>2</v>
      </c>
      <c r="D2695" s="1">
        <v>43699.406944444447</v>
      </c>
      <c r="E2695" s="1">
        <v>43699.746527777781</v>
      </c>
      <c r="F2695">
        <v>33750</v>
      </c>
      <c r="G2695">
        <v>1720</v>
      </c>
      <c r="H2695">
        <v>200</v>
      </c>
      <c r="I2695">
        <v>0</v>
      </c>
      <c r="J2695">
        <v>0</v>
      </c>
      <c r="K2695">
        <v>0</v>
      </c>
      <c r="L2695">
        <v>0</v>
      </c>
      <c r="M2695">
        <v>2853</v>
      </c>
      <c r="N2695">
        <v>0</v>
      </c>
      <c r="O2695">
        <v>0</v>
      </c>
      <c r="P2695">
        <v>17280</v>
      </c>
      <c r="Q2695">
        <v>0</v>
      </c>
      <c r="R2695">
        <v>55803</v>
      </c>
      <c r="S2695">
        <v>0</v>
      </c>
      <c r="T2695">
        <v>0</v>
      </c>
      <c r="U2695">
        <v>0</v>
      </c>
      <c r="V2695">
        <v>3</v>
      </c>
      <c r="W2695">
        <v>1</v>
      </c>
      <c r="X2695">
        <v>0</v>
      </c>
      <c r="Y2695">
        <v>37</v>
      </c>
      <c r="Z2695">
        <v>24</v>
      </c>
      <c r="AA2695">
        <v>97</v>
      </c>
      <c r="AB2695">
        <v>57</v>
      </c>
      <c r="AC2695">
        <v>221</v>
      </c>
      <c r="AD2695">
        <v>55</v>
      </c>
      <c r="AE2695">
        <v>42</v>
      </c>
      <c r="AF2695">
        <v>6726</v>
      </c>
      <c r="AG2695">
        <v>105803</v>
      </c>
      <c r="AH2695">
        <v>50000</v>
      </c>
      <c r="AI2695">
        <v>0</v>
      </c>
      <c r="AJ2695">
        <v>93</v>
      </c>
      <c r="AK2695" t="s">
        <v>20</v>
      </c>
      <c r="AL2695">
        <v>0</v>
      </c>
      <c r="AM2695">
        <v>0</v>
      </c>
      <c r="AN2695">
        <v>0</v>
      </c>
      <c r="AO2695">
        <v>0</v>
      </c>
      <c r="AP2695">
        <v>0</v>
      </c>
      <c r="AQ2695">
        <v>0</v>
      </c>
      <c r="AR2695">
        <v>0</v>
      </c>
      <c r="AS2695">
        <v>0</v>
      </c>
      <c r="AT2695">
        <v>0</v>
      </c>
      <c r="AU2695">
        <v>0</v>
      </c>
      <c r="AV2695">
        <v>0</v>
      </c>
      <c r="AW2695">
        <v>0</v>
      </c>
      <c r="AX2695">
        <v>-1728</v>
      </c>
      <c r="AY2695">
        <v>48</v>
      </c>
      <c r="AZ2695">
        <v>97</v>
      </c>
      <c r="BA2695">
        <v>6955</v>
      </c>
    </row>
    <row r="2696" spans="1:53" x14ac:dyDescent="0.4">
      <c r="A2696">
        <v>2740</v>
      </c>
      <c r="B2696" s="1">
        <v>43699</v>
      </c>
      <c r="C2696">
        <v>3</v>
      </c>
      <c r="D2696" s="1">
        <v>43699.746527777781</v>
      </c>
      <c r="E2696" s="1">
        <v>43699.949305555558</v>
      </c>
      <c r="F2696">
        <v>34540</v>
      </c>
      <c r="G2696">
        <v>1060</v>
      </c>
      <c r="H2696">
        <v>0</v>
      </c>
      <c r="I2696">
        <v>0</v>
      </c>
      <c r="J2696">
        <v>0</v>
      </c>
      <c r="K2696">
        <v>0</v>
      </c>
      <c r="L2696">
        <v>0</v>
      </c>
      <c r="M2696">
        <v>2848</v>
      </c>
      <c r="N2696">
        <v>0</v>
      </c>
      <c r="O2696">
        <v>0</v>
      </c>
      <c r="P2696">
        <v>-14688</v>
      </c>
      <c r="Q2696">
        <v>0</v>
      </c>
      <c r="R2696">
        <v>23760</v>
      </c>
      <c r="S2696">
        <v>0</v>
      </c>
      <c r="T2696">
        <v>0</v>
      </c>
      <c r="U2696">
        <v>0</v>
      </c>
      <c r="V2696">
        <v>5</v>
      </c>
      <c r="W2696">
        <v>1</v>
      </c>
      <c r="X2696">
        <v>0</v>
      </c>
      <c r="Y2696">
        <v>40</v>
      </c>
      <c r="Z2696">
        <v>23</v>
      </c>
      <c r="AA2696">
        <v>108</v>
      </c>
      <c r="AB2696">
        <v>60</v>
      </c>
      <c r="AC2696">
        <v>221</v>
      </c>
      <c r="AD2696">
        <v>57</v>
      </c>
      <c r="AE2696">
        <v>42</v>
      </c>
      <c r="AF2696">
        <v>6726</v>
      </c>
      <c r="AG2696">
        <v>129563</v>
      </c>
      <c r="AH2696">
        <v>50000</v>
      </c>
      <c r="AI2696">
        <v>0</v>
      </c>
      <c r="AJ2696">
        <v>101</v>
      </c>
      <c r="AK2696" t="s">
        <v>28</v>
      </c>
      <c r="AL2696">
        <v>0</v>
      </c>
      <c r="AM2696">
        <v>0</v>
      </c>
      <c r="AN2696">
        <v>0</v>
      </c>
      <c r="AO2696">
        <v>0</v>
      </c>
      <c r="AP2696">
        <v>0</v>
      </c>
      <c r="AQ2696">
        <v>0</v>
      </c>
      <c r="AR2696">
        <v>0</v>
      </c>
      <c r="AS2696">
        <v>0</v>
      </c>
      <c r="AT2696">
        <v>0</v>
      </c>
      <c r="AU2696">
        <v>0</v>
      </c>
      <c r="AV2696">
        <v>0</v>
      </c>
      <c r="AW2696">
        <v>0</v>
      </c>
      <c r="AX2696">
        <v>540</v>
      </c>
      <c r="AY2696">
        <v>8</v>
      </c>
      <c r="AZ2696">
        <v>25</v>
      </c>
      <c r="BA2696">
        <v>2154</v>
      </c>
    </row>
    <row r="2697" spans="1:53" x14ac:dyDescent="0.4">
      <c r="A2697">
        <v>2741</v>
      </c>
      <c r="B2697" s="1">
        <v>43699</v>
      </c>
      <c r="C2697">
        <v>4</v>
      </c>
      <c r="D2697" s="1">
        <v>43699.949305555558</v>
      </c>
      <c r="E2697" s="1">
        <v>43700.086805555555</v>
      </c>
      <c r="F2697">
        <v>9400</v>
      </c>
      <c r="G2697">
        <v>0</v>
      </c>
      <c r="H2697">
        <v>200</v>
      </c>
      <c r="I2697">
        <v>0</v>
      </c>
      <c r="J2697">
        <v>0</v>
      </c>
      <c r="K2697">
        <v>0</v>
      </c>
      <c r="L2697">
        <v>0</v>
      </c>
      <c r="M2697">
        <v>768</v>
      </c>
      <c r="N2697">
        <v>0</v>
      </c>
      <c r="O2697">
        <v>0</v>
      </c>
      <c r="P2697">
        <v>972</v>
      </c>
      <c r="Q2697">
        <v>0</v>
      </c>
      <c r="R2697">
        <v>11340</v>
      </c>
      <c r="S2697">
        <v>0</v>
      </c>
      <c r="T2697">
        <v>0</v>
      </c>
      <c r="U2697">
        <v>0</v>
      </c>
      <c r="V2697">
        <v>6</v>
      </c>
      <c r="W2697">
        <v>1</v>
      </c>
      <c r="X2697">
        <v>0</v>
      </c>
      <c r="Y2697">
        <v>40</v>
      </c>
      <c r="Z2697">
        <v>24</v>
      </c>
      <c r="AA2697">
        <v>110</v>
      </c>
      <c r="AB2697">
        <v>59</v>
      </c>
      <c r="AC2697">
        <v>215</v>
      </c>
      <c r="AD2697">
        <v>57</v>
      </c>
      <c r="AE2697">
        <v>36</v>
      </c>
      <c r="AF2697">
        <v>7482</v>
      </c>
      <c r="AG2697">
        <v>140903</v>
      </c>
      <c r="AH2697">
        <v>50000</v>
      </c>
      <c r="AI2697">
        <v>0</v>
      </c>
      <c r="AJ2697">
        <v>100</v>
      </c>
      <c r="AK2697" t="s">
        <v>0</v>
      </c>
      <c r="AL2697">
        <v>0</v>
      </c>
      <c r="AM2697">
        <v>0</v>
      </c>
      <c r="AN2697">
        <v>0</v>
      </c>
      <c r="AO2697">
        <v>0</v>
      </c>
      <c r="AP2697">
        <v>0</v>
      </c>
      <c r="AQ2697">
        <v>0</v>
      </c>
      <c r="AR2697">
        <v>0</v>
      </c>
      <c r="AS2697">
        <v>0</v>
      </c>
      <c r="AT2697">
        <v>0</v>
      </c>
      <c r="AU2697">
        <v>0</v>
      </c>
      <c r="AV2697">
        <v>0</v>
      </c>
      <c r="AW2697">
        <v>0</v>
      </c>
      <c r="AX2697">
        <v>0</v>
      </c>
      <c r="AY2697">
        <v>4</v>
      </c>
      <c r="AZ2697">
        <v>7</v>
      </c>
      <c r="BA2697">
        <v>345</v>
      </c>
    </row>
    <row r="2698" spans="1:53" x14ac:dyDescent="0.4">
      <c r="A2698">
        <v>2742</v>
      </c>
      <c r="B2698" s="1">
        <v>43700</v>
      </c>
      <c r="C2698">
        <v>1</v>
      </c>
      <c r="D2698" s="1">
        <v>43700.291666666664</v>
      </c>
      <c r="E2698" s="1">
        <v>43700.411111111112</v>
      </c>
      <c r="F2698">
        <v>0</v>
      </c>
      <c r="G2698">
        <v>0</v>
      </c>
      <c r="H2698">
        <v>0</v>
      </c>
      <c r="I2698">
        <v>0</v>
      </c>
      <c r="J2698">
        <v>0</v>
      </c>
      <c r="K2698">
        <v>0</v>
      </c>
      <c r="L2698">
        <v>0</v>
      </c>
      <c r="M2698">
        <v>0</v>
      </c>
      <c r="N2698">
        <v>0</v>
      </c>
      <c r="O2698">
        <v>0</v>
      </c>
      <c r="P2698">
        <v>0</v>
      </c>
      <c r="Q2698">
        <v>0</v>
      </c>
      <c r="R2698">
        <v>0</v>
      </c>
      <c r="S2698">
        <v>0</v>
      </c>
      <c r="T2698">
        <v>0</v>
      </c>
      <c r="U2698">
        <v>0</v>
      </c>
      <c r="V2698">
        <v>0</v>
      </c>
      <c r="W2698">
        <v>0</v>
      </c>
      <c r="X2698">
        <v>0</v>
      </c>
      <c r="Y2698">
        <v>30</v>
      </c>
      <c r="Z2698">
        <v>10</v>
      </c>
      <c r="AA2698">
        <v>108</v>
      </c>
      <c r="AB2698">
        <v>58</v>
      </c>
      <c r="AC2698">
        <v>100</v>
      </c>
      <c r="AD2698">
        <v>54</v>
      </c>
      <c r="AE2698">
        <v>30</v>
      </c>
      <c r="AF2698">
        <v>0</v>
      </c>
      <c r="AG2698">
        <v>50000</v>
      </c>
      <c r="AH2698">
        <v>0</v>
      </c>
      <c r="AI2698">
        <v>50000</v>
      </c>
      <c r="AJ2698">
        <v>0</v>
      </c>
      <c r="AK2698" t="s">
        <v>6</v>
      </c>
      <c r="AL2698">
        <v>0</v>
      </c>
      <c r="AM2698">
        <v>0</v>
      </c>
      <c r="AN2698">
        <v>0</v>
      </c>
      <c r="AO2698">
        <v>0</v>
      </c>
      <c r="AP2698">
        <v>0</v>
      </c>
      <c r="AQ2698">
        <v>0</v>
      </c>
      <c r="AR2698">
        <v>0</v>
      </c>
      <c r="AS2698">
        <v>0</v>
      </c>
      <c r="AT2698">
        <v>0</v>
      </c>
      <c r="AU2698">
        <v>0</v>
      </c>
      <c r="AV2698">
        <v>0</v>
      </c>
      <c r="AW2698">
        <v>0</v>
      </c>
      <c r="AX2698">
        <v>0</v>
      </c>
      <c r="AY2698">
        <v>0</v>
      </c>
      <c r="AZ2698">
        <v>0</v>
      </c>
      <c r="BA2698">
        <v>0</v>
      </c>
    </row>
    <row r="2699" spans="1:53" x14ac:dyDescent="0.4">
      <c r="A2699">
        <v>2743</v>
      </c>
      <c r="B2699" s="1">
        <v>43700</v>
      </c>
      <c r="C2699">
        <v>2</v>
      </c>
      <c r="D2699" s="1">
        <v>43700.411111111112</v>
      </c>
      <c r="E2699" s="1">
        <v>43700.736111111109</v>
      </c>
      <c r="F2699">
        <v>38500</v>
      </c>
      <c r="G2699">
        <v>1640</v>
      </c>
      <c r="H2699">
        <v>200</v>
      </c>
      <c r="I2699">
        <v>0</v>
      </c>
      <c r="J2699">
        <v>0</v>
      </c>
      <c r="K2699">
        <v>0</v>
      </c>
      <c r="L2699">
        <v>0</v>
      </c>
      <c r="M2699">
        <v>3227</v>
      </c>
      <c r="N2699">
        <v>0</v>
      </c>
      <c r="O2699">
        <v>0</v>
      </c>
      <c r="P2699">
        <v>18360</v>
      </c>
      <c r="Q2699">
        <v>0</v>
      </c>
      <c r="R2699">
        <v>61927</v>
      </c>
      <c r="S2699">
        <v>0</v>
      </c>
      <c r="T2699">
        <v>0</v>
      </c>
      <c r="U2699">
        <v>0</v>
      </c>
      <c r="V2699">
        <v>1</v>
      </c>
      <c r="W2699">
        <v>2</v>
      </c>
      <c r="X2699">
        <v>0</v>
      </c>
      <c r="Y2699">
        <v>55</v>
      </c>
      <c r="Z2699">
        <v>30</v>
      </c>
      <c r="AA2699">
        <v>133</v>
      </c>
      <c r="AB2699">
        <v>69</v>
      </c>
      <c r="AC2699">
        <v>207</v>
      </c>
      <c r="AD2699">
        <v>58</v>
      </c>
      <c r="AE2699">
        <v>38</v>
      </c>
      <c r="AF2699">
        <v>2839</v>
      </c>
      <c r="AG2699">
        <v>111987</v>
      </c>
      <c r="AH2699">
        <v>50000</v>
      </c>
      <c r="AI2699">
        <v>60</v>
      </c>
      <c r="AJ2699">
        <v>90</v>
      </c>
      <c r="AK2699" t="s">
        <v>38</v>
      </c>
      <c r="AL2699">
        <v>0</v>
      </c>
      <c r="AM2699">
        <v>0</v>
      </c>
      <c r="AN2699">
        <v>0</v>
      </c>
      <c r="AO2699">
        <v>0</v>
      </c>
      <c r="AP2699">
        <v>0</v>
      </c>
      <c r="AQ2699">
        <v>0</v>
      </c>
      <c r="AR2699">
        <v>0</v>
      </c>
      <c r="AS2699">
        <v>0</v>
      </c>
      <c r="AT2699">
        <v>0</v>
      </c>
      <c r="AU2699">
        <v>0</v>
      </c>
      <c r="AV2699">
        <v>0</v>
      </c>
      <c r="AW2699">
        <v>0</v>
      </c>
      <c r="AX2699">
        <v>-540</v>
      </c>
      <c r="AY2699">
        <v>48</v>
      </c>
      <c r="AZ2699">
        <v>112</v>
      </c>
      <c r="BA2699">
        <v>7002</v>
      </c>
    </row>
    <row r="2700" spans="1:53" x14ac:dyDescent="0.4">
      <c r="A2700">
        <v>2744</v>
      </c>
      <c r="B2700" s="1">
        <v>43700</v>
      </c>
      <c r="C2700">
        <v>3</v>
      </c>
      <c r="D2700" s="1">
        <v>43700.736111111109</v>
      </c>
      <c r="E2700" s="1">
        <v>43701.038888888892</v>
      </c>
      <c r="F2700">
        <v>184600</v>
      </c>
      <c r="G2700">
        <v>4230</v>
      </c>
      <c r="H2700">
        <v>200</v>
      </c>
      <c r="I2700">
        <v>0</v>
      </c>
      <c r="J2700">
        <v>0</v>
      </c>
      <c r="K2700">
        <v>0</v>
      </c>
      <c r="L2700">
        <v>0</v>
      </c>
      <c r="M2700">
        <v>15121</v>
      </c>
      <c r="N2700">
        <v>0</v>
      </c>
      <c r="O2700">
        <v>0</v>
      </c>
      <c r="P2700">
        <v>50220</v>
      </c>
      <c r="Q2700">
        <v>0</v>
      </c>
      <c r="R2700">
        <v>254371</v>
      </c>
      <c r="S2700">
        <v>0</v>
      </c>
      <c r="T2700">
        <v>0</v>
      </c>
      <c r="U2700">
        <v>0</v>
      </c>
      <c r="V2700">
        <v>14</v>
      </c>
      <c r="W2700">
        <v>10</v>
      </c>
      <c r="X2700">
        <v>0</v>
      </c>
      <c r="Y2700">
        <v>99</v>
      </c>
      <c r="Z2700">
        <v>31</v>
      </c>
      <c r="AA2700">
        <v>145</v>
      </c>
      <c r="AB2700">
        <v>63</v>
      </c>
      <c r="AC2700">
        <v>185</v>
      </c>
      <c r="AD2700">
        <v>57</v>
      </c>
      <c r="AE2700">
        <v>20</v>
      </c>
      <c r="AF2700">
        <v>42151</v>
      </c>
      <c r="AG2700">
        <v>366456</v>
      </c>
      <c r="AH2700">
        <v>50000</v>
      </c>
      <c r="AI2700">
        <v>158</v>
      </c>
      <c r="AJ2700">
        <v>100</v>
      </c>
      <c r="AK2700" t="s">
        <v>0</v>
      </c>
      <c r="AL2700">
        <v>0</v>
      </c>
      <c r="AM2700">
        <v>0</v>
      </c>
      <c r="AN2700">
        <v>0</v>
      </c>
      <c r="AO2700">
        <v>0</v>
      </c>
      <c r="AP2700">
        <v>0</v>
      </c>
      <c r="AQ2700">
        <v>0</v>
      </c>
      <c r="AR2700">
        <v>0</v>
      </c>
      <c r="AS2700">
        <v>0</v>
      </c>
      <c r="AT2700">
        <v>0</v>
      </c>
      <c r="AU2700">
        <v>0</v>
      </c>
      <c r="AV2700">
        <v>0</v>
      </c>
      <c r="AW2700">
        <v>0</v>
      </c>
      <c r="AX2700">
        <v>28760</v>
      </c>
      <c r="AY2700">
        <v>42</v>
      </c>
      <c r="AZ2700">
        <v>162</v>
      </c>
      <c r="BA2700">
        <v>5071</v>
      </c>
    </row>
    <row r="2701" spans="1:53" x14ac:dyDescent="0.4">
      <c r="A2701">
        <v>2745</v>
      </c>
      <c r="B2701" s="1">
        <v>43701</v>
      </c>
      <c r="C2701">
        <v>1</v>
      </c>
      <c r="D2701" s="1">
        <v>43701.291666666664</v>
      </c>
      <c r="E2701" s="1">
        <v>43701.410416666666</v>
      </c>
      <c r="F2701">
        <v>0</v>
      </c>
      <c r="G2701">
        <v>0</v>
      </c>
      <c r="H2701">
        <v>0</v>
      </c>
      <c r="I2701">
        <v>0</v>
      </c>
      <c r="J2701">
        <v>0</v>
      </c>
      <c r="K2701">
        <v>0</v>
      </c>
      <c r="L2701">
        <v>0</v>
      </c>
      <c r="M2701">
        <v>0</v>
      </c>
      <c r="N2701">
        <v>0</v>
      </c>
      <c r="O2701">
        <v>0</v>
      </c>
      <c r="P2701">
        <v>0</v>
      </c>
      <c r="Q2701">
        <v>0</v>
      </c>
      <c r="R2701">
        <v>0</v>
      </c>
      <c r="S2701">
        <v>0</v>
      </c>
      <c r="T2701">
        <v>0</v>
      </c>
      <c r="U2701">
        <v>0</v>
      </c>
      <c r="V2701">
        <v>0</v>
      </c>
      <c r="W2701">
        <v>0</v>
      </c>
      <c r="X2701">
        <v>0</v>
      </c>
      <c r="Y2701">
        <v>33</v>
      </c>
      <c r="Z2701">
        <v>9</v>
      </c>
      <c r="AA2701">
        <v>101</v>
      </c>
      <c r="AB2701">
        <v>16</v>
      </c>
      <c r="AC2701">
        <v>125</v>
      </c>
      <c r="AD2701">
        <v>58</v>
      </c>
      <c r="AE2701">
        <v>110</v>
      </c>
      <c r="AF2701">
        <v>0</v>
      </c>
      <c r="AG2701">
        <v>50050</v>
      </c>
      <c r="AH2701">
        <v>50000</v>
      </c>
      <c r="AI2701">
        <v>50</v>
      </c>
      <c r="AJ2701">
        <v>0</v>
      </c>
      <c r="AK2701" t="s">
        <v>6</v>
      </c>
      <c r="AL2701">
        <v>0</v>
      </c>
      <c r="AM2701">
        <v>0</v>
      </c>
      <c r="AN2701">
        <v>0</v>
      </c>
      <c r="AO2701">
        <v>0</v>
      </c>
      <c r="AP2701">
        <v>0</v>
      </c>
      <c r="AQ2701">
        <v>0</v>
      </c>
      <c r="AR2701">
        <v>0</v>
      </c>
      <c r="AS2701">
        <v>0</v>
      </c>
      <c r="AT2701">
        <v>0</v>
      </c>
      <c r="AU2701">
        <v>0</v>
      </c>
      <c r="AV2701">
        <v>0</v>
      </c>
      <c r="AW2701">
        <v>0</v>
      </c>
      <c r="AX2701">
        <v>0</v>
      </c>
      <c r="AY2701">
        <v>0</v>
      </c>
      <c r="AZ2701">
        <v>0</v>
      </c>
      <c r="BA2701">
        <v>0</v>
      </c>
    </row>
    <row r="2702" spans="1:53" x14ac:dyDescent="0.4">
      <c r="A2702">
        <v>2746</v>
      </c>
      <c r="B2702" s="1">
        <v>43701</v>
      </c>
      <c r="C2702">
        <v>2</v>
      </c>
      <c r="D2702" s="1">
        <v>43701.410416666666</v>
      </c>
      <c r="E2702" s="1">
        <v>43701.739583333336</v>
      </c>
      <c r="F2702">
        <v>40500</v>
      </c>
      <c r="G2702">
        <v>1200</v>
      </c>
      <c r="H2702">
        <v>200</v>
      </c>
      <c r="I2702">
        <v>0</v>
      </c>
      <c r="J2702">
        <v>0</v>
      </c>
      <c r="K2702">
        <v>0</v>
      </c>
      <c r="L2702">
        <v>0</v>
      </c>
      <c r="M2702">
        <v>3352</v>
      </c>
      <c r="N2702">
        <v>0</v>
      </c>
      <c r="O2702">
        <v>0</v>
      </c>
      <c r="P2702">
        <v>22723</v>
      </c>
      <c r="Q2702">
        <v>0</v>
      </c>
      <c r="R2702">
        <v>67975</v>
      </c>
      <c r="S2702">
        <v>0</v>
      </c>
      <c r="T2702">
        <v>0</v>
      </c>
      <c r="U2702">
        <v>0</v>
      </c>
      <c r="V2702">
        <v>1</v>
      </c>
      <c r="W2702">
        <v>0</v>
      </c>
      <c r="X2702">
        <v>0</v>
      </c>
      <c r="Y2702">
        <v>81</v>
      </c>
      <c r="Z2702">
        <v>21</v>
      </c>
      <c r="AA2702">
        <v>126</v>
      </c>
      <c r="AB2702">
        <v>23</v>
      </c>
      <c r="AC2702">
        <v>227</v>
      </c>
      <c r="AD2702">
        <v>64</v>
      </c>
      <c r="AE2702">
        <v>75</v>
      </c>
      <c r="AF2702">
        <v>0</v>
      </c>
      <c r="AG2702">
        <v>117915</v>
      </c>
      <c r="AH2702">
        <v>50000</v>
      </c>
      <c r="AI2702">
        <v>-60</v>
      </c>
      <c r="AJ2702">
        <v>90</v>
      </c>
      <c r="AK2702" t="s">
        <v>38</v>
      </c>
      <c r="AL2702">
        <v>0</v>
      </c>
      <c r="AM2702">
        <v>0</v>
      </c>
      <c r="AN2702">
        <v>0</v>
      </c>
      <c r="AO2702">
        <v>0</v>
      </c>
      <c r="AP2702">
        <v>0</v>
      </c>
      <c r="AQ2702">
        <v>0</v>
      </c>
      <c r="AR2702">
        <v>0</v>
      </c>
      <c r="AS2702">
        <v>0</v>
      </c>
      <c r="AT2702">
        <v>0</v>
      </c>
      <c r="AU2702">
        <v>0</v>
      </c>
      <c r="AV2702">
        <v>0</v>
      </c>
      <c r="AW2702">
        <v>0</v>
      </c>
      <c r="AX2702">
        <v>0</v>
      </c>
      <c r="AY2702">
        <v>50</v>
      </c>
      <c r="AZ2702">
        <v>120</v>
      </c>
      <c r="BA2702">
        <v>7445</v>
      </c>
    </row>
    <row r="2703" spans="1:53" x14ac:dyDescent="0.4">
      <c r="A2703">
        <v>2747</v>
      </c>
      <c r="B2703" s="1">
        <v>43702</v>
      </c>
      <c r="C2703">
        <v>1</v>
      </c>
      <c r="D2703" s="1">
        <v>43702.291666666664</v>
      </c>
      <c r="E2703" s="1">
        <v>43702.38958333333</v>
      </c>
      <c r="F2703">
        <v>0</v>
      </c>
      <c r="G2703">
        <v>0</v>
      </c>
      <c r="H2703">
        <v>0</v>
      </c>
      <c r="I2703">
        <v>0</v>
      </c>
      <c r="J2703">
        <v>0</v>
      </c>
      <c r="K2703">
        <v>0</v>
      </c>
      <c r="L2703">
        <v>0</v>
      </c>
      <c r="M2703">
        <v>0</v>
      </c>
      <c r="N2703">
        <v>0</v>
      </c>
      <c r="O2703">
        <v>0</v>
      </c>
      <c r="P2703">
        <v>0</v>
      </c>
      <c r="Q2703">
        <v>0</v>
      </c>
      <c r="R2703">
        <v>0</v>
      </c>
      <c r="S2703">
        <v>0</v>
      </c>
      <c r="T2703">
        <v>0</v>
      </c>
      <c r="U2703">
        <v>0</v>
      </c>
      <c r="V2703">
        <v>0</v>
      </c>
      <c r="W2703">
        <v>1</v>
      </c>
      <c r="X2703">
        <v>0</v>
      </c>
      <c r="Y2703">
        <v>23</v>
      </c>
      <c r="Z2703">
        <v>10</v>
      </c>
      <c r="AA2703">
        <v>140</v>
      </c>
      <c r="AB2703">
        <v>23</v>
      </c>
      <c r="AC2703">
        <v>147</v>
      </c>
      <c r="AD2703">
        <v>63</v>
      </c>
      <c r="AE2703">
        <v>65</v>
      </c>
      <c r="AF2703">
        <v>0</v>
      </c>
      <c r="AG2703">
        <v>50000</v>
      </c>
      <c r="AH2703">
        <v>50000</v>
      </c>
      <c r="AI2703">
        <v>0</v>
      </c>
      <c r="AJ2703">
        <v>0</v>
      </c>
      <c r="AK2703" t="s">
        <v>6</v>
      </c>
      <c r="AL2703">
        <v>0</v>
      </c>
      <c r="AM2703">
        <v>0</v>
      </c>
      <c r="AN2703">
        <v>0</v>
      </c>
      <c r="AO2703">
        <v>0</v>
      </c>
      <c r="AP2703">
        <v>0</v>
      </c>
      <c r="AQ2703">
        <v>0</v>
      </c>
      <c r="AR2703">
        <v>0</v>
      </c>
      <c r="AS2703">
        <v>0</v>
      </c>
      <c r="AT2703">
        <v>0</v>
      </c>
      <c r="AU2703">
        <v>0</v>
      </c>
      <c r="AV2703">
        <v>0</v>
      </c>
      <c r="AW2703">
        <v>0</v>
      </c>
      <c r="AX2703">
        <v>0</v>
      </c>
      <c r="AY2703">
        <v>0</v>
      </c>
      <c r="AZ2703">
        <v>0</v>
      </c>
      <c r="BA2703">
        <v>0</v>
      </c>
    </row>
    <row r="2704" spans="1:53" x14ac:dyDescent="0.4">
      <c r="A2704">
        <v>2748</v>
      </c>
      <c r="B2704" s="1">
        <v>43702</v>
      </c>
      <c r="C2704">
        <v>2</v>
      </c>
      <c r="D2704" s="1">
        <v>43702.38958333333</v>
      </c>
      <c r="E2704" s="1">
        <v>43702.734027777777</v>
      </c>
      <c r="F2704">
        <v>48000</v>
      </c>
      <c r="G2704">
        <v>2960</v>
      </c>
      <c r="H2704">
        <v>0</v>
      </c>
      <c r="I2704">
        <v>0</v>
      </c>
      <c r="J2704">
        <v>0</v>
      </c>
      <c r="K2704">
        <v>0</v>
      </c>
      <c r="L2704">
        <v>0</v>
      </c>
      <c r="M2704">
        <v>4076</v>
      </c>
      <c r="N2704">
        <v>0</v>
      </c>
      <c r="O2704">
        <v>0</v>
      </c>
      <c r="P2704">
        <v>19980</v>
      </c>
      <c r="Q2704">
        <v>0</v>
      </c>
      <c r="R2704">
        <v>75016</v>
      </c>
      <c r="S2704">
        <v>0</v>
      </c>
      <c r="T2704">
        <v>0</v>
      </c>
      <c r="U2704">
        <v>0</v>
      </c>
      <c r="V2704">
        <v>4</v>
      </c>
      <c r="W2704">
        <v>2</v>
      </c>
      <c r="X2704">
        <v>0</v>
      </c>
      <c r="Y2704">
        <v>40</v>
      </c>
      <c r="Z2704">
        <v>31</v>
      </c>
      <c r="AA2704">
        <v>150</v>
      </c>
      <c r="AB2704">
        <v>27</v>
      </c>
      <c r="AC2704">
        <v>236</v>
      </c>
      <c r="AD2704">
        <v>61</v>
      </c>
      <c r="AE2704">
        <v>71</v>
      </c>
      <c r="AF2704">
        <v>540</v>
      </c>
      <c r="AG2704">
        <v>125126</v>
      </c>
      <c r="AH2704">
        <v>50000</v>
      </c>
      <c r="AI2704">
        <v>110</v>
      </c>
      <c r="AJ2704">
        <v>101</v>
      </c>
      <c r="AK2704" t="s">
        <v>28</v>
      </c>
      <c r="AL2704">
        <v>0</v>
      </c>
      <c r="AM2704">
        <v>0</v>
      </c>
      <c r="AN2704">
        <v>0</v>
      </c>
      <c r="AO2704">
        <v>0</v>
      </c>
      <c r="AP2704">
        <v>0</v>
      </c>
      <c r="AQ2704">
        <v>0</v>
      </c>
      <c r="AR2704">
        <v>0</v>
      </c>
      <c r="AS2704">
        <v>0</v>
      </c>
      <c r="AT2704">
        <v>0</v>
      </c>
      <c r="AU2704">
        <v>0</v>
      </c>
      <c r="AV2704">
        <v>0</v>
      </c>
      <c r="AW2704">
        <v>0</v>
      </c>
      <c r="AX2704">
        <v>1036</v>
      </c>
      <c r="AY2704">
        <v>53</v>
      </c>
      <c r="AZ2704">
        <v>122</v>
      </c>
      <c r="BA2704">
        <v>7726</v>
      </c>
    </row>
    <row r="2705" spans="1:53" x14ac:dyDescent="0.4">
      <c r="A2705">
        <v>2749</v>
      </c>
      <c r="B2705" s="1">
        <v>43702</v>
      </c>
      <c r="C2705">
        <v>3</v>
      </c>
      <c r="D2705" s="1">
        <v>43702.734027777777</v>
      </c>
      <c r="E2705" s="1">
        <v>43702.949305555558</v>
      </c>
      <c r="F2705">
        <v>48500</v>
      </c>
      <c r="G2705">
        <v>1700</v>
      </c>
      <c r="H2705">
        <v>0</v>
      </c>
      <c r="I2705">
        <v>0</v>
      </c>
      <c r="J2705">
        <v>0</v>
      </c>
      <c r="K2705">
        <v>0</v>
      </c>
      <c r="L2705">
        <v>0</v>
      </c>
      <c r="M2705">
        <v>4015</v>
      </c>
      <c r="N2705">
        <v>0</v>
      </c>
      <c r="O2705">
        <v>0</v>
      </c>
      <c r="P2705">
        <v>-10044</v>
      </c>
      <c r="Q2705">
        <v>0</v>
      </c>
      <c r="R2705">
        <v>44171</v>
      </c>
      <c r="S2705">
        <v>0</v>
      </c>
      <c r="T2705">
        <v>0</v>
      </c>
      <c r="U2705">
        <v>0</v>
      </c>
      <c r="V2705">
        <v>6</v>
      </c>
      <c r="W2705">
        <v>3</v>
      </c>
      <c r="X2705">
        <v>0</v>
      </c>
      <c r="Y2705">
        <v>52</v>
      </c>
      <c r="Z2705">
        <v>26</v>
      </c>
      <c r="AA2705">
        <v>138</v>
      </c>
      <c r="AB2705">
        <v>25</v>
      </c>
      <c r="AC2705">
        <v>243</v>
      </c>
      <c r="AD2705">
        <v>61</v>
      </c>
      <c r="AE2705">
        <v>73</v>
      </c>
      <c r="AF2705">
        <v>11329</v>
      </c>
      <c r="AG2705">
        <v>169187</v>
      </c>
      <c r="AH2705">
        <v>50000</v>
      </c>
      <c r="AI2705">
        <v>0</v>
      </c>
      <c r="AJ2705">
        <v>108</v>
      </c>
      <c r="AK2705" t="s">
        <v>30</v>
      </c>
      <c r="AL2705">
        <v>0</v>
      </c>
      <c r="AM2705">
        <v>0</v>
      </c>
      <c r="AN2705">
        <v>0</v>
      </c>
      <c r="AO2705">
        <v>0</v>
      </c>
      <c r="AP2705">
        <v>0</v>
      </c>
      <c r="AQ2705">
        <v>0</v>
      </c>
      <c r="AR2705">
        <v>0</v>
      </c>
      <c r="AS2705">
        <v>0</v>
      </c>
      <c r="AT2705">
        <v>0</v>
      </c>
      <c r="AU2705">
        <v>0</v>
      </c>
      <c r="AV2705">
        <v>0</v>
      </c>
      <c r="AW2705">
        <v>0</v>
      </c>
      <c r="AX2705">
        <v>9828</v>
      </c>
      <c r="AY2705">
        <v>15</v>
      </c>
      <c r="AZ2705">
        <v>42</v>
      </c>
      <c r="BA2705">
        <v>3032</v>
      </c>
    </row>
    <row r="2706" spans="1:53" x14ac:dyDescent="0.4">
      <c r="A2706">
        <v>2750</v>
      </c>
      <c r="B2706" s="1">
        <v>43703</v>
      </c>
      <c r="C2706">
        <v>1</v>
      </c>
      <c r="D2706" s="1">
        <v>43703.291666666664</v>
      </c>
      <c r="E2706" s="1">
        <v>43703.415277777778</v>
      </c>
      <c r="F2706">
        <v>0</v>
      </c>
      <c r="G2706">
        <v>0</v>
      </c>
      <c r="H2706">
        <v>0</v>
      </c>
      <c r="I2706">
        <v>0</v>
      </c>
      <c r="J2706">
        <v>0</v>
      </c>
      <c r="K2706">
        <v>0</v>
      </c>
      <c r="L2706">
        <v>0</v>
      </c>
      <c r="M2706">
        <v>0</v>
      </c>
      <c r="N2706">
        <v>0</v>
      </c>
      <c r="O2706">
        <v>0</v>
      </c>
      <c r="P2706">
        <v>0</v>
      </c>
      <c r="Q2706">
        <v>0</v>
      </c>
      <c r="R2706">
        <v>0</v>
      </c>
      <c r="S2706">
        <v>0</v>
      </c>
      <c r="T2706">
        <v>0</v>
      </c>
      <c r="U2706">
        <v>0</v>
      </c>
      <c r="V2706">
        <v>0</v>
      </c>
      <c r="W2706">
        <v>0</v>
      </c>
      <c r="X2706">
        <v>0</v>
      </c>
      <c r="Y2706">
        <v>30</v>
      </c>
      <c r="Z2706">
        <v>10</v>
      </c>
      <c r="AA2706">
        <v>121</v>
      </c>
      <c r="AB2706">
        <v>29</v>
      </c>
      <c r="AC2706">
        <v>107</v>
      </c>
      <c r="AD2706">
        <v>63</v>
      </c>
      <c r="AE2706">
        <v>65</v>
      </c>
      <c r="AF2706">
        <v>0</v>
      </c>
      <c r="AG2706">
        <v>50000</v>
      </c>
      <c r="AH2706">
        <v>0</v>
      </c>
      <c r="AI2706">
        <v>50000</v>
      </c>
      <c r="AJ2706">
        <v>0</v>
      </c>
      <c r="AK2706" t="s">
        <v>6</v>
      </c>
      <c r="AL2706">
        <v>0</v>
      </c>
      <c r="AM2706">
        <v>0</v>
      </c>
      <c r="AN2706">
        <v>0</v>
      </c>
      <c r="AO2706">
        <v>0</v>
      </c>
      <c r="AP2706">
        <v>0</v>
      </c>
      <c r="AQ2706">
        <v>0</v>
      </c>
      <c r="AR2706">
        <v>0</v>
      </c>
      <c r="AS2706">
        <v>0</v>
      </c>
      <c r="AT2706">
        <v>0</v>
      </c>
      <c r="AU2706">
        <v>0</v>
      </c>
      <c r="AV2706">
        <v>0</v>
      </c>
      <c r="AW2706">
        <v>0</v>
      </c>
      <c r="AX2706">
        <v>0</v>
      </c>
      <c r="AY2706">
        <v>0</v>
      </c>
      <c r="AZ2706">
        <v>0</v>
      </c>
      <c r="BA2706">
        <v>0</v>
      </c>
    </row>
    <row r="2707" spans="1:53" x14ac:dyDescent="0.4">
      <c r="A2707">
        <v>2751</v>
      </c>
      <c r="B2707" s="1">
        <v>43703</v>
      </c>
      <c r="C2707">
        <v>2</v>
      </c>
      <c r="D2707" s="1">
        <v>43703.415277777778</v>
      </c>
      <c r="E2707" s="1">
        <v>43703.744444444441</v>
      </c>
      <c r="F2707">
        <v>39500</v>
      </c>
      <c r="G2707">
        <v>2740</v>
      </c>
      <c r="H2707">
        <v>400</v>
      </c>
      <c r="I2707">
        <v>0</v>
      </c>
      <c r="J2707">
        <v>0</v>
      </c>
      <c r="K2707">
        <v>0</v>
      </c>
      <c r="L2707">
        <v>0</v>
      </c>
      <c r="M2707">
        <v>3411</v>
      </c>
      <c r="N2707">
        <v>0</v>
      </c>
      <c r="O2707">
        <v>0</v>
      </c>
      <c r="P2707">
        <v>17820</v>
      </c>
      <c r="Q2707">
        <v>0</v>
      </c>
      <c r="R2707">
        <v>63871</v>
      </c>
      <c r="S2707">
        <v>0</v>
      </c>
      <c r="T2707">
        <v>0</v>
      </c>
      <c r="U2707">
        <v>0</v>
      </c>
      <c r="V2707">
        <v>2</v>
      </c>
      <c r="W2707">
        <v>1</v>
      </c>
      <c r="X2707">
        <v>0</v>
      </c>
      <c r="Y2707">
        <v>52</v>
      </c>
      <c r="Z2707">
        <v>28</v>
      </c>
      <c r="AA2707">
        <v>136</v>
      </c>
      <c r="AB2707">
        <v>33</v>
      </c>
      <c r="AC2707">
        <v>247</v>
      </c>
      <c r="AD2707">
        <v>75</v>
      </c>
      <c r="AE2707">
        <v>88</v>
      </c>
      <c r="AF2707">
        <v>4688</v>
      </c>
      <c r="AG2707">
        <v>113871</v>
      </c>
      <c r="AH2707">
        <v>50000</v>
      </c>
      <c r="AI2707">
        <v>0</v>
      </c>
      <c r="AJ2707">
        <v>82</v>
      </c>
      <c r="AK2707" t="s">
        <v>41</v>
      </c>
      <c r="AL2707">
        <v>0</v>
      </c>
      <c r="AM2707">
        <v>0</v>
      </c>
      <c r="AN2707">
        <v>0</v>
      </c>
      <c r="AO2707">
        <v>0</v>
      </c>
      <c r="AP2707">
        <v>0</v>
      </c>
      <c r="AQ2707">
        <v>0</v>
      </c>
      <c r="AR2707">
        <v>0</v>
      </c>
      <c r="AS2707">
        <v>0</v>
      </c>
      <c r="AT2707">
        <v>0</v>
      </c>
      <c r="AU2707">
        <v>0</v>
      </c>
      <c r="AV2707">
        <v>0</v>
      </c>
      <c r="AW2707">
        <v>0</v>
      </c>
      <c r="AX2707">
        <v>-1728</v>
      </c>
      <c r="AY2707">
        <v>51</v>
      </c>
      <c r="AZ2707">
        <v>108</v>
      </c>
      <c r="BA2707">
        <v>7763</v>
      </c>
    </row>
    <row r="2708" spans="1:53" x14ac:dyDescent="0.4">
      <c r="A2708">
        <v>2752</v>
      </c>
      <c r="B2708" s="1">
        <v>43703</v>
      </c>
      <c r="C2708">
        <v>3</v>
      </c>
      <c r="D2708" s="1">
        <v>43703.744444444441</v>
      </c>
      <c r="E2708" s="1">
        <v>43703.95</v>
      </c>
      <c r="F2708">
        <v>30100</v>
      </c>
      <c r="G2708">
        <v>1200</v>
      </c>
      <c r="H2708">
        <v>0</v>
      </c>
      <c r="I2708">
        <v>0</v>
      </c>
      <c r="J2708">
        <v>0</v>
      </c>
      <c r="K2708">
        <v>0</v>
      </c>
      <c r="L2708">
        <v>0</v>
      </c>
      <c r="M2708">
        <v>2504</v>
      </c>
      <c r="N2708">
        <v>0</v>
      </c>
      <c r="O2708">
        <v>0</v>
      </c>
      <c r="P2708">
        <v>-15228</v>
      </c>
      <c r="Q2708">
        <v>0</v>
      </c>
      <c r="R2708">
        <v>18576</v>
      </c>
      <c r="S2708">
        <v>0</v>
      </c>
      <c r="T2708">
        <v>0</v>
      </c>
      <c r="U2708">
        <v>0</v>
      </c>
      <c r="V2708">
        <v>4</v>
      </c>
      <c r="W2708">
        <v>0</v>
      </c>
      <c r="X2708">
        <v>0</v>
      </c>
      <c r="Y2708">
        <v>54</v>
      </c>
      <c r="Z2708">
        <v>30</v>
      </c>
      <c r="AA2708">
        <v>143</v>
      </c>
      <c r="AB2708">
        <v>30</v>
      </c>
      <c r="AC2708">
        <v>251</v>
      </c>
      <c r="AD2708">
        <v>72</v>
      </c>
      <c r="AE2708">
        <v>89</v>
      </c>
      <c r="AF2708">
        <v>4688</v>
      </c>
      <c r="AG2708">
        <v>132447</v>
      </c>
      <c r="AH2708">
        <v>50000</v>
      </c>
      <c r="AI2708">
        <v>0</v>
      </c>
      <c r="AJ2708">
        <v>98</v>
      </c>
      <c r="AK2708" t="s">
        <v>35</v>
      </c>
      <c r="AL2708">
        <v>0</v>
      </c>
      <c r="AM2708">
        <v>0</v>
      </c>
      <c r="AN2708">
        <v>0</v>
      </c>
      <c r="AO2708">
        <v>0</v>
      </c>
      <c r="AP2708">
        <v>0</v>
      </c>
      <c r="AQ2708">
        <v>0</v>
      </c>
      <c r="AR2708">
        <v>0</v>
      </c>
      <c r="AS2708">
        <v>0</v>
      </c>
      <c r="AT2708">
        <v>0</v>
      </c>
      <c r="AU2708">
        <v>0</v>
      </c>
      <c r="AV2708">
        <v>0</v>
      </c>
      <c r="AW2708">
        <v>0</v>
      </c>
      <c r="AX2708">
        <v>2700</v>
      </c>
      <c r="AY2708">
        <v>10</v>
      </c>
      <c r="AZ2708">
        <v>20</v>
      </c>
      <c r="BA2708">
        <v>2380</v>
      </c>
    </row>
    <row r="2709" spans="1:53" x14ac:dyDescent="0.4">
      <c r="A2709">
        <v>2753</v>
      </c>
      <c r="B2709" s="1">
        <v>43703</v>
      </c>
      <c r="C2709">
        <v>4</v>
      </c>
      <c r="D2709" s="1">
        <v>43703.95</v>
      </c>
      <c r="E2709" s="1">
        <v>43704.081250000003</v>
      </c>
      <c r="F2709">
        <v>11040</v>
      </c>
      <c r="G2709">
        <v>0</v>
      </c>
      <c r="H2709">
        <v>200</v>
      </c>
      <c r="I2709">
        <v>0</v>
      </c>
      <c r="J2709">
        <v>0</v>
      </c>
      <c r="K2709">
        <v>0</v>
      </c>
      <c r="L2709">
        <v>0</v>
      </c>
      <c r="M2709">
        <v>899</v>
      </c>
      <c r="N2709">
        <v>0</v>
      </c>
      <c r="O2709">
        <v>0</v>
      </c>
      <c r="P2709">
        <v>10584</v>
      </c>
      <c r="Q2709">
        <v>0</v>
      </c>
      <c r="R2709">
        <v>22723</v>
      </c>
      <c r="S2709">
        <v>0</v>
      </c>
      <c r="T2709">
        <v>0</v>
      </c>
      <c r="U2709">
        <v>0</v>
      </c>
      <c r="V2709">
        <v>6</v>
      </c>
      <c r="W2709">
        <v>0</v>
      </c>
      <c r="X2709">
        <v>0</v>
      </c>
      <c r="Y2709">
        <v>57</v>
      </c>
      <c r="Z2709">
        <v>27</v>
      </c>
      <c r="AA2709">
        <v>148</v>
      </c>
      <c r="AB2709">
        <v>31</v>
      </c>
      <c r="AC2709">
        <v>243</v>
      </c>
      <c r="AD2709">
        <v>72</v>
      </c>
      <c r="AE2709">
        <v>86</v>
      </c>
      <c r="AF2709">
        <v>5444</v>
      </c>
      <c r="AG2709">
        <v>155170</v>
      </c>
      <c r="AH2709">
        <v>50000</v>
      </c>
      <c r="AI2709">
        <v>0</v>
      </c>
      <c r="AJ2709">
        <v>100</v>
      </c>
      <c r="AK2709" t="s">
        <v>0</v>
      </c>
      <c r="AL2709">
        <v>0</v>
      </c>
      <c r="AM2709">
        <v>0</v>
      </c>
      <c r="AN2709">
        <v>0</v>
      </c>
      <c r="AO2709">
        <v>0</v>
      </c>
      <c r="AP2709">
        <v>0</v>
      </c>
      <c r="AQ2709">
        <v>0</v>
      </c>
      <c r="AR2709">
        <v>0</v>
      </c>
      <c r="AS2709">
        <v>0</v>
      </c>
      <c r="AT2709">
        <v>0</v>
      </c>
      <c r="AU2709">
        <v>0</v>
      </c>
      <c r="AV2709">
        <v>0</v>
      </c>
      <c r="AW2709">
        <v>0</v>
      </c>
      <c r="AX2709">
        <v>0</v>
      </c>
      <c r="AY2709">
        <v>7</v>
      </c>
      <c r="AZ2709">
        <v>16</v>
      </c>
      <c r="BA2709">
        <v>899</v>
      </c>
    </row>
    <row r="2710" spans="1:53" x14ac:dyDescent="0.4">
      <c r="A2710">
        <v>2754</v>
      </c>
      <c r="B2710" s="1">
        <v>43704</v>
      </c>
      <c r="C2710">
        <v>1</v>
      </c>
      <c r="D2710" s="1">
        <v>43704.291666666664</v>
      </c>
      <c r="E2710" s="1">
        <v>43704.410416666666</v>
      </c>
      <c r="F2710">
        <v>0</v>
      </c>
      <c r="G2710">
        <v>0</v>
      </c>
      <c r="H2710">
        <v>0</v>
      </c>
      <c r="I2710">
        <v>0</v>
      </c>
      <c r="J2710">
        <v>0</v>
      </c>
      <c r="K2710">
        <v>0</v>
      </c>
      <c r="L2710">
        <v>0</v>
      </c>
      <c r="M2710">
        <v>0</v>
      </c>
      <c r="N2710">
        <v>0</v>
      </c>
      <c r="O2710">
        <v>0</v>
      </c>
      <c r="P2710">
        <v>0</v>
      </c>
      <c r="Q2710">
        <v>0</v>
      </c>
      <c r="R2710">
        <v>0</v>
      </c>
      <c r="S2710">
        <v>0</v>
      </c>
      <c r="T2710">
        <v>0</v>
      </c>
      <c r="U2710">
        <v>0</v>
      </c>
      <c r="V2710">
        <v>0</v>
      </c>
      <c r="W2710">
        <v>0</v>
      </c>
      <c r="X2710">
        <v>0</v>
      </c>
      <c r="Y2710">
        <v>25</v>
      </c>
      <c r="Z2710">
        <v>15</v>
      </c>
      <c r="AA2710">
        <v>146</v>
      </c>
      <c r="AB2710">
        <v>31</v>
      </c>
      <c r="AC2710">
        <v>91</v>
      </c>
      <c r="AD2710">
        <v>71</v>
      </c>
      <c r="AE2710">
        <v>85</v>
      </c>
      <c r="AF2710">
        <v>0</v>
      </c>
      <c r="AG2710">
        <v>50000</v>
      </c>
      <c r="AH2710">
        <v>50000</v>
      </c>
      <c r="AI2710">
        <v>0</v>
      </c>
      <c r="AJ2710">
        <v>0</v>
      </c>
      <c r="AK2710" t="s">
        <v>6</v>
      </c>
      <c r="AL2710">
        <v>0</v>
      </c>
      <c r="AM2710">
        <v>0</v>
      </c>
      <c r="AN2710">
        <v>0</v>
      </c>
      <c r="AO2710">
        <v>0</v>
      </c>
      <c r="AP2710">
        <v>0</v>
      </c>
      <c r="AQ2710">
        <v>0</v>
      </c>
      <c r="AR2710">
        <v>0</v>
      </c>
      <c r="AS2710">
        <v>0</v>
      </c>
      <c r="AT2710">
        <v>0</v>
      </c>
      <c r="AU2710">
        <v>0</v>
      </c>
      <c r="AV2710">
        <v>0</v>
      </c>
      <c r="AW2710">
        <v>0</v>
      </c>
      <c r="AX2710">
        <v>0</v>
      </c>
      <c r="AY2710">
        <v>0</v>
      </c>
      <c r="AZ2710">
        <v>0</v>
      </c>
      <c r="BA2710">
        <v>0</v>
      </c>
    </row>
    <row r="2711" spans="1:53" x14ac:dyDescent="0.4">
      <c r="A2711">
        <v>2755</v>
      </c>
      <c r="B2711" s="1">
        <v>43704</v>
      </c>
      <c r="C2711">
        <v>2</v>
      </c>
      <c r="D2711" s="1">
        <v>43704.410416666666</v>
      </c>
      <c r="E2711" s="1">
        <v>43704.736805555556</v>
      </c>
      <c r="F2711">
        <v>44250</v>
      </c>
      <c r="G2711">
        <v>2160</v>
      </c>
      <c r="H2711">
        <v>0</v>
      </c>
      <c r="I2711">
        <v>0</v>
      </c>
      <c r="J2711">
        <v>0</v>
      </c>
      <c r="K2711">
        <v>0</v>
      </c>
      <c r="L2711">
        <v>0</v>
      </c>
      <c r="M2711">
        <v>3712</v>
      </c>
      <c r="N2711">
        <v>0</v>
      </c>
      <c r="O2711">
        <v>0</v>
      </c>
      <c r="P2711">
        <v>17820</v>
      </c>
      <c r="Q2711">
        <v>0</v>
      </c>
      <c r="R2711">
        <v>67942</v>
      </c>
      <c r="S2711">
        <v>0</v>
      </c>
      <c r="T2711">
        <v>0</v>
      </c>
      <c r="U2711">
        <v>0</v>
      </c>
      <c r="V2711">
        <v>1</v>
      </c>
      <c r="W2711">
        <v>1</v>
      </c>
      <c r="X2711">
        <v>0</v>
      </c>
      <c r="Y2711">
        <v>57</v>
      </c>
      <c r="Z2711">
        <v>44</v>
      </c>
      <c r="AA2711">
        <v>196</v>
      </c>
      <c r="AB2711">
        <v>35</v>
      </c>
      <c r="AC2711">
        <v>213</v>
      </c>
      <c r="AD2711">
        <v>76</v>
      </c>
      <c r="AE2711">
        <v>82</v>
      </c>
      <c r="AF2711">
        <v>0</v>
      </c>
      <c r="AG2711">
        <v>117942</v>
      </c>
      <c r="AH2711">
        <v>50000</v>
      </c>
      <c r="AI2711">
        <v>0</v>
      </c>
      <c r="AJ2711">
        <v>93</v>
      </c>
      <c r="AK2711" t="s">
        <v>20</v>
      </c>
      <c r="AL2711">
        <v>0</v>
      </c>
      <c r="AM2711">
        <v>0</v>
      </c>
      <c r="AN2711">
        <v>0</v>
      </c>
      <c r="AO2711">
        <v>0</v>
      </c>
      <c r="AP2711">
        <v>0</v>
      </c>
      <c r="AQ2711">
        <v>0</v>
      </c>
      <c r="AR2711">
        <v>0</v>
      </c>
      <c r="AS2711">
        <v>0</v>
      </c>
      <c r="AT2711">
        <v>0</v>
      </c>
      <c r="AU2711">
        <v>0</v>
      </c>
      <c r="AV2711">
        <v>0</v>
      </c>
      <c r="AW2711">
        <v>0</v>
      </c>
      <c r="AX2711">
        <v>-1080</v>
      </c>
      <c r="AY2711">
        <v>51</v>
      </c>
      <c r="AZ2711">
        <v>120</v>
      </c>
      <c r="BA2711">
        <v>7553</v>
      </c>
    </row>
    <row r="2712" spans="1:53" x14ac:dyDescent="0.4">
      <c r="A2712">
        <v>2756</v>
      </c>
      <c r="B2712" s="1">
        <v>43704</v>
      </c>
      <c r="C2712">
        <v>3</v>
      </c>
      <c r="D2712" s="1">
        <v>43704.736805555556</v>
      </c>
      <c r="E2712" s="1">
        <v>43704.949305555558</v>
      </c>
      <c r="F2712">
        <v>30520</v>
      </c>
      <c r="G2712">
        <v>0</v>
      </c>
      <c r="H2712">
        <v>0</v>
      </c>
      <c r="I2712">
        <v>0</v>
      </c>
      <c r="J2712">
        <v>0</v>
      </c>
      <c r="K2712">
        <v>0</v>
      </c>
      <c r="L2712">
        <v>0</v>
      </c>
      <c r="M2712">
        <v>2442</v>
      </c>
      <c r="N2712">
        <v>0</v>
      </c>
      <c r="O2712">
        <v>0</v>
      </c>
      <c r="P2712">
        <v>-10692</v>
      </c>
      <c r="Q2712">
        <v>0</v>
      </c>
      <c r="R2712">
        <v>22270</v>
      </c>
      <c r="S2712">
        <v>0</v>
      </c>
      <c r="T2712">
        <v>0</v>
      </c>
      <c r="U2712">
        <v>0</v>
      </c>
      <c r="V2712">
        <v>1</v>
      </c>
      <c r="W2712">
        <v>1</v>
      </c>
      <c r="X2712">
        <v>0</v>
      </c>
      <c r="Y2712">
        <v>74</v>
      </c>
      <c r="Z2712">
        <v>46</v>
      </c>
      <c r="AA2712">
        <v>199</v>
      </c>
      <c r="AB2712">
        <v>37</v>
      </c>
      <c r="AC2712">
        <v>220</v>
      </c>
      <c r="AD2712">
        <v>76</v>
      </c>
      <c r="AE2712">
        <v>80</v>
      </c>
      <c r="AF2712">
        <v>3802</v>
      </c>
      <c r="AG2712">
        <v>140212</v>
      </c>
      <c r="AH2712">
        <v>50000</v>
      </c>
      <c r="AI2712">
        <v>0</v>
      </c>
      <c r="AJ2712">
        <v>98</v>
      </c>
      <c r="AK2712" t="s">
        <v>35</v>
      </c>
      <c r="AL2712">
        <v>0</v>
      </c>
      <c r="AM2712">
        <v>0</v>
      </c>
      <c r="AN2712">
        <v>0</v>
      </c>
      <c r="AO2712">
        <v>0</v>
      </c>
      <c r="AP2712">
        <v>0</v>
      </c>
      <c r="AQ2712">
        <v>0</v>
      </c>
      <c r="AR2712">
        <v>0</v>
      </c>
      <c r="AS2712">
        <v>0</v>
      </c>
      <c r="AT2712">
        <v>0</v>
      </c>
      <c r="AU2712">
        <v>0</v>
      </c>
      <c r="AV2712">
        <v>0</v>
      </c>
      <c r="AW2712">
        <v>0</v>
      </c>
      <c r="AX2712">
        <v>-430</v>
      </c>
      <c r="AY2712">
        <v>16</v>
      </c>
      <c r="AZ2712">
        <v>31</v>
      </c>
      <c r="BA2712">
        <v>2424</v>
      </c>
    </row>
    <row r="2713" spans="1:53" x14ac:dyDescent="0.4">
      <c r="A2713">
        <v>2757</v>
      </c>
      <c r="B2713" s="1">
        <v>43704</v>
      </c>
      <c r="C2713">
        <v>4</v>
      </c>
      <c r="D2713" s="1">
        <v>43704.949305555558</v>
      </c>
      <c r="E2713" s="1">
        <v>43705.075694444444</v>
      </c>
      <c r="F2713">
        <v>16420</v>
      </c>
      <c r="G2713">
        <v>850</v>
      </c>
      <c r="H2713">
        <v>200</v>
      </c>
      <c r="I2713">
        <v>0</v>
      </c>
      <c r="J2713">
        <v>0</v>
      </c>
      <c r="K2713">
        <v>0</v>
      </c>
      <c r="L2713">
        <v>0</v>
      </c>
      <c r="M2713">
        <v>1398</v>
      </c>
      <c r="N2713">
        <v>0</v>
      </c>
      <c r="O2713">
        <v>0</v>
      </c>
      <c r="P2713">
        <v>9612</v>
      </c>
      <c r="Q2713">
        <v>0</v>
      </c>
      <c r="R2713">
        <v>28480</v>
      </c>
      <c r="S2713">
        <v>0</v>
      </c>
      <c r="T2713">
        <v>0</v>
      </c>
      <c r="U2713">
        <v>0</v>
      </c>
      <c r="V2713">
        <v>4</v>
      </c>
      <c r="W2713">
        <v>1</v>
      </c>
      <c r="X2713">
        <v>0</v>
      </c>
      <c r="Y2713">
        <v>71</v>
      </c>
      <c r="Z2713">
        <v>48</v>
      </c>
      <c r="AA2713">
        <v>199</v>
      </c>
      <c r="AB2713">
        <v>36</v>
      </c>
      <c r="AC2713">
        <v>220</v>
      </c>
      <c r="AD2713">
        <v>75</v>
      </c>
      <c r="AE2713">
        <v>75</v>
      </c>
      <c r="AF2713">
        <v>4342</v>
      </c>
      <c r="AG2713">
        <v>168692</v>
      </c>
      <c r="AH2713">
        <v>50000</v>
      </c>
      <c r="AI2713">
        <v>0</v>
      </c>
      <c r="AJ2713">
        <v>100</v>
      </c>
      <c r="AK2713" t="s">
        <v>0</v>
      </c>
      <c r="AL2713">
        <v>0</v>
      </c>
      <c r="AM2713">
        <v>0</v>
      </c>
      <c r="AN2713">
        <v>0</v>
      </c>
      <c r="AO2713">
        <v>0</v>
      </c>
      <c r="AP2713">
        <v>0</v>
      </c>
      <c r="AQ2713">
        <v>0</v>
      </c>
      <c r="AR2713">
        <v>0</v>
      </c>
      <c r="AS2713">
        <v>0</v>
      </c>
      <c r="AT2713">
        <v>0</v>
      </c>
      <c r="AU2713">
        <v>0</v>
      </c>
      <c r="AV2713">
        <v>0</v>
      </c>
      <c r="AW2713">
        <v>0</v>
      </c>
      <c r="AX2713">
        <v>15865</v>
      </c>
      <c r="AY2713">
        <v>9</v>
      </c>
      <c r="AZ2713">
        <v>22</v>
      </c>
      <c r="BA2713">
        <v>1335</v>
      </c>
    </row>
    <row r="2714" spans="1:53" x14ac:dyDescent="0.4">
      <c r="A2714">
        <v>2758</v>
      </c>
      <c r="B2714" s="1">
        <v>43704</v>
      </c>
      <c r="C2714">
        <v>5</v>
      </c>
      <c r="D2714" s="1">
        <v>43705.075694444444</v>
      </c>
      <c r="E2714" s="1">
        <v>43705.271527777775</v>
      </c>
      <c r="F2714">
        <v>30220</v>
      </c>
      <c r="G2714">
        <v>2370</v>
      </c>
      <c r="H2714">
        <v>0</v>
      </c>
      <c r="I2714">
        <v>0</v>
      </c>
      <c r="J2714">
        <v>0</v>
      </c>
      <c r="K2714">
        <v>0</v>
      </c>
      <c r="L2714">
        <v>0</v>
      </c>
      <c r="M2714">
        <v>2607</v>
      </c>
      <c r="N2714">
        <v>0</v>
      </c>
      <c r="O2714">
        <v>0</v>
      </c>
      <c r="P2714">
        <v>-16740</v>
      </c>
      <c r="Q2714">
        <v>0</v>
      </c>
      <c r="R2714">
        <v>18457</v>
      </c>
      <c r="S2714">
        <v>0</v>
      </c>
      <c r="T2714">
        <v>0</v>
      </c>
      <c r="U2714">
        <v>0</v>
      </c>
      <c r="V2714">
        <v>0</v>
      </c>
      <c r="W2714">
        <v>0</v>
      </c>
      <c r="X2714">
        <v>0</v>
      </c>
      <c r="Y2714">
        <v>26</v>
      </c>
      <c r="Z2714">
        <v>13</v>
      </c>
      <c r="AA2714">
        <v>142</v>
      </c>
      <c r="AB2714">
        <v>34</v>
      </c>
      <c r="AC2714">
        <v>116</v>
      </c>
      <c r="AD2714">
        <v>75</v>
      </c>
      <c r="AE2714">
        <v>65</v>
      </c>
      <c r="AF2714">
        <v>0</v>
      </c>
      <c r="AG2714">
        <v>50000</v>
      </c>
      <c r="AH2714">
        <v>0</v>
      </c>
      <c r="AI2714">
        <v>-87149</v>
      </c>
      <c r="AJ2714">
        <v>94</v>
      </c>
      <c r="AK2714" t="s">
        <v>43</v>
      </c>
      <c r="AL2714">
        <v>0</v>
      </c>
      <c r="AM2714">
        <v>0</v>
      </c>
      <c r="AN2714">
        <v>0</v>
      </c>
      <c r="AO2714">
        <v>0</v>
      </c>
      <c r="AP2714">
        <v>0</v>
      </c>
      <c r="AQ2714">
        <v>0</v>
      </c>
      <c r="AR2714">
        <v>0</v>
      </c>
      <c r="AS2714">
        <v>0</v>
      </c>
      <c r="AT2714">
        <v>0</v>
      </c>
      <c r="AU2714">
        <v>0</v>
      </c>
      <c r="AV2714">
        <v>0</v>
      </c>
      <c r="AW2714">
        <v>0</v>
      </c>
      <c r="AX2714">
        <v>0</v>
      </c>
      <c r="AY2714">
        <v>0</v>
      </c>
      <c r="AZ2714">
        <v>2</v>
      </c>
      <c r="BA2714">
        <v>659</v>
      </c>
    </row>
    <row r="2715" spans="1:53" x14ac:dyDescent="0.4">
      <c r="A2715">
        <v>2759</v>
      </c>
      <c r="B2715" s="1">
        <v>43705</v>
      </c>
      <c r="C2715">
        <v>1</v>
      </c>
      <c r="D2715" s="1">
        <v>43705.291666666664</v>
      </c>
      <c r="E2715" s="1">
        <v>43705.404166666667</v>
      </c>
      <c r="F2715">
        <v>0</v>
      </c>
      <c r="G2715">
        <v>0</v>
      </c>
      <c r="H2715">
        <v>0</v>
      </c>
      <c r="I2715">
        <v>0</v>
      </c>
      <c r="J2715">
        <v>0</v>
      </c>
      <c r="K2715">
        <v>0</v>
      </c>
      <c r="L2715">
        <v>0</v>
      </c>
      <c r="M2715">
        <v>0</v>
      </c>
      <c r="N2715">
        <v>0</v>
      </c>
      <c r="O2715">
        <v>0</v>
      </c>
      <c r="P2715">
        <v>0</v>
      </c>
      <c r="Q2715">
        <v>0</v>
      </c>
      <c r="R2715">
        <v>0</v>
      </c>
      <c r="S2715">
        <v>0</v>
      </c>
      <c r="T2715">
        <v>0</v>
      </c>
      <c r="U2715">
        <v>0</v>
      </c>
      <c r="V2715">
        <v>0</v>
      </c>
      <c r="W2715">
        <v>0</v>
      </c>
      <c r="X2715">
        <v>0</v>
      </c>
      <c r="Y2715">
        <v>26</v>
      </c>
      <c r="Z2715">
        <v>13</v>
      </c>
      <c r="AA2715">
        <v>142</v>
      </c>
      <c r="AB2715">
        <v>34</v>
      </c>
      <c r="AC2715">
        <v>116</v>
      </c>
      <c r="AD2715">
        <v>75</v>
      </c>
      <c r="AE2715">
        <v>65</v>
      </c>
      <c r="AF2715">
        <v>0</v>
      </c>
      <c r="AG2715">
        <v>50000</v>
      </c>
      <c r="AH2715">
        <v>50000</v>
      </c>
      <c r="AI2715">
        <v>0</v>
      </c>
      <c r="AJ2715">
        <v>0</v>
      </c>
      <c r="AK2715" t="s">
        <v>6</v>
      </c>
      <c r="AL2715">
        <v>0</v>
      </c>
      <c r="AM2715">
        <v>0</v>
      </c>
      <c r="AN2715">
        <v>0</v>
      </c>
      <c r="AO2715">
        <v>0</v>
      </c>
      <c r="AP2715">
        <v>0</v>
      </c>
      <c r="AQ2715">
        <v>0</v>
      </c>
      <c r="AR2715">
        <v>0</v>
      </c>
      <c r="AS2715">
        <v>0</v>
      </c>
      <c r="AT2715">
        <v>0</v>
      </c>
      <c r="AU2715">
        <v>0</v>
      </c>
      <c r="AV2715">
        <v>0</v>
      </c>
      <c r="AW2715">
        <v>0</v>
      </c>
      <c r="AX2715">
        <v>0</v>
      </c>
      <c r="AY2715">
        <v>0</v>
      </c>
      <c r="AZ2715">
        <v>0</v>
      </c>
      <c r="BA2715">
        <v>0</v>
      </c>
    </row>
    <row r="2716" spans="1:53" x14ac:dyDescent="0.4">
      <c r="A2716">
        <v>2760</v>
      </c>
      <c r="B2716" s="1">
        <v>43705</v>
      </c>
      <c r="C2716">
        <v>2</v>
      </c>
      <c r="D2716" s="1">
        <v>43705.404166666667</v>
      </c>
      <c r="E2716" s="1">
        <v>43705.744444444441</v>
      </c>
      <c r="F2716">
        <v>39500</v>
      </c>
      <c r="G2716">
        <v>2020</v>
      </c>
      <c r="H2716">
        <v>200</v>
      </c>
      <c r="I2716">
        <v>0</v>
      </c>
      <c r="J2716">
        <v>0</v>
      </c>
      <c r="K2716">
        <v>0</v>
      </c>
      <c r="L2716">
        <v>0</v>
      </c>
      <c r="M2716">
        <v>3338</v>
      </c>
      <c r="N2716">
        <v>0</v>
      </c>
      <c r="O2716">
        <v>0</v>
      </c>
      <c r="P2716">
        <v>17820</v>
      </c>
      <c r="Q2716">
        <v>0</v>
      </c>
      <c r="R2716">
        <v>62878</v>
      </c>
      <c r="S2716">
        <v>0</v>
      </c>
      <c r="T2716">
        <v>0</v>
      </c>
      <c r="U2716">
        <v>0</v>
      </c>
      <c r="V2716">
        <v>1</v>
      </c>
      <c r="W2716">
        <v>1</v>
      </c>
      <c r="X2716">
        <v>0</v>
      </c>
      <c r="Y2716">
        <v>56</v>
      </c>
      <c r="Z2716">
        <v>32</v>
      </c>
      <c r="AA2716">
        <v>207</v>
      </c>
      <c r="AB2716">
        <v>45</v>
      </c>
      <c r="AC2716">
        <v>194</v>
      </c>
      <c r="AD2716">
        <v>77</v>
      </c>
      <c r="AE2716">
        <v>63</v>
      </c>
      <c r="AF2716">
        <v>540</v>
      </c>
      <c r="AG2716">
        <v>112878</v>
      </c>
      <c r="AH2716">
        <v>50000</v>
      </c>
      <c r="AI2716">
        <v>0</v>
      </c>
      <c r="AJ2716">
        <v>93</v>
      </c>
      <c r="AK2716" t="s">
        <v>20</v>
      </c>
      <c r="AL2716">
        <v>0</v>
      </c>
      <c r="AM2716">
        <v>0</v>
      </c>
      <c r="AN2716">
        <v>0</v>
      </c>
      <c r="AO2716">
        <v>0</v>
      </c>
      <c r="AP2716">
        <v>0</v>
      </c>
      <c r="AQ2716">
        <v>0</v>
      </c>
      <c r="AR2716">
        <v>0</v>
      </c>
      <c r="AS2716">
        <v>0</v>
      </c>
      <c r="AT2716">
        <v>0</v>
      </c>
      <c r="AU2716">
        <v>0</v>
      </c>
      <c r="AV2716">
        <v>0</v>
      </c>
      <c r="AW2716">
        <v>0</v>
      </c>
      <c r="AX2716">
        <v>-195</v>
      </c>
      <c r="AY2716">
        <v>51</v>
      </c>
      <c r="AZ2716">
        <v>108</v>
      </c>
      <c r="BA2716">
        <v>7977</v>
      </c>
    </row>
    <row r="2717" spans="1:53" x14ac:dyDescent="0.4">
      <c r="A2717">
        <v>2761</v>
      </c>
      <c r="B2717" s="1">
        <v>43706</v>
      </c>
      <c r="C2717">
        <v>1</v>
      </c>
      <c r="D2717" s="1">
        <v>43706.291666666664</v>
      </c>
      <c r="E2717" s="1">
        <v>43706.409722222219</v>
      </c>
      <c r="F2717">
        <v>0</v>
      </c>
      <c r="G2717">
        <v>0</v>
      </c>
      <c r="H2717">
        <v>0</v>
      </c>
      <c r="I2717">
        <v>0</v>
      </c>
      <c r="J2717">
        <v>0</v>
      </c>
      <c r="K2717">
        <v>0</v>
      </c>
      <c r="L2717">
        <v>0</v>
      </c>
      <c r="M2717">
        <v>0</v>
      </c>
      <c r="N2717">
        <v>0</v>
      </c>
      <c r="O2717">
        <v>0</v>
      </c>
      <c r="P2717">
        <v>0</v>
      </c>
      <c r="Q2717">
        <v>0</v>
      </c>
      <c r="R2717">
        <v>0</v>
      </c>
      <c r="S2717">
        <v>0</v>
      </c>
      <c r="T2717">
        <v>0</v>
      </c>
      <c r="U2717">
        <v>0</v>
      </c>
      <c r="V2717">
        <v>0</v>
      </c>
      <c r="W2717">
        <v>0</v>
      </c>
      <c r="X2717">
        <v>0</v>
      </c>
      <c r="Y2717">
        <v>27</v>
      </c>
      <c r="Z2717">
        <v>10</v>
      </c>
      <c r="AA2717">
        <v>135</v>
      </c>
      <c r="AB2717">
        <v>54</v>
      </c>
      <c r="AC2717">
        <v>125</v>
      </c>
      <c r="AD2717">
        <v>77</v>
      </c>
      <c r="AE2717">
        <v>65</v>
      </c>
      <c r="AF2717">
        <v>0</v>
      </c>
      <c r="AG2717">
        <v>49900</v>
      </c>
      <c r="AH2717">
        <v>0</v>
      </c>
      <c r="AI2717">
        <v>49900</v>
      </c>
      <c r="AJ2717">
        <v>0</v>
      </c>
      <c r="AK2717" t="s">
        <v>6</v>
      </c>
      <c r="AL2717">
        <v>0</v>
      </c>
      <c r="AM2717">
        <v>0</v>
      </c>
      <c r="AN2717">
        <v>0</v>
      </c>
      <c r="AO2717">
        <v>0</v>
      </c>
      <c r="AP2717">
        <v>0</v>
      </c>
      <c r="AQ2717">
        <v>0</v>
      </c>
      <c r="AR2717">
        <v>0</v>
      </c>
      <c r="AS2717">
        <v>0</v>
      </c>
      <c r="AT2717">
        <v>0</v>
      </c>
      <c r="AU2717">
        <v>0</v>
      </c>
      <c r="AV2717">
        <v>0</v>
      </c>
      <c r="AW2717">
        <v>0</v>
      </c>
      <c r="AX2717">
        <v>0</v>
      </c>
      <c r="AY2717">
        <v>0</v>
      </c>
      <c r="AZ2717">
        <v>0</v>
      </c>
      <c r="BA2717">
        <v>0</v>
      </c>
    </row>
    <row r="2718" spans="1:53" x14ac:dyDescent="0.4">
      <c r="A2718">
        <v>2762</v>
      </c>
      <c r="B2718" s="1">
        <v>43706</v>
      </c>
      <c r="C2718">
        <v>2</v>
      </c>
      <c r="D2718" s="1">
        <v>43706.409722222219</v>
      </c>
      <c r="E2718" s="1">
        <v>43706.745138888888</v>
      </c>
      <c r="F2718">
        <v>37500</v>
      </c>
      <c r="G2718">
        <v>1620</v>
      </c>
      <c r="H2718">
        <v>200</v>
      </c>
      <c r="I2718">
        <v>0</v>
      </c>
      <c r="J2718">
        <v>0</v>
      </c>
      <c r="K2718">
        <v>0</v>
      </c>
      <c r="L2718">
        <v>0</v>
      </c>
      <c r="M2718">
        <v>3145</v>
      </c>
      <c r="N2718">
        <v>0</v>
      </c>
      <c r="O2718">
        <v>0</v>
      </c>
      <c r="P2718">
        <v>28620</v>
      </c>
      <c r="Q2718">
        <v>0</v>
      </c>
      <c r="R2718">
        <v>71085</v>
      </c>
      <c r="S2718">
        <v>0</v>
      </c>
      <c r="T2718">
        <v>0</v>
      </c>
      <c r="U2718">
        <v>0</v>
      </c>
      <c r="V2718">
        <v>3</v>
      </c>
      <c r="W2718">
        <v>1</v>
      </c>
      <c r="X2718">
        <v>0</v>
      </c>
      <c r="Y2718">
        <v>45</v>
      </c>
      <c r="Z2718">
        <v>34</v>
      </c>
      <c r="AA2718">
        <v>138</v>
      </c>
      <c r="AB2718">
        <v>62</v>
      </c>
      <c r="AC2718">
        <v>250</v>
      </c>
      <c r="AD2718">
        <v>79</v>
      </c>
      <c r="AE2718">
        <v>62</v>
      </c>
      <c r="AF2718">
        <v>4138</v>
      </c>
      <c r="AG2718">
        <v>120995</v>
      </c>
      <c r="AH2718">
        <v>50000</v>
      </c>
      <c r="AI2718">
        <v>-90</v>
      </c>
      <c r="AJ2718">
        <v>96</v>
      </c>
      <c r="AK2718" t="s">
        <v>4</v>
      </c>
      <c r="AL2718">
        <v>0</v>
      </c>
      <c r="AM2718">
        <v>0</v>
      </c>
      <c r="AN2718">
        <v>0</v>
      </c>
      <c r="AO2718">
        <v>0</v>
      </c>
      <c r="AP2718">
        <v>0</v>
      </c>
      <c r="AQ2718">
        <v>0</v>
      </c>
      <c r="AR2718">
        <v>0</v>
      </c>
      <c r="AS2718">
        <v>0</v>
      </c>
      <c r="AT2718">
        <v>0</v>
      </c>
      <c r="AU2718">
        <v>0</v>
      </c>
      <c r="AV2718">
        <v>0</v>
      </c>
      <c r="AW2718">
        <v>0</v>
      </c>
      <c r="AX2718">
        <v>668</v>
      </c>
      <c r="AY2718">
        <v>54</v>
      </c>
      <c r="AZ2718">
        <v>114</v>
      </c>
      <c r="BA2718">
        <v>7463</v>
      </c>
    </row>
    <row r="2719" spans="1:53" x14ac:dyDescent="0.4">
      <c r="A2719">
        <v>2763</v>
      </c>
      <c r="B2719" s="1">
        <v>43706</v>
      </c>
      <c r="C2719">
        <v>3</v>
      </c>
      <c r="D2719" s="1">
        <v>43706.745138888888</v>
      </c>
      <c r="E2719" s="1">
        <v>43706.950694444444</v>
      </c>
      <c r="F2719">
        <v>45000</v>
      </c>
      <c r="G2719">
        <v>4960</v>
      </c>
      <c r="H2719">
        <v>0</v>
      </c>
      <c r="I2719">
        <v>0</v>
      </c>
      <c r="J2719">
        <v>0</v>
      </c>
      <c r="K2719">
        <v>0</v>
      </c>
      <c r="L2719">
        <v>0</v>
      </c>
      <c r="M2719">
        <v>3996</v>
      </c>
      <c r="N2719">
        <v>0</v>
      </c>
      <c r="O2719">
        <v>0</v>
      </c>
      <c r="P2719">
        <v>-28620</v>
      </c>
      <c r="Q2719">
        <v>0</v>
      </c>
      <c r="R2719">
        <v>25336</v>
      </c>
      <c r="S2719">
        <v>0</v>
      </c>
      <c r="T2719">
        <v>0</v>
      </c>
      <c r="U2719">
        <v>0</v>
      </c>
      <c r="V2719">
        <v>3</v>
      </c>
      <c r="W2719">
        <v>1</v>
      </c>
      <c r="X2719">
        <v>0</v>
      </c>
      <c r="Y2719">
        <v>67</v>
      </c>
      <c r="Z2719">
        <v>35</v>
      </c>
      <c r="AA2719">
        <v>144</v>
      </c>
      <c r="AB2719">
        <v>66</v>
      </c>
      <c r="AC2719">
        <v>244</v>
      </c>
      <c r="AD2719">
        <v>82</v>
      </c>
      <c r="AE2719">
        <v>59</v>
      </c>
      <c r="AF2719">
        <v>6212</v>
      </c>
      <c r="AG2719">
        <v>146321</v>
      </c>
      <c r="AH2719">
        <v>50000</v>
      </c>
      <c r="AI2719">
        <v>-100</v>
      </c>
      <c r="AJ2719">
        <v>108</v>
      </c>
      <c r="AK2719" t="s">
        <v>30</v>
      </c>
      <c r="AL2719">
        <v>0</v>
      </c>
      <c r="AM2719">
        <v>0</v>
      </c>
      <c r="AN2719">
        <v>0</v>
      </c>
      <c r="AO2719">
        <v>0</v>
      </c>
      <c r="AP2719">
        <v>0</v>
      </c>
      <c r="AQ2719">
        <v>0</v>
      </c>
      <c r="AR2719">
        <v>0</v>
      </c>
      <c r="AS2719">
        <v>0</v>
      </c>
      <c r="AT2719">
        <v>0</v>
      </c>
      <c r="AU2719">
        <v>0</v>
      </c>
      <c r="AV2719">
        <v>0</v>
      </c>
      <c r="AW2719">
        <v>0</v>
      </c>
      <c r="AX2719">
        <v>13068</v>
      </c>
      <c r="AY2719">
        <v>12</v>
      </c>
      <c r="AZ2719">
        <v>38</v>
      </c>
      <c r="BA2719">
        <v>3149</v>
      </c>
    </row>
    <row r="2720" spans="1:53" x14ac:dyDescent="0.4">
      <c r="A2720">
        <v>2764</v>
      </c>
      <c r="B2720" s="1">
        <v>43707</v>
      </c>
      <c r="C2720">
        <v>1</v>
      </c>
      <c r="D2720" s="1">
        <v>43707.291666666664</v>
      </c>
      <c r="E2720" s="1">
        <v>43707.412499999999</v>
      </c>
      <c r="F2720">
        <v>0</v>
      </c>
      <c r="G2720">
        <v>0</v>
      </c>
      <c r="H2720">
        <v>0</v>
      </c>
      <c r="I2720">
        <v>0</v>
      </c>
      <c r="J2720">
        <v>0</v>
      </c>
      <c r="K2720">
        <v>0</v>
      </c>
      <c r="L2720">
        <v>0</v>
      </c>
      <c r="M2720">
        <v>0</v>
      </c>
      <c r="N2720">
        <v>0</v>
      </c>
      <c r="O2720">
        <v>0</v>
      </c>
      <c r="P2720">
        <v>0</v>
      </c>
      <c r="Q2720">
        <v>0</v>
      </c>
      <c r="R2720">
        <v>0</v>
      </c>
      <c r="S2720">
        <v>0</v>
      </c>
      <c r="T2720">
        <v>0</v>
      </c>
      <c r="U2720">
        <v>0</v>
      </c>
      <c r="V2720">
        <v>0</v>
      </c>
      <c r="W2720">
        <v>0</v>
      </c>
      <c r="X2720">
        <v>0</v>
      </c>
      <c r="Y2720">
        <v>27</v>
      </c>
      <c r="Z2720">
        <v>10</v>
      </c>
      <c r="AA2720">
        <v>131</v>
      </c>
      <c r="AB2720">
        <v>67</v>
      </c>
      <c r="AC2720">
        <v>106</v>
      </c>
      <c r="AD2720">
        <v>85</v>
      </c>
      <c r="AE2720">
        <v>65</v>
      </c>
      <c r="AF2720">
        <v>0</v>
      </c>
      <c r="AG2720">
        <v>50000</v>
      </c>
      <c r="AH2720">
        <v>0</v>
      </c>
      <c r="AI2720">
        <v>50000</v>
      </c>
      <c r="AJ2720">
        <v>0</v>
      </c>
      <c r="AK2720" t="s">
        <v>6</v>
      </c>
      <c r="AL2720">
        <v>0</v>
      </c>
      <c r="AM2720">
        <v>0</v>
      </c>
      <c r="AN2720">
        <v>0</v>
      </c>
      <c r="AO2720">
        <v>0</v>
      </c>
      <c r="AP2720">
        <v>0</v>
      </c>
      <c r="AQ2720">
        <v>0</v>
      </c>
      <c r="AR2720">
        <v>0</v>
      </c>
      <c r="AS2720">
        <v>0</v>
      </c>
      <c r="AT2720">
        <v>0</v>
      </c>
      <c r="AU2720">
        <v>0</v>
      </c>
      <c r="AV2720">
        <v>0</v>
      </c>
      <c r="AW2720">
        <v>0</v>
      </c>
      <c r="AX2720">
        <v>0</v>
      </c>
      <c r="AY2720">
        <v>0</v>
      </c>
      <c r="AZ2720">
        <v>0</v>
      </c>
      <c r="BA2720">
        <v>0</v>
      </c>
    </row>
    <row r="2721" spans="1:53" x14ac:dyDescent="0.4">
      <c r="A2721">
        <v>2765</v>
      </c>
      <c r="B2721" s="1">
        <v>43707</v>
      </c>
      <c r="C2721">
        <v>2</v>
      </c>
      <c r="D2721" s="1">
        <v>43707.412499999999</v>
      </c>
      <c r="E2721" s="1">
        <v>43707.413194444445</v>
      </c>
      <c r="F2721">
        <v>0</v>
      </c>
      <c r="G2721">
        <v>0</v>
      </c>
      <c r="H2721">
        <v>0</v>
      </c>
      <c r="I2721">
        <v>0</v>
      </c>
      <c r="J2721">
        <v>0</v>
      </c>
      <c r="K2721">
        <v>0</v>
      </c>
      <c r="L2721">
        <v>0</v>
      </c>
      <c r="M2721">
        <v>0</v>
      </c>
      <c r="N2721">
        <v>0</v>
      </c>
      <c r="O2721">
        <v>0</v>
      </c>
      <c r="P2721">
        <v>0</v>
      </c>
      <c r="Q2721">
        <v>0</v>
      </c>
      <c r="R2721">
        <v>0</v>
      </c>
      <c r="S2721">
        <v>0</v>
      </c>
      <c r="T2721">
        <v>0</v>
      </c>
      <c r="U2721">
        <v>0</v>
      </c>
      <c r="V2721">
        <v>0</v>
      </c>
      <c r="W2721">
        <v>0</v>
      </c>
      <c r="X2721">
        <v>0</v>
      </c>
      <c r="Y2721">
        <v>27</v>
      </c>
      <c r="Z2721">
        <v>10</v>
      </c>
      <c r="AA2721">
        <v>131</v>
      </c>
      <c r="AB2721">
        <v>67</v>
      </c>
      <c r="AC2721">
        <v>106</v>
      </c>
      <c r="AD2721">
        <v>85</v>
      </c>
      <c r="AE2721">
        <v>65</v>
      </c>
      <c r="AF2721">
        <v>0</v>
      </c>
      <c r="AG2721">
        <v>50000</v>
      </c>
      <c r="AH2721">
        <v>0</v>
      </c>
      <c r="AI2721">
        <v>50000</v>
      </c>
      <c r="AJ2721">
        <v>0</v>
      </c>
      <c r="AK2721" t="s">
        <v>6</v>
      </c>
      <c r="AL2721">
        <v>0</v>
      </c>
      <c r="AM2721">
        <v>0</v>
      </c>
      <c r="AN2721">
        <v>0</v>
      </c>
      <c r="AO2721">
        <v>0</v>
      </c>
      <c r="AP2721">
        <v>0</v>
      </c>
      <c r="AQ2721">
        <v>0</v>
      </c>
      <c r="AR2721">
        <v>0</v>
      </c>
      <c r="AS2721">
        <v>0</v>
      </c>
      <c r="AT2721">
        <v>0</v>
      </c>
      <c r="AU2721">
        <v>0</v>
      </c>
      <c r="AV2721">
        <v>0</v>
      </c>
      <c r="AW2721">
        <v>0</v>
      </c>
      <c r="AX2721">
        <v>0</v>
      </c>
      <c r="AY2721">
        <v>0</v>
      </c>
      <c r="AZ2721">
        <v>0</v>
      </c>
      <c r="BA2721">
        <v>0</v>
      </c>
    </row>
    <row r="2722" spans="1:53" x14ac:dyDescent="0.4">
      <c r="A2722">
        <v>2766</v>
      </c>
      <c r="B2722" s="1">
        <v>43707</v>
      </c>
      <c r="C2722">
        <v>3</v>
      </c>
      <c r="D2722" s="1">
        <v>43707.413194444445</v>
      </c>
      <c r="E2722" s="1">
        <v>43707.738888888889</v>
      </c>
      <c r="F2722">
        <v>41750</v>
      </c>
      <c r="G2722">
        <v>3040</v>
      </c>
      <c r="H2722">
        <v>200</v>
      </c>
      <c r="I2722">
        <v>0</v>
      </c>
      <c r="J2722">
        <v>0</v>
      </c>
      <c r="K2722">
        <v>0</v>
      </c>
      <c r="L2722">
        <v>0</v>
      </c>
      <c r="M2722">
        <v>3599</v>
      </c>
      <c r="N2722">
        <v>0</v>
      </c>
      <c r="O2722">
        <v>0</v>
      </c>
      <c r="P2722">
        <v>16740</v>
      </c>
      <c r="Q2722">
        <v>0</v>
      </c>
      <c r="R2722">
        <v>65329</v>
      </c>
      <c r="S2722">
        <v>0</v>
      </c>
      <c r="T2722">
        <v>0</v>
      </c>
      <c r="U2722">
        <v>0</v>
      </c>
      <c r="V2722">
        <v>3</v>
      </c>
      <c r="W2722">
        <v>0</v>
      </c>
      <c r="X2722">
        <v>0</v>
      </c>
      <c r="Y2722">
        <v>51</v>
      </c>
      <c r="Z2722">
        <v>21</v>
      </c>
      <c r="AA2722">
        <v>180</v>
      </c>
      <c r="AB2722">
        <v>66</v>
      </c>
      <c r="AC2722">
        <v>204</v>
      </c>
      <c r="AD2722">
        <v>87</v>
      </c>
      <c r="AE2722">
        <v>54</v>
      </c>
      <c r="AF2722">
        <v>0</v>
      </c>
      <c r="AG2722">
        <v>115329</v>
      </c>
      <c r="AH2722">
        <v>50000</v>
      </c>
      <c r="AI2722">
        <v>0</v>
      </c>
      <c r="AJ2722">
        <v>90</v>
      </c>
      <c r="AK2722" t="s">
        <v>38</v>
      </c>
      <c r="AL2722">
        <v>0</v>
      </c>
      <c r="AM2722">
        <v>0</v>
      </c>
      <c r="AN2722">
        <v>0</v>
      </c>
      <c r="AO2722">
        <v>0</v>
      </c>
      <c r="AP2722">
        <v>0</v>
      </c>
      <c r="AQ2722">
        <v>0</v>
      </c>
      <c r="AR2722">
        <v>0</v>
      </c>
      <c r="AS2722">
        <v>0</v>
      </c>
      <c r="AT2722">
        <v>0</v>
      </c>
      <c r="AU2722">
        <v>0</v>
      </c>
      <c r="AV2722">
        <v>0</v>
      </c>
      <c r="AW2722">
        <v>0</v>
      </c>
      <c r="AX2722">
        <v>626</v>
      </c>
      <c r="AY2722">
        <v>47</v>
      </c>
      <c r="AZ2722">
        <v>114</v>
      </c>
      <c r="BA2722">
        <v>7149</v>
      </c>
    </row>
    <row r="2723" spans="1:53" x14ac:dyDescent="0.4">
      <c r="A2723">
        <v>2767</v>
      </c>
      <c r="B2723" s="1">
        <v>43708</v>
      </c>
      <c r="C2723">
        <v>1</v>
      </c>
      <c r="D2723" s="1">
        <v>43708.291666666664</v>
      </c>
      <c r="E2723" s="1">
        <v>43708.409722222219</v>
      </c>
      <c r="F2723">
        <v>0</v>
      </c>
      <c r="G2723">
        <v>0</v>
      </c>
      <c r="H2723">
        <v>0</v>
      </c>
      <c r="I2723">
        <v>0</v>
      </c>
      <c r="J2723">
        <v>0</v>
      </c>
      <c r="K2723">
        <v>0</v>
      </c>
      <c r="L2723">
        <v>0</v>
      </c>
      <c r="M2723">
        <v>0</v>
      </c>
      <c r="N2723">
        <v>0</v>
      </c>
      <c r="O2723">
        <v>0</v>
      </c>
      <c r="P2723">
        <v>0</v>
      </c>
      <c r="Q2723">
        <v>0</v>
      </c>
      <c r="R2723">
        <v>0</v>
      </c>
      <c r="S2723">
        <v>0</v>
      </c>
      <c r="T2723">
        <v>0</v>
      </c>
      <c r="U2723">
        <v>0</v>
      </c>
      <c r="V2723">
        <v>0</v>
      </c>
      <c r="W2723">
        <v>0</v>
      </c>
      <c r="X2723">
        <v>0</v>
      </c>
      <c r="Y2723">
        <v>28</v>
      </c>
      <c r="Z2723">
        <v>10</v>
      </c>
      <c r="AA2723">
        <v>119</v>
      </c>
      <c r="AB2723">
        <v>69</v>
      </c>
      <c r="AC2723">
        <v>116</v>
      </c>
      <c r="AD2723">
        <v>86</v>
      </c>
      <c r="AE2723">
        <v>60</v>
      </c>
      <c r="AF2723">
        <v>0</v>
      </c>
      <c r="AG2723">
        <v>50000</v>
      </c>
      <c r="AH2723">
        <v>50000</v>
      </c>
      <c r="AI2723">
        <v>0</v>
      </c>
      <c r="AJ2723">
        <v>0</v>
      </c>
      <c r="AK2723" t="s">
        <v>6</v>
      </c>
      <c r="AL2723">
        <v>0</v>
      </c>
      <c r="AM2723">
        <v>0</v>
      </c>
      <c r="AN2723">
        <v>0</v>
      </c>
      <c r="AO2723">
        <v>0</v>
      </c>
      <c r="AP2723">
        <v>0</v>
      </c>
      <c r="AQ2723">
        <v>0</v>
      </c>
      <c r="AR2723">
        <v>0</v>
      </c>
      <c r="AS2723">
        <v>0</v>
      </c>
      <c r="AT2723">
        <v>0</v>
      </c>
      <c r="AU2723">
        <v>0</v>
      </c>
      <c r="AV2723">
        <v>0</v>
      </c>
      <c r="AW2723">
        <v>0</v>
      </c>
      <c r="AX2723">
        <v>0</v>
      </c>
      <c r="AY2723">
        <v>0</v>
      </c>
      <c r="AZ2723">
        <v>0</v>
      </c>
      <c r="BA2723">
        <v>0</v>
      </c>
    </row>
    <row r="2724" spans="1:53" x14ac:dyDescent="0.4">
      <c r="A2724">
        <v>2768</v>
      </c>
      <c r="B2724" s="1">
        <v>43708</v>
      </c>
      <c r="C2724">
        <v>2</v>
      </c>
      <c r="D2724" s="1">
        <v>43708.409722222219</v>
      </c>
      <c r="E2724" s="1">
        <v>43708.734027777777</v>
      </c>
      <c r="F2724">
        <v>45500</v>
      </c>
      <c r="G2724">
        <v>3900</v>
      </c>
      <c r="H2724">
        <v>200</v>
      </c>
      <c r="I2724">
        <v>0</v>
      </c>
      <c r="J2724">
        <v>0</v>
      </c>
      <c r="K2724">
        <v>0</v>
      </c>
      <c r="L2724">
        <v>0</v>
      </c>
      <c r="M2724">
        <v>3968</v>
      </c>
      <c r="N2724">
        <v>0</v>
      </c>
      <c r="O2724">
        <v>0</v>
      </c>
      <c r="P2724">
        <v>13770</v>
      </c>
      <c r="Q2724">
        <v>0</v>
      </c>
      <c r="R2724">
        <v>67338</v>
      </c>
      <c r="S2724">
        <v>0</v>
      </c>
      <c r="T2724">
        <v>0</v>
      </c>
      <c r="U2724">
        <v>0</v>
      </c>
      <c r="V2724">
        <v>0</v>
      </c>
      <c r="W2724">
        <v>4</v>
      </c>
      <c r="X2724">
        <v>0</v>
      </c>
      <c r="Y2724">
        <v>59</v>
      </c>
      <c r="Z2724">
        <v>29</v>
      </c>
      <c r="AA2724">
        <v>171</v>
      </c>
      <c r="AB2724">
        <v>61</v>
      </c>
      <c r="AC2724">
        <v>209</v>
      </c>
      <c r="AD2724">
        <v>91</v>
      </c>
      <c r="AE2724">
        <v>63</v>
      </c>
      <c r="AF2724">
        <v>1080</v>
      </c>
      <c r="AG2724">
        <v>117338</v>
      </c>
      <c r="AH2724">
        <v>50000</v>
      </c>
      <c r="AI2724">
        <v>0</v>
      </c>
      <c r="AJ2724">
        <v>93</v>
      </c>
      <c r="AK2724" t="s">
        <v>20</v>
      </c>
      <c r="AL2724">
        <v>0</v>
      </c>
      <c r="AM2724">
        <v>0</v>
      </c>
      <c r="AN2724">
        <v>0</v>
      </c>
      <c r="AO2724">
        <v>0</v>
      </c>
      <c r="AP2724">
        <v>0</v>
      </c>
      <c r="AQ2724">
        <v>0</v>
      </c>
      <c r="AR2724">
        <v>0</v>
      </c>
      <c r="AS2724">
        <v>0</v>
      </c>
      <c r="AT2724">
        <v>0</v>
      </c>
      <c r="AU2724">
        <v>0</v>
      </c>
      <c r="AV2724">
        <v>0</v>
      </c>
      <c r="AW2724">
        <v>0</v>
      </c>
      <c r="AX2724">
        <v>1728</v>
      </c>
      <c r="AY2724">
        <v>49</v>
      </c>
      <c r="AZ2724">
        <v>118</v>
      </c>
      <c r="BA2724">
        <v>7628</v>
      </c>
    </row>
    <row r="2725" spans="1:53" x14ac:dyDescent="0.4">
      <c r="A2725">
        <v>2769</v>
      </c>
      <c r="B2725" s="1">
        <v>43708</v>
      </c>
      <c r="C2725">
        <v>3</v>
      </c>
      <c r="D2725" s="1">
        <v>43708.734027777777</v>
      </c>
      <c r="E2725" s="1">
        <v>43708.993750000001</v>
      </c>
      <c r="F2725">
        <v>158630</v>
      </c>
      <c r="G2725">
        <v>14500</v>
      </c>
      <c r="H2725">
        <v>0</v>
      </c>
      <c r="I2725">
        <v>0</v>
      </c>
      <c r="J2725">
        <v>0</v>
      </c>
      <c r="K2725">
        <v>0</v>
      </c>
      <c r="L2725">
        <v>0</v>
      </c>
      <c r="M2725">
        <v>13849</v>
      </c>
      <c r="N2725">
        <v>0</v>
      </c>
      <c r="O2725">
        <v>0</v>
      </c>
      <c r="P2725">
        <v>-13770</v>
      </c>
      <c r="Q2725">
        <v>0</v>
      </c>
      <c r="R2725">
        <v>173209</v>
      </c>
      <c r="S2725">
        <v>0</v>
      </c>
      <c r="T2725">
        <v>0</v>
      </c>
      <c r="U2725">
        <v>0</v>
      </c>
      <c r="V2725">
        <v>10</v>
      </c>
      <c r="W2725">
        <v>6</v>
      </c>
      <c r="X2725">
        <v>0</v>
      </c>
      <c r="Y2725">
        <v>120</v>
      </c>
      <c r="Z2725">
        <v>21</v>
      </c>
      <c r="AA2725">
        <v>172</v>
      </c>
      <c r="AB2725">
        <v>57</v>
      </c>
      <c r="AC2725">
        <v>175</v>
      </c>
      <c r="AD2725">
        <v>89</v>
      </c>
      <c r="AE2725">
        <v>48</v>
      </c>
      <c r="AF2725">
        <v>7754</v>
      </c>
      <c r="AG2725">
        <v>290547</v>
      </c>
      <c r="AH2725">
        <v>50000</v>
      </c>
      <c r="AI2725">
        <v>0</v>
      </c>
      <c r="AJ2725">
        <v>108</v>
      </c>
      <c r="AK2725" t="s">
        <v>30</v>
      </c>
      <c r="AL2725">
        <v>0</v>
      </c>
      <c r="AM2725">
        <v>0</v>
      </c>
      <c r="AN2725">
        <v>0</v>
      </c>
      <c r="AO2725">
        <v>0</v>
      </c>
      <c r="AP2725">
        <v>0</v>
      </c>
      <c r="AQ2725">
        <v>0</v>
      </c>
      <c r="AR2725">
        <v>0</v>
      </c>
      <c r="AS2725">
        <v>0</v>
      </c>
      <c r="AT2725">
        <v>0</v>
      </c>
      <c r="AU2725">
        <v>0</v>
      </c>
      <c r="AV2725">
        <v>0</v>
      </c>
      <c r="AW2725">
        <v>0</v>
      </c>
      <c r="AX2725">
        <v>34344</v>
      </c>
      <c r="AY2725">
        <v>37</v>
      </c>
      <c r="AZ2725">
        <v>141</v>
      </c>
      <c r="BA2725">
        <v>4536</v>
      </c>
    </row>
    <row r="2726" spans="1:53" x14ac:dyDescent="0.4">
      <c r="A2726">
        <v>2770</v>
      </c>
      <c r="B2726" s="1">
        <v>43709</v>
      </c>
      <c r="C2726">
        <v>1</v>
      </c>
      <c r="D2726" s="1">
        <v>43709.291666666664</v>
      </c>
      <c r="E2726" s="1">
        <v>43709.404166666667</v>
      </c>
      <c r="F2726">
        <v>0</v>
      </c>
      <c r="G2726">
        <v>0</v>
      </c>
      <c r="H2726">
        <v>0</v>
      </c>
      <c r="I2726">
        <v>0</v>
      </c>
      <c r="J2726">
        <v>0</v>
      </c>
      <c r="K2726">
        <v>0</v>
      </c>
      <c r="L2726">
        <v>0</v>
      </c>
      <c r="M2726">
        <v>0</v>
      </c>
      <c r="N2726">
        <v>0</v>
      </c>
      <c r="O2726">
        <v>0</v>
      </c>
      <c r="P2726">
        <v>0</v>
      </c>
      <c r="Q2726">
        <v>0</v>
      </c>
      <c r="R2726">
        <v>0</v>
      </c>
      <c r="S2726">
        <v>0</v>
      </c>
      <c r="T2726">
        <v>0</v>
      </c>
      <c r="U2726">
        <v>0</v>
      </c>
      <c r="V2726">
        <v>0</v>
      </c>
      <c r="W2726">
        <v>0</v>
      </c>
      <c r="X2726">
        <v>0</v>
      </c>
      <c r="Y2726">
        <v>30</v>
      </c>
      <c r="Z2726">
        <v>9</v>
      </c>
      <c r="AA2726">
        <v>138</v>
      </c>
      <c r="AB2726">
        <v>3</v>
      </c>
      <c r="AC2726">
        <v>130</v>
      </c>
      <c r="AD2726">
        <v>39</v>
      </c>
      <c r="AE2726">
        <v>55</v>
      </c>
      <c r="AF2726">
        <v>0</v>
      </c>
      <c r="AG2726">
        <v>50000</v>
      </c>
      <c r="AH2726">
        <v>50000</v>
      </c>
      <c r="AI2726">
        <v>0</v>
      </c>
      <c r="AJ2726">
        <v>0</v>
      </c>
      <c r="AK2726" t="s">
        <v>6</v>
      </c>
      <c r="AL2726">
        <v>0</v>
      </c>
      <c r="AM2726">
        <v>0</v>
      </c>
      <c r="AN2726">
        <v>0</v>
      </c>
      <c r="AO2726">
        <v>0</v>
      </c>
      <c r="AP2726">
        <v>0</v>
      </c>
      <c r="AQ2726">
        <v>0</v>
      </c>
      <c r="AR2726">
        <v>0</v>
      </c>
      <c r="AS2726">
        <v>0</v>
      </c>
      <c r="AT2726">
        <v>0</v>
      </c>
      <c r="AU2726">
        <v>0</v>
      </c>
      <c r="AV2726">
        <v>0</v>
      </c>
      <c r="AW2726">
        <v>0</v>
      </c>
      <c r="AX2726">
        <v>0</v>
      </c>
      <c r="AY2726">
        <v>0</v>
      </c>
      <c r="AZ2726">
        <v>0</v>
      </c>
      <c r="BA2726">
        <v>0</v>
      </c>
    </row>
    <row r="2727" spans="1:53" x14ac:dyDescent="0.4">
      <c r="A2727">
        <v>2771</v>
      </c>
      <c r="B2727" s="1">
        <v>43709</v>
      </c>
      <c r="C2727">
        <v>2</v>
      </c>
      <c r="D2727" s="1">
        <v>43709.404166666667</v>
      </c>
      <c r="E2727" s="1">
        <v>43709.73333333333</v>
      </c>
      <c r="F2727">
        <v>43500</v>
      </c>
      <c r="G2727">
        <v>4920</v>
      </c>
      <c r="H2727">
        <v>0</v>
      </c>
      <c r="I2727">
        <v>0</v>
      </c>
      <c r="J2727">
        <v>0</v>
      </c>
      <c r="K2727">
        <v>600</v>
      </c>
      <c r="L2727">
        <v>0</v>
      </c>
      <c r="M2727">
        <v>3920</v>
      </c>
      <c r="N2727">
        <v>0</v>
      </c>
      <c r="O2727">
        <v>0</v>
      </c>
      <c r="P2727">
        <v>16740</v>
      </c>
      <c r="Q2727">
        <v>0</v>
      </c>
      <c r="R2727">
        <v>69680</v>
      </c>
      <c r="S2727">
        <v>0</v>
      </c>
      <c r="T2727">
        <v>0</v>
      </c>
      <c r="U2727">
        <v>0</v>
      </c>
      <c r="V2727">
        <v>2</v>
      </c>
      <c r="W2727">
        <v>2</v>
      </c>
      <c r="X2727">
        <v>0</v>
      </c>
      <c r="Y2727">
        <v>56</v>
      </c>
      <c r="Z2727">
        <v>32</v>
      </c>
      <c r="AA2727">
        <v>124</v>
      </c>
      <c r="AB2727">
        <v>0</v>
      </c>
      <c r="AC2727">
        <v>128</v>
      </c>
      <c r="AD2727">
        <v>35</v>
      </c>
      <c r="AE2727">
        <v>39</v>
      </c>
      <c r="AF2727">
        <v>3786</v>
      </c>
      <c r="AG2727">
        <v>119680</v>
      </c>
      <c r="AH2727">
        <v>50000</v>
      </c>
      <c r="AI2727">
        <v>0</v>
      </c>
      <c r="AJ2727">
        <v>101</v>
      </c>
      <c r="AK2727" t="s">
        <v>28</v>
      </c>
      <c r="AL2727">
        <v>0</v>
      </c>
      <c r="AM2727">
        <v>0</v>
      </c>
      <c r="AN2727">
        <v>0</v>
      </c>
      <c r="AO2727">
        <v>0</v>
      </c>
      <c r="AP2727">
        <v>0</v>
      </c>
      <c r="AQ2727">
        <v>0</v>
      </c>
      <c r="AR2727">
        <v>0</v>
      </c>
      <c r="AS2727">
        <v>0</v>
      </c>
      <c r="AT2727">
        <v>0</v>
      </c>
      <c r="AU2727">
        <v>0</v>
      </c>
      <c r="AV2727">
        <v>0</v>
      </c>
      <c r="AW2727">
        <v>0</v>
      </c>
      <c r="AX2727">
        <v>0</v>
      </c>
      <c r="AY2727">
        <v>54</v>
      </c>
      <c r="AZ2727">
        <v>116</v>
      </c>
      <c r="BA2727">
        <v>8039</v>
      </c>
    </row>
    <row r="2728" spans="1:53" x14ac:dyDescent="0.4">
      <c r="A2728">
        <v>2772</v>
      </c>
      <c r="B2728" s="1">
        <v>43709</v>
      </c>
      <c r="C2728">
        <v>3</v>
      </c>
      <c r="D2728" s="1">
        <v>43709.73333333333</v>
      </c>
      <c r="E2728" s="1">
        <v>43709.951388888891</v>
      </c>
      <c r="F2728">
        <v>35360</v>
      </c>
      <c r="G2728">
        <v>280</v>
      </c>
      <c r="H2728">
        <v>200</v>
      </c>
      <c r="I2728">
        <v>0</v>
      </c>
      <c r="J2728">
        <v>0</v>
      </c>
      <c r="K2728">
        <v>0</v>
      </c>
      <c r="L2728">
        <v>0</v>
      </c>
      <c r="M2728">
        <v>2867</v>
      </c>
      <c r="N2728">
        <v>0</v>
      </c>
      <c r="O2728">
        <v>0</v>
      </c>
      <c r="P2728">
        <v>-11556</v>
      </c>
      <c r="Q2728">
        <v>0</v>
      </c>
      <c r="R2728">
        <v>27151</v>
      </c>
      <c r="S2728">
        <v>0</v>
      </c>
      <c r="T2728">
        <v>0</v>
      </c>
      <c r="U2728">
        <v>0</v>
      </c>
      <c r="V2728">
        <v>5</v>
      </c>
      <c r="W2728">
        <v>0</v>
      </c>
      <c r="X2728">
        <v>0</v>
      </c>
      <c r="Y2728">
        <v>60</v>
      </c>
      <c r="Z2728">
        <v>31</v>
      </c>
      <c r="AA2728">
        <v>128</v>
      </c>
      <c r="AB2728">
        <v>1</v>
      </c>
      <c r="AC2728">
        <v>131</v>
      </c>
      <c r="AD2728">
        <v>32</v>
      </c>
      <c r="AE2728">
        <v>28</v>
      </c>
      <c r="AF2728">
        <v>6983</v>
      </c>
      <c r="AG2728">
        <v>146831</v>
      </c>
      <c r="AH2728">
        <v>50000</v>
      </c>
      <c r="AI2728">
        <v>0</v>
      </c>
      <c r="AJ2728">
        <v>108</v>
      </c>
      <c r="AK2728" t="s">
        <v>30</v>
      </c>
      <c r="AL2728">
        <v>0</v>
      </c>
      <c r="AM2728">
        <v>0</v>
      </c>
      <c r="AN2728">
        <v>0</v>
      </c>
      <c r="AO2728">
        <v>0</v>
      </c>
      <c r="AP2728">
        <v>0</v>
      </c>
      <c r="AQ2728">
        <v>0</v>
      </c>
      <c r="AR2728">
        <v>0</v>
      </c>
      <c r="AS2728">
        <v>0</v>
      </c>
      <c r="AT2728">
        <v>0</v>
      </c>
      <c r="AU2728">
        <v>0</v>
      </c>
      <c r="AV2728">
        <v>0</v>
      </c>
      <c r="AW2728">
        <v>0</v>
      </c>
      <c r="AX2728">
        <v>3391</v>
      </c>
      <c r="AY2728">
        <v>15</v>
      </c>
      <c r="AZ2728">
        <v>29</v>
      </c>
      <c r="BA2728">
        <v>2528</v>
      </c>
    </row>
    <row r="2729" spans="1:53" x14ac:dyDescent="0.4">
      <c r="A2729">
        <v>2773</v>
      </c>
      <c r="B2729" s="1">
        <v>43710</v>
      </c>
      <c r="C2729">
        <v>1</v>
      </c>
      <c r="D2729" s="1">
        <v>43710.291666666664</v>
      </c>
      <c r="E2729" s="1">
        <v>43710.453472222223</v>
      </c>
      <c r="F2729">
        <v>0</v>
      </c>
      <c r="G2729">
        <v>0</v>
      </c>
      <c r="H2729">
        <v>0</v>
      </c>
      <c r="I2729">
        <v>0</v>
      </c>
      <c r="J2729">
        <v>0</v>
      </c>
      <c r="K2729">
        <v>0</v>
      </c>
      <c r="L2729">
        <v>0</v>
      </c>
      <c r="M2729">
        <v>0</v>
      </c>
      <c r="N2729">
        <v>0</v>
      </c>
      <c r="O2729">
        <v>0</v>
      </c>
      <c r="P2729">
        <v>0</v>
      </c>
      <c r="Q2729">
        <v>0</v>
      </c>
      <c r="R2729">
        <v>0</v>
      </c>
      <c r="S2729">
        <v>0</v>
      </c>
      <c r="T2729">
        <v>0</v>
      </c>
      <c r="U2729">
        <v>0</v>
      </c>
      <c r="V2729">
        <v>0</v>
      </c>
      <c r="W2729">
        <v>0</v>
      </c>
      <c r="X2729">
        <v>0</v>
      </c>
      <c r="Y2729">
        <v>30</v>
      </c>
      <c r="Z2729">
        <v>7</v>
      </c>
      <c r="AA2729">
        <v>127</v>
      </c>
      <c r="AB2729">
        <v>50</v>
      </c>
      <c r="AC2729">
        <v>113</v>
      </c>
      <c r="AD2729">
        <v>30</v>
      </c>
      <c r="AE2729">
        <v>20</v>
      </c>
      <c r="AF2729">
        <v>0</v>
      </c>
      <c r="AG2729">
        <v>50000</v>
      </c>
      <c r="AH2729">
        <v>0</v>
      </c>
      <c r="AI2729">
        <v>50000</v>
      </c>
      <c r="AJ2729">
        <v>0</v>
      </c>
      <c r="AK2729" t="s">
        <v>6</v>
      </c>
      <c r="AL2729">
        <v>0</v>
      </c>
      <c r="AM2729">
        <v>0</v>
      </c>
      <c r="AN2729">
        <v>0</v>
      </c>
      <c r="AO2729">
        <v>0</v>
      </c>
      <c r="AP2729">
        <v>0</v>
      </c>
      <c r="AQ2729">
        <v>0</v>
      </c>
      <c r="AR2729">
        <v>0</v>
      </c>
      <c r="AS2729">
        <v>0</v>
      </c>
      <c r="AT2729">
        <v>0</v>
      </c>
      <c r="AU2729">
        <v>0</v>
      </c>
      <c r="AV2729">
        <v>0</v>
      </c>
      <c r="AW2729">
        <v>0</v>
      </c>
      <c r="AX2729">
        <v>0</v>
      </c>
      <c r="AY2729">
        <v>0</v>
      </c>
      <c r="AZ2729">
        <v>0</v>
      </c>
      <c r="BA2729">
        <v>0</v>
      </c>
    </row>
    <row r="2730" spans="1:53" x14ac:dyDescent="0.4">
      <c r="A2730">
        <v>2774</v>
      </c>
      <c r="B2730" s="1">
        <v>43710</v>
      </c>
      <c r="C2730">
        <v>2</v>
      </c>
      <c r="D2730" s="1">
        <v>43710.453472222223</v>
      </c>
      <c r="E2730" s="1">
        <v>43710.736111111109</v>
      </c>
      <c r="F2730">
        <v>28000</v>
      </c>
      <c r="G2730">
        <v>2240</v>
      </c>
      <c r="H2730">
        <v>200</v>
      </c>
      <c r="I2730">
        <v>0</v>
      </c>
      <c r="J2730">
        <v>0</v>
      </c>
      <c r="K2730">
        <v>0</v>
      </c>
      <c r="L2730">
        <v>0</v>
      </c>
      <c r="M2730">
        <v>2434</v>
      </c>
      <c r="N2730">
        <v>0</v>
      </c>
      <c r="O2730">
        <v>0</v>
      </c>
      <c r="P2730">
        <v>14580</v>
      </c>
      <c r="Q2730">
        <v>0</v>
      </c>
      <c r="R2730">
        <v>47454</v>
      </c>
      <c r="S2730">
        <v>0</v>
      </c>
      <c r="T2730">
        <v>0</v>
      </c>
      <c r="U2730">
        <v>0</v>
      </c>
      <c r="V2730">
        <v>1</v>
      </c>
      <c r="W2730">
        <v>0</v>
      </c>
      <c r="X2730">
        <v>0</v>
      </c>
      <c r="Y2730">
        <v>56</v>
      </c>
      <c r="Z2730">
        <v>25</v>
      </c>
      <c r="AA2730">
        <v>147</v>
      </c>
      <c r="AB2730">
        <v>50</v>
      </c>
      <c r="AC2730">
        <v>153</v>
      </c>
      <c r="AD2730">
        <v>39</v>
      </c>
      <c r="AE2730">
        <v>38</v>
      </c>
      <c r="AF2730">
        <v>0</v>
      </c>
      <c r="AG2730">
        <v>97463</v>
      </c>
      <c r="AH2730">
        <v>50000</v>
      </c>
      <c r="AI2730">
        <v>9</v>
      </c>
      <c r="AJ2730">
        <v>96</v>
      </c>
      <c r="AK2730" t="s">
        <v>4</v>
      </c>
      <c r="AL2730">
        <v>0</v>
      </c>
      <c r="AM2730">
        <v>0</v>
      </c>
      <c r="AN2730">
        <v>0</v>
      </c>
      <c r="AO2730">
        <v>0</v>
      </c>
      <c r="AP2730">
        <v>0</v>
      </c>
      <c r="AQ2730">
        <v>0</v>
      </c>
      <c r="AR2730">
        <v>0</v>
      </c>
      <c r="AS2730">
        <v>0</v>
      </c>
      <c r="AT2730">
        <v>0</v>
      </c>
      <c r="AU2730">
        <v>0</v>
      </c>
      <c r="AV2730">
        <v>0</v>
      </c>
      <c r="AW2730">
        <v>0</v>
      </c>
      <c r="AX2730">
        <v>0</v>
      </c>
      <c r="AY2730">
        <v>37</v>
      </c>
      <c r="AZ2730">
        <v>77</v>
      </c>
      <c r="BA2730">
        <v>5705</v>
      </c>
    </row>
    <row r="2731" spans="1:53" x14ac:dyDescent="0.4">
      <c r="A2731">
        <v>2775</v>
      </c>
      <c r="B2731" s="1">
        <v>43710</v>
      </c>
      <c r="C2731">
        <v>3</v>
      </c>
      <c r="D2731" s="1">
        <v>43710.736111111109</v>
      </c>
      <c r="E2731" s="1">
        <v>43710.940972222219</v>
      </c>
      <c r="F2731">
        <v>20500</v>
      </c>
      <c r="G2731">
        <v>640</v>
      </c>
      <c r="H2731">
        <v>0</v>
      </c>
      <c r="I2731">
        <v>0</v>
      </c>
      <c r="J2731">
        <v>0</v>
      </c>
      <c r="K2731">
        <v>0</v>
      </c>
      <c r="L2731">
        <v>0</v>
      </c>
      <c r="M2731">
        <v>1691</v>
      </c>
      <c r="N2731">
        <v>0</v>
      </c>
      <c r="O2731">
        <v>0</v>
      </c>
      <c r="P2731">
        <v>-9396</v>
      </c>
      <c r="Q2731">
        <v>0</v>
      </c>
      <c r="R2731">
        <v>13435</v>
      </c>
      <c r="S2731">
        <v>0</v>
      </c>
      <c r="T2731">
        <v>0</v>
      </c>
      <c r="U2731">
        <v>0</v>
      </c>
      <c r="V2731">
        <v>2</v>
      </c>
      <c r="W2731">
        <v>0</v>
      </c>
      <c r="X2731">
        <v>0</v>
      </c>
      <c r="Y2731">
        <v>59</v>
      </c>
      <c r="Z2731">
        <v>25</v>
      </c>
      <c r="AA2731">
        <v>150</v>
      </c>
      <c r="AB2731">
        <v>52</v>
      </c>
      <c r="AC2731">
        <v>156</v>
      </c>
      <c r="AD2731">
        <v>38</v>
      </c>
      <c r="AE2731">
        <v>39</v>
      </c>
      <c r="AF2731">
        <v>0</v>
      </c>
      <c r="AG2731">
        <v>110889</v>
      </c>
      <c r="AH2731">
        <v>50000</v>
      </c>
      <c r="AI2731">
        <v>0</v>
      </c>
      <c r="AJ2731">
        <v>94</v>
      </c>
      <c r="AK2731" t="s">
        <v>43</v>
      </c>
      <c r="AL2731">
        <v>0</v>
      </c>
      <c r="AM2731">
        <v>0</v>
      </c>
      <c r="AN2731">
        <v>0</v>
      </c>
      <c r="AO2731">
        <v>0</v>
      </c>
      <c r="AP2731">
        <v>0</v>
      </c>
      <c r="AQ2731">
        <v>0</v>
      </c>
      <c r="AR2731">
        <v>0</v>
      </c>
      <c r="AS2731">
        <v>0</v>
      </c>
      <c r="AT2731">
        <v>0</v>
      </c>
      <c r="AU2731">
        <v>0</v>
      </c>
      <c r="AV2731">
        <v>0</v>
      </c>
      <c r="AW2731">
        <v>0</v>
      </c>
      <c r="AX2731">
        <v>6016</v>
      </c>
      <c r="AY2731">
        <v>9</v>
      </c>
      <c r="AZ2731">
        <v>20</v>
      </c>
      <c r="BA2731">
        <v>2166</v>
      </c>
    </row>
    <row r="2732" spans="1:53" x14ac:dyDescent="0.4">
      <c r="A2732">
        <v>2776</v>
      </c>
      <c r="B2732" s="1">
        <v>43710</v>
      </c>
      <c r="C2732">
        <v>4</v>
      </c>
      <c r="D2732" s="1">
        <v>43710.940972222219</v>
      </c>
      <c r="E2732" s="1">
        <v>43711.227777777778</v>
      </c>
      <c r="F2732">
        <v>28690</v>
      </c>
      <c r="G2732">
        <v>320</v>
      </c>
      <c r="H2732">
        <v>0</v>
      </c>
      <c r="I2732">
        <v>0</v>
      </c>
      <c r="J2732">
        <v>0</v>
      </c>
      <c r="K2732">
        <v>0</v>
      </c>
      <c r="L2732">
        <v>0</v>
      </c>
      <c r="M2732">
        <v>2321</v>
      </c>
      <c r="N2732">
        <v>0</v>
      </c>
      <c r="O2732">
        <v>0</v>
      </c>
      <c r="P2732">
        <v>-1728</v>
      </c>
      <c r="Q2732">
        <v>0</v>
      </c>
      <c r="R2732">
        <v>29603</v>
      </c>
      <c r="S2732">
        <v>0</v>
      </c>
      <c r="T2732">
        <v>0</v>
      </c>
      <c r="U2732">
        <v>0</v>
      </c>
      <c r="V2732">
        <v>0</v>
      </c>
      <c r="W2732">
        <v>0</v>
      </c>
      <c r="X2732">
        <v>0</v>
      </c>
      <c r="Y2732">
        <v>28</v>
      </c>
      <c r="Z2732">
        <v>10</v>
      </c>
      <c r="AA2732">
        <v>129</v>
      </c>
      <c r="AB2732">
        <v>50</v>
      </c>
      <c r="AC2732">
        <v>139</v>
      </c>
      <c r="AD2732">
        <v>37</v>
      </c>
      <c r="AE2732">
        <v>25</v>
      </c>
      <c r="AF2732">
        <v>0</v>
      </c>
      <c r="AG2732">
        <v>50000</v>
      </c>
      <c r="AH2732">
        <v>0</v>
      </c>
      <c r="AI2732">
        <v>-40492</v>
      </c>
      <c r="AJ2732">
        <v>107</v>
      </c>
      <c r="AK2732" t="s">
        <v>40</v>
      </c>
      <c r="AL2732">
        <v>0</v>
      </c>
      <c r="AM2732">
        <v>0</v>
      </c>
      <c r="AN2732">
        <v>0</v>
      </c>
      <c r="AO2732">
        <v>0</v>
      </c>
      <c r="AP2732">
        <v>0</v>
      </c>
      <c r="AQ2732">
        <v>0</v>
      </c>
      <c r="AR2732">
        <v>0</v>
      </c>
      <c r="AS2732">
        <v>0</v>
      </c>
      <c r="AT2732">
        <v>0</v>
      </c>
      <c r="AU2732">
        <v>0</v>
      </c>
      <c r="AV2732">
        <v>0</v>
      </c>
      <c r="AW2732">
        <v>0</v>
      </c>
      <c r="AX2732">
        <v>0</v>
      </c>
      <c r="AY2732">
        <v>4</v>
      </c>
      <c r="AZ2732">
        <v>9</v>
      </c>
      <c r="BA2732">
        <v>935</v>
      </c>
    </row>
    <row r="2733" spans="1:53" x14ac:dyDescent="0.4">
      <c r="A2733">
        <v>2777</v>
      </c>
      <c r="B2733" s="1">
        <v>43711</v>
      </c>
      <c r="C2733">
        <v>1</v>
      </c>
      <c r="D2733" s="1">
        <v>43711.291666666664</v>
      </c>
      <c r="E2733" s="1">
        <v>43711.448611111111</v>
      </c>
      <c r="F2733">
        <v>0</v>
      </c>
      <c r="G2733">
        <v>0</v>
      </c>
      <c r="H2733">
        <v>0</v>
      </c>
      <c r="I2733">
        <v>0</v>
      </c>
      <c r="J2733">
        <v>0</v>
      </c>
      <c r="K2733">
        <v>0</v>
      </c>
      <c r="L2733">
        <v>0</v>
      </c>
      <c r="M2733">
        <v>0</v>
      </c>
      <c r="N2733">
        <v>0</v>
      </c>
      <c r="O2733">
        <v>0</v>
      </c>
      <c r="P2733">
        <v>0</v>
      </c>
      <c r="Q2733">
        <v>0</v>
      </c>
      <c r="R2733">
        <v>0</v>
      </c>
      <c r="S2733">
        <v>0</v>
      </c>
      <c r="T2733">
        <v>0</v>
      </c>
      <c r="U2733">
        <v>0</v>
      </c>
      <c r="V2733">
        <v>0</v>
      </c>
      <c r="W2733">
        <v>0</v>
      </c>
      <c r="X2733">
        <v>0</v>
      </c>
      <c r="Y2733">
        <v>28</v>
      </c>
      <c r="Z2733">
        <v>10</v>
      </c>
      <c r="AA2733">
        <v>129</v>
      </c>
      <c r="AB2733">
        <v>50</v>
      </c>
      <c r="AC2733">
        <v>139</v>
      </c>
      <c r="AD2733">
        <v>37</v>
      </c>
      <c r="AE2733">
        <v>25</v>
      </c>
      <c r="AF2733">
        <v>0</v>
      </c>
      <c r="AG2733">
        <v>50000</v>
      </c>
      <c r="AH2733">
        <v>50000</v>
      </c>
      <c r="AI2733">
        <v>0</v>
      </c>
      <c r="AJ2733">
        <v>0</v>
      </c>
      <c r="AK2733" t="s">
        <v>6</v>
      </c>
      <c r="AL2733">
        <v>0</v>
      </c>
      <c r="AM2733">
        <v>0</v>
      </c>
      <c r="AN2733">
        <v>0</v>
      </c>
      <c r="AO2733">
        <v>0</v>
      </c>
      <c r="AP2733">
        <v>0</v>
      </c>
      <c r="AQ2733">
        <v>0</v>
      </c>
      <c r="AR2733">
        <v>0</v>
      </c>
      <c r="AS2733">
        <v>0</v>
      </c>
      <c r="AT2733">
        <v>0</v>
      </c>
      <c r="AU2733">
        <v>0</v>
      </c>
      <c r="AV2733">
        <v>0</v>
      </c>
      <c r="AW2733">
        <v>0</v>
      </c>
      <c r="AX2733">
        <v>0</v>
      </c>
      <c r="AY2733">
        <v>0</v>
      </c>
      <c r="AZ2733">
        <v>0</v>
      </c>
      <c r="BA2733">
        <v>0</v>
      </c>
    </row>
    <row r="2734" spans="1:53" x14ac:dyDescent="0.4">
      <c r="A2734">
        <v>2778</v>
      </c>
      <c r="B2734" s="1">
        <v>43711</v>
      </c>
      <c r="C2734">
        <v>2</v>
      </c>
      <c r="D2734" s="1">
        <v>43711.448611111111</v>
      </c>
      <c r="E2734" s="1">
        <v>43711.739583333336</v>
      </c>
      <c r="F2734">
        <v>10500</v>
      </c>
      <c r="G2734">
        <v>400</v>
      </c>
      <c r="H2734">
        <v>0</v>
      </c>
      <c r="I2734">
        <v>0</v>
      </c>
      <c r="J2734">
        <v>0</v>
      </c>
      <c r="K2734">
        <v>0</v>
      </c>
      <c r="L2734">
        <v>0</v>
      </c>
      <c r="M2734">
        <v>872</v>
      </c>
      <c r="N2734">
        <v>0</v>
      </c>
      <c r="O2734">
        <v>0</v>
      </c>
      <c r="P2734">
        <v>10260</v>
      </c>
      <c r="Q2734">
        <v>0</v>
      </c>
      <c r="R2734">
        <v>22032</v>
      </c>
      <c r="S2734">
        <v>0</v>
      </c>
      <c r="T2734">
        <v>0</v>
      </c>
      <c r="U2734">
        <v>0</v>
      </c>
      <c r="V2734">
        <v>1</v>
      </c>
      <c r="W2734">
        <v>3</v>
      </c>
      <c r="X2734">
        <v>0</v>
      </c>
      <c r="Y2734">
        <v>25</v>
      </c>
      <c r="Z2734">
        <v>12</v>
      </c>
      <c r="AA2734">
        <v>116</v>
      </c>
      <c r="AB2734">
        <v>45</v>
      </c>
      <c r="AC2734">
        <v>144</v>
      </c>
      <c r="AD2734">
        <v>36</v>
      </c>
      <c r="AE2734">
        <v>22</v>
      </c>
      <c r="AF2734">
        <v>540</v>
      </c>
      <c r="AG2734">
        <v>72032</v>
      </c>
      <c r="AH2734">
        <v>50000</v>
      </c>
      <c r="AI2734">
        <v>0</v>
      </c>
      <c r="AJ2734">
        <v>101</v>
      </c>
      <c r="AK2734" t="s">
        <v>28</v>
      </c>
      <c r="AL2734">
        <v>0</v>
      </c>
      <c r="AM2734">
        <v>0</v>
      </c>
      <c r="AN2734">
        <v>0</v>
      </c>
      <c r="AO2734">
        <v>0</v>
      </c>
      <c r="AP2734">
        <v>0</v>
      </c>
      <c r="AQ2734">
        <v>0</v>
      </c>
      <c r="AR2734">
        <v>0</v>
      </c>
      <c r="AS2734">
        <v>0</v>
      </c>
      <c r="AT2734">
        <v>0</v>
      </c>
      <c r="AU2734">
        <v>0</v>
      </c>
      <c r="AV2734">
        <v>0</v>
      </c>
      <c r="AW2734">
        <v>0</v>
      </c>
      <c r="AX2734">
        <v>-1080</v>
      </c>
      <c r="AY2734">
        <v>27</v>
      </c>
      <c r="AZ2734">
        <v>40</v>
      </c>
      <c r="BA2734">
        <v>3550</v>
      </c>
    </row>
    <row r="2735" spans="1:53" x14ac:dyDescent="0.4">
      <c r="A2735">
        <v>2779</v>
      </c>
      <c r="B2735" s="1">
        <v>43711</v>
      </c>
      <c r="C2735">
        <v>3</v>
      </c>
      <c r="D2735" s="1">
        <v>43711.739583333336</v>
      </c>
      <c r="E2735" s="1">
        <v>43711.952777777777</v>
      </c>
      <c r="F2735">
        <v>12000</v>
      </c>
      <c r="G2735">
        <v>0</v>
      </c>
      <c r="H2735">
        <v>200</v>
      </c>
      <c r="I2735">
        <v>0</v>
      </c>
      <c r="J2735">
        <v>0</v>
      </c>
      <c r="K2735">
        <v>0</v>
      </c>
      <c r="L2735">
        <v>0</v>
      </c>
      <c r="M2735">
        <v>976</v>
      </c>
      <c r="N2735">
        <v>0</v>
      </c>
      <c r="O2735">
        <v>0</v>
      </c>
      <c r="P2735">
        <v>-7668</v>
      </c>
      <c r="Q2735">
        <v>0</v>
      </c>
      <c r="R2735">
        <v>5508</v>
      </c>
      <c r="S2735">
        <v>0</v>
      </c>
      <c r="T2735">
        <v>0</v>
      </c>
      <c r="U2735">
        <v>0</v>
      </c>
      <c r="V2735">
        <v>2</v>
      </c>
      <c r="W2735">
        <v>2</v>
      </c>
      <c r="X2735">
        <v>0</v>
      </c>
      <c r="Y2735">
        <v>24</v>
      </c>
      <c r="Z2735">
        <v>15</v>
      </c>
      <c r="AA2735">
        <v>115</v>
      </c>
      <c r="AB2735">
        <v>46</v>
      </c>
      <c r="AC2735">
        <v>150</v>
      </c>
      <c r="AD2735">
        <v>36</v>
      </c>
      <c r="AE2735">
        <v>20</v>
      </c>
      <c r="AF2735">
        <v>540</v>
      </c>
      <c r="AG2735">
        <v>77540</v>
      </c>
      <c r="AH2735">
        <v>50000</v>
      </c>
      <c r="AI2735">
        <v>0</v>
      </c>
      <c r="AJ2735">
        <v>100</v>
      </c>
      <c r="AK2735" t="s">
        <v>0</v>
      </c>
      <c r="AL2735">
        <v>0</v>
      </c>
      <c r="AM2735">
        <v>0</v>
      </c>
      <c r="AN2735">
        <v>0</v>
      </c>
      <c r="AO2735">
        <v>0</v>
      </c>
      <c r="AP2735">
        <v>0</v>
      </c>
      <c r="AQ2735">
        <v>0</v>
      </c>
      <c r="AR2735">
        <v>0</v>
      </c>
      <c r="AS2735">
        <v>0</v>
      </c>
      <c r="AT2735">
        <v>0</v>
      </c>
      <c r="AU2735">
        <v>0</v>
      </c>
      <c r="AV2735">
        <v>0</v>
      </c>
      <c r="AW2735">
        <v>0</v>
      </c>
      <c r="AX2735">
        <v>31190</v>
      </c>
      <c r="AY2735">
        <v>8</v>
      </c>
      <c r="AZ2735">
        <v>27</v>
      </c>
      <c r="BA2735">
        <v>1437</v>
      </c>
    </row>
    <row r="2736" spans="1:53" x14ac:dyDescent="0.4">
      <c r="A2736">
        <v>2780</v>
      </c>
      <c r="B2736" s="1">
        <v>43711</v>
      </c>
      <c r="C2736">
        <v>4</v>
      </c>
      <c r="D2736" s="1">
        <v>43711.952777777777</v>
      </c>
      <c r="E2736" s="1">
        <v>43712.250694444447</v>
      </c>
      <c r="F2736">
        <v>41440</v>
      </c>
      <c r="G2736">
        <v>2100</v>
      </c>
      <c r="H2736">
        <v>0</v>
      </c>
      <c r="I2736">
        <v>0</v>
      </c>
      <c r="J2736">
        <v>0</v>
      </c>
      <c r="K2736">
        <v>0</v>
      </c>
      <c r="L2736">
        <v>0</v>
      </c>
      <c r="M2736">
        <v>3483</v>
      </c>
      <c r="N2736">
        <v>0</v>
      </c>
      <c r="O2736">
        <v>0</v>
      </c>
      <c r="P2736">
        <v>-2592</v>
      </c>
      <c r="Q2736">
        <v>0</v>
      </c>
      <c r="R2736">
        <v>44431</v>
      </c>
      <c r="S2736">
        <v>0</v>
      </c>
      <c r="T2736">
        <v>0</v>
      </c>
      <c r="U2736">
        <v>0</v>
      </c>
      <c r="V2736">
        <v>0</v>
      </c>
      <c r="W2736">
        <v>0</v>
      </c>
      <c r="X2736">
        <v>0</v>
      </c>
      <c r="Y2736">
        <v>28</v>
      </c>
      <c r="Z2736">
        <v>10</v>
      </c>
      <c r="AA2736">
        <v>129</v>
      </c>
      <c r="AB2736">
        <v>48</v>
      </c>
      <c r="AC2736">
        <v>151</v>
      </c>
      <c r="AD2736">
        <v>35</v>
      </c>
      <c r="AE2736">
        <v>15</v>
      </c>
      <c r="AF2736">
        <v>0</v>
      </c>
      <c r="AG2736">
        <v>50000</v>
      </c>
      <c r="AH2736">
        <v>0</v>
      </c>
      <c r="AI2736">
        <v>-21971</v>
      </c>
      <c r="AJ2736">
        <v>107</v>
      </c>
      <c r="AK2736" t="s">
        <v>40</v>
      </c>
      <c r="AL2736">
        <v>0</v>
      </c>
      <c r="AM2736">
        <v>0</v>
      </c>
      <c r="AN2736">
        <v>0</v>
      </c>
      <c r="AO2736">
        <v>0</v>
      </c>
      <c r="AP2736">
        <v>0</v>
      </c>
      <c r="AQ2736">
        <v>0</v>
      </c>
      <c r="AR2736">
        <v>0</v>
      </c>
      <c r="AS2736">
        <v>0</v>
      </c>
      <c r="AT2736">
        <v>0</v>
      </c>
      <c r="AU2736">
        <v>0</v>
      </c>
      <c r="AV2736">
        <v>0</v>
      </c>
      <c r="AW2736">
        <v>0</v>
      </c>
      <c r="AX2736">
        <v>0</v>
      </c>
      <c r="AY2736">
        <v>3</v>
      </c>
      <c r="AZ2736">
        <v>6</v>
      </c>
      <c r="BA2736">
        <v>430</v>
      </c>
    </row>
    <row r="2737" spans="1:53" x14ac:dyDescent="0.4">
      <c r="A2737">
        <v>2781</v>
      </c>
      <c r="B2737" s="1">
        <v>43712</v>
      </c>
      <c r="C2737">
        <v>1</v>
      </c>
      <c r="D2737" s="1">
        <v>43712.291666666664</v>
      </c>
      <c r="E2737" s="1">
        <v>43712.442361111112</v>
      </c>
      <c r="F2737">
        <v>0</v>
      </c>
      <c r="G2737">
        <v>0</v>
      </c>
      <c r="H2737">
        <v>0</v>
      </c>
      <c r="I2737">
        <v>0</v>
      </c>
      <c r="J2737">
        <v>0</v>
      </c>
      <c r="K2737">
        <v>0</v>
      </c>
      <c r="L2737">
        <v>0</v>
      </c>
      <c r="M2737">
        <v>0</v>
      </c>
      <c r="N2737">
        <v>0</v>
      </c>
      <c r="O2737">
        <v>0</v>
      </c>
      <c r="P2737">
        <v>0</v>
      </c>
      <c r="Q2737">
        <v>0</v>
      </c>
      <c r="R2737">
        <v>0</v>
      </c>
      <c r="S2737">
        <v>0</v>
      </c>
      <c r="T2737">
        <v>0</v>
      </c>
      <c r="U2737">
        <v>0</v>
      </c>
      <c r="V2737">
        <v>0</v>
      </c>
      <c r="W2737">
        <v>0</v>
      </c>
      <c r="X2737">
        <v>0</v>
      </c>
      <c r="Y2737">
        <v>28</v>
      </c>
      <c r="Z2737">
        <v>10</v>
      </c>
      <c r="AA2737">
        <v>129</v>
      </c>
      <c r="AB2737">
        <v>48</v>
      </c>
      <c r="AC2737">
        <v>151</v>
      </c>
      <c r="AD2737">
        <v>35</v>
      </c>
      <c r="AE2737">
        <v>15</v>
      </c>
      <c r="AF2737">
        <v>0</v>
      </c>
      <c r="AG2737">
        <v>50000</v>
      </c>
      <c r="AH2737">
        <v>50000</v>
      </c>
      <c r="AI2737">
        <v>0</v>
      </c>
      <c r="AJ2737">
        <v>0</v>
      </c>
      <c r="AK2737" t="s">
        <v>6</v>
      </c>
      <c r="AL2737">
        <v>0</v>
      </c>
      <c r="AM2737">
        <v>0</v>
      </c>
      <c r="AN2737">
        <v>0</v>
      </c>
      <c r="AO2737">
        <v>0</v>
      </c>
      <c r="AP2737">
        <v>0</v>
      </c>
      <c r="AQ2737">
        <v>0</v>
      </c>
      <c r="AR2737">
        <v>0</v>
      </c>
      <c r="AS2737">
        <v>0</v>
      </c>
      <c r="AT2737">
        <v>0</v>
      </c>
      <c r="AU2737">
        <v>0</v>
      </c>
      <c r="AV2737">
        <v>0</v>
      </c>
      <c r="AW2737">
        <v>0</v>
      </c>
      <c r="AX2737">
        <v>0</v>
      </c>
      <c r="AY2737">
        <v>0</v>
      </c>
      <c r="AZ2737">
        <v>0</v>
      </c>
      <c r="BA2737">
        <v>0</v>
      </c>
    </row>
    <row r="2738" spans="1:53" x14ac:dyDescent="0.4">
      <c r="A2738">
        <v>2782</v>
      </c>
      <c r="B2738" s="1">
        <v>43712</v>
      </c>
      <c r="C2738">
        <v>2</v>
      </c>
      <c r="D2738" s="1">
        <v>43712.442361111112</v>
      </c>
      <c r="E2738" s="1">
        <v>43712.740277777775</v>
      </c>
      <c r="F2738">
        <v>14000</v>
      </c>
      <c r="G2738">
        <v>0</v>
      </c>
      <c r="H2738">
        <v>0</v>
      </c>
      <c r="I2738">
        <v>0</v>
      </c>
      <c r="J2738">
        <v>0</v>
      </c>
      <c r="K2738">
        <v>0</v>
      </c>
      <c r="L2738">
        <v>0</v>
      </c>
      <c r="M2738">
        <v>1120</v>
      </c>
      <c r="N2738">
        <v>0</v>
      </c>
      <c r="O2738">
        <v>0</v>
      </c>
      <c r="P2738">
        <v>10800</v>
      </c>
      <c r="Q2738">
        <v>0</v>
      </c>
      <c r="R2738">
        <v>25920</v>
      </c>
      <c r="S2738">
        <v>0</v>
      </c>
      <c r="T2738">
        <v>0</v>
      </c>
      <c r="U2738">
        <v>0</v>
      </c>
      <c r="V2738">
        <v>0</v>
      </c>
      <c r="W2738">
        <v>2</v>
      </c>
      <c r="X2738">
        <v>0</v>
      </c>
      <c r="Y2738">
        <v>42</v>
      </c>
      <c r="Z2738">
        <v>15</v>
      </c>
      <c r="AA2738">
        <v>124</v>
      </c>
      <c r="AB2738">
        <v>44</v>
      </c>
      <c r="AC2738">
        <v>162</v>
      </c>
      <c r="AD2738">
        <v>37</v>
      </c>
      <c r="AE2738">
        <v>15</v>
      </c>
      <c r="AF2738">
        <v>0</v>
      </c>
      <c r="AG2738">
        <v>75920</v>
      </c>
      <c r="AH2738">
        <v>50000</v>
      </c>
      <c r="AI2738">
        <v>0</v>
      </c>
      <c r="AJ2738">
        <v>97</v>
      </c>
      <c r="AK2738" t="s">
        <v>33</v>
      </c>
      <c r="AL2738">
        <v>0</v>
      </c>
      <c r="AM2738">
        <v>0</v>
      </c>
      <c r="AN2738">
        <v>0</v>
      </c>
      <c r="AO2738">
        <v>0</v>
      </c>
      <c r="AP2738">
        <v>0</v>
      </c>
      <c r="AQ2738">
        <v>0</v>
      </c>
      <c r="AR2738">
        <v>0</v>
      </c>
      <c r="AS2738">
        <v>0</v>
      </c>
      <c r="AT2738">
        <v>0</v>
      </c>
      <c r="AU2738">
        <v>0</v>
      </c>
      <c r="AV2738">
        <v>0</v>
      </c>
      <c r="AW2738">
        <v>0</v>
      </c>
      <c r="AX2738">
        <v>-1080</v>
      </c>
      <c r="AY2738">
        <v>27</v>
      </c>
      <c r="AZ2738">
        <v>47</v>
      </c>
      <c r="BA2738">
        <v>3766</v>
      </c>
    </row>
    <row r="2739" spans="1:53" x14ac:dyDescent="0.4">
      <c r="A2739">
        <v>2783</v>
      </c>
      <c r="B2739" s="1">
        <v>43713</v>
      </c>
      <c r="C2739">
        <v>1</v>
      </c>
      <c r="D2739" s="1">
        <v>43713.291666666664</v>
      </c>
      <c r="E2739" s="1">
        <v>43713.460416666669</v>
      </c>
      <c r="F2739">
        <v>0</v>
      </c>
      <c r="G2739">
        <v>0</v>
      </c>
      <c r="H2739">
        <v>0</v>
      </c>
      <c r="I2739">
        <v>0</v>
      </c>
      <c r="J2739">
        <v>0</v>
      </c>
      <c r="K2739">
        <v>0</v>
      </c>
      <c r="L2739">
        <v>0</v>
      </c>
      <c r="M2739">
        <v>0</v>
      </c>
      <c r="N2739">
        <v>0</v>
      </c>
      <c r="O2739">
        <v>0</v>
      </c>
      <c r="P2739">
        <v>0</v>
      </c>
      <c r="Q2739">
        <v>0</v>
      </c>
      <c r="R2739">
        <v>0</v>
      </c>
      <c r="S2739">
        <v>0</v>
      </c>
      <c r="T2739">
        <v>0</v>
      </c>
      <c r="U2739">
        <v>0</v>
      </c>
      <c r="V2739">
        <v>0</v>
      </c>
      <c r="W2739">
        <v>1</v>
      </c>
      <c r="X2739">
        <v>0</v>
      </c>
      <c r="Y2739">
        <v>24</v>
      </c>
      <c r="Z2739">
        <v>9</v>
      </c>
      <c r="AA2739">
        <v>130</v>
      </c>
      <c r="AB2739">
        <v>42</v>
      </c>
      <c r="AC2739">
        <v>118</v>
      </c>
      <c r="AD2739">
        <v>38</v>
      </c>
      <c r="AE2739">
        <v>30</v>
      </c>
      <c r="AF2739">
        <v>0</v>
      </c>
      <c r="AG2739">
        <v>50000</v>
      </c>
      <c r="AH2739">
        <v>0</v>
      </c>
      <c r="AI2739">
        <v>50000</v>
      </c>
      <c r="AJ2739">
        <v>0</v>
      </c>
      <c r="AK2739" t="s">
        <v>6</v>
      </c>
      <c r="AL2739">
        <v>0</v>
      </c>
      <c r="AM2739">
        <v>0</v>
      </c>
      <c r="AN2739">
        <v>0</v>
      </c>
      <c r="AO2739">
        <v>0</v>
      </c>
      <c r="AP2739">
        <v>0</v>
      </c>
      <c r="AQ2739">
        <v>0</v>
      </c>
      <c r="AR2739">
        <v>0</v>
      </c>
      <c r="AS2739">
        <v>0</v>
      </c>
      <c r="AT2739">
        <v>0</v>
      </c>
      <c r="AU2739">
        <v>0</v>
      </c>
      <c r="AV2739">
        <v>0</v>
      </c>
      <c r="AW2739">
        <v>0</v>
      </c>
      <c r="AX2739">
        <v>0</v>
      </c>
      <c r="AY2739">
        <v>0</v>
      </c>
      <c r="AZ2739">
        <v>0</v>
      </c>
      <c r="BA2739">
        <v>0</v>
      </c>
    </row>
    <row r="2740" spans="1:53" x14ac:dyDescent="0.4">
      <c r="A2740">
        <v>2784</v>
      </c>
      <c r="B2740" s="1">
        <v>43713</v>
      </c>
      <c r="C2740">
        <v>2</v>
      </c>
      <c r="D2740" s="1">
        <v>43713.460416666669</v>
      </c>
      <c r="E2740" s="1">
        <v>43713.750694444447</v>
      </c>
      <c r="F2740">
        <v>17000</v>
      </c>
      <c r="G2740">
        <v>400</v>
      </c>
      <c r="H2740">
        <v>200</v>
      </c>
      <c r="I2740">
        <v>0</v>
      </c>
      <c r="J2740">
        <v>0</v>
      </c>
      <c r="K2740">
        <v>0</v>
      </c>
      <c r="L2740">
        <v>0</v>
      </c>
      <c r="M2740">
        <v>1408</v>
      </c>
      <c r="N2740">
        <v>0</v>
      </c>
      <c r="O2740">
        <v>0</v>
      </c>
      <c r="P2740">
        <v>18630</v>
      </c>
      <c r="Q2740">
        <v>0</v>
      </c>
      <c r="R2740">
        <v>37638</v>
      </c>
      <c r="S2740">
        <v>0</v>
      </c>
      <c r="T2740">
        <v>0</v>
      </c>
      <c r="U2740">
        <v>0</v>
      </c>
      <c r="V2740">
        <v>1</v>
      </c>
      <c r="W2740">
        <v>3</v>
      </c>
      <c r="X2740">
        <v>0</v>
      </c>
      <c r="Y2740">
        <v>37</v>
      </c>
      <c r="Z2740">
        <v>21</v>
      </c>
      <c r="AA2740">
        <v>105</v>
      </c>
      <c r="AB2740">
        <v>34</v>
      </c>
      <c r="AC2740">
        <v>163</v>
      </c>
      <c r="AD2740">
        <v>39</v>
      </c>
      <c r="AE2740">
        <v>33</v>
      </c>
      <c r="AF2740">
        <v>1080</v>
      </c>
      <c r="AG2740">
        <v>87638</v>
      </c>
      <c r="AH2740">
        <v>50000</v>
      </c>
      <c r="AI2740">
        <v>0</v>
      </c>
      <c r="AJ2740">
        <v>100</v>
      </c>
      <c r="AK2740" t="s">
        <v>0</v>
      </c>
      <c r="AL2740">
        <v>0</v>
      </c>
      <c r="AM2740">
        <v>0</v>
      </c>
      <c r="AN2740">
        <v>0</v>
      </c>
      <c r="AO2740">
        <v>0</v>
      </c>
      <c r="AP2740">
        <v>0</v>
      </c>
      <c r="AQ2740">
        <v>0</v>
      </c>
      <c r="AR2740">
        <v>0</v>
      </c>
      <c r="AS2740">
        <v>0</v>
      </c>
      <c r="AT2740">
        <v>0</v>
      </c>
      <c r="AU2740">
        <v>0</v>
      </c>
      <c r="AV2740">
        <v>0</v>
      </c>
      <c r="AW2740">
        <v>0</v>
      </c>
      <c r="AX2740">
        <v>-1037</v>
      </c>
      <c r="AY2740">
        <v>41</v>
      </c>
      <c r="AZ2740">
        <v>66</v>
      </c>
      <c r="BA2740">
        <v>5661</v>
      </c>
    </row>
    <row r="2741" spans="1:53" x14ac:dyDescent="0.4">
      <c r="A2741">
        <v>2785</v>
      </c>
      <c r="B2741" s="1">
        <v>43714</v>
      </c>
      <c r="C2741">
        <v>1</v>
      </c>
      <c r="D2741" s="1">
        <v>43714.291666666664</v>
      </c>
      <c r="E2741" s="1">
        <v>43714.452777777777</v>
      </c>
      <c r="F2741">
        <v>0</v>
      </c>
      <c r="G2741">
        <v>0</v>
      </c>
      <c r="H2741">
        <v>0</v>
      </c>
      <c r="I2741">
        <v>0</v>
      </c>
      <c r="J2741">
        <v>0</v>
      </c>
      <c r="K2741">
        <v>0</v>
      </c>
      <c r="L2741">
        <v>0</v>
      </c>
      <c r="M2741">
        <v>0</v>
      </c>
      <c r="N2741">
        <v>0</v>
      </c>
      <c r="O2741">
        <v>0</v>
      </c>
      <c r="P2741">
        <v>0</v>
      </c>
      <c r="Q2741">
        <v>0</v>
      </c>
      <c r="R2741">
        <v>0</v>
      </c>
      <c r="S2741">
        <v>0</v>
      </c>
      <c r="T2741">
        <v>0</v>
      </c>
      <c r="U2741">
        <v>0</v>
      </c>
      <c r="V2741">
        <v>0</v>
      </c>
      <c r="W2741">
        <v>1</v>
      </c>
      <c r="X2741">
        <v>0</v>
      </c>
      <c r="Y2741">
        <v>27</v>
      </c>
      <c r="Z2741">
        <v>9</v>
      </c>
      <c r="AA2741">
        <v>102</v>
      </c>
      <c r="AB2741">
        <v>34</v>
      </c>
      <c r="AC2741">
        <v>138</v>
      </c>
      <c r="AD2741">
        <v>38</v>
      </c>
      <c r="AE2741">
        <v>30</v>
      </c>
      <c r="AF2741">
        <v>0</v>
      </c>
      <c r="AG2741">
        <v>50000</v>
      </c>
      <c r="AH2741">
        <v>0</v>
      </c>
      <c r="AI2741">
        <v>50000</v>
      </c>
      <c r="AJ2741">
        <v>0</v>
      </c>
      <c r="AK2741" t="s">
        <v>6</v>
      </c>
      <c r="AL2741">
        <v>0</v>
      </c>
      <c r="AM2741">
        <v>0</v>
      </c>
      <c r="AN2741">
        <v>0</v>
      </c>
      <c r="AO2741">
        <v>0</v>
      </c>
      <c r="AP2741">
        <v>0</v>
      </c>
      <c r="AQ2741">
        <v>0</v>
      </c>
      <c r="AR2741">
        <v>0</v>
      </c>
      <c r="AS2741">
        <v>0</v>
      </c>
      <c r="AT2741">
        <v>0</v>
      </c>
      <c r="AU2741">
        <v>0</v>
      </c>
      <c r="AV2741">
        <v>0</v>
      </c>
      <c r="AW2741">
        <v>0</v>
      </c>
      <c r="AX2741">
        <v>0</v>
      </c>
      <c r="AY2741">
        <v>0</v>
      </c>
      <c r="AZ2741">
        <v>0</v>
      </c>
      <c r="BA2741">
        <v>0</v>
      </c>
    </row>
    <row r="2742" spans="1:53" x14ac:dyDescent="0.4">
      <c r="A2742">
        <v>2786</v>
      </c>
      <c r="B2742" s="1">
        <v>43714</v>
      </c>
      <c r="C2742">
        <v>2</v>
      </c>
      <c r="D2742" s="1">
        <v>43714.452777777777</v>
      </c>
      <c r="E2742" s="1">
        <v>43714.744444444441</v>
      </c>
      <c r="F2742">
        <v>14500</v>
      </c>
      <c r="G2742">
        <v>0</v>
      </c>
      <c r="H2742">
        <v>200</v>
      </c>
      <c r="I2742">
        <v>0</v>
      </c>
      <c r="J2742">
        <v>0</v>
      </c>
      <c r="K2742">
        <v>0</v>
      </c>
      <c r="L2742">
        <v>0</v>
      </c>
      <c r="M2742">
        <v>1176</v>
      </c>
      <c r="N2742">
        <v>0</v>
      </c>
      <c r="O2742">
        <v>0</v>
      </c>
      <c r="P2742">
        <v>16740</v>
      </c>
      <c r="Q2742">
        <v>0</v>
      </c>
      <c r="R2742">
        <v>32616</v>
      </c>
      <c r="S2742">
        <v>0</v>
      </c>
      <c r="T2742">
        <v>0</v>
      </c>
      <c r="U2742">
        <v>0</v>
      </c>
      <c r="V2742">
        <v>1</v>
      </c>
      <c r="W2742">
        <v>3</v>
      </c>
      <c r="X2742">
        <v>0</v>
      </c>
      <c r="Y2742">
        <v>32</v>
      </c>
      <c r="Z2742">
        <v>14</v>
      </c>
      <c r="AA2742">
        <v>77</v>
      </c>
      <c r="AB2742">
        <v>30</v>
      </c>
      <c r="AC2742">
        <v>201</v>
      </c>
      <c r="AD2742">
        <v>40</v>
      </c>
      <c r="AE2742">
        <v>41</v>
      </c>
      <c r="AF2742">
        <v>7165</v>
      </c>
      <c r="AG2742">
        <v>82616</v>
      </c>
      <c r="AH2742">
        <v>50000</v>
      </c>
      <c r="AI2742">
        <v>0</v>
      </c>
      <c r="AJ2742">
        <v>100</v>
      </c>
      <c r="AK2742" t="s">
        <v>0</v>
      </c>
      <c r="AL2742">
        <v>0</v>
      </c>
      <c r="AM2742">
        <v>0</v>
      </c>
      <c r="AN2742">
        <v>0</v>
      </c>
      <c r="AO2742">
        <v>0</v>
      </c>
      <c r="AP2742">
        <v>0</v>
      </c>
      <c r="AQ2742">
        <v>0</v>
      </c>
      <c r="AR2742">
        <v>0</v>
      </c>
      <c r="AS2742">
        <v>0</v>
      </c>
      <c r="AT2742">
        <v>0</v>
      </c>
      <c r="AU2742">
        <v>0</v>
      </c>
      <c r="AV2742">
        <v>0</v>
      </c>
      <c r="AW2742">
        <v>0</v>
      </c>
      <c r="AX2742">
        <v>-1620</v>
      </c>
      <c r="AY2742">
        <v>35</v>
      </c>
      <c r="AZ2742">
        <v>60</v>
      </c>
      <c r="BA2742">
        <v>4404</v>
      </c>
    </row>
    <row r="2743" spans="1:53" x14ac:dyDescent="0.4">
      <c r="A2743">
        <v>2787</v>
      </c>
      <c r="B2743" s="1">
        <v>43715</v>
      </c>
      <c r="C2743">
        <v>1</v>
      </c>
      <c r="D2743" s="1">
        <v>43715.291666666664</v>
      </c>
      <c r="E2743" s="1">
        <v>43715.402777777781</v>
      </c>
      <c r="F2743">
        <v>0</v>
      </c>
      <c r="G2743">
        <v>0</v>
      </c>
      <c r="H2743">
        <v>0</v>
      </c>
      <c r="I2743">
        <v>0</v>
      </c>
      <c r="J2743">
        <v>0</v>
      </c>
      <c r="K2743">
        <v>0</v>
      </c>
      <c r="L2743">
        <v>0</v>
      </c>
      <c r="M2743">
        <v>0</v>
      </c>
      <c r="N2743">
        <v>0</v>
      </c>
      <c r="O2743">
        <v>0</v>
      </c>
      <c r="P2743">
        <v>0</v>
      </c>
      <c r="Q2743">
        <v>0</v>
      </c>
      <c r="R2743">
        <v>0</v>
      </c>
      <c r="S2743">
        <v>0</v>
      </c>
      <c r="T2743">
        <v>0</v>
      </c>
      <c r="U2743">
        <v>0</v>
      </c>
      <c r="V2743">
        <v>0</v>
      </c>
      <c r="W2743">
        <v>1</v>
      </c>
      <c r="X2743">
        <v>0</v>
      </c>
      <c r="Y2743">
        <v>26</v>
      </c>
      <c r="Z2743">
        <v>15</v>
      </c>
      <c r="AA2743">
        <v>87</v>
      </c>
      <c r="AB2743">
        <v>32</v>
      </c>
      <c r="AC2743">
        <v>197</v>
      </c>
      <c r="AD2743">
        <v>40</v>
      </c>
      <c r="AE2743">
        <v>30</v>
      </c>
      <c r="AF2743">
        <v>0</v>
      </c>
      <c r="AG2743">
        <v>51000</v>
      </c>
      <c r="AH2743">
        <v>50000</v>
      </c>
      <c r="AI2743">
        <v>1000</v>
      </c>
      <c r="AJ2743">
        <v>0</v>
      </c>
      <c r="AK2743" t="s">
        <v>6</v>
      </c>
      <c r="AL2743">
        <v>0</v>
      </c>
      <c r="AM2743">
        <v>0</v>
      </c>
      <c r="AN2743">
        <v>0</v>
      </c>
      <c r="AO2743">
        <v>0</v>
      </c>
      <c r="AP2743">
        <v>0</v>
      </c>
      <c r="AQ2743">
        <v>0</v>
      </c>
      <c r="AR2743">
        <v>0</v>
      </c>
      <c r="AS2743">
        <v>0</v>
      </c>
      <c r="AT2743">
        <v>0</v>
      </c>
      <c r="AU2743">
        <v>0</v>
      </c>
      <c r="AV2743">
        <v>0</v>
      </c>
      <c r="AW2743">
        <v>0</v>
      </c>
      <c r="AX2743">
        <v>0</v>
      </c>
      <c r="AY2743">
        <v>0</v>
      </c>
      <c r="AZ2743">
        <v>0</v>
      </c>
      <c r="BA2743">
        <v>0</v>
      </c>
    </row>
    <row r="2744" spans="1:53" x14ac:dyDescent="0.4">
      <c r="A2744">
        <v>2788</v>
      </c>
      <c r="B2744" s="1">
        <v>43715</v>
      </c>
      <c r="C2744">
        <v>2</v>
      </c>
      <c r="D2744" s="1">
        <v>43715.402777777781</v>
      </c>
      <c r="E2744" s="1">
        <v>43715.731249999997</v>
      </c>
      <c r="F2744">
        <v>40000</v>
      </c>
      <c r="G2744">
        <v>3120</v>
      </c>
      <c r="H2744">
        <v>200</v>
      </c>
      <c r="I2744">
        <v>0</v>
      </c>
      <c r="J2744">
        <v>0</v>
      </c>
      <c r="K2744">
        <v>0</v>
      </c>
      <c r="L2744">
        <v>0</v>
      </c>
      <c r="M2744">
        <v>3465</v>
      </c>
      <c r="N2744">
        <v>0</v>
      </c>
      <c r="O2744">
        <v>0</v>
      </c>
      <c r="P2744">
        <v>17280</v>
      </c>
      <c r="Q2744">
        <v>0</v>
      </c>
      <c r="R2744">
        <v>64065</v>
      </c>
      <c r="S2744">
        <v>0</v>
      </c>
      <c r="T2744">
        <v>0</v>
      </c>
      <c r="U2744">
        <v>0</v>
      </c>
      <c r="V2744">
        <v>3</v>
      </c>
      <c r="W2744">
        <v>0</v>
      </c>
      <c r="X2744">
        <v>0</v>
      </c>
      <c r="Y2744">
        <v>49</v>
      </c>
      <c r="Z2744">
        <v>32</v>
      </c>
      <c r="AA2744">
        <v>86</v>
      </c>
      <c r="AB2744">
        <v>40</v>
      </c>
      <c r="AC2744">
        <v>291</v>
      </c>
      <c r="AD2744">
        <v>37</v>
      </c>
      <c r="AE2744">
        <v>36</v>
      </c>
      <c r="AF2744">
        <v>5334</v>
      </c>
      <c r="AG2744">
        <v>114065</v>
      </c>
      <c r="AH2744">
        <v>50000</v>
      </c>
      <c r="AI2744">
        <v>0</v>
      </c>
      <c r="AJ2744">
        <v>97</v>
      </c>
      <c r="AK2744" t="s">
        <v>33</v>
      </c>
      <c r="AL2744">
        <v>0</v>
      </c>
      <c r="AM2744">
        <v>0</v>
      </c>
      <c r="AN2744">
        <v>0</v>
      </c>
      <c r="AO2744">
        <v>0</v>
      </c>
      <c r="AP2744">
        <v>0</v>
      </c>
      <c r="AQ2744">
        <v>0</v>
      </c>
      <c r="AR2744">
        <v>0</v>
      </c>
      <c r="AS2744">
        <v>0</v>
      </c>
      <c r="AT2744">
        <v>0</v>
      </c>
      <c r="AU2744">
        <v>0</v>
      </c>
      <c r="AV2744">
        <v>0</v>
      </c>
      <c r="AW2744">
        <v>0</v>
      </c>
      <c r="AX2744">
        <v>885</v>
      </c>
      <c r="AY2744">
        <v>50</v>
      </c>
      <c r="AZ2744">
        <v>109</v>
      </c>
      <c r="BA2744">
        <v>7739</v>
      </c>
    </row>
    <row r="2745" spans="1:53" x14ac:dyDescent="0.4">
      <c r="A2745">
        <v>2789</v>
      </c>
      <c r="B2745" s="1">
        <v>43716</v>
      </c>
      <c r="C2745">
        <v>1</v>
      </c>
      <c r="D2745" s="1">
        <v>43716.291666666664</v>
      </c>
      <c r="E2745" s="1">
        <v>43716.407638888886</v>
      </c>
      <c r="F2745">
        <v>0</v>
      </c>
      <c r="G2745">
        <v>0</v>
      </c>
      <c r="H2745">
        <v>0</v>
      </c>
      <c r="I2745">
        <v>0</v>
      </c>
      <c r="J2745">
        <v>0</v>
      </c>
      <c r="K2745">
        <v>0</v>
      </c>
      <c r="L2745">
        <v>0</v>
      </c>
      <c r="M2745">
        <v>0</v>
      </c>
      <c r="N2745">
        <v>0</v>
      </c>
      <c r="O2745">
        <v>0</v>
      </c>
      <c r="P2745">
        <v>0</v>
      </c>
      <c r="Q2745">
        <v>0</v>
      </c>
      <c r="R2745">
        <v>0</v>
      </c>
      <c r="S2745">
        <v>0</v>
      </c>
      <c r="T2745">
        <v>0</v>
      </c>
      <c r="U2745">
        <v>0</v>
      </c>
      <c r="V2745">
        <v>0</v>
      </c>
      <c r="W2745">
        <v>0</v>
      </c>
      <c r="X2745">
        <v>0</v>
      </c>
      <c r="Y2745">
        <v>32</v>
      </c>
      <c r="Z2745">
        <v>10</v>
      </c>
      <c r="AA2745">
        <v>100</v>
      </c>
      <c r="AB2745">
        <v>32</v>
      </c>
      <c r="AC2745">
        <v>114</v>
      </c>
      <c r="AD2745">
        <v>40</v>
      </c>
      <c r="AE2745">
        <v>60</v>
      </c>
      <c r="AF2745">
        <v>0</v>
      </c>
      <c r="AG2745">
        <v>50000</v>
      </c>
      <c r="AH2745">
        <v>50000</v>
      </c>
      <c r="AI2745">
        <v>0</v>
      </c>
      <c r="AJ2745">
        <v>0</v>
      </c>
      <c r="AK2745" t="s">
        <v>6</v>
      </c>
      <c r="AL2745">
        <v>0</v>
      </c>
      <c r="AM2745">
        <v>0</v>
      </c>
      <c r="AN2745">
        <v>0</v>
      </c>
      <c r="AO2745">
        <v>0</v>
      </c>
      <c r="AP2745">
        <v>0</v>
      </c>
      <c r="AQ2745">
        <v>0</v>
      </c>
      <c r="AR2745">
        <v>0</v>
      </c>
      <c r="AS2745">
        <v>0</v>
      </c>
      <c r="AT2745">
        <v>0</v>
      </c>
      <c r="AU2745">
        <v>0</v>
      </c>
      <c r="AV2745">
        <v>0</v>
      </c>
      <c r="AW2745">
        <v>0</v>
      </c>
      <c r="AX2745">
        <v>0</v>
      </c>
      <c r="AY2745">
        <v>0</v>
      </c>
      <c r="AZ2745">
        <v>0</v>
      </c>
      <c r="BA2745">
        <v>0</v>
      </c>
    </row>
    <row r="2746" spans="1:53" x14ac:dyDescent="0.4">
      <c r="A2746">
        <v>2790</v>
      </c>
      <c r="B2746" s="1">
        <v>43716</v>
      </c>
      <c r="C2746">
        <v>2</v>
      </c>
      <c r="D2746" s="1">
        <v>43716.407638888886</v>
      </c>
      <c r="E2746" s="1">
        <v>43716.734722222223</v>
      </c>
      <c r="F2746">
        <v>37000</v>
      </c>
      <c r="G2746">
        <v>0</v>
      </c>
      <c r="H2746">
        <v>400</v>
      </c>
      <c r="I2746">
        <v>0</v>
      </c>
      <c r="J2746">
        <v>0</v>
      </c>
      <c r="K2746">
        <v>0</v>
      </c>
      <c r="L2746">
        <v>0</v>
      </c>
      <c r="M2746">
        <v>2992</v>
      </c>
      <c r="N2746">
        <v>0</v>
      </c>
      <c r="O2746">
        <v>0</v>
      </c>
      <c r="P2746">
        <v>22140</v>
      </c>
      <c r="Q2746">
        <v>0</v>
      </c>
      <c r="R2746">
        <v>62532</v>
      </c>
      <c r="S2746">
        <v>0</v>
      </c>
      <c r="T2746">
        <v>0</v>
      </c>
      <c r="U2746">
        <v>0</v>
      </c>
      <c r="V2746">
        <v>1</v>
      </c>
      <c r="W2746">
        <v>3</v>
      </c>
      <c r="X2746">
        <v>0</v>
      </c>
      <c r="Y2746">
        <v>54</v>
      </c>
      <c r="Z2746">
        <v>31</v>
      </c>
      <c r="AA2746">
        <v>137</v>
      </c>
      <c r="AB2746">
        <v>39</v>
      </c>
      <c r="AC2746">
        <v>210</v>
      </c>
      <c r="AD2746">
        <v>46</v>
      </c>
      <c r="AE2746">
        <v>52</v>
      </c>
      <c r="AF2746">
        <v>0</v>
      </c>
      <c r="AG2746">
        <v>112532</v>
      </c>
      <c r="AH2746">
        <v>50000</v>
      </c>
      <c r="AI2746">
        <v>0</v>
      </c>
      <c r="AJ2746">
        <v>106</v>
      </c>
      <c r="AK2746" t="s">
        <v>44</v>
      </c>
      <c r="AL2746">
        <v>0</v>
      </c>
      <c r="AM2746">
        <v>0</v>
      </c>
      <c r="AN2746">
        <v>0</v>
      </c>
      <c r="AO2746">
        <v>0</v>
      </c>
      <c r="AP2746">
        <v>0</v>
      </c>
      <c r="AQ2746">
        <v>0</v>
      </c>
      <c r="AR2746">
        <v>0</v>
      </c>
      <c r="AS2746">
        <v>0</v>
      </c>
      <c r="AT2746">
        <v>0</v>
      </c>
      <c r="AU2746">
        <v>0</v>
      </c>
      <c r="AV2746">
        <v>0</v>
      </c>
      <c r="AW2746">
        <v>0</v>
      </c>
      <c r="AX2746">
        <v>583</v>
      </c>
      <c r="AY2746">
        <v>52</v>
      </c>
      <c r="AZ2746">
        <v>106</v>
      </c>
      <c r="BA2746">
        <v>7516</v>
      </c>
    </row>
    <row r="2747" spans="1:53" x14ac:dyDescent="0.4">
      <c r="A2747">
        <v>2791</v>
      </c>
      <c r="B2747" s="1">
        <v>43716</v>
      </c>
      <c r="C2747">
        <v>3</v>
      </c>
      <c r="D2747" s="1">
        <v>43716.734722222223</v>
      </c>
      <c r="E2747" s="1">
        <v>43716.950694444444</v>
      </c>
      <c r="F2747">
        <v>46600</v>
      </c>
      <c r="G2747">
        <v>2480</v>
      </c>
      <c r="H2747">
        <v>0</v>
      </c>
      <c r="I2747">
        <v>0</v>
      </c>
      <c r="J2747">
        <v>0</v>
      </c>
      <c r="K2747">
        <v>0</v>
      </c>
      <c r="L2747">
        <v>0</v>
      </c>
      <c r="M2747">
        <v>3926</v>
      </c>
      <c r="N2747">
        <v>0</v>
      </c>
      <c r="O2747">
        <v>0</v>
      </c>
      <c r="P2747">
        <v>-14256</v>
      </c>
      <c r="Q2747">
        <v>0</v>
      </c>
      <c r="R2747">
        <v>38750</v>
      </c>
      <c r="S2747">
        <v>0</v>
      </c>
      <c r="T2747">
        <v>0</v>
      </c>
      <c r="U2747">
        <v>0</v>
      </c>
      <c r="V2747">
        <v>4</v>
      </c>
      <c r="W2747">
        <v>3</v>
      </c>
      <c r="X2747">
        <v>0</v>
      </c>
      <c r="Y2747">
        <v>54</v>
      </c>
      <c r="Z2747">
        <v>32</v>
      </c>
      <c r="AA2747">
        <v>136</v>
      </c>
      <c r="AB2747">
        <v>37</v>
      </c>
      <c r="AC2747">
        <v>229</v>
      </c>
      <c r="AD2747">
        <v>45</v>
      </c>
      <c r="AE2747">
        <v>54</v>
      </c>
      <c r="AF2747">
        <v>8263</v>
      </c>
      <c r="AG2747">
        <v>151282</v>
      </c>
      <c r="AH2747">
        <v>50000</v>
      </c>
      <c r="AI2747">
        <v>0</v>
      </c>
      <c r="AJ2747">
        <v>108</v>
      </c>
      <c r="AK2747" t="s">
        <v>30</v>
      </c>
      <c r="AL2747">
        <v>0</v>
      </c>
      <c r="AM2747">
        <v>0</v>
      </c>
      <c r="AN2747">
        <v>0</v>
      </c>
      <c r="AO2747">
        <v>0</v>
      </c>
      <c r="AP2747">
        <v>0</v>
      </c>
      <c r="AQ2747">
        <v>0</v>
      </c>
      <c r="AR2747">
        <v>0</v>
      </c>
      <c r="AS2747">
        <v>0</v>
      </c>
      <c r="AT2747">
        <v>0</v>
      </c>
      <c r="AU2747">
        <v>0</v>
      </c>
      <c r="AV2747">
        <v>0</v>
      </c>
      <c r="AW2747">
        <v>0</v>
      </c>
      <c r="AX2747">
        <v>7290</v>
      </c>
      <c r="AY2747">
        <v>15</v>
      </c>
      <c r="AZ2747">
        <v>39</v>
      </c>
      <c r="BA2747">
        <v>3276</v>
      </c>
    </row>
    <row r="2748" spans="1:53" x14ac:dyDescent="0.4">
      <c r="A2748">
        <v>2792</v>
      </c>
      <c r="B2748" s="1">
        <v>43717</v>
      </c>
      <c r="C2748">
        <v>1</v>
      </c>
      <c r="D2748" s="1">
        <v>43717.291666666664</v>
      </c>
      <c r="E2748" s="1">
        <v>43717.456944444442</v>
      </c>
      <c r="F2748">
        <v>0</v>
      </c>
      <c r="G2748">
        <v>0</v>
      </c>
      <c r="H2748">
        <v>200</v>
      </c>
      <c r="I2748">
        <v>0</v>
      </c>
      <c r="J2748">
        <v>0</v>
      </c>
      <c r="K2748">
        <v>0</v>
      </c>
      <c r="L2748">
        <v>0</v>
      </c>
      <c r="M2748">
        <v>16</v>
      </c>
      <c r="N2748">
        <v>0</v>
      </c>
      <c r="O2748">
        <v>0</v>
      </c>
      <c r="P2748">
        <v>0</v>
      </c>
      <c r="Q2748">
        <v>0</v>
      </c>
      <c r="R2748">
        <v>216</v>
      </c>
      <c r="S2748">
        <v>0</v>
      </c>
      <c r="T2748">
        <v>0</v>
      </c>
      <c r="U2748">
        <v>0</v>
      </c>
      <c r="V2748">
        <v>0</v>
      </c>
      <c r="W2748">
        <v>0</v>
      </c>
      <c r="X2748">
        <v>0</v>
      </c>
      <c r="Y2748">
        <v>30</v>
      </c>
      <c r="Z2748">
        <v>9</v>
      </c>
      <c r="AA2748">
        <v>123</v>
      </c>
      <c r="AB2748">
        <v>37</v>
      </c>
      <c r="AC2748">
        <v>131</v>
      </c>
      <c r="AD2748">
        <v>44</v>
      </c>
      <c r="AE2748">
        <v>36</v>
      </c>
      <c r="AF2748">
        <v>0</v>
      </c>
      <c r="AG2748">
        <v>50216</v>
      </c>
      <c r="AH2748">
        <v>0</v>
      </c>
      <c r="AI2748">
        <v>50000</v>
      </c>
      <c r="AJ2748">
        <v>0</v>
      </c>
      <c r="AK2748" t="s">
        <v>6</v>
      </c>
      <c r="AL2748">
        <v>0</v>
      </c>
      <c r="AM2748">
        <v>0</v>
      </c>
      <c r="AN2748">
        <v>0</v>
      </c>
      <c r="AO2748">
        <v>0</v>
      </c>
      <c r="AP2748">
        <v>0</v>
      </c>
      <c r="AQ2748">
        <v>0</v>
      </c>
      <c r="AR2748">
        <v>0</v>
      </c>
      <c r="AS2748">
        <v>0</v>
      </c>
      <c r="AT2748">
        <v>0</v>
      </c>
      <c r="AU2748">
        <v>0</v>
      </c>
      <c r="AV2748">
        <v>0</v>
      </c>
      <c r="AW2748">
        <v>0</v>
      </c>
      <c r="AX2748">
        <v>0</v>
      </c>
      <c r="AY2748">
        <v>0</v>
      </c>
      <c r="AZ2748">
        <v>0</v>
      </c>
      <c r="BA2748">
        <v>0</v>
      </c>
    </row>
    <row r="2749" spans="1:53" x14ac:dyDescent="0.4">
      <c r="A2749">
        <v>2793</v>
      </c>
      <c r="B2749" s="1">
        <v>43717</v>
      </c>
      <c r="C2749">
        <v>2</v>
      </c>
      <c r="D2749" s="1">
        <v>43717.456944444442</v>
      </c>
      <c r="E2749" s="1">
        <v>43717.728472222225</v>
      </c>
      <c r="F2749">
        <v>15000</v>
      </c>
      <c r="G2749">
        <v>840</v>
      </c>
      <c r="H2749">
        <v>0</v>
      </c>
      <c r="I2749">
        <v>0</v>
      </c>
      <c r="J2749">
        <v>0</v>
      </c>
      <c r="K2749">
        <v>0</v>
      </c>
      <c r="L2749">
        <v>0</v>
      </c>
      <c r="M2749">
        <v>1267</v>
      </c>
      <c r="N2749">
        <v>0</v>
      </c>
      <c r="O2749">
        <v>0</v>
      </c>
      <c r="P2749">
        <v>23220</v>
      </c>
      <c r="Q2749">
        <v>0</v>
      </c>
      <c r="R2749">
        <v>40327</v>
      </c>
      <c r="S2749">
        <v>0</v>
      </c>
      <c r="T2749">
        <v>0</v>
      </c>
      <c r="U2749">
        <v>0</v>
      </c>
      <c r="V2749">
        <v>1</v>
      </c>
      <c r="W2749">
        <v>2</v>
      </c>
      <c r="X2749">
        <v>0</v>
      </c>
      <c r="Y2749">
        <v>41</v>
      </c>
      <c r="Z2749">
        <v>25</v>
      </c>
      <c r="AA2749">
        <v>130</v>
      </c>
      <c r="AB2749">
        <v>36</v>
      </c>
      <c r="AC2749">
        <v>197</v>
      </c>
      <c r="AD2749">
        <v>56</v>
      </c>
      <c r="AE2749">
        <v>43</v>
      </c>
      <c r="AF2749">
        <v>0</v>
      </c>
      <c r="AG2749">
        <v>90593</v>
      </c>
      <c r="AH2749">
        <v>50000</v>
      </c>
      <c r="AI2749">
        <v>50</v>
      </c>
      <c r="AJ2749">
        <v>96</v>
      </c>
      <c r="AK2749" t="s">
        <v>4</v>
      </c>
      <c r="AL2749">
        <v>0</v>
      </c>
      <c r="AM2749">
        <v>0</v>
      </c>
      <c r="AN2749">
        <v>0</v>
      </c>
      <c r="AO2749">
        <v>0</v>
      </c>
      <c r="AP2749">
        <v>0</v>
      </c>
      <c r="AQ2749">
        <v>0</v>
      </c>
      <c r="AR2749">
        <v>0</v>
      </c>
      <c r="AS2749">
        <v>0</v>
      </c>
      <c r="AT2749">
        <v>0</v>
      </c>
      <c r="AU2749">
        <v>0</v>
      </c>
      <c r="AV2749">
        <v>0</v>
      </c>
      <c r="AW2749">
        <v>0</v>
      </c>
      <c r="AX2749">
        <v>388</v>
      </c>
      <c r="AY2749">
        <v>37</v>
      </c>
      <c r="AZ2749">
        <v>68</v>
      </c>
      <c r="BA2749">
        <v>4727</v>
      </c>
    </row>
    <row r="2750" spans="1:53" x14ac:dyDescent="0.4">
      <c r="A2750">
        <v>2794</v>
      </c>
      <c r="B2750" s="1">
        <v>43717</v>
      </c>
      <c r="C2750">
        <v>3</v>
      </c>
      <c r="D2750" s="1">
        <v>43717.728472222225</v>
      </c>
      <c r="E2750" s="1">
        <v>43717.960416666669</v>
      </c>
      <c r="F2750">
        <v>45160</v>
      </c>
      <c r="G2750">
        <v>1360</v>
      </c>
      <c r="H2750">
        <v>0</v>
      </c>
      <c r="I2750">
        <v>0</v>
      </c>
      <c r="J2750">
        <v>0</v>
      </c>
      <c r="K2750">
        <v>0</v>
      </c>
      <c r="L2750">
        <v>0</v>
      </c>
      <c r="M2750">
        <v>3721</v>
      </c>
      <c r="N2750">
        <v>0</v>
      </c>
      <c r="O2750">
        <v>0</v>
      </c>
      <c r="P2750">
        <v>-20628</v>
      </c>
      <c r="Q2750">
        <v>0</v>
      </c>
      <c r="R2750">
        <v>29613</v>
      </c>
      <c r="S2750">
        <v>0</v>
      </c>
      <c r="T2750">
        <v>0</v>
      </c>
      <c r="U2750">
        <v>0</v>
      </c>
      <c r="V2750">
        <v>5</v>
      </c>
      <c r="W2750">
        <v>0</v>
      </c>
      <c r="X2750">
        <v>0</v>
      </c>
      <c r="Y2750">
        <v>45</v>
      </c>
      <c r="Z2750">
        <v>22</v>
      </c>
      <c r="AA2750">
        <v>96</v>
      </c>
      <c r="AB2750">
        <v>40</v>
      </c>
      <c r="AC2750">
        <v>201</v>
      </c>
      <c r="AD2750">
        <v>46</v>
      </c>
      <c r="AE2750">
        <v>50</v>
      </c>
      <c r="AF2750">
        <v>216</v>
      </c>
      <c r="AG2750">
        <v>120106</v>
      </c>
      <c r="AH2750">
        <v>50000</v>
      </c>
      <c r="AI2750">
        <v>-50</v>
      </c>
      <c r="AJ2750">
        <v>100</v>
      </c>
      <c r="AK2750" t="s">
        <v>0</v>
      </c>
      <c r="AL2750">
        <v>0</v>
      </c>
      <c r="AM2750">
        <v>0</v>
      </c>
      <c r="AN2750">
        <v>0</v>
      </c>
      <c r="AO2750">
        <v>0</v>
      </c>
      <c r="AP2750">
        <v>0</v>
      </c>
      <c r="AQ2750">
        <v>0</v>
      </c>
      <c r="AR2750">
        <v>0</v>
      </c>
      <c r="AS2750">
        <v>0</v>
      </c>
      <c r="AT2750">
        <v>0</v>
      </c>
      <c r="AU2750">
        <v>0</v>
      </c>
      <c r="AV2750">
        <v>0</v>
      </c>
      <c r="AW2750">
        <v>0</v>
      </c>
      <c r="AX2750">
        <v>2970</v>
      </c>
      <c r="AY2750">
        <v>16</v>
      </c>
      <c r="AZ2750">
        <v>36</v>
      </c>
      <c r="BA2750">
        <v>3109</v>
      </c>
    </row>
    <row r="2751" spans="1:53" x14ac:dyDescent="0.4">
      <c r="A2751">
        <v>2795</v>
      </c>
      <c r="B2751" s="1">
        <v>43717</v>
      </c>
      <c r="C2751">
        <v>4</v>
      </c>
      <c r="D2751" s="1">
        <v>43717.960416666669</v>
      </c>
      <c r="E2751" s="1">
        <v>43718.076388888891</v>
      </c>
      <c r="F2751">
        <v>7900</v>
      </c>
      <c r="G2751">
        <v>0</v>
      </c>
      <c r="H2751">
        <v>400</v>
      </c>
      <c r="I2751">
        <v>0</v>
      </c>
      <c r="J2751">
        <v>0</v>
      </c>
      <c r="K2751">
        <v>0</v>
      </c>
      <c r="L2751">
        <v>0</v>
      </c>
      <c r="M2751">
        <v>664</v>
      </c>
      <c r="N2751">
        <v>0</v>
      </c>
      <c r="O2751">
        <v>0</v>
      </c>
      <c r="P2751">
        <v>4860</v>
      </c>
      <c r="Q2751">
        <v>0</v>
      </c>
      <c r="R2751">
        <v>13824</v>
      </c>
      <c r="S2751">
        <v>0</v>
      </c>
      <c r="T2751">
        <v>0</v>
      </c>
      <c r="U2751">
        <v>0</v>
      </c>
      <c r="V2751">
        <v>7</v>
      </c>
      <c r="W2751">
        <v>0</v>
      </c>
      <c r="X2751">
        <v>0</v>
      </c>
      <c r="Y2751">
        <v>39</v>
      </c>
      <c r="Z2751">
        <v>21</v>
      </c>
      <c r="AA2751">
        <v>99</v>
      </c>
      <c r="AB2751">
        <v>40</v>
      </c>
      <c r="AC2751">
        <v>204</v>
      </c>
      <c r="AD2751">
        <v>45</v>
      </c>
      <c r="AE2751">
        <v>49</v>
      </c>
      <c r="AF2751">
        <v>216</v>
      </c>
      <c r="AG2751">
        <v>133930</v>
      </c>
      <c r="AH2751">
        <v>50000</v>
      </c>
      <c r="AI2751">
        <v>-50</v>
      </c>
      <c r="AJ2751">
        <v>100</v>
      </c>
      <c r="AK2751" t="s">
        <v>0</v>
      </c>
      <c r="AL2751">
        <v>0</v>
      </c>
      <c r="AM2751">
        <v>0</v>
      </c>
      <c r="AN2751">
        <v>0</v>
      </c>
      <c r="AO2751">
        <v>0</v>
      </c>
      <c r="AP2751">
        <v>0</v>
      </c>
      <c r="AQ2751">
        <v>0</v>
      </c>
      <c r="AR2751">
        <v>0</v>
      </c>
      <c r="AS2751">
        <v>0</v>
      </c>
      <c r="AT2751">
        <v>0</v>
      </c>
      <c r="AU2751">
        <v>0</v>
      </c>
      <c r="AV2751">
        <v>0</v>
      </c>
      <c r="AW2751">
        <v>0</v>
      </c>
      <c r="AX2751">
        <v>3932</v>
      </c>
      <c r="AY2751">
        <v>6</v>
      </c>
      <c r="AZ2751">
        <v>9</v>
      </c>
      <c r="BA2751">
        <v>612</v>
      </c>
    </row>
    <row r="2752" spans="1:53" x14ac:dyDescent="0.4">
      <c r="A2752">
        <v>2796</v>
      </c>
      <c r="B2752" s="1">
        <v>43718</v>
      </c>
      <c r="C2752">
        <v>1</v>
      </c>
      <c r="D2752" s="1">
        <v>43718.291666666664</v>
      </c>
      <c r="E2752" s="1">
        <v>43718.452777777777</v>
      </c>
      <c r="F2752">
        <v>0</v>
      </c>
      <c r="G2752">
        <v>0</v>
      </c>
      <c r="H2752">
        <v>0</v>
      </c>
      <c r="I2752">
        <v>0</v>
      </c>
      <c r="J2752">
        <v>0</v>
      </c>
      <c r="K2752">
        <v>0</v>
      </c>
      <c r="L2752">
        <v>0</v>
      </c>
      <c r="M2752">
        <v>0</v>
      </c>
      <c r="N2752">
        <v>0</v>
      </c>
      <c r="O2752">
        <v>0</v>
      </c>
      <c r="P2752">
        <v>0</v>
      </c>
      <c r="Q2752">
        <v>0</v>
      </c>
      <c r="R2752">
        <v>0</v>
      </c>
      <c r="S2752">
        <v>0</v>
      </c>
      <c r="T2752">
        <v>0</v>
      </c>
      <c r="U2752">
        <v>0</v>
      </c>
      <c r="V2752">
        <v>0</v>
      </c>
      <c r="W2752">
        <v>0</v>
      </c>
      <c r="X2752">
        <v>0</v>
      </c>
      <c r="Y2752">
        <v>31</v>
      </c>
      <c r="Z2752">
        <v>11</v>
      </c>
      <c r="AA2752">
        <v>98</v>
      </c>
      <c r="AB2752">
        <v>42</v>
      </c>
      <c r="AC2752">
        <v>132</v>
      </c>
      <c r="AD2752">
        <v>46</v>
      </c>
      <c r="AE2752">
        <v>50</v>
      </c>
      <c r="AF2752">
        <v>0</v>
      </c>
      <c r="AG2752">
        <v>50000</v>
      </c>
      <c r="AH2752">
        <v>50000</v>
      </c>
      <c r="AI2752">
        <v>0</v>
      </c>
      <c r="AJ2752">
        <v>0</v>
      </c>
      <c r="AK2752" t="s">
        <v>6</v>
      </c>
      <c r="AL2752">
        <v>0</v>
      </c>
      <c r="AM2752">
        <v>0</v>
      </c>
      <c r="AN2752">
        <v>0</v>
      </c>
      <c r="AO2752">
        <v>0</v>
      </c>
      <c r="AP2752">
        <v>0</v>
      </c>
      <c r="AQ2752">
        <v>0</v>
      </c>
      <c r="AR2752">
        <v>0</v>
      </c>
      <c r="AS2752">
        <v>0</v>
      </c>
      <c r="AT2752">
        <v>0</v>
      </c>
      <c r="AU2752">
        <v>0</v>
      </c>
      <c r="AV2752">
        <v>0</v>
      </c>
      <c r="AW2752">
        <v>0</v>
      </c>
      <c r="AX2752">
        <v>0</v>
      </c>
      <c r="AY2752">
        <v>0</v>
      </c>
      <c r="AZ2752">
        <v>0</v>
      </c>
      <c r="BA2752">
        <v>0</v>
      </c>
    </row>
    <row r="2753" spans="1:53" x14ac:dyDescent="0.4">
      <c r="A2753">
        <v>2797</v>
      </c>
      <c r="B2753" s="1">
        <v>43718</v>
      </c>
      <c r="C2753">
        <v>2</v>
      </c>
      <c r="D2753" s="1">
        <v>43718.452777777777</v>
      </c>
      <c r="E2753" s="1">
        <v>43718.739583333336</v>
      </c>
      <c r="F2753">
        <v>15500</v>
      </c>
      <c r="G2753">
        <v>0</v>
      </c>
      <c r="H2753">
        <v>200</v>
      </c>
      <c r="I2753">
        <v>0</v>
      </c>
      <c r="J2753">
        <v>0</v>
      </c>
      <c r="K2753">
        <v>0</v>
      </c>
      <c r="L2753">
        <v>0</v>
      </c>
      <c r="M2753">
        <v>1256</v>
      </c>
      <c r="N2753">
        <v>0</v>
      </c>
      <c r="O2753">
        <v>0</v>
      </c>
      <c r="P2753">
        <v>11340</v>
      </c>
      <c r="Q2753">
        <v>0</v>
      </c>
      <c r="R2753">
        <v>28296</v>
      </c>
      <c r="S2753">
        <v>0</v>
      </c>
      <c r="T2753">
        <v>0</v>
      </c>
      <c r="U2753">
        <v>0</v>
      </c>
      <c r="V2753">
        <v>0</v>
      </c>
      <c r="W2753">
        <v>1</v>
      </c>
      <c r="X2753">
        <v>0</v>
      </c>
      <c r="Y2753">
        <v>52</v>
      </c>
      <c r="Z2753">
        <v>13</v>
      </c>
      <c r="AA2753">
        <v>101</v>
      </c>
      <c r="AB2753">
        <v>47</v>
      </c>
      <c r="AC2753">
        <v>203</v>
      </c>
      <c r="AD2753">
        <v>51</v>
      </c>
      <c r="AE2753">
        <v>61</v>
      </c>
      <c r="AF2753">
        <v>0</v>
      </c>
      <c r="AG2753">
        <v>78296</v>
      </c>
      <c r="AH2753">
        <v>50000</v>
      </c>
      <c r="AI2753">
        <v>0</v>
      </c>
      <c r="AJ2753">
        <v>97</v>
      </c>
      <c r="AK2753" t="s">
        <v>33</v>
      </c>
      <c r="AL2753">
        <v>0</v>
      </c>
      <c r="AM2753">
        <v>0</v>
      </c>
      <c r="AN2753">
        <v>0</v>
      </c>
      <c r="AO2753">
        <v>0</v>
      </c>
      <c r="AP2753">
        <v>0</v>
      </c>
      <c r="AQ2753">
        <v>0</v>
      </c>
      <c r="AR2753">
        <v>0</v>
      </c>
      <c r="AS2753">
        <v>0</v>
      </c>
      <c r="AT2753">
        <v>0</v>
      </c>
      <c r="AU2753">
        <v>0</v>
      </c>
      <c r="AV2753">
        <v>0</v>
      </c>
      <c r="AW2753">
        <v>0</v>
      </c>
      <c r="AX2753">
        <v>43</v>
      </c>
      <c r="AY2753">
        <v>35</v>
      </c>
      <c r="AZ2753">
        <v>52</v>
      </c>
      <c r="BA2753">
        <v>4806</v>
      </c>
    </row>
    <row r="2754" spans="1:53" x14ac:dyDescent="0.4">
      <c r="A2754">
        <v>2798</v>
      </c>
      <c r="B2754" s="1">
        <v>43718</v>
      </c>
      <c r="C2754">
        <v>3</v>
      </c>
      <c r="D2754" s="1">
        <v>43718.739583333336</v>
      </c>
      <c r="E2754" s="1">
        <v>43718.95</v>
      </c>
      <c r="F2754">
        <v>30660</v>
      </c>
      <c r="G2754">
        <v>3540</v>
      </c>
      <c r="H2754">
        <v>0</v>
      </c>
      <c r="I2754">
        <v>0</v>
      </c>
      <c r="J2754">
        <v>0</v>
      </c>
      <c r="K2754">
        <v>0</v>
      </c>
      <c r="L2754">
        <v>0</v>
      </c>
      <c r="M2754">
        <v>2736</v>
      </c>
      <c r="N2754">
        <v>0</v>
      </c>
      <c r="O2754">
        <v>0</v>
      </c>
      <c r="P2754">
        <v>-8748</v>
      </c>
      <c r="Q2754">
        <v>0</v>
      </c>
      <c r="R2754">
        <v>28188</v>
      </c>
      <c r="S2754">
        <v>0</v>
      </c>
      <c r="T2754">
        <v>0</v>
      </c>
      <c r="U2754">
        <v>0</v>
      </c>
      <c r="V2754">
        <v>2</v>
      </c>
      <c r="W2754">
        <v>0</v>
      </c>
      <c r="X2754">
        <v>0</v>
      </c>
      <c r="Y2754">
        <v>64</v>
      </c>
      <c r="Z2754">
        <v>12</v>
      </c>
      <c r="AA2754">
        <v>98</v>
      </c>
      <c r="AB2754">
        <v>48</v>
      </c>
      <c r="AC2754">
        <v>207</v>
      </c>
      <c r="AD2754">
        <v>52</v>
      </c>
      <c r="AE2754">
        <v>53</v>
      </c>
      <c r="AF2754">
        <v>1901</v>
      </c>
      <c r="AG2754">
        <v>106484</v>
      </c>
      <c r="AH2754">
        <v>50000</v>
      </c>
      <c r="AI2754">
        <v>0</v>
      </c>
      <c r="AJ2754">
        <v>98</v>
      </c>
      <c r="AK2754" t="s">
        <v>35</v>
      </c>
      <c r="AL2754">
        <v>0</v>
      </c>
      <c r="AM2754">
        <v>0</v>
      </c>
      <c r="AN2754">
        <v>0</v>
      </c>
      <c r="AO2754">
        <v>0</v>
      </c>
      <c r="AP2754">
        <v>0</v>
      </c>
      <c r="AQ2754">
        <v>0</v>
      </c>
      <c r="AR2754">
        <v>0</v>
      </c>
      <c r="AS2754">
        <v>0</v>
      </c>
      <c r="AT2754">
        <v>0</v>
      </c>
      <c r="AU2754">
        <v>0</v>
      </c>
      <c r="AV2754">
        <v>0</v>
      </c>
      <c r="AW2754">
        <v>0</v>
      </c>
      <c r="AX2754">
        <v>12420</v>
      </c>
      <c r="AY2754">
        <v>13</v>
      </c>
      <c r="AZ2754">
        <v>33</v>
      </c>
      <c r="BA2754">
        <v>2532</v>
      </c>
    </row>
    <row r="2755" spans="1:53" x14ac:dyDescent="0.4">
      <c r="A2755">
        <v>2799</v>
      </c>
      <c r="B2755" s="1">
        <v>43718</v>
      </c>
      <c r="C2755">
        <v>4</v>
      </c>
      <c r="D2755" s="1">
        <v>43718.95</v>
      </c>
      <c r="E2755" s="1">
        <v>43719.120833333334</v>
      </c>
      <c r="F2755">
        <v>19400</v>
      </c>
      <c r="G2755">
        <v>0</v>
      </c>
      <c r="H2755">
        <v>200</v>
      </c>
      <c r="I2755">
        <v>0</v>
      </c>
      <c r="J2755">
        <v>0</v>
      </c>
      <c r="K2755">
        <v>0</v>
      </c>
      <c r="L2755">
        <v>0</v>
      </c>
      <c r="M2755">
        <v>1568</v>
      </c>
      <c r="N2755">
        <v>0</v>
      </c>
      <c r="O2755">
        <v>0</v>
      </c>
      <c r="P2755">
        <v>2052</v>
      </c>
      <c r="Q2755">
        <v>0</v>
      </c>
      <c r="R2755">
        <v>23220</v>
      </c>
      <c r="S2755">
        <v>0</v>
      </c>
      <c r="T2755">
        <v>0</v>
      </c>
      <c r="U2755">
        <v>0</v>
      </c>
      <c r="V2755">
        <v>4</v>
      </c>
      <c r="W2755">
        <v>0</v>
      </c>
      <c r="X2755">
        <v>0</v>
      </c>
      <c r="Y2755">
        <v>66</v>
      </c>
      <c r="Z2755">
        <v>11</v>
      </c>
      <c r="AA2755">
        <v>100</v>
      </c>
      <c r="AB2755">
        <v>49</v>
      </c>
      <c r="AC2755">
        <v>213</v>
      </c>
      <c r="AD2755">
        <v>53</v>
      </c>
      <c r="AE2755">
        <v>54</v>
      </c>
      <c r="AF2755">
        <v>3305</v>
      </c>
      <c r="AG2755">
        <v>129704</v>
      </c>
      <c r="AH2755">
        <v>50000</v>
      </c>
      <c r="AI2755">
        <v>0</v>
      </c>
      <c r="AJ2755">
        <v>100</v>
      </c>
      <c r="AK2755" t="s">
        <v>0</v>
      </c>
      <c r="AL2755">
        <v>0</v>
      </c>
      <c r="AM2755">
        <v>0</v>
      </c>
      <c r="AN2755">
        <v>0</v>
      </c>
      <c r="AO2755">
        <v>0</v>
      </c>
      <c r="AP2755">
        <v>0</v>
      </c>
      <c r="AQ2755">
        <v>0</v>
      </c>
      <c r="AR2755">
        <v>0</v>
      </c>
      <c r="AS2755">
        <v>0</v>
      </c>
      <c r="AT2755">
        <v>0</v>
      </c>
      <c r="AU2755">
        <v>0</v>
      </c>
      <c r="AV2755">
        <v>0</v>
      </c>
      <c r="AW2755">
        <v>0</v>
      </c>
      <c r="AX2755">
        <v>940</v>
      </c>
      <c r="AY2755">
        <v>2</v>
      </c>
      <c r="AZ2755">
        <v>3</v>
      </c>
      <c r="BA2755">
        <v>546</v>
      </c>
    </row>
    <row r="2756" spans="1:53" x14ac:dyDescent="0.4">
      <c r="A2756">
        <v>2800</v>
      </c>
      <c r="B2756" s="1">
        <v>43719</v>
      </c>
      <c r="C2756">
        <v>1</v>
      </c>
      <c r="D2756" s="1">
        <v>43719.291666666664</v>
      </c>
      <c r="E2756" s="1">
        <v>43719.441666666666</v>
      </c>
      <c r="F2756">
        <v>0</v>
      </c>
      <c r="G2756">
        <v>0</v>
      </c>
      <c r="H2756">
        <v>0</v>
      </c>
      <c r="I2756">
        <v>0</v>
      </c>
      <c r="J2756">
        <v>0</v>
      </c>
      <c r="K2756">
        <v>0</v>
      </c>
      <c r="L2756">
        <v>0</v>
      </c>
      <c r="M2756">
        <v>0</v>
      </c>
      <c r="N2756">
        <v>0</v>
      </c>
      <c r="O2756">
        <v>0</v>
      </c>
      <c r="P2756">
        <v>0</v>
      </c>
      <c r="Q2756">
        <v>0</v>
      </c>
      <c r="R2756">
        <v>0</v>
      </c>
      <c r="S2756">
        <v>0</v>
      </c>
      <c r="T2756">
        <v>0</v>
      </c>
      <c r="U2756">
        <v>0</v>
      </c>
      <c r="V2756">
        <v>0</v>
      </c>
      <c r="W2756">
        <v>0</v>
      </c>
      <c r="X2756">
        <v>0</v>
      </c>
      <c r="Y2756">
        <v>31</v>
      </c>
      <c r="Z2756">
        <v>11</v>
      </c>
      <c r="AA2756">
        <v>97</v>
      </c>
      <c r="AB2756">
        <v>48</v>
      </c>
      <c r="AC2756">
        <v>109</v>
      </c>
      <c r="AD2756">
        <v>52</v>
      </c>
      <c r="AE2756">
        <v>50</v>
      </c>
      <c r="AF2756">
        <v>0</v>
      </c>
      <c r="AG2756">
        <v>50000</v>
      </c>
      <c r="AH2756">
        <v>50000</v>
      </c>
      <c r="AI2756">
        <v>0</v>
      </c>
      <c r="AJ2756">
        <v>0</v>
      </c>
      <c r="AK2756" t="s">
        <v>6</v>
      </c>
      <c r="AL2756">
        <v>0</v>
      </c>
      <c r="AM2756">
        <v>0</v>
      </c>
      <c r="AN2756">
        <v>0</v>
      </c>
      <c r="AO2756">
        <v>0</v>
      </c>
      <c r="AP2756">
        <v>0</v>
      </c>
      <c r="AQ2756">
        <v>0</v>
      </c>
      <c r="AR2756">
        <v>0</v>
      </c>
      <c r="AS2756">
        <v>0</v>
      </c>
      <c r="AT2756">
        <v>0</v>
      </c>
      <c r="AU2756">
        <v>0</v>
      </c>
      <c r="AV2756">
        <v>0</v>
      </c>
      <c r="AW2756">
        <v>0</v>
      </c>
      <c r="AX2756">
        <v>0</v>
      </c>
      <c r="AY2756">
        <v>0</v>
      </c>
      <c r="AZ2756">
        <v>0</v>
      </c>
      <c r="BA2756">
        <v>0</v>
      </c>
    </row>
    <row r="2757" spans="1:53" x14ac:dyDescent="0.4">
      <c r="A2757">
        <v>2801</v>
      </c>
      <c r="B2757" s="1">
        <v>43719</v>
      </c>
      <c r="C2757">
        <v>2</v>
      </c>
      <c r="D2757" s="1">
        <v>43719.441666666666</v>
      </c>
      <c r="E2757" s="1">
        <v>43719.744444444441</v>
      </c>
      <c r="F2757">
        <v>24000</v>
      </c>
      <c r="G2757">
        <v>920</v>
      </c>
      <c r="H2757">
        <v>200</v>
      </c>
      <c r="I2757">
        <v>0</v>
      </c>
      <c r="J2757">
        <v>0</v>
      </c>
      <c r="K2757">
        <v>0</v>
      </c>
      <c r="L2757">
        <v>0</v>
      </c>
      <c r="M2757">
        <v>2010</v>
      </c>
      <c r="N2757">
        <v>0</v>
      </c>
      <c r="O2757">
        <v>0</v>
      </c>
      <c r="P2757">
        <v>17820</v>
      </c>
      <c r="Q2757">
        <v>0</v>
      </c>
      <c r="R2757">
        <v>44950</v>
      </c>
      <c r="S2757">
        <v>0</v>
      </c>
      <c r="T2757">
        <v>0</v>
      </c>
      <c r="U2757">
        <v>0</v>
      </c>
      <c r="V2757">
        <v>1</v>
      </c>
      <c r="W2757">
        <v>0</v>
      </c>
      <c r="X2757">
        <v>0</v>
      </c>
      <c r="Y2757">
        <v>61</v>
      </c>
      <c r="Z2757">
        <v>25</v>
      </c>
      <c r="AA2757">
        <v>68</v>
      </c>
      <c r="AB2757">
        <v>48</v>
      </c>
      <c r="AC2757">
        <v>141</v>
      </c>
      <c r="AD2757">
        <v>51</v>
      </c>
      <c r="AE2757">
        <v>45</v>
      </c>
      <c r="AF2757">
        <v>540</v>
      </c>
      <c r="AG2757">
        <v>94950</v>
      </c>
      <c r="AH2757">
        <v>50000</v>
      </c>
      <c r="AI2757">
        <v>0</v>
      </c>
      <c r="AJ2757">
        <v>97</v>
      </c>
      <c r="AK2757" t="s">
        <v>33</v>
      </c>
      <c r="AL2757">
        <v>0</v>
      </c>
      <c r="AM2757">
        <v>0</v>
      </c>
      <c r="AN2757">
        <v>0</v>
      </c>
      <c r="AO2757">
        <v>0</v>
      </c>
      <c r="AP2757">
        <v>0</v>
      </c>
      <c r="AQ2757">
        <v>0</v>
      </c>
      <c r="AR2757">
        <v>0</v>
      </c>
      <c r="AS2757">
        <v>0</v>
      </c>
      <c r="AT2757">
        <v>0</v>
      </c>
      <c r="AU2757">
        <v>0</v>
      </c>
      <c r="AV2757">
        <v>0</v>
      </c>
      <c r="AW2757">
        <v>0</v>
      </c>
      <c r="AX2757">
        <v>-2117</v>
      </c>
      <c r="AY2757">
        <v>41</v>
      </c>
      <c r="AZ2757">
        <v>78</v>
      </c>
      <c r="BA2757">
        <v>5402</v>
      </c>
    </row>
    <row r="2758" spans="1:53" x14ac:dyDescent="0.4">
      <c r="A2758">
        <v>2802</v>
      </c>
      <c r="B2758" s="1">
        <v>43719</v>
      </c>
      <c r="C2758">
        <v>3</v>
      </c>
      <c r="D2758" s="1">
        <v>43719.744444444441</v>
      </c>
      <c r="E2758" s="1">
        <v>43719.955555555556</v>
      </c>
      <c r="F2758">
        <v>56500</v>
      </c>
      <c r="G2758">
        <v>2260</v>
      </c>
      <c r="H2758">
        <v>0</v>
      </c>
      <c r="I2758">
        <v>0</v>
      </c>
      <c r="J2758">
        <v>0</v>
      </c>
      <c r="K2758">
        <v>0</v>
      </c>
      <c r="L2758">
        <v>0</v>
      </c>
      <c r="M2758">
        <v>4701</v>
      </c>
      <c r="N2758">
        <v>0</v>
      </c>
      <c r="O2758">
        <v>0</v>
      </c>
      <c r="P2758">
        <v>-17820</v>
      </c>
      <c r="Q2758">
        <v>0</v>
      </c>
      <c r="R2758">
        <v>45641</v>
      </c>
      <c r="S2758">
        <v>0</v>
      </c>
      <c r="T2758">
        <v>0</v>
      </c>
      <c r="U2758">
        <v>0</v>
      </c>
      <c r="V2758">
        <v>2</v>
      </c>
      <c r="W2758">
        <v>3</v>
      </c>
      <c r="X2758">
        <v>0</v>
      </c>
      <c r="Y2758">
        <v>77</v>
      </c>
      <c r="Z2758">
        <v>25</v>
      </c>
      <c r="AA2758">
        <v>59</v>
      </c>
      <c r="AB2758">
        <v>50</v>
      </c>
      <c r="AC2758">
        <v>146</v>
      </c>
      <c r="AD2758">
        <v>49</v>
      </c>
      <c r="AE2758">
        <v>46</v>
      </c>
      <c r="AF2758">
        <v>5940</v>
      </c>
      <c r="AG2758">
        <v>140591</v>
      </c>
      <c r="AH2758">
        <v>50000</v>
      </c>
      <c r="AI2758">
        <v>0</v>
      </c>
      <c r="AJ2758">
        <v>100</v>
      </c>
      <c r="AK2758" t="s">
        <v>0</v>
      </c>
      <c r="AL2758">
        <v>0</v>
      </c>
      <c r="AM2758">
        <v>0</v>
      </c>
      <c r="AN2758">
        <v>0</v>
      </c>
      <c r="AO2758">
        <v>0</v>
      </c>
      <c r="AP2758">
        <v>0</v>
      </c>
      <c r="AQ2758">
        <v>0</v>
      </c>
      <c r="AR2758">
        <v>0</v>
      </c>
      <c r="AS2758">
        <v>0</v>
      </c>
      <c r="AT2758">
        <v>0</v>
      </c>
      <c r="AU2758">
        <v>0</v>
      </c>
      <c r="AV2758">
        <v>0</v>
      </c>
      <c r="AW2758">
        <v>0</v>
      </c>
      <c r="AX2758">
        <v>12658</v>
      </c>
      <c r="AY2758">
        <v>15</v>
      </c>
      <c r="AZ2758">
        <v>42</v>
      </c>
      <c r="BA2758">
        <v>3099</v>
      </c>
    </row>
    <row r="2759" spans="1:53" x14ac:dyDescent="0.4">
      <c r="A2759">
        <v>2803</v>
      </c>
      <c r="B2759" s="1">
        <v>43719</v>
      </c>
      <c r="C2759">
        <v>4</v>
      </c>
      <c r="D2759" s="1">
        <v>43719.955555555556</v>
      </c>
      <c r="E2759" s="1">
        <v>43720.089583333334</v>
      </c>
      <c r="F2759">
        <v>20660</v>
      </c>
      <c r="G2759">
        <v>950</v>
      </c>
      <c r="H2759">
        <v>400</v>
      </c>
      <c r="I2759">
        <v>0</v>
      </c>
      <c r="J2759">
        <v>0</v>
      </c>
      <c r="K2759">
        <v>0</v>
      </c>
      <c r="L2759">
        <v>0</v>
      </c>
      <c r="M2759">
        <v>1761</v>
      </c>
      <c r="N2759">
        <v>0</v>
      </c>
      <c r="O2759">
        <v>0</v>
      </c>
      <c r="P2759">
        <v>6480</v>
      </c>
      <c r="Q2759">
        <v>0</v>
      </c>
      <c r="R2759">
        <v>30251</v>
      </c>
      <c r="S2759">
        <v>0</v>
      </c>
      <c r="T2759">
        <v>0</v>
      </c>
      <c r="U2759">
        <v>0</v>
      </c>
      <c r="V2759">
        <v>4</v>
      </c>
      <c r="W2759">
        <v>3</v>
      </c>
      <c r="X2759">
        <v>0</v>
      </c>
      <c r="Y2759">
        <v>87</v>
      </c>
      <c r="Z2759">
        <v>25</v>
      </c>
      <c r="AA2759">
        <v>59</v>
      </c>
      <c r="AB2759">
        <v>50</v>
      </c>
      <c r="AC2759">
        <v>150</v>
      </c>
      <c r="AD2759">
        <v>48</v>
      </c>
      <c r="AE2759">
        <v>47</v>
      </c>
      <c r="AF2759">
        <v>6156</v>
      </c>
      <c r="AG2759">
        <v>170843</v>
      </c>
      <c r="AH2759">
        <v>50000</v>
      </c>
      <c r="AI2759">
        <v>1</v>
      </c>
      <c r="AJ2759">
        <v>108</v>
      </c>
      <c r="AK2759" t="s">
        <v>30</v>
      </c>
      <c r="AL2759">
        <v>0</v>
      </c>
      <c r="AM2759">
        <v>0</v>
      </c>
      <c r="AN2759">
        <v>0</v>
      </c>
      <c r="AO2759">
        <v>0</v>
      </c>
      <c r="AP2759">
        <v>0</v>
      </c>
      <c r="AQ2759">
        <v>0</v>
      </c>
      <c r="AR2759">
        <v>0</v>
      </c>
      <c r="AS2759">
        <v>0</v>
      </c>
      <c r="AT2759">
        <v>0</v>
      </c>
      <c r="AU2759">
        <v>0</v>
      </c>
      <c r="AV2759">
        <v>0</v>
      </c>
      <c r="AW2759">
        <v>0</v>
      </c>
      <c r="AX2759">
        <v>4320</v>
      </c>
      <c r="AY2759">
        <v>4</v>
      </c>
      <c r="AZ2759">
        <v>9</v>
      </c>
      <c r="BA2759">
        <v>861</v>
      </c>
    </row>
    <row r="2760" spans="1:53" x14ac:dyDescent="0.4">
      <c r="A2760">
        <v>2804</v>
      </c>
      <c r="B2760" s="1">
        <v>43720</v>
      </c>
      <c r="C2760">
        <v>1</v>
      </c>
      <c r="D2760" s="1">
        <v>43720.291666666664</v>
      </c>
      <c r="E2760" s="1">
        <v>43720.453472222223</v>
      </c>
      <c r="F2760">
        <v>0</v>
      </c>
      <c r="G2760">
        <v>0</v>
      </c>
      <c r="H2760">
        <v>0</v>
      </c>
      <c r="I2760">
        <v>0</v>
      </c>
      <c r="J2760">
        <v>0</v>
      </c>
      <c r="K2760">
        <v>0</v>
      </c>
      <c r="L2760">
        <v>0</v>
      </c>
      <c r="M2760">
        <v>0</v>
      </c>
      <c r="N2760">
        <v>0</v>
      </c>
      <c r="O2760">
        <v>0</v>
      </c>
      <c r="P2760">
        <v>0</v>
      </c>
      <c r="Q2760">
        <v>0</v>
      </c>
      <c r="R2760">
        <v>0</v>
      </c>
      <c r="S2760">
        <v>0</v>
      </c>
      <c r="T2760">
        <v>0</v>
      </c>
      <c r="U2760">
        <v>0</v>
      </c>
      <c r="V2760">
        <v>0</v>
      </c>
      <c r="W2760">
        <v>1</v>
      </c>
      <c r="X2760">
        <v>0</v>
      </c>
      <c r="Y2760">
        <v>22</v>
      </c>
      <c r="Z2760">
        <v>25</v>
      </c>
      <c r="AA2760">
        <v>62</v>
      </c>
      <c r="AB2760">
        <v>50</v>
      </c>
      <c r="AC2760">
        <v>152</v>
      </c>
      <c r="AD2760">
        <v>47</v>
      </c>
      <c r="AE2760">
        <v>45</v>
      </c>
      <c r="AF2760">
        <v>0</v>
      </c>
      <c r="AG2760">
        <v>50000</v>
      </c>
      <c r="AH2760">
        <v>0</v>
      </c>
      <c r="AI2760">
        <v>50000</v>
      </c>
      <c r="AJ2760">
        <v>0</v>
      </c>
      <c r="AK2760" t="s">
        <v>6</v>
      </c>
      <c r="AL2760">
        <v>0</v>
      </c>
      <c r="AM2760">
        <v>0</v>
      </c>
      <c r="AN2760">
        <v>0</v>
      </c>
      <c r="AO2760">
        <v>0</v>
      </c>
      <c r="AP2760">
        <v>0</v>
      </c>
      <c r="AQ2760">
        <v>0</v>
      </c>
      <c r="AR2760">
        <v>0</v>
      </c>
      <c r="AS2760">
        <v>0</v>
      </c>
      <c r="AT2760">
        <v>0</v>
      </c>
      <c r="AU2760">
        <v>0</v>
      </c>
      <c r="AV2760">
        <v>0</v>
      </c>
      <c r="AW2760">
        <v>0</v>
      </c>
      <c r="AX2760">
        <v>0</v>
      </c>
      <c r="AY2760">
        <v>0</v>
      </c>
      <c r="AZ2760">
        <v>0</v>
      </c>
      <c r="BA2760">
        <v>0</v>
      </c>
    </row>
    <row r="2761" spans="1:53" x14ac:dyDescent="0.4">
      <c r="A2761">
        <v>2805</v>
      </c>
      <c r="B2761" s="1">
        <v>43720</v>
      </c>
      <c r="C2761">
        <v>2</v>
      </c>
      <c r="D2761" s="1">
        <v>43720.453472222223</v>
      </c>
      <c r="E2761" s="1">
        <v>43720.759027777778</v>
      </c>
      <c r="F2761">
        <v>18500</v>
      </c>
      <c r="G2761">
        <v>0</v>
      </c>
      <c r="H2761">
        <v>200</v>
      </c>
      <c r="I2761">
        <v>0</v>
      </c>
      <c r="J2761">
        <v>0</v>
      </c>
      <c r="K2761">
        <v>0</v>
      </c>
      <c r="L2761">
        <v>0</v>
      </c>
      <c r="M2761">
        <v>1496</v>
      </c>
      <c r="N2761">
        <v>0</v>
      </c>
      <c r="O2761">
        <v>0</v>
      </c>
      <c r="P2761">
        <v>17820</v>
      </c>
      <c r="Q2761">
        <v>0</v>
      </c>
      <c r="R2761">
        <v>38016</v>
      </c>
      <c r="S2761">
        <v>0</v>
      </c>
      <c r="T2761">
        <v>0</v>
      </c>
      <c r="U2761">
        <v>0</v>
      </c>
      <c r="V2761">
        <v>2</v>
      </c>
      <c r="W2761">
        <v>1</v>
      </c>
      <c r="X2761">
        <v>0</v>
      </c>
      <c r="Y2761">
        <v>37</v>
      </c>
      <c r="Z2761">
        <v>31</v>
      </c>
      <c r="AA2761">
        <v>52</v>
      </c>
      <c r="AB2761">
        <v>48</v>
      </c>
      <c r="AC2761">
        <v>209</v>
      </c>
      <c r="AD2761">
        <v>48</v>
      </c>
      <c r="AE2761">
        <v>46</v>
      </c>
      <c r="AF2761">
        <v>540</v>
      </c>
      <c r="AG2761">
        <v>88016</v>
      </c>
      <c r="AH2761">
        <v>50000</v>
      </c>
      <c r="AI2761">
        <v>0</v>
      </c>
      <c r="AJ2761">
        <v>98</v>
      </c>
      <c r="AK2761" t="s">
        <v>35</v>
      </c>
      <c r="AL2761">
        <v>0</v>
      </c>
      <c r="AM2761">
        <v>0</v>
      </c>
      <c r="AN2761">
        <v>0</v>
      </c>
      <c r="AO2761">
        <v>0</v>
      </c>
      <c r="AP2761">
        <v>0</v>
      </c>
      <c r="AQ2761">
        <v>0</v>
      </c>
      <c r="AR2761">
        <v>0</v>
      </c>
      <c r="AS2761">
        <v>0</v>
      </c>
      <c r="AT2761">
        <v>0</v>
      </c>
      <c r="AU2761">
        <v>0</v>
      </c>
      <c r="AV2761">
        <v>0</v>
      </c>
      <c r="AW2761">
        <v>0</v>
      </c>
      <c r="AX2761">
        <v>302</v>
      </c>
      <c r="AY2761">
        <v>40</v>
      </c>
      <c r="AZ2761">
        <v>66</v>
      </c>
      <c r="BA2761">
        <v>5171</v>
      </c>
    </row>
    <row r="2762" spans="1:53" x14ac:dyDescent="0.4">
      <c r="A2762">
        <v>2806</v>
      </c>
      <c r="B2762" s="1">
        <v>43720</v>
      </c>
      <c r="C2762">
        <v>3</v>
      </c>
      <c r="D2762" s="1">
        <v>43720.759027777778</v>
      </c>
      <c r="E2762" s="1">
        <v>43720.95208333333</v>
      </c>
      <c r="F2762">
        <v>19500</v>
      </c>
      <c r="G2762">
        <v>280</v>
      </c>
      <c r="H2762">
        <v>0</v>
      </c>
      <c r="I2762">
        <v>0</v>
      </c>
      <c r="J2762">
        <v>0</v>
      </c>
      <c r="K2762">
        <v>0</v>
      </c>
      <c r="L2762">
        <v>0</v>
      </c>
      <c r="M2762">
        <v>1582</v>
      </c>
      <c r="N2762">
        <v>0</v>
      </c>
      <c r="O2762">
        <v>0</v>
      </c>
      <c r="P2762">
        <v>-11340</v>
      </c>
      <c r="Q2762">
        <v>0</v>
      </c>
      <c r="R2762">
        <v>10022</v>
      </c>
      <c r="S2762">
        <v>0</v>
      </c>
      <c r="T2762">
        <v>0</v>
      </c>
      <c r="U2762">
        <v>0</v>
      </c>
      <c r="V2762">
        <v>2</v>
      </c>
      <c r="W2762">
        <v>1</v>
      </c>
      <c r="X2762">
        <v>0</v>
      </c>
      <c r="Y2762">
        <v>44</v>
      </c>
      <c r="Z2762">
        <v>37</v>
      </c>
      <c r="AA2762">
        <v>50</v>
      </c>
      <c r="AB2762">
        <v>49</v>
      </c>
      <c r="AC2762">
        <v>226</v>
      </c>
      <c r="AD2762">
        <v>48</v>
      </c>
      <c r="AE2762">
        <v>48</v>
      </c>
      <c r="AF2762">
        <v>540</v>
      </c>
      <c r="AG2762">
        <v>98038</v>
      </c>
      <c r="AH2762">
        <v>50000</v>
      </c>
      <c r="AI2762">
        <v>0</v>
      </c>
      <c r="AJ2762">
        <v>98</v>
      </c>
      <c r="AK2762" t="s">
        <v>35</v>
      </c>
      <c r="AL2762">
        <v>0</v>
      </c>
      <c r="AM2762">
        <v>0</v>
      </c>
      <c r="AN2762">
        <v>0</v>
      </c>
      <c r="AO2762">
        <v>0</v>
      </c>
      <c r="AP2762">
        <v>0</v>
      </c>
      <c r="AQ2762">
        <v>0</v>
      </c>
      <c r="AR2762">
        <v>0</v>
      </c>
      <c r="AS2762">
        <v>0</v>
      </c>
      <c r="AT2762">
        <v>0</v>
      </c>
      <c r="AU2762">
        <v>0</v>
      </c>
      <c r="AV2762">
        <v>0</v>
      </c>
      <c r="AW2762">
        <v>0</v>
      </c>
      <c r="AX2762">
        <v>17118</v>
      </c>
      <c r="AY2762">
        <v>11</v>
      </c>
      <c r="AZ2762">
        <v>26</v>
      </c>
      <c r="BA2762">
        <v>2431</v>
      </c>
    </row>
    <row r="2763" spans="1:53" x14ac:dyDescent="0.4">
      <c r="A2763">
        <v>2807</v>
      </c>
      <c r="B2763" s="1">
        <v>43721</v>
      </c>
      <c r="C2763">
        <v>1</v>
      </c>
      <c r="D2763" s="1">
        <v>43721.291666666664</v>
      </c>
      <c r="E2763" s="1">
        <v>43721.455555555556</v>
      </c>
      <c r="F2763">
        <v>0</v>
      </c>
      <c r="G2763">
        <v>0</v>
      </c>
      <c r="H2763">
        <v>0</v>
      </c>
      <c r="I2763">
        <v>0</v>
      </c>
      <c r="J2763">
        <v>0</v>
      </c>
      <c r="K2763">
        <v>0</v>
      </c>
      <c r="L2763">
        <v>0</v>
      </c>
      <c r="M2763">
        <v>0</v>
      </c>
      <c r="N2763">
        <v>0</v>
      </c>
      <c r="O2763">
        <v>0</v>
      </c>
      <c r="P2763">
        <v>0</v>
      </c>
      <c r="Q2763">
        <v>0</v>
      </c>
      <c r="R2763">
        <v>0</v>
      </c>
      <c r="S2763">
        <v>0</v>
      </c>
      <c r="T2763">
        <v>0</v>
      </c>
      <c r="U2763">
        <v>0</v>
      </c>
      <c r="V2763">
        <v>0</v>
      </c>
      <c r="W2763">
        <v>1</v>
      </c>
      <c r="X2763">
        <v>0</v>
      </c>
      <c r="Y2763">
        <v>19</v>
      </c>
      <c r="Z2763">
        <v>34</v>
      </c>
      <c r="AA2763">
        <v>41</v>
      </c>
      <c r="AB2763">
        <v>50</v>
      </c>
      <c r="AC2763">
        <v>213</v>
      </c>
      <c r="AD2763">
        <v>45</v>
      </c>
      <c r="AE2763">
        <v>45</v>
      </c>
      <c r="AF2763">
        <v>0</v>
      </c>
      <c r="AG2763">
        <v>50000</v>
      </c>
      <c r="AH2763">
        <v>0</v>
      </c>
      <c r="AI2763">
        <v>50000</v>
      </c>
      <c r="AJ2763">
        <v>0</v>
      </c>
      <c r="AK2763" t="s">
        <v>6</v>
      </c>
      <c r="AL2763">
        <v>0</v>
      </c>
      <c r="AM2763">
        <v>0</v>
      </c>
      <c r="AN2763">
        <v>0</v>
      </c>
      <c r="AO2763">
        <v>0</v>
      </c>
      <c r="AP2763">
        <v>0</v>
      </c>
      <c r="AQ2763">
        <v>0</v>
      </c>
      <c r="AR2763">
        <v>0</v>
      </c>
      <c r="AS2763">
        <v>0</v>
      </c>
      <c r="AT2763">
        <v>0</v>
      </c>
      <c r="AU2763">
        <v>0</v>
      </c>
      <c r="AV2763">
        <v>0</v>
      </c>
      <c r="AW2763">
        <v>0</v>
      </c>
      <c r="AX2763">
        <v>0</v>
      </c>
      <c r="AY2763">
        <v>0</v>
      </c>
      <c r="AZ2763">
        <v>0</v>
      </c>
      <c r="BA2763">
        <v>0</v>
      </c>
    </row>
    <row r="2764" spans="1:53" x14ac:dyDescent="0.4">
      <c r="A2764">
        <v>2808</v>
      </c>
      <c r="B2764" s="1">
        <v>43721</v>
      </c>
      <c r="C2764">
        <v>2</v>
      </c>
      <c r="D2764" s="1">
        <v>43721.455555555556</v>
      </c>
      <c r="E2764" s="1">
        <v>43721.759027777778</v>
      </c>
      <c r="F2764">
        <v>24500</v>
      </c>
      <c r="G2764">
        <v>400</v>
      </c>
      <c r="H2764">
        <v>200</v>
      </c>
      <c r="I2764">
        <v>0</v>
      </c>
      <c r="J2764">
        <v>0</v>
      </c>
      <c r="K2764">
        <v>0</v>
      </c>
      <c r="L2764">
        <v>0</v>
      </c>
      <c r="M2764">
        <v>2008</v>
      </c>
      <c r="N2764">
        <v>0</v>
      </c>
      <c r="O2764">
        <v>0</v>
      </c>
      <c r="P2764">
        <v>13500</v>
      </c>
      <c r="Q2764">
        <v>0</v>
      </c>
      <c r="R2764">
        <v>40608</v>
      </c>
      <c r="S2764">
        <v>0</v>
      </c>
      <c r="T2764">
        <v>0</v>
      </c>
      <c r="U2764">
        <v>0</v>
      </c>
      <c r="V2764">
        <v>3</v>
      </c>
      <c r="W2764">
        <v>0</v>
      </c>
      <c r="X2764">
        <v>0</v>
      </c>
      <c r="Y2764">
        <v>28</v>
      </c>
      <c r="Z2764">
        <v>38</v>
      </c>
      <c r="AA2764">
        <v>76</v>
      </c>
      <c r="AB2764">
        <v>54</v>
      </c>
      <c r="AC2764">
        <v>301</v>
      </c>
      <c r="AD2764">
        <v>48</v>
      </c>
      <c r="AE2764">
        <v>58</v>
      </c>
      <c r="AF2764">
        <v>0</v>
      </c>
      <c r="AG2764">
        <v>90608</v>
      </c>
      <c r="AH2764">
        <v>50000</v>
      </c>
      <c r="AI2764">
        <v>0</v>
      </c>
      <c r="AJ2764">
        <v>100</v>
      </c>
      <c r="AK2764" t="s">
        <v>0</v>
      </c>
      <c r="AL2764">
        <v>0</v>
      </c>
      <c r="AM2764">
        <v>0</v>
      </c>
      <c r="AN2764">
        <v>0</v>
      </c>
      <c r="AO2764">
        <v>0</v>
      </c>
      <c r="AP2764">
        <v>0</v>
      </c>
      <c r="AQ2764">
        <v>0</v>
      </c>
      <c r="AR2764">
        <v>0</v>
      </c>
      <c r="AS2764">
        <v>0</v>
      </c>
      <c r="AT2764">
        <v>0</v>
      </c>
      <c r="AU2764">
        <v>0</v>
      </c>
      <c r="AV2764">
        <v>0</v>
      </c>
      <c r="AW2764">
        <v>0</v>
      </c>
      <c r="AX2764">
        <v>0</v>
      </c>
      <c r="AY2764">
        <v>38</v>
      </c>
      <c r="AZ2764">
        <v>68</v>
      </c>
      <c r="BA2764">
        <v>5382</v>
      </c>
    </row>
    <row r="2765" spans="1:53" x14ac:dyDescent="0.4">
      <c r="A2765">
        <v>2809</v>
      </c>
      <c r="B2765" s="1">
        <v>43722</v>
      </c>
      <c r="C2765">
        <v>1</v>
      </c>
      <c r="D2765" s="1">
        <v>43722.291666666664</v>
      </c>
      <c r="E2765" s="1">
        <v>43722.402083333334</v>
      </c>
      <c r="F2765">
        <v>0</v>
      </c>
      <c r="G2765">
        <v>0</v>
      </c>
      <c r="H2765">
        <v>0</v>
      </c>
      <c r="I2765">
        <v>0</v>
      </c>
      <c r="J2765">
        <v>0</v>
      </c>
      <c r="K2765">
        <v>0</v>
      </c>
      <c r="L2765">
        <v>0</v>
      </c>
      <c r="M2765">
        <v>0</v>
      </c>
      <c r="N2765">
        <v>0</v>
      </c>
      <c r="O2765">
        <v>0</v>
      </c>
      <c r="P2765">
        <v>0</v>
      </c>
      <c r="Q2765">
        <v>0</v>
      </c>
      <c r="R2765">
        <v>0</v>
      </c>
      <c r="S2765">
        <v>0</v>
      </c>
      <c r="T2765">
        <v>0</v>
      </c>
      <c r="U2765">
        <v>0</v>
      </c>
      <c r="V2765">
        <v>0</v>
      </c>
      <c r="W2765">
        <v>0</v>
      </c>
      <c r="X2765">
        <v>0</v>
      </c>
      <c r="Y2765">
        <v>37</v>
      </c>
      <c r="Z2765">
        <v>9</v>
      </c>
      <c r="AA2765">
        <v>56</v>
      </c>
      <c r="AB2765">
        <v>32</v>
      </c>
      <c r="AC2765">
        <v>105</v>
      </c>
      <c r="AD2765">
        <v>43</v>
      </c>
      <c r="AE2765">
        <v>35</v>
      </c>
      <c r="AF2765">
        <v>0</v>
      </c>
      <c r="AG2765">
        <v>50000</v>
      </c>
      <c r="AH2765">
        <v>50000</v>
      </c>
      <c r="AI2765">
        <v>0</v>
      </c>
      <c r="AJ2765">
        <v>0</v>
      </c>
      <c r="AK2765" t="s">
        <v>6</v>
      </c>
      <c r="AL2765">
        <v>0</v>
      </c>
      <c r="AM2765">
        <v>0</v>
      </c>
      <c r="AN2765">
        <v>0</v>
      </c>
      <c r="AO2765">
        <v>0</v>
      </c>
      <c r="AP2765">
        <v>0</v>
      </c>
      <c r="AQ2765">
        <v>0</v>
      </c>
      <c r="AR2765">
        <v>0</v>
      </c>
      <c r="AS2765">
        <v>0</v>
      </c>
      <c r="AT2765">
        <v>0</v>
      </c>
      <c r="AU2765">
        <v>0</v>
      </c>
      <c r="AV2765">
        <v>0</v>
      </c>
      <c r="AW2765">
        <v>0</v>
      </c>
      <c r="AX2765">
        <v>0</v>
      </c>
      <c r="AY2765">
        <v>0</v>
      </c>
      <c r="AZ2765">
        <v>0</v>
      </c>
      <c r="BA2765">
        <v>0</v>
      </c>
    </row>
    <row r="2766" spans="1:53" x14ac:dyDescent="0.4">
      <c r="A2766">
        <v>2810</v>
      </c>
      <c r="B2766" s="1">
        <v>43722</v>
      </c>
      <c r="C2766">
        <v>2</v>
      </c>
      <c r="D2766" s="1">
        <v>43722.402083333334</v>
      </c>
      <c r="E2766" s="1">
        <v>43722.73333333333</v>
      </c>
      <c r="F2766">
        <v>39250</v>
      </c>
      <c r="G2766">
        <v>1240</v>
      </c>
      <c r="H2766">
        <v>400</v>
      </c>
      <c r="I2766">
        <v>0</v>
      </c>
      <c r="J2766">
        <v>0</v>
      </c>
      <c r="K2766">
        <v>0</v>
      </c>
      <c r="L2766">
        <v>0</v>
      </c>
      <c r="M2766">
        <v>3271</v>
      </c>
      <c r="N2766">
        <v>0</v>
      </c>
      <c r="O2766">
        <v>0</v>
      </c>
      <c r="P2766">
        <v>22680</v>
      </c>
      <c r="Q2766">
        <v>0</v>
      </c>
      <c r="R2766">
        <v>66841</v>
      </c>
      <c r="S2766">
        <v>0</v>
      </c>
      <c r="T2766">
        <v>0</v>
      </c>
      <c r="U2766">
        <v>0</v>
      </c>
      <c r="V2766">
        <v>3</v>
      </c>
      <c r="W2766">
        <v>1</v>
      </c>
      <c r="X2766">
        <v>0</v>
      </c>
      <c r="Y2766">
        <v>56</v>
      </c>
      <c r="Z2766">
        <v>29</v>
      </c>
      <c r="AA2766">
        <v>76</v>
      </c>
      <c r="AB2766">
        <v>38</v>
      </c>
      <c r="AC2766">
        <v>155</v>
      </c>
      <c r="AD2766">
        <v>48</v>
      </c>
      <c r="AE2766">
        <v>51</v>
      </c>
      <c r="AF2766">
        <v>0</v>
      </c>
      <c r="AG2766">
        <v>116841</v>
      </c>
      <c r="AH2766">
        <v>50000</v>
      </c>
      <c r="AI2766">
        <v>0</v>
      </c>
      <c r="AJ2766">
        <v>97</v>
      </c>
      <c r="AK2766" t="s">
        <v>33</v>
      </c>
      <c r="AL2766">
        <v>0</v>
      </c>
      <c r="AM2766">
        <v>0</v>
      </c>
      <c r="AN2766">
        <v>0</v>
      </c>
      <c r="AO2766">
        <v>0</v>
      </c>
      <c r="AP2766">
        <v>0</v>
      </c>
      <c r="AQ2766">
        <v>0</v>
      </c>
      <c r="AR2766">
        <v>0</v>
      </c>
      <c r="AS2766">
        <v>0</v>
      </c>
      <c r="AT2766">
        <v>0</v>
      </c>
      <c r="AU2766">
        <v>0</v>
      </c>
      <c r="AV2766">
        <v>0</v>
      </c>
      <c r="AW2766">
        <v>0</v>
      </c>
      <c r="AX2766">
        <v>-5400</v>
      </c>
      <c r="AY2766">
        <v>50</v>
      </c>
      <c r="AZ2766">
        <v>114</v>
      </c>
      <c r="BA2766">
        <v>7146</v>
      </c>
    </row>
    <row r="2767" spans="1:53" x14ac:dyDescent="0.4">
      <c r="A2767">
        <v>2811</v>
      </c>
      <c r="B2767" s="1">
        <v>43723</v>
      </c>
      <c r="C2767">
        <v>1</v>
      </c>
      <c r="D2767" s="1">
        <v>43723.291666666664</v>
      </c>
      <c r="E2767" s="1">
        <v>43723.40902777778</v>
      </c>
      <c r="F2767">
        <v>0</v>
      </c>
      <c r="G2767">
        <v>0</v>
      </c>
      <c r="H2767">
        <v>0</v>
      </c>
      <c r="I2767">
        <v>0</v>
      </c>
      <c r="J2767">
        <v>0</v>
      </c>
      <c r="K2767">
        <v>0</v>
      </c>
      <c r="L2767">
        <v>0</v>
      </c>
      <c r="M2767">
        <v>0</v>
      </c>
      <c r="N2767">
        <v>0</v>
      </c>
      <c r="O2767">
        <v>0</v>
      </c>
      <c r="P2767">
        <v>0</v>
      </c>
      <c r="Q2767">
        <v>0</v>
      </c>
      <c r="R2767">
        <v>0</v>
      </c>
      <c r="S2767">
        <v>0</v>
      </c>
      <c r="T2767">
        <v>0</v>
      </c>
      <c r="U2767">
        <v>0</v>
      </c>
      <c r="V2767">
        <v>0</v>
      </c>
      <c r="W2767">
        <v>0</v>
      </c>
      <c r="X2767">
        <v>0</v>
      </c>
      <c r="Y2767">
        <v>38</v>
      </c>
      <c r="Z2767">
        <v>10</v>
      </c>
      <c r="AA2767">
        <v>48</v>
      </c>
      <c r="AB2767">
        <v>27</v>
      </c>
      <c r="AC2767">
        <v>62</v>
      </c>
      <c r="AD2767">
        <v>42</v>
      </c>
      <c r="AE2767">
        <v>20</v>
      </c>
      <c r="AF2767">
        <v>0</v>
      </c>
      <c r="AG2767">
        <v>50000</v>
      </c>
      <c r="AH2767">
        <v>50000</v>
      </c>
      <c r="AI2767">
        <v>0</v>
      </c>
      <c r="AJ2767">
        <v>0</v>
      </c>
      <c r="AK2767" t="s">
        <v>6</v>
      </c>
      <c r="AL2767">
        <v>0</v>
      </c>
      <c r="AM2767">
        <v>0</v>
      </c>
      <c r="AN2767">
        <v>0</v>
      </c>
      <c r="AO2767">
        <v>0</v>
      </c>
      <c r="AP2767">
        <v>0</v>
      </c>
      <c r="AQ2767">
        <v>0</v>
      </c>
      <c r="AR2767">
        <v>0</v>
      </c>
      <c r="AS2767">
        <v>0</v>
      </c>
      <c r="AT2767">
        <v>0</v>
      </c>
      <c r="AU2767">
        <v>0</v>
      </c>
      <c r="AV2767">
        <v>0</v>
      </c>
      <c r="AW2767">
        <v>0</v>
      </c>
      <c r="AX2767">
        <v>0</v>
      </c>
      <c r="AY2767">
        <v>0</v>
      </c>
      <c r="AZ2767">
        <v>0</v>
      </c>
      <c r="BA2767">
        <v>0</v>
      </c>
    </row>
    <row r="2768" spans="1:53" x14ac:dyDescent="0.4">
      <c r="A2768">
        <v>2812</v>
      </c>
      <c r="B2768" s="1">
        <v>43723</v>
      </c>
      <c r="C2768">
        <v>2</v>
      </c>
      <c r="D2768" s="1">
        <v>43723.40902777778</v>
      </c>
      <c r="E2768" s="1">
        <v>43723.732638888891</v>
      </c>
      <c r="F2768">
        <v>43500</v>
      </c>
      <c r="G2768">
        <v>2440</v>
      </c>
      <c r="H2768">
        <v>200</v>
      </c>
      <c r="I2768">
        <v>0</v>
      </c>
      <c r="J2768">
        <v>0</v>
      </c>
      <c r="K2768">
        <v>0</v>
      </c>
      <c r="L2768">
        <v>0</v>
      </c>
      <c r="M2768">
        <v>3690</v>
      </c>
      <c r="N2768">
        <v>0</v>
      </c>
      <c r="O2768">
        <v>0</v>
      </c>
      <c r="P2768">
        <v>21600</v>
      </c>
      <c r="Q2768">
        <v>0</v>
      </c>
      <c r="R2768">
        <v>71430</v>
      </c>
      <c r="S2768">
        <v>0</v>
      </c>
      <c r="T2768">
        <v>0</v>
      </c>
      <c r="U2768">
        <v>0</v>
      </c>
      <c r="V2768">
        <v>0</v>
      </c>
      <c r="W2768">
        <v>2</v>
      </c>
      <c r="X2768">
        <v>0</v>
      </c>
      <c r="Y2768">
        <v>83</v>
      </c>
      <c r="Z2768">
        <v>37</v>
      </c>
      <c r="AA2768">
        <v>67</v>
      </c>
      <c r="AB2768">
        <v>29</v>
      </c>
      <c r="AC2768">
        <v>154</v>
      </c>
      <c r="AD2768">
        <v>43</v>
      </c>
      <c r="AE2768">
        <v>25</v>
      </c>
      <c r="AF2768">
        <v>0</v>
      </c>
      <c r="AG2768">
        <v>121430</v>
      </c>
      <c r="AH2768">
        <v>50000</v>
      </c>
      <c r="AI2768">
        <v>0</v>
      </c>
      <c r="AJ2768">
        <v>93</v>
      </c>
      <c r="AK2768" t="s">
        <v>20</v>
      </c>
      <c r="AL2768">
        <v>0</v>
      </c>
      <c r="AM2768">
        <v>0</v>
      </c>
      <c r="AN2768">
        <v>0</v>
      </c>
      <c r="AO2768">
        <v>0</v>
      </c>
      <c r="AP2768">
        <v>0</v>
      </c>
      <c r="AQ2768">
        <v>0</v>
      </c>
      <c r="AR2768">
        <v>0</v>
      </c>
      <c r="AS2768">
        <v>0</v>
      </c>
      <c r="AT2768">
        <v>0</v>
      </c>
      <c r="AU2768">
        <v>0</v>
      </c>
      <c r="AV2768">
        <v>0</v>
      </c>
      <c r="AW2768">
        <v>0</v>
      </c>
      <c r="AX2768">
        <v>-497</v>
      </c>
      <c r="AY2768">
        <v>53</v>
      </c>
      <c r="AZ2768">
        <v>120</v>
      </c>
      <c r="BA2768">
        <v>8020</v>
      </c>
    </row>
    <row r="2769" spans="1:53" x14ac:dyDescent="0.4">
      <c r="A2769">
        <v>2813</v>
      </c>
      <c r="B2769" s="1">
        <v>43724</v>
      </c>
      <c r="C2769">
        <v>1</v>
      </c>
      <c r="D2769" s="1">
        <v>43724.291666666664</v>
      </c>
      <c r="E2769" s="1">
        <v>43724.413194444445</v>
      </c>
      <c r="F2769">
        <v>0</v>
      </c>
      <c r="G2769">
        <v>0</v>
      </c>
      <c r="H2769">
        <v>0</v>
      </c>
      <c r="I2769">
        <v>0</v>
      </c>
      <c r="J2769">
        <v>0</v>
      </c>
      <c r="K2769">
        <v>0</v>
      </c>
      <c r="L2769">
        <v>0</v>
      </c>
      <c r="M2769">
        <v>0</v>
      </c>
      <c r="N2769">
        <v>0</v>
      </c>
      <c r="O2769">
        <v>0</v>
      </c>
      <c r="P2769">
        <v>0</v>
      </c>
      <c r="Q2769">
        <v>0</v>
      </c>
      <c r="R2769">
        <v>0</v>
      </c>
      <c r="S2769">
        <v>0</v>
      </c>
      <c r="T2769">
        <v>0</v>
      </c>
      <c r="U2769">
        <v>0</v>
      </c>
      <c r="V2769">
        <v>0</v>
      </c>
      <c r="W2769">
        <v>0</v>
      </c>
      <c r="X2769">
        <v>0</v>
      </c>
      <c r="Y2769">
        <v>37</v>
      </c>
      <c r="Z2769">
        <v>10</v>
      </c>
      <c r="AA2769">
        <v>57</v>
      </c>
      <c r="AB2769">
        <v>28</v>
      </c>
      <c r="AC2769">
        <v>65</v>
      </c>
      <c r="AD2769">
        <v>39</v>
      </c>
      <c r="AE2769">
        <v>55</v>
      </c>
      <c r="AF2769">
        <v>0</v>
      </c>
      <c r="AG2769">
        <v>50000</v>
      </c>
      <c r="AH2769">
        <v>0</v>
      </c>
      <c r="AI2769">
        <v>50000</v>
      </c>
      <c r="AJ2769">
        <v>0</v>
      </c>
      <c r="AK2769" t="s">
        <v>6</v>
      </c>
      <c r="AL2769">
        <v>0</v>
      </c>
      <c r="AM2769">
        <v>0</v>
      </c>
      <c r="AN2769">
        <v>0</v>
      </c>
      <c r="AO2769">
        <v>0</v>
      </c>
      <c r="AP2769">
        <v>0</v>
      </c>
      <c r="AQ2769">
        <v>0</v>
      </c>
      <c r="AR2769">
        <v>0</v>
      </c>
      <c r="AS2769">
        <v>0</v>
      </c>
      <c r="AT2769">
        <v>0</v>
      </c>
      <c r="AU2769">
        <v>0</v>
      </c>
      <c r="AV2769">
        <v>0</v>
      </c>
      <c r="AW2769">
        <v>0</v>
      </c>
      <c r="AX2769">
        <v>0</v>
      </c>
      <c r="AY2769">
        <v>0</v>
      </c>
      <c r="AZ2769">
        <v>0</v>
      </c>
      <c r="BA2769">
        <v>0</v>
      </c>
    </row>
    <row r="2770" spans="1:53" x14ac:dyDescent="0.4">
      <c r="A2770">
        <v>2814</v>
      </c>
      <c r="B2770" s="1">
        <v>43724</v>
      </c>
      <c r="C2770">
        <v>2</v>
      </c>
      <c r="D2770" s="1">
        <v>43724.413194444445</v>
      </c>
      <c r="E2770" s="1">
        <v>43724.731249999997</v>
      </c>
      <c r="F2770">
        <v>48500</v>
      </c>
      <c r="G2770">
        <v>5160</v>
      </c>
      <c r="H2770">
        <v>200</v>
      </c>
      <c r="I2770">
        <v>0</v>
      </c>
      <c r="J2770">
        <v>0</v>
      </c>
      <c r="K2770">
        <v>0</v>
      </c>
      <c r="L2770">
        <v>0</v>
      </c>
      <c r="M2770">
        <v>4307</v>
      </c>
      <c r="N2770">
        <v>0</v>
      </c>
      <c r="O2770">
        <v>0</v>
      </c>
      <c r="P2770">
        <v>25920</v>
      </c>
      <c r="Q2770">
        <v>0</v>
      </c>
      <c r="R2770">
        <v>84087</v>
      </c>
      <c r="S2770">
        <v>0</v>
      </c>
      <c r="T2770">
        <v>0</v>
      </c>
      <c r="U2770">
        <v>0</v>
      </c>
      <c r="V2770">
        <v>3</v>
      </c>
      <c r="W2770">
        <v>1</v>
      </c>
      <c r="X2770">
        <v>0</v>
      </c>
      <c r="Y2770">
        <v>73</v>
      </c>
      <c r="Z2770">
        <v>33</v>
      </c>
      <c r="AA2770">
        <v>62</v>
      </c>
      <c r="AB2770">
        <v>31</v>
      </c>
      <c r="AC2770">
        <v>155</v>
      </c>
      <c r="AD2770">
        <v>44</v>
      </c>
      <c r="AE2770">
        <v>67</v>
      </c>
      <c r="AF2770">
        <v>0</v>
      </c>
      <c r="AG2770">
        <v>134087</v>
      </c>
      <c r="AH2770">
        <v>50000</v>
      </c>
      <c r="AI2770">
        <v>0</v>
      </c>
      <c r="AJ2770">
        <v>96</v>
      </c>
      <c r="AK2770" t="s">
        <v>4</v>
      </c>
      <c r="AL2770">
        <v>0</v>
      </c>
      <c r="AM2770">
        <v>0</v>
      </c>
      <c r="AN2770">
        <v>0</v>
      </c>
      <c r="AO2770">
        <v>0</v>
      </c>
      <c r="AP2770">
        <v>0</v>
      </c>
      <c r="AQ2770">
        <v>0</v>
      </c>
      <c r="AR2770">
        <v>0</v>
      </c>
      <c r="AS2770">
        <v>0</v>
      </c>
      <c r="AT2770">
        <v>0</v>
      </c>
      <c r="AU2770">
        <v>0</v>
      </c>
      <c r="AV2770">
        <v>0</v>
      </c>
      <c r="AW2770">
        <v>0</v>
      </c>
      <c r="AX2770">
        <v>-691</v>
      </c>
      <c r="AY2770">
        <v>55</v>
      </c>
      <c r="AZ2770">
        <v>140</v>
      </c>
      <c r="BA2770">
        <v>7582</v>
      </c>
    </row>
    <row r="2771" spans="1:53" x14ac:dyDescent="0.4">
      <c r="A2771">
        <v>2815</v>
      </c>
      <c r="B2771" s="1">
        <v>43724</v>
      </c>
      <c r="C2771">
        <v>3</v>
      </c>
      <c r="D2771" s="1">
        <v>43724.731249999997</v>
      </c>
      <c r="E2771" s="1">
        <v>43724.957638888889</v>
      </c>
      <c r="F2771">
        <v>39250</v>
      </c>
      <c r="G2771">
        <v>1900</v>
      </c>
      <c r="H2771">
        <v>0</v>
      </c>
      <c r="I2771">
        <v>0</v>
      </c>
      <c r="J2771">
        <v>0</v>
      </c>
      <c r="K2771">
        <v>0</v>
      </c>
      <c r="L2771">
        <v>0</v>
      </c>
      <c r="M2771">
        <v>3292</v>
      </c>
      <c r="N2771">
        <v>0</v>
      </c>
      <c r="O2771">
        <v>0</v>
      </c>
      <c r="P2771">
        <v>-19440</v>
      </c>
      <c r="Q2771">
        <v>0</v>
      </c>
      <c r="R2771">
        <v>25002</v>
      </c>
      <c r="S2771">
        <v>0</v>
      </c>
      <c r="T2771">
        <v>0</v>
      </c>
      <c r="U2771">
        <v>0</v>
      </c>
      <c r="V2771">
        <v>5</v>
      </c>
      <c r="W2771">
        <v>1</v>
      </c>
      <c r="X2771">
        <v>0</v>
      </c>
      <c r="Y2771">
        <v>78</v>
      </c>
      <c r="Z2771">
        <v>32</v>
      </c>
      <c r="AA2771">
        <v>62</v>
      </c>
      <c r="AB2771">
        <v>30</v>
      </c>
      <c r="AC2771">
        <v>156</v>
      </c>
      <c r="AD2771">
        <v>44</v>
      </c>
      <c r="AE2771">
        <v>69</v>
      </c>
      <c r="AF2771">
        <v>540</v>
      </c>
      <c r="AG2771">
        <v>159089</v>
      </c>
      <c r="AH2771">
        <v>50000</v>
      </c>
      <c r="AI2771">
        <v>0</v>
      </c>
      <c r="AJ2771">
        <v>100</v>
      </c>
      <c r="AK2771" t="s">
        <v>0</v>
      </c>
      <c r="AL2771">
        <v>0</v>
      </c>
      <c r="AM2771">
        <v>0</v>
      </c>
      <c r="AN2771">
        <v>0</v>
      </c>
      <c r="AO2771">
        <v>0</v>
      </c>
      <c r="AP2771">
        <v>0</v>
      </c>
      <c r="AQ2771">
        <v>0</v>
      </c>
      <c r="AR2771">
        <v>0</v>
      </c>
      <c r="AS2771">
        <v>0</v>
      </c>
      <c r="AT2771">
        <v>0</v>
      </c>
      <c r="AU2771">
        <v>0</v>
      </c>
      <c r="AV2771">
        <v>0</v>
      </c>
      <c r="AW2771">
        <v>0</v>
      </c>
      <c r="AX2771">
        <v>29268</v>
      </c>
      <c r="AY2771">
        <v>10</v>
      </c>
      <c r="AZ2771">
        <v>38</v>
      </c>
      <c r="BA2771">
        <v>3229</v>
      </c>
    </row>
    <row r="2772" spans="1:53" x14ac:dyDescent="0.4">
      <c r="A2772">
        <v>2816</v>
      </c>
      <c r="B2772" s="1">
        <v>43725</v>
      </c>
      <c r="C2772">
        <v>1</v>
      </c>
      <c r="D2772" s="1">
        <v>43725.291666666664</v>
      </c>
      <c r="E2772" s="1">
        <v>43725.45208333333</v>
      </c>
      <c r="F2772">
        <v>0</v>
      </c>
      <c r="G2772">
        <v>0</v>
      </c>
      <c r="H2772">
        <v>0</v>
      </c>
      <c r="I2772">
        <v>0</v>
      </c>
      <c r="J2772">
        <v>0</v>
      </c>
      <c r="K2772">
        <v>0</v>
      </c>
      <c r="L2772">
        <v>0</v>
      </c>
      <c r="M2772">
        <v>0</v>
      </c>
      <c r="N2772">
        <v>0</v>
      </c>
      <c r="O2772">
        <v>0</v>
      </c>
      <c r="P2772">
        <v>0</v>
      </c>
      <c r="Q2772">
        <v>0</v>
      </c>
      <c r="R2772">
        <v>0</v>
      </c>
      <c r="S2772">
        <v>0</v>
      </c>
      <c r="T2772">
        <v>0</v>
      </c>
      <c r="U2772">
        <v>0</v>
      </c>
      <c r="V2772">
        <v>0</v>
      </c>
      <c r="W2772">
        <v>0</v>
      </c>
      <c r="X2772">
        <v>0</v>
      </c>
      <c r="Y2772">
        <v>36</v>
      </c>
      <c r="Z2772">
        <v>10</v>
      </c>
      <c r="AA2772">
        <v>62</v>
      </c>
      <c r="AB2772">
        <v>30</v>
      </c>
      <c r="AC2772">
        <v>102</v>
      </c>
      <c r="AD2772">
        <v>45</v>
      </c>
      <c r="AE2772">
        <v>65</v>
      </c>
      <c r="AF2772">
        <v>0</v>
      </c>
      <c r="AG2772">
        <v>50010</v>
      </c>
      <c r="AH2772">
        <v>50000</v>
      </c>
      <c r="AI2772">
        <v>10</v>
      </c>
      <c r="AJ2772">
        <v>0</v>
      </c>
      <c r="AK2772" t="s">
        <v>6</v>
      </c>
      <c r="AL2772">
        <v>0</v>
      </c>
      <c r="AM2772">
        <v>0</v>
      </c>
      <c r="AN2772">
        <v>0</v>
      </c>
      <c r="AO2772">
        <v>0</v>
      </c>
      <c r="AP2772">
        <v>0</v>
      </c>
      <c r="AQ2772">
        <v>0</v>
      </c>
      <c r="AR2772">
        <v>0</v>
      </c>
      <c r="AS2772">
        <v>0</v>
      </c>
      <c r="AT2772">
        <v>0</v>
      </c>
      <c r="AU2772">
        <v>0</v>
      </c>
      <c r="AV2772">
        <v>0</v>
      </c>
      <c r="AW2772">
        <v>0</v>
      </c>
      <c r="AX2772">
        <v>0</v>
      </c>
      <c r="AY2772">
        <v>0</v>
      </c>
      <c r="AZ2772">
        <v>0</v>
      </c>
      <c r="BA2772">
        <v>0</v>
      </c>
    </row>
    <row r="2773" spans="1:53" x14ac:dyDescent="0.4">
      <c r="A2773">
        <v>2817</v>
      </c>
      <c r="B2773" s="1">
        <v>43725</v>
      </c>
      <c r="C2773">
        <v>2</v>
      </c>
      <c r="D2773" s="1">
        <v>43725.45208333333</v>
      </c>
      <c r="E2773" s="1">
        <v>43725.749305555553</v>
      </c>
      <c r="F2773">
        <v>19500</v>
      </c>
      <c r="G2773">
        <v>0</v>
      </c>
      <c r="H2773">
        <v>200</v>
      </c>
      <c r="I2773">
        <v>0</v>
      </c>
      <c r="J2773">
        <v>0</v>
      </c>
      <c r="K2773">
        <v>0</v>
      </c>
      <c r="L2773">
        <v>0</v>
      </c>
      <c r="M2773">
        <v>1576</v>
      </c>
      <c r="N2773">
        <v>0</v>
      </c>
      <c r="O2773">
        <v>0</v>
      </c>
      <c r="P2773">
        <v>20520</v>
      </c>
      <c r="Q2773">
        <v>0</v>
      </c>
      <c r="R2773">
        <v>41796</v>
      </c>
      <c r="S2773">
        <v>0</v>
      </c>
      <c r="T2773">
        <v>0</v>
      </c>
      <c r="U2773">
        <v>0</v>
      </c>
      <c r="V2773">
        <v>3</v>
      </c>
      <c r="W2773">
        <v>0</v>
      </c>
      <c r="X2773">
        <v>0</v>
      </c>
      <c r="Y2773">
        <v>43</v>
      </c>
      <c r="Z2773">
        <v>21</v>
      </c>
      <c r="AA2773">
        <v>51</v>
      </c>
      <c r="AB2773">
        <v>31</v>
      </c>
      <c r="AC2773">
        <v>133</v>
      </c>
      <c r="AD2773">
        <v>49</v>
      </c>
      <c r="AE2773">
        <v>71</v>
      </c>
      <c r="AF2773">
        <v>0</v>
      </c>
      <c r="AG2773">
        <v>91796</v>
      </c>
      <c r="AH2773">
        <v>50000</v>
      </c>
      <c r="AI2773">
        <v>0</v>
      </c>
      <c r="AJ2773">
        <v>97</v>
      </c>
      <c r="AK2773" t="s">
        <v>33</v>
      </c>
      <c r="AL2773">
        <v>0</v>
      </c>
      <c r="AM2773">
        <v>0</v>
      </c>
      <c r="AN2773">
        <v>0</v>
      </c>
      <c r="AO2773">
        <v>0</v>
      </c>
      <c r="AP2773">
        <v>0</v>
      </c>
      <c r="AQ2773">
        <v>0</v>
      </c>
      <c r="AR2773">
        <v>0</v>
      </c>
      <c r="AS2773">
        <v>0</v>
      </c>
      <c r="AT2773">
        <v>0</v>
      </c>
      <c r="AU2773">
        <v>0</v>
      </c>
      <c r="AV2773">
        <v>0</v>
      </c>
      <c r="AW2773">
        <v>0</v>
      </c>
      <c r="AX2773">
        <v>2246</v>
      </c>
      <c r="AY2773">
        <v>40</v>
      </c>
      <c r="AZ2773">
        <v>74</v>
      </c>
      <c r="BA2773">
        <v>5152</v>
      </c>
    </row>
    <row r="2774" spans="1:53" x14ac:dyDescent="0.4">
      <c r="A2774">
        <v>2818</v>
      </c>
      <c r="B2774" s="1">
        <v>43725</v>
      </c>
      <c r="C2774">
        <v>3</v>
      </c>
      <c r="D2774" s="1">
        <v>43725.749305555553</v>
      </c>
      <c r="E2774" s="1">
        <v>43725.949305555558</v>
      </c>
      <c r="F2774">
        <v>25300</v>
      </c>
      <c r="G2774">
        <v>4500</v>
      </c>
      <c r="H2774">
        <v>0</v>
      </c>
      <c r="I2774">
        <v>0</v>
      </c>
      <c r="J2774">
        <v>0</v>
      </c>
      <c r="K2774">
        <v>0</v>
      </c>
      <c r="L2774">
        <v>0</v>
      </c>
      <c r="M2774">
        <v>2384</v>
      </c>
      <c r="N2774">
        <v>0</v>
      </c>
      <c r="O2774">
        <v>0</v>
      </c>
      <c r="P2774">
        <v>-20520</v>
      </c>
      <c r="Q2774">
        <v>0</v>
      </c>
      <c r="R2774">
        <v>11664</v>
      </c>
      <c r="S2774">
        <v>0</v>
      </c>
      <c r="T2774">
        <v>0</v>
      </c>
      <c r="U2774">
        <v>0</v>
      </c>
      <c r="V2774">
        <v>3</v>
      </c>
      <c r="W2774">
        <v>0</v>
      </c>
      <c r="X2774">
        <v>0</v>
      </c>
      <c r="Y2774">
        <v>54</v>
      </c>
      <c r="Z2774">
        <v>22</v>
      </c>
      <c r="AA2774">
        <v>52</v>
      </c>
      <c r="AB2774">
        <v>32</v>
      </c>
      <c r="AC2774">
        <v>133</v>
      </c>
      <c r="AD2774">
        <v>50</v>
      </c>
      <c r="AE2774">
        <v>80</v>
      </c>
      <c r="AF2774">
        <v>0</v>
      </c>
      <c r="AG2774">
        <v>103460</v>
      </c>
      <c r="AH2774">
        <v>50000</v>
      </c>
      <c r="AI2774">
        <v>0</v>
      </c>
      <c r="AJ2774">
        <v>95</v>
      </c>
      <c r="AL2774">
        <v>0</v>
      </c>
      <c r="AM2774">
        <v>0</v>
      </c>
      <c r="AN2774">
        <v>0</v>
      </c>
      <c r="AO2774">
        <v>0</v>
      </c>
      <c r="AP2774">
        <v>0</v>
      </c>
      <c r="AQ2774">
        <v>0</v>
      </c>
      <c r="AR2774">
        <v>0</v>
      </c>
      <c r="AS2774">
        <v>0</v>
      </c>
      <c r="AT2774">
        <v>0</v>
      </c>
      <c r="AU2774">
        <v>0</v>
      </c>
      <c r="AV2774">
        <v>0</v>
      </c>
      <c r="AW2774">
        <v>0</v>
      </c>
      <c r="AX2774">
        <v>6296</v>
      </c>
      <c r="AY2774">
        <v>8</v>
      </c>
      <c r="AZ2774">
        <v>17</v>
      </c>
      <c r="BA2774">
        <v>2241</v>
      </c>
    </row>
    <row r="2775" spans="1:53" x14ac:dyDescent="0.4">
      <c r="A2775">
        <v>2819</v>
      </c>
      <c r="B2775" s="1">
        <v>43725</v>
      </c>
      <c r="C2775">
        <v>4</v>
      </c>
      <c r="D2775" s="1">
        <v>43725.949305555558</v>
      </c>
      <c r="E2775" s="1">
        <v>43726.107638888891</v>
      </c>
      <c r="F2775">
        <v>29760</v>
      </c>
      <c r="G2775">
        <v>1490</v>
      </c>
      <c r="H2775">
        <v>200</v>
      </c>
      <c r="I2775">
        <v>0</v>
      </c>
      <c r="J2775">
        <v>0</v>
      </c>
      <c r="K2775">
        <v>0</v>
      </c>
      <c r="L2775">
        <v>0</v>
      </c>
      <c r="M2775">
        <v>2516</v>
      </c>
      <c r="N2775">
        <v>0</v>
      </c>
      <c r="O2775">
        <v>0</v>
      </c>
      <c r="P2775">
        <v>8208</v>
      </c>
      <c r="Q2775">
        <v>0</v>
      </c>
      <c r="R2775">
        <v>42174</v>
      </c>
      <c r="S2775">
        <v>0</v>
      </c>
      <c r="T2775">
        <v>0</v>
      </c>
      <c r="U2775">
        <v>0</v>
      </c>
      <c r="V2775">
        <v>5</v>
      </c>
      <c r="W2775">
        <v>1</v>
      </c>
      <c r="X2775">
        <v>0</v>
      </c>
      <c r="Y2775">
        <v>58</v>
      </c>
      <c r="Z2775">
        <v>23</v>
      </c>
      <c r="AA2775">
        <v>52</v>
      </c>
      <c r="AB2775">
        <v>32</v>
      </c>
      <c r="AC2775">
        <v>132</v>
      </c>
      <c r="AD2775">
        <v>48</v>
      </c>
      <c r="AE2775">
        <v>73</v>
      </c>
      <c r="AF2775">
        <v>12701</v>
      </c>
      <c r="AG2775">
        <v>145634</v>
      </c>
      <c r="AH2775">
        <v>50000</v>
      </c>
      <c r="AI2775">
        <v>0</v>
      </c>
      <c r="AJ2775">
        <v>100</v>
      </c>
      <c r="AK2775" t="s">
        <v>0</v>
      </c>
      <c r="AL2775">
        <v>0</v>
      </c>
      <c r="AM2775">
        <v>0</v>
      </c>
      <c r="AN2775">
        <v>0</v>
      </c>
      <c r="AO2775">
        <v>0</v>
      </c>
      <c r="AP2775">
        <v>0</v>
      </c>
      <c r="AQ2775">
        <v>0</v>
      </c>
      <c r="AR2775">
        <v>0</v>
      </c>
      <c r="AS2775">
        <v>0</v>
      </c>
      <c r="AT2775">
        <v>0</v>
      </c>
      <c r="AU2775">
        <v>0</v>
      </c>
      <c r="AV2775">
        <v>0</v>
      </c>
      <c r="AW2775">
        <v>0</v>
      </c>
      <c r="AX2775">
        <v>1512</v>
      </c>
      <c r="AY2775">
        <v>6</v>
      </c>
      <c r="AZ2775">
        <v>23</v>
      </c>
      <c r="BA2775">
        <v>833</v>
      </c>
    </row>
    <row r="2776" spans="1:53" x14ac:dyDescent="0.4">
      <c r="A2776">
        <v>2820</v>
      </c>
      <c r="B2776" s="1">
        <v>43726</v>
      </c>
      <c r="C2776">
        <v>1</v>
      </c>
      <c r="D2776" s="1">
        <v>43726.291666666664</v>
      </c>
      <c r="E2776" s="1">
        <v>43726.445833333331</v>
      </c>
      <c r="F2776">
        <v>0</v>
      </c>
      <c r="G2776">
        <v>0</v>
      </c>
      <c r="H2776">
        <v>0</v>
      </c>
      <c r="I2776">
        <v>0</v>
      </c>
      <c r="J2776">
        <v>0</v>
      </c>
      <c r="K2776">
        <v>0</v>
      </c>
      <c r="L2776">
        <v>0</v>
      </c>
      <c r="M2776">
        <v>0</v>
      </c>
      <c r="N2776">
        <v>0</v>
      </c>
      <c r="O2776">
        <v>0</v>
      </c>
      <c r="P2776">
        <v>0</v>
      </c>
      <c r="Q2776">
        <v>0</v>
      </c>
      <c r="R2776">
        <v>0</v>
      </c>
      <c r="S2776">
        <v>0</v>
      </c>
      <c r="T2776">
        <v>0</v>
      </c>
      <c r="U2776">
        <v>0</v>
      </c>
      <c r="V2776">
        <v>0</v>
      </c>
      <c r="W2776">
        <v>1</v>
      </c>
      <c r="X2776">
        <v>0</v>
      </c>
      <c r="Y2776">
        <v>30</v>
      </c>
      <c r="Z2776">
        <v>12</v>
      </c>
      <c r="AA2776">
        <v>59</v>
      </c>
      <c r="AB2776">
        <v>30</v>
      </c>
      <c r="AC2776">
        <v>130</v>
      </c>
      <c r="AD2776">
        <v>46</v>
      </c>
      <c r="AE2776">
        <v>70</v>
      </c>
      <c r="AF2776">
        <v>0</v>
      </c>
      <c r="AG2776">
        <v>50000</v>
      </c>
      <c r="AH2776">
        <v>50000</v>
      </c>
      <c r="AI2776">
        <v>0</v>
      </c>
      <c r="AJ2776">
        <v>0</v>
      </c>
      <c r="AK2776" t="s">
        <v>6</v>
      </c>
      <c r="AL2776">
        <v>0</v>
      </c>
      <c r="AM2776">
        <v>0</v>
      </c>
      <c r="AN2776">
        <v>0</v>
      </c>
      <c r="AO2776">
        <v>0</v>
      </c>
      <c r="AP2776">
        <v>0</v>
      </c>
      <c r="AQ2776">
        <v>0</v>
      </c>
      <c r="AR2776">
        <v>0</v>
      </c>
      <c r="AS2776">
        <v>0</v>
      </c>
      <c r="AT2776">
        <v>0</v>
      </c>
      <c r="AU2776">
        <v>0</v>
      </c>
      <c r="AV2776">
        <v>0</v>
      </c>
      <c r="AW2776">
        <v>0</v>
      </c>
      <c r="AX2776">
        <v>0</v>
      </c>
      <c r="AY2776">
        <v>0</v>
      </c>
      <c r="AZ2776">
        <v>0</v>
      </c>
      <c r="BA2776">
        <v>0</v>
      </c>
    </row>
    <row r="2777" spans="1:53" x14ac:dyDescent="0.4">
      <c r="A2777">
        <v>2821</v>
      </c>
      <c r="B2777" s="1">
        <v>43726</v>
      </c>
      <c r="C2777">
        <v>2</v>
      </c>
      <c r="D2777" s="1">
        <v>43726.445833333331</v>
      </c>
      <c r="E2777" s="1">
        <v>43726.748611111114</v>
      </c>
      <c r="F2777">
        <v>12000</v>
      </c>
      <c r="G2777">
        <v>380</v>
      </c>
      <c r="H2777">
        <v>200</v>
      </c>
      <c r="I2777">
        <v>0</v>
      </c>
      <c r="J2777">
        <v>0</v>
      </c>
      <c r="K2777">
        <v>0</v>
      </c>
      <c r="L2777">
        <v>0</v>
      </c>
      <c r="M2777">
        <v>1006</v>
      </c>
      <c r="N2777">
        <v>0</v>
      </c>
      <c r="O2777">
        <v>0</v>
      </c>
      <c r="P2777">
        <v>16740</v>
      </c>
      <c r="Q2777">
        <v>0</v>
      </c>
      <c r="R2777">
        <v>30326</v>
      </c>
      <c r="S2777">
        <v>0</v>
      </c>
      <c r="T2777">
        <v>0</v>
      </c>
      <c r="U2777">
        <v>0</v>
      </c>
      <c r="V2777">
        <v>0</v>
      </c>
      <c r="W2777">
        <v>2</v>
      </c>
      <c r="X2777">
        <v>0</v>
      </c>
      <c r="Y2777">
        <v>49</v>
      </c>
      <c r="Z2777">
        <v>26</v>
      </c>
      <c r="AA2777">
        <v>44</v>
      </c>
      <c r="AB2777">
        <v>29</v>
      </c>
      <c r="AC2777">
        <v>162</v>
      </c>
      <c r="AD2777">
        <v>50</v>
      </c>
      <c r="AE2777">
        <v>76</v>
      </c>
      <c r="AF2777">
        <v>540</v>
      </c>
      <c r="AG2777">
        <v>80336</v>
      </c>
      <c r="AH2777">
        <v>50000</v>
      </c>
      <c r="AI2777">
        <v>10</v>
      </c>
      <c r="AJ2777">
        <v>107</v>
      </c>
      <c r="AK2777" t="s">
        <v>40</v>
      </c>
      <c r="AL2777">
        <v>0</v>
      </c>
      <c r="AM2777">
        <v>0</v>
      </c>
      <c r="AN2777">
        <v>0</v>
      </c>
      <c r="AO2777">
        <v>0</v>
      </c>
      <c r="AP2777">
        <v>0</v>
      </c>
      <c r="AQ2777">
        <v>0</v>
      </c>
      <c r="AR2777">
        <v>0</v>
      </c>
      <c r="AS2777">
        <v>0</v>
      </c>
      <c r="AT2777">
        <v>0</v>
      </c>
      <c r="AU2777">
        <v>0</v>
      </c>
      <c r="AV2777">
        <v>0</v>
      </c>
      <c r="AW2777">
        <v>0</v>
      </c>
      <c r="AX2777">
        <v>-1037</v>
      </c>
      <c r="AY2777">
        <v>34</v>
      </c>
      <c r="AZ2777">
        <v>54</v>
      </c>
      <c r="BA2777">
        <v>3921</v>
      </c>
    </row>
    <row r="2778" spans="1:53" x14ac:dyDescent="0.4">
      <c r="A2778">
        <v>2822</v>
      </c>
      <c r="B2778" s="1">
        <v>43726</v>
      </c>
      <c r="C2778">
        <v>3</v>
      </c>
      <c r="D2778" s="1">
        <v>43726.748611111114</v>
      </c>
      <c r="E2778" s="1">
        <v>43726.959722222222</v>
      </c>
      <c r="F2778">
        <v>26250</v>
      </c>
      <c r="G2778">
        <v>3370</v>
      </c>
      <c r="H2778">
        <v>0</v>
      </c>
      <c r="I2778">
        <v>0</v>
      </c>
      <c r="J2778">
        <v>0</v>
      </c>
      <c r="K2778">
        <v>0</v>
      </c>
      <c r="L2778">
        <v>0</v>
      </c>
      <c r="M2778">
        <v>2369</v>
      </c>
      <c r="N2778">
        <v>0</v>
      </c>
      <c r="O2778">
        <v>0</v>
      </c>
      <c r="P2778">
        <v>-16740</v>
      </c>
      <c r="Q2778">
        <v>0</v>
      </c>
      <c r="R2778">
        <v>15249</v>
      </c>
      <c r="S2778">
        <v>0</v>
      </c>
      <c r="T2778">
        <v>0</v>
      </c>
      <c r="U2778">
        <v>0</v>
      </c>
      <c r="V2778">
        <v>1</v>
      </c>
      <c r="W2778">
        <v>1</v>
      </c>
      <c r="X2778">
        <v>0</v>
      </c>
      <c r="Y2778">
        <v>57</v>
      </c>
      <c r="Z2778">
        <v>27</v>
      </c>
      <c r="AA2778">
        <v>56</v>
      </c>
      <c r="AB2778">
        <v>29</v>
      </c>
      <c r="AC2778">
        <v>161</v>
      </c>
      <c r="AD2778">
        <v>51</v>
      </c>
      <c r="AE2778">
        <v>74</v>
      </c>
      <c r="AF2778">
        <v>1086</v>
      </c>
      <c r="AG2778">
        <v>95575</v>
      </c>
      <c r="AH2778">
        <v>50000</v>
      </c>
      <c r="AI2778">
        <v>0</v>
      </c>
      <c r="AJ2778">
        <v>100</v>
      </c>
      <c r="AK2778" t="s">
        <v>0</v>
      </c>
      <c r="AL2778">
        <v>0</v>
      </c>
      <c r="AM2778">
        <v>0</v>
      </c>
      <c r="AN2778">
        <v>0</v>
      </c>
      <c r="AO2778">
        <v>0</v>
      </c>
      <c r="AP2778">
        <v>0</v>
      </c>
      <c r="AQ2778">
        <v>0</v>
      </c>
      <c r="AR2778">
        <v>0</v>
      </c>
      <c r="AS2778">
        <v>0</v>
      </c>
      <c r="AT2778">
        <v>0</v>
      </c>
      <c r="AU2778">
        <v>0</v>
      </c>
      <c r="AV2778">
        <v>0</v>
      </c>
      <c r="AW2778">
        <v>0</v>
      </c>
      <c r="AX2778">
        <v>7798</v>
      </c>
      <c r="AY2778">
        <v>12</v>
      </c>
      <c r="AZ2778">
        <v>27</v>
      </c>
      <c r="BA2778">
        <v>2635</v>
      </c>
    </row>
    <row r="2779" spans="1:53" x14ac:dyDescent="0.4">
      <c r="A2779">
        <v>2823</v>
      </c>
      <c r="B2779" s="1">
        <v>43726</v>
      </c>
      <c r="C2779">
        <v>4</v>
      </c>
      <c r="D2779" s="1">
        <v>43726.959722222222</v>
      </c>
      <c r="E2779" s="1">
        <v>43727.081250000003</v>
      </c>
      <c r="F2779">
        <v>13240</v>
      </c>
      <c r="G2779">
        <v>0</v>
      </c>
      <c r="H2779">
        <v>200</v>
      </c>
      <c r="I2779">
        <v>0</v>
      </c>
      <c r="J2779">
        <v>0</v>
      </c>
      <c r="K2779">
        <v>0</v>
      </c>
      <c r="L2779">
        <v>0</v>
      </c>
      <c r="M2779">
        <v>1075</v>
      </c>
      <c r="N2779">
        <v>0</v>
      </c>
      <c r="O2779">
        <v>0</v>
      </c>
      <c r="P2779">
        <v>6912</v>
      </c>
      <c r="Q2779">
        <v>0</v>
      </c>
      <c r="R2779">
        <v>21427</v>
      </c>
      <c r="S2779">
        <v>0</v>
      </c>
      <c r="T2779">
        <v>0</v>
      </c>
      <c r="U2779">
        <v>0</v>
      </c>
      <c r="V2779">
        <v>1</v>
      </c>
      <c r="W2779">
        <v>1</v>
      </c>
      <c r="X2779">
        <v>0</v>
      </c>
      <c r="Y2779">
        <v>73</v>
      </c>
      <c r="Z2779">
        <v>28</v>
      </c>
      <c r="AA2779">
        <v>56</v>
      </c>
      <c r="AB2779">
        <v>27</v>
      </c>
      <c r="AC2779">
        <v>157</v>
      </c>
      <c r="AD2779">
        <v>51</v>
      </c>
      <c r="AE2779">
        <v>65</v>
      </c>
      <c r="AF2779">
        <v>6162</v>
      </c>
      <c r="AG2779">
        <v>117002</v>
      </c>
      <c r="AH2779">
        <v>50000</v>
      </c>
      <c r="AI2779">
        <v>0</v>
      </c>
      <c r="AJ2779">
        <v>108</v>
      </c>
      <c r="AK2779" t="s">
        <v>30</v>
      </c>
      <c r="AL2779">
        <v>0</v>
      </c>
      <c r="AM2779">
        <v>0</v>
      </c>
      <c r="AN2779">
        <v>0</v>
      </c>
      <c r="AO2779">
        <v>0</v>
      </c>
      <c r="AP2779">
        <v>0</v>
      </c>
      <c r="AQ2779">
        <v>0</v>
      </c>
      <c r="AR2779">
        <v>0</v>
      </c>
      <c r="AS2779">
        <v>0</v>
      </c>
      <c r="AT2779">
        <v>0</v>
      </c>
      <c r="AU2779">
        <v>0</v>
      </c>
      <c r="AV2779">
        <v>0</v>
      </c>
      <c r="AW2779">
        <v>0</v>
      </c>
      <c r="AX2779">
        <v>-3672</v>
      </c>
      <c r="AY2779">
        <v>2</v>
      </c>
      <c r="AZ2779">
        <v>6</v>
      </c>
      <c r="BA2779">
        <v>352</v>
      </c>
    </row>
    <row r="2780" spans="1:53" x14ac:dyDescent="0.4">
      <c r="A2780">
        <v>2824</v>
      </c>
      <c r="B2780" s="1">
        <v>43727</v>
      </c>
      <c r="C2780">
        <v>1</v>
      </c>
      <c r="D2780" s="1">
        <v>43727.291666666664</v>
      </c>
      <c r="E2780" s="1">
        <v>43727.45208333333</v>
      </c>
      <c r="F2780">
        <v>0</v>
      </c>
      <c r="G2780">
        <v>0</v>
      </c>
      <c r="H2780">
        <v>0</v>
      </c>
      <c r="I2780">
        <v>0</v>
      </c>
      <c r="J2780">
        <v>0</v>
      </c>
      <c r="K2780">
        <v>0</v>
      </c>
      <c r="L2780">
        <v>0</v>
      </c>
      <c r="M2780">
        <v>0</v>
      </c>
      <c r="N2780">
        <v>0</v>
      </c>
      <c r="O2780">
        <v>0</v>
      </c>
      <c r="P2780">
        <v>0</v>
      </c>
      <c r="Q2780">
        <v>0</v>
      </c>
      <c r="R2780">
        <v>0</v>
      </c>
      <c r="S2780">
        <v>0</v>
      </c>
      <c r="T2780">
        <v>0</v>
      </c>
      <c r="U2780">
        <v>0</v>
      </c>
      <c r="V2780">
        <v>0</v>
      </c>
      <c r="W2780">
        <v>0</v>
      </c>
      <c r="X2780">
        <v>0</v>
      </c>
      <c r="Y2780">
        <v>36</v>
      </c>
      <c r="Z2780">
        <v>11</v>
      </c>
      <c r="AA2780">
        <v>62</v>
      </c>
      <c r="AB2780">
        <v>26</v>
      </c>
      <c r="AC2780">
        <v>68</v>
      </c>
      <c r="AD2780">
        <v>49</v>
      </c>
      <c r="AE2780">
        <v>75</v>
      </c>
      <c r="AF2780">
        <v>0</v>
      </c>
      <c r="AG2780">
        <v>50000</v>
      </c>
      <c r="AH2780">
        <v>0</v>
      </c>
      <c r="AI2780">
        <v>50000</v>
      </c>
      <c r="AJ2780">
        <v>0</v>
      </c>
      <c r="AK2780" t="s">
        <v>6</v>
      </c>
      <c r="AL2780">
        <v>0</v>
      </c>
      <c r="AM2780">
        <v>0</v>
      </c>
      <c r="AN2780">
        <v>0</v>
      </c>
      <c r="AO2780">
        <v>0</v>
      </c>
      <c r="AP2780">
        <v>0</v>
      </c>
      <c r="AQ2780">
        <v>0</v>
      </c>
      <c r="AR2780">
        <v>0</v>
      </c>
      <c r="AS2780">
        <v>0</v>
      </c>
      <c r="AT2780">
        <v>0</v>
      </c>
      <c r="AU2780">
        <v>0</v>
      </c>
      <c r="AV2780">
        <v>0</v>
      </c>
      <c r="AW2780">
        <v>0</v>
      </c>
      <c r="AX2780">
        <v>0</v>
      </c>
      <c r="AY2780">
        <v>0</v>
      </c>
      <c r="AZ2780">
        <v>0</v>
      </c>
      <c r="BA2780">
        <v>0</v>
      </c>
    </row>
    <row r="2781" spans="1:53" x14ac:dyDescent="0.4">
      <c r="A2781">
        <v>2825</v>
      </c>
      <c r="B2781" s="1">
        <v>43727</v>
      </c>
      <c r="C2781">
        <v>2</v>
      </c>
      <c r="D2781" s="1">
        <v>43727.45208333333</v>
      </c>
      <c r="E2781" s="1">
        <v>43727.744444444441</v>
      </c>
      <c r="F2781">
        <v>10000</v>
      </c>
      <c r="G2781">
        <v>820</v>
      </c>
      <c r="H2781">
        <v>200</v>
      </c>
      <c r="I2781">
        <v>0</v>
      </c>
      <c r="J2781">
        <v>0</v>
      </c>
      <c r="K2781">
        <v>0</v>
      </c>
      <c r="L2781">
        <v>0</v>
      </c>
      <c r="M2781">
        <v>881</v>
      </c>
      <c r="N2781">
        <v>0</v>
      </c>
      <c r="O2781">
        <v>0</v>
      </c>
      <c r="P2781">
        <v>14580</v>
      </c>
      <c r="Q2781">
        <v>0</v>
      </c>
      <c r="R2781">
        <v>26481</v>
      </c>
      <c r="S2781">
        <v>0</v>
      </c>
      <c r="T2781">
        <v>0</v>
      </c>
      <c r="U2781">
        <v>0</v>
      </c>
      <c r="V2781">
        <v>1</v>
      </c>
      <c r="W2781">
        <v>0</v>
      </c>
      <c r="X2781">
        <v>0</v>
      </c>
      <c r="Y2781">
        <v>41</v>
      </c>
      <c r="Z2781">
        <v>23</v>
      </c>
      <c r="AA2781">
        <v>80</v>
      </c>
      <c r="AB2781">
        <v>35</v>
      </c>
      <c r="AC2781">
        <v>119</v>
      </c>
      <c r="AD2781">
        <v>51</v>
      </c>
      <c r="AE2781">
        <v>86</v>
      </c>
      <c r="AF2781">
        <v>2700</v>
      </c>
      <c r="AG2781">
        <v>76481</v>
      </c>
      <c r="AH2781">
        <v>50000</v>
      </c>
      <c r="AI2781">
        <v>0</v>
      </c>
      <c r="AJ2781">
        <v>96</v>
      </c>
      <c r="AK2781" t="s">
        <v>4</v>
      </c>
      <c r="AL2781">
        <v>0</v>
      </c>
      <c r="AM2781">
        <v>0</v>
      </c>
      <c r="AN2781">
        <v>0</v>
      </c>
      <c r="AO2781">
        <v>0</v>
      </c>
      <c r="AP2781">
        <v>0</v>
      </c>
      <c r="AQ2781">
        <v>0</v>
      </c>
      <c r="AR2781">
        <v>0</v>
      </c>
      <c r="AS2781">
        <v>0</v>
      </c>
      <c r="AT2781">
        <v>0</v>
      </c>
      <c r="AU2781">
        <v>0</v>
      </c>
      <c r="AV2781">
        <v>0</v>
      </c>
      <c r="AW2781">
        <v>0</v>
      </c>
      <c r="AX2781">
        <v>-2160</v>
      </c>
      <c r="AY2781">
        <v>25</v>
      </c>
      <c r="AZ2781">
        <v>46</v>
      </c>
      <c r="BA2781">
        <v>2586</v>
      </c>
    </row>
    <row r="2782" spans="1:53" x14ac:dyDescent="0.4">
      <c r="A2782">
        <v>2826</v>
      </c>
      <c r="B2782" s="1">
        <v>43727</v>
      </c>
      <c r="C2782">
        <v>3</v>
      </c>
      <c r="D2782" s="1">
        <v>43727.744444444441</v>
      </c>
      <c r="E2782" s="1">
        <v>43727.951388888891</v>
      </c>
      <c r="F2782">
        <v>25180</v>
      </c>
      <c r="G2782">
        <v>0</v>
      </c>
      <c r="H2782">
        <v>0</v>
      </c>
      <c r="I2782">
        <v>0</v>
      </c>
      <c r="J2782">
        <v>0</v>
      </c>
      <c r="K2782">
        <v>0</v>
      </c>
      <c r="L2782">
        <v>0</v>
      </c>
      <c r="M2782">
        <v>2015</v>
      </c>
      <c r="N2782">
        <v>0</v>
      </c>
      <c r="O2782">
        <v>0</v>
      </c>
      <c r="P2782">
        <v>-14580</v>
      </c>
      <c r="Q2782">
        <v>0</v>
      </c>
      <c r="R2782">
        <v>12615</v>
      </c>
      <c r="S2782">
        <v>0</v>
      </c>
      <c r="T2782">
        <v>0</v>
      </c>
      <c r="U2782">
        <v>0</v>
      </c>
      <c r="V2782">
        <v>1</v>
      </c>
      <c r="W2782">
        <v>2</v>
      </c>
      <c r="X2782">
        <v>0</v>
      </c>
      <c r="Y2782">
        <v>40</v>
      </c>
      <c r="Z2782">
        <v>25</v>
      </c>
      <c r="AA2782">
        <v>88</v>
      </c>
      <c r="AB2782">
        <v>33</v>
      </c>
      <c r="AC2782">
        <v>121</v>
      </c>
      <c r="AD2782">
        <v>49</v>
      </c>
      <c r="AE2782">
        <v>90</v>
      </c>
      <c r="AF2782">
        <v>4601</v>
      </c>
      <c r="AG2782">
        <v>89096</v>
      </c>
      <c r="AH2782">
        <v>50000</v>
      </c>
      <c r="AI2782">
        <v>0</v>
      </c>
      <c r="AJ2782">
        <v>84</v>
      </c>
      <c r="AK2782" t="s">
        <v>16</v>
      </c>
      <c r="AL2782">
        <v>0</v>
      </c>
      <c r="AM2782">
        <v>0</v>
      </c>
      <c r="AN2782">
        <v>0</v>
      </c>
      <c r="AO2782">
        <v>0</v>
      </c>
      <c r="AP2782">
        <v>0</v>
      </c>
      <c r="AQ2782">
        <v>0</v>
      </c>
      <c r="AR2782">
        <v>0</v>
      </c>
      <c r="AS2782">
        <v>0</v>
      </c>
      <c r="AT2782">
        <v>0</v>
      </c>
      <c r="AU2782">
        <v>0</v>
      </c>
      <c r="AV2782">
        <v>0</v>
      </c>
      <c r="AW2782">
        <v>0</v>
      </c>
      <c r="AX2782">
        <v>17960</v>
      </c>
      <c r="AY2782">
        <v>11</v>
      </c>
      <c r="AZ2782">
        <v>27</v>
      </c>
      <c r="BA2782">
        <v>2412</v>
      </c>
    </row>
    <row r="2783" spans="1:53" x14ac:dyDescent="0.4">
      <c r="A2783">
        <v>2827</v>
      </c>
      <c r="B2783" s="1">
        <v>43727</v>
      </c>
      <c r="C2783">
        <v>4</v>
      </c>
      <c r="D2783" s="1">
        <v>43727.951388888891</v>
      </c>
      <c r="E2783" s="1">
        <v>43728.079861111109</v>
      </c>
      <c r="F2783">
        <v>25660</v>
      </c>
      <c r="G2783">
        <v>1270</v>
      </c>
      <c r="H2783">
        <v>400</v>
      </c>
      <c r="I2783">
        <v>0</v>
      </c>
      <c r="J2783">
        <v>0</v>
      </c>
      <c r="K2783">
        <v>0</v>
      </c>
      <c r="L2783">
        <v>0</v>
      </c>
      <c r="M2783">
        <v>2186</v>
      </c>
      <c r="N2783">
        <v>0</v>
      </c>
      <c r="O2783">
        <v>0</v>
      </c>
      <c r="P2783">
        <v>3456</v>
      </c>
      <c r="Q2783">
        <v>0</v>
      </c>
      <c r="R2783">
        <v>32972</v>
      </c>
      <c r="S2783">
        <v>0</v>
      </c>
      <c r="T2783">
        <v>0</v>
      </c>
      <c r="U2783">
        <v>0</v>
      </c>
      <c r="V2783">
        <v>5</v>
      </c>
      <c r="W2783">
        <v>0</v>
      </c>
      <c r="X2783">
        <v>0</v>
      </c>
      <c r="Y2783">
        <v>34</v>
      </c>
      <c r="Z2783">
        <v>24</v>
      </c>
      <c r="AA2783">
        <v>80</v>
      </c>
      <c r="AB2783">
        <v>29</v>
      </c>
      <c r="AC2783">
        <v>115</v>
      </c>
      <c r="AD2783">
        <v>51</v>
      </c>
      <c r="AE2783">
        <v>93</v>
      </c>
      <c r="AF2783">
        <v>15120</v>
      </c>
      <c r="AG2783">
        <v>122068</v>
      </c>
      <c r="AH2783">
        <v>50000</v>
      </c>
      <c r="AI2783">
        <v>0</v>
      </c>
      <c r="AJ2783">
        <v>101</v>
      </c>
      <c r="AK2783" t="s">
        <v>28</v>
      </c>
      <c r="AL2783">
        <v>0</v>
      </c>
      <c r="AM2783">
        <v>0</v>
      </c>
      <c r="AN2783">
        <v>0</v>
      </c>
      <c r="AO2783">
        <v>0</v>
      </c>
      <c r="AP2783">
        <v>0</v>
      </c>
      <c r="AQ2783">
        <v>0</v>
      </c>
      <c r="AR2783">
        <v>0</v>
      </c>
      <c r="AS2783">
        <v>0</v>
      </c>
      <c r="AT2783">
        <v>0</v>
      </c>
      <c r="AU2783">
        <v>0</v>
      </c>
      <c r="AV2783">
        <v>0</v>
      </c>
      <c r="AW2783">
        <v>0</v>
      </c>
      <c r="AX2783">
        <v>0</v>
      </c>
      <c r="AY2783">
        <v>1</v>
      </c>
      <c r="AZ2783">
        <v>2</v>
      </c>
      <c r="BA2783">
        <v>406</v>
      </c>
    </row>
    <row r="2784" spans="1:53" x14ac:dyDescent="0.4">
      <c r="A2784">
        <v>2828</v>
      </c>
      <c r="B2784" s="1">
        <v>43728</v>
      </c>
      <c r="C2784">
        <v>1</v>
      </c>
      <c r="D2784" s="1">
        <v>43728.291666666664</v>
      </c>
      <c r="E2784" s="1">
        <v>43728.452777777777</v>
      </c>
      <c r="F2784">
        <v>0</v>
      </c>
      <c r="G2784">
        <v>0</v>
      </c>
      <c r="H2784">
        <v>0</v>
      </c>
      <c r="I2784">
        <v>0</v>
      </c>
      <c r="J2784">
        <v>0</v>
      </c>
      <c r="K2784">
        <v>0</v>
      </c>
      <c r="L2784">
        <v>0</v>
      </c>
      <c r="M2784">
        <v>0</v>
      </c>
      <c r="N2784">
        <v>0</v>
      </c>
      <c r="O2784">
        <v>0</v>
      </c>
      <c r="P2784">
        <v>0</v>
      </c>
      <c r="Q2784">
        <v>0</v>
      </c>
      <c r="R2784">
        <v>0</v>
      </c>
      <c r="S2784">
        <v>0</v>
      </c>
      <c r="T2784">
        <v>0</v>
      </c>
      <c r="U2784">
        <v>0</v>
      </c>
      <c r="V2784">
        <v>0</v>
      </c>
      <c r="W2784">
        <v>0</v>
      </c>
      <c r="X2784">
        <v>0</v>
      </c>
      <c r="Y2784">
        <v>32</v>
      </c>
      <c r="Z2784">
        <v>14</v>
      </c>
      <c r="AA2784">
        <v>81</v>
      </c>
      <c r="AB2784">
        <v>28</v>
      </c>
      <c r="AC2784">
        <v>115</v>
      </c>
      <c r="AD2784">
        <v>52</v>
      </c>
      <c r="AE2784">
        <v>90</v>
      </c>
      <c r="AF2784">
        <v>0</v>
      </c>
      <c r="AG2784">
        <v>50000</v>
      </c>
      <c r="AH2784">
        <v>0</v>
      </c>
      <c r="AI2784">
        <v>50000</v>
      </c>
      <c r="AJ2784">
        <v>0</v>
      </c>
      <c r="AK2784" t="s">
        <v>6</v>
      </c>
      <c r="AL2784">
        <v>0</v>
      </c>
      <c r="AM2784">
        <v>0</v>
      </c>
      <c r="AN2784">
        <v>0</v>
      </c>
      <c r="AO2784">
        <v>0</v>
      </c>
      <c r="AP2784">
        <v>0</v>
      </c>
      <c r="AQ2784">
        <v>0</v>
      </c>
      <c r="AR2784">
        <v>0</v>
      </c>
      <c r="AS2784">
        <v>0</v>
      </c>
      <c r="AT2784">
        <v>0</v>
      </c>
      <c r="AU2784">
        <v>0</v>
      </c>
      <c r="AV2784">
        <v>0</v>
      </c>
      <c r="AW2784">
        <v>0</v>
      </c>
      <c r="AX2784">
        <v>0</v>
      </c>
      <c r="AY2784">
        <v>0</v>
      </c>
      <c r="AZ2784">
        <v>0</v>
      </c>
      <c r="BA2784">
        <v>0</v>
      </c>
    </row>
    <row r="2785" spans="1:53" x14ac:dyDescent="0.4">
      <c r="A2785">
        <v>2829</v>
      </c>
      <c r="B2785" s="1">
        <v>43728</v>
      </c>
      <c r="C2785">
        <v>2</v>
      </c>
      <c r="D2785" s="1">
        <v>43728.452777777777</v>
      </c>
      <c r="E2785" s="1">
        <v>43728.745138888888</v>
      </c>
      <c r="F2785">
        <v>16500</v>
      </c>
      <c r="G2785">
        <v>1700</v>
      </c>
      <c r="H2785">
        <v>200</v>
      </c>
      <c r="I2785">
        <v>0</v>
      </c>
      <c r="J2785">
        <v>0</v>
      </c>
      <c r="K2785">
        <v>0</v>
      </c>
      <c r="L2785">
        <v>0</v>
      </c>
      <c r="M2785">
        <v>1472</v>
      </c>
      <c r="N2785">
        <v>0</v>
      </c>
      <c r="O2785">
        <v>0</v>
      </c>
      <c r="P2785">
        <v>11880</v>
      </c>
      <c r="Q2785">
        <v>0</v>
      </c>
      <c r="R2785">
        <v>31752</v>
      </c>
      <c r="S2785">
        <v>0</v>
      </c>
      <c r="T2785">
        <v>0</v>
      </c>
      <c r="U2785">
        <v>0</v>
      </c>
      <c r="V2785">
        <v>0</v>
      </c>
      <c r="W2785">
        <v>3</v>
      </c>
      <c r="X2785">
        <v>0</v>
      </c>
      <c r="Y2785">
        <v>41</v>
      </c>
      <c r="Z2785">
        <v>25</v>
      </c>
      <c r="AA2785">
        <v>93</v>
      </c>
      <c r="AB2785">
        <v>27</v>
      </c>
      <c r="AC2785">
        <v>167</v>
      </c>
      <c r="AD2785">
        <v>58</v>
      </c>
      <c r="AE2785">
        <v>102</v>
      </c>
      <c r="AF2785">
        <v>540</v>
      </c>
      <c r="AG2785">
        <v>81752</v>
      </c>
      <c r="AH2785">
        <v>50000</v>
      </c>
      <c r="AI2785">
        <v>0</v>
      </c>
      <c r="AJ2785">
        <v>96</v>
      </c>
      <c r="AK2785" t="s">
        <v>4</v>
      </c>
      <c r="AL2785">
        <v>0</v>
      </c>
      <c r="AM2785">
        <v>0</v>
      </c>
      <c r="AN2785">
        <v>0</v>
      </c>
      <c r="AO2785">
        <v>0</v>
      </c>
      <c r="AP2785">
        <v>0</v>
      </c>
      <c r="AQ2785">
        <v>0</v>
      </c>
      <c r="AR2785">
        <v>0</v>
      </c>
      <c r="AS2785">
        <v>0</v>
      </c>
      <c r="AT2785">
        <v>0</v>
      </c>
      <c r="AU2785">
        <v>0</v>
      </c>
      <c r="AV2785">
        <v>0</v>
      </c>
      <c r="AW2785">
        <v>0</v>
      </c>
      <c r="AX2785">
        <v>-1080</v>
      </c>
      <c r="AY2785">
        <v>33</v>
      </c>
      <c r="AZ2785">
        <v>53</v>
      </c>
      <c r="BA2785">
        <v>4946</v>
      </c>
    </row>
    <row r="2786" spans="1:53" x14ac:dyDescent="0.4">
      <c r="A2786">
        <v>2830</v>
      </c>
      <c r="B2786" s="1">
        <v>43729</v>
      </c>
      <c r="C2786">
        <v>1</v>
      </c>
      <c r="D2786" s="1">
        <v>43729.291666666664</v>
      </c>
      <c r="E2786" s="1">
        <v>43729.411111111112</v>
      </c>
      <c r="F2786">
        <v>0</v>
      </c>
      <c r="G2786">
        <v>0</v>
      </c>
      <c r="H2786">
        <v>0</v>
      </c>
      <c r="I2786">
        <v>0</v>
      </c>
      <c r="J2786">
        <v>0</v>
      </c>
      <c r="K2786">
        <v>0</v>
      </c>
      <c r="L2786">
        <v>0</v>
      </c>
      <c r="M2786">
        <v>0</v>
      </c>
      <c r="N2786">
        <v>0</v>
      </c>
      <c r="O2786">
        <v>0</v>
      </c>
      <c r="P2786">
        <v>0</v>
      </c>
      <c r="Q2786">
        <v>0</v>
      </c>
      <c r="R2786">
        <v>0</v>
      </c>
      <c r="S2786">
        <v>0</v>
      </c>
      <c r="T2786">
        <v>0</v>
      </c>
      <c r="U2786">
        <v>0</v>
      </c>
      <c r="V2786">
        <v>0</v>
      </c>
      <c r="W2786">
        <v>0</v>
      </c>
      <c r="X2786">
        <v>0</v>
      </c>
      <c r="Y2786">
        <v>35</v>
      </c>
      <c r="Z2786">
        <v>10</v>
      </c>
      <c r="AA2786">
        <v>77</v>
      </c>
      <c r="AB2786">
        <v>15</v>
      </c>
      <c r="AC2786">
        <v>122</v>
      </c>
      <c r="AD2786">
        <v>49</v>
      </c>
      <c r="AE2786">
        <v>85</v>
      </c>
      <c r="AF2786">
        <v>0</v>
      </c>
      <c r="AG2786">
        <v>50000</v>
      </c>
      <c r="AH2786">
        <v>50000</v>
      </c>
      <c r="AI2786">
        <v>0</v>
      </c>
      <c r="AJ2786">
        <v>0</v>
      </c>
      <c r="AK2786" t="s">
        <v>6</v>
      </c>
      <c r="AL2786">
        <v>0</v>
      </c>
      <c r="AM2786">
        <v>0</v>
      </c>
      <c r="AN2786">
        <v>0</v>
      </c>
      <c r="AO2786">
        <v>0</v>
      </c>
      <c r="AP2786">
        <v>0</v>
      </c>
      <c r="AQ2786">
        <v>0</v>
      </c>
      <c r="AR2786">
        <v>0</v>
      </c>
      <c r="AS2786">
        <v>0</v>
      </c>
      <c r="AT2786">
        <v>0</v>
      </c>
      <c r="AU2786">
        <v>0</v>
      </c>
      <c r="AV2786">
        <v>0</v>
      </c>
      <c r="AW2786">
        <v>0</v>
      </c>
      <c r="AX2786">
        <v>0</v>
      </c>
      <c r="AY2786">
        <v>0</v>
      </c>
      <c r="AZ2786">
        <v>0</v>
      </c>
      <c r="BA2786">
        <v>0</v>
      </c>
    </row>
    <row r="2787" spans="1:53" x14ac:dyDescent="0.4">
      <c r="A2787">
        <v>2831</v>
      </c>
      <c r="B2787" s="1">
        <v>43729</v>
      </c>
      <c r="C2787">
        <v>2</v>
      </c>
      <c r="D2787" s="1">
        <v>43729.411111111112</v>
      </c>
      <c r="E2787" s="1">
        <v>43729.738888888889</v>
      </c>
      <c r="F2787">
        <v>40750</v>
      </c>
      <c r="G2787">
        <v>4390</v>
      </c>
      <c r="H2787">
        <v>200</v>
      </c>
      <c r="I2787">
        <v>0</v>
      </c>
      <c r="J2787">
        <v>0</v>
      </c>
      <c r="K2787">
        <v>0</v>
      </c>
      <c r="L2787">
        <v>0</v>
      </c>
      <c r="M2787">
        <v>3627</v>
      </c>
      <c r="N2787">
        <v>0</v>
      </c>
      <c r="O2787">
        <v>0</v>
      </c>
      <c r="P2787">
        <v>20520</v>
      </c>
      <c r="Q2787">
        <v>0</v>
      </c>
      <c r="R2787">
        <v>69487</v>
      </c>
      <c r="S2787">
        <v>0</v>
      </c>
      <c r="T2787">
        <v>0</v>
      </c>
      <c r="U2787">
        <v>0</v>
      </c>
      <c r="V2787">
        <v>1</v>
      </c>
      <c r="W2787">
        <v>2</v>
      </c>
      <c r="X2787">
        <v>0</v>
      </c>
      <c r="Y2787">
        <v>73</v>
      </c>
      <c r="Z2787">
        <v>25</v>
      </c>
      <c r="AA2787">
        <v>110</v>
      </c>
      <c r="AB2787">
        <v>20</v>
      </c>
      <c r="AC2787">
        <v>169</v>
      </c>
      <c r="AD2787">
        <v>51</v>
      </c>
      <c r="AE2787">
        <v>92</v>
      </c>
      <c r="AF2787">
        <v>0</v>
      </c>
      <c r="AG2787">
        <v>119537</v>
      </c>
      <c r="AH2787">
        <v>50000</v>
      </c>
      <c r="AI2787">
        <v>50</v>
      </c>
      <c r="AJ2787">
        <v>93</v>
      </c>
      <c r="AK2787" t="s">
        <v>20</v>
      </c>
      <c r="AL2787">
        <v>0</v>
      </c>
      <c r="AM2787">
        <v>0</v>
      </c>
      <c r="AN2787">
        <v>0</v>
      </c>
      <c r="AO2787">
        <v>0</v>
      </c>
      <c r="AP2787">
        <v>0</v>
      </c>
      <c r="AQ2787">
        <v>0</v>
      </c>
      <c r="AR2787">
        <v>0</v>
      </c>
      <c r="AS2787">
        <v>0</v>
      </c>
      <c r="AT2787">
        <v>0</v>
      </c>
      <c r="AU2787">
        <v>0</v>
      </c>
      <c r="AV2787">
        <v>0</v>
      </c>
      <c r="AW2787">
        <v>0</v>
      </c>
      <c r="AX2787">
        <v>302</v>
      </c>
      <c r="AY2787">
        <v>54</v>
      </c>
      <c r="AZ2787">
        <v>118</v>
      </c>
      <c r="BA2787">
        <v>7770</v>
      </c>
    </row>
    <row r="2788" spans="1:53" x14ac:dyDescent="0.4">
      <c r="A2788">
        <v>2832</v>
      </c>
      <c r="B2788" s="1">
        <v>43730</v>
      </c>
      <c r="C2788">
        <v>1</v>
      </c>
      <c r="D2788" s="1">
        <v>43730.291666666664</v>
      </c>
      <c r="E2788" s="1">
        <v>43730.397916666669</v>
      </c>
      <c r="F2788">
        <v>0</v>
      </c>
      <c r="G2788">
        <v>0</v>
      </c>
      <c r="H2788">
        <v>0</v>
      </c>
      <c r="I2788">
        <v>0</v>
      </c>
      <c r="J2788">
        <v>0</v>
      </c>
      <c r="K2788">
        <v>0</v>
      </c>
      <c r="L2788">
        <v>0</v>
      </c>
      <c r="M2788">
        <v>0</v>
      </c>
      <c r="N2788">
        <v>0</v>
      </c>
      <c r="O2788">
        <v>0</v>
      </c>
      <c r="P2788">
        <v>0</v>
      </c>
      <c r="Q2788">
        <v>0</v>
      </c>
      <c r="R2788">
        <v>0</v>
      </c>
      <c r="S2788">
        <v>0</v>
      </c>
      <c r="T2788">
        <v>0</v>
      </c>
      <c r="U2788">
        <v>0</v>
      </c>
      <c r="V2788">
        <v>0</v>
      </c>
      <c r="W2788">
        <v>0</v>
      </c>
      <c r="X2788">
        <v>0</v>
      </c>
      <c r="Y2788">
        <v>34</v>
      </c>
      <c r="Z2788">
        <v>11</v>
      </c>
      <c r="AA2788">
        <v>82</v>
      </c>
      <c r="AB2788">
        <v>14</v>
      </c>
      <c r="AC2788">
        <v>131</v>
      </c>
      <c r="AD2788">
        <v>42</v>
      </c>
      <c r="AE2788">
        <v>80</v>
      </c>
      <c r="AF2788">
        <v>0</v>
      </c>
      <c r="AG2788">
        <v>50000</v>
      </c>
      <c r="AH2788">
        <v>50000</v>
      </c>
      <c r="AI2788">
        <v>0</v>
      </c>
      <c r="AJ2788">
        <v>0</v>
      </c>
      <c r="AK2788" t="s">
        <v>6</v>
      </c>
      <c r="AL2788">
        <v>0</v>
      </c>
      <c r="AM2788">
        <v>0</v>
      </c>
      <c r="AN2788">
        <v>0</v>
      </c>
      <c r="AO2788">
        <v>0</v>
      </c>
      <c r="AP2788">
        <v>0</v>
      </c>
      <c r="AQ2788">
        <v>0</v>
      </c>
      <c r="AR2788">
        <v>0</v>
      </c>
      <c r="AS2788">
        <v>0</v>
      </c>
      <c r="AT2788">
        <v>0</v>
      </c>
      <c r="AU2788">
        <v>0</v>
      </c>
      <c r="AV2788">
        <v>0</v>
      </c>
      <c r="AW2788">
        <v>0</v>
      </c>
      <c r="AX2788">
        <v>0</v>
      </c>
      <c r="AY2788">
        <v>0</v>
      </c>
      <c r="AZ2788">
        <v>0</v>
      </c>
      <c r="BA2788">
        <v>0</v>
      </c>
    </row>
    <row r="2789" spans="1:53" x14ac:dyDescent="0.4">
      <c r="A2789">
        <v>2833</v>
      </c>
      <c r="B2789" s="1">
        <v>43730</v>
      </c>
      <c r="C2789">
        <v>2</v>
      </c>
      <c r="D2789" s="1">
        <v>43730.397916666669</v>
      </c>
      <c r="E2789" s="1">
        <v>43730.729166666664</v>
      </c>
      <c r="F2789">
        <v>45500</v>
      </c>
      <c r="G2789">
        <v>1900</v>
      </c>
      <c r="H2789">
        <v>200</v>
      </c>
      <c r="I2789">
        <v>0</v>
      </c>
      <c r="J2789">
        <v>0</v>
      </c>
      <c r="K2789">
        <v>0</v>
      </c>
      <c r="L2789">
        <v>0</v>
      </c>
      <c r="M2789">
        <v>3807</v>
      </c>
      <c r="N2789">
        <v>0</v>
      </c>
      <c r="O2789">
        <v>0</v>
      </c>
      <c r="P2789">
        <v>19440</v>
      </c>
      <c r="Q2789">
        <v>0</v>
      </c>
      <c r="R2789">
        <v>70847</v>
      </c>
      <c r="S2789">
        <v>0</v>
      </c>
      <c r="T2789">
        <v>0</v>
      </c>
      <c r="U2789">
        <v>0</v>
      </c>
      <c r="V2789">
        <v>3</v>
      </c>
      <c r="W2789">
        <v>0</v>
      </c>
      <c r="X2789">
        <v>0</v>
      </c>
      <c r="Y2789">
        <v>51</v>
      </c>
      <c r="Z2789">
        <v>50</v>
      </c>
      <c r="AA2789">
        <v>108</v>
      </c>
      <c r="AB2789">
        <v>28</v>
      </c>
      <c r="AC2789">
        <v>228</v>
      </c>
      <c r="AD2789">
        <v>56</v>
      </c>
      <c r="AE2789">
        <v>37</v>
      </c>
      <c r="AF2789">
        <v>0</v>
      </c>
      <c r="AG2789">
        <v>120797</v>
      </c>
      <c r="AH2789">
        <v>50000</v>
      </c>
      <c r="AI2789">
        <v>-50</v>
      </c>
      <c r="AJ2789">
        <v>93</v>
      </c>
      <c r="AK2789" t="s">
        <v>20</v>
      </c>
      <c r="AL2789">
        <v>0</v>
      </c>
      <c r="AM2789">
        <v>0</v>
      </c>
      <c r="AN2789">
        <v>0</v>
      </c>
      <c r="AO2789">
        <v>0</v>
      </c>
      <c r="AP2789">
        <v>0</v>
      </c>
      <c r="AQ2789">
        <v>0</v>
      </c>
      <c r="AR2789">
        <v>0</v>
      </c>
      <c r="AS2789">
        <v>0</v>
      </c>
      <c r="AT2789">
        <v>0</v>
      </c>
      <c r="AU2789">
        <v>0</v>
      </c>
      <c r="AV2789">
        <v>0</v>
      </c>
      <c r="AW2789">
        <v>0</v>
      </c>
      <c r="AX2789">
        <v>-1080</v>
      </c>
      <c r="AY2789">
        <v>57</v>
      </c>
      <c r="AZ2789">
        <v>127</v>
      </c>
      <c r="BA2789">
        <v>7888</v>
      </c>
    </row>
    <row r="2790" spans="1:53" x14ac:dyDescent="0.4">
      <c r="A2790">
        <v>2834</v>
      </c>
      <c r="B2790" s="1">
        <v>43731</v>
      </c>
      <c r="C2790">
        <v>1</v>
      </c>
      <c r="D2790" s="1">
        <v>43731.291666666664</v>
      </c>
      <c r="E2790" s="1">
        <v>43731.410416666666</v>
      </c>
      <c r="F2790">
        <v>0</v>
      </c>
      <c r="G2790">
        <v>0</v>
      </c>
      <c r="H2790">
        <v>0</v>
      </c>
      <c r="I2790">
        <v>0</v>
      </c>
      <c r="J2790">
        <v>0</v>
      </c>
      <c r="K2790">
        <v>0</v>
      </c>
      <c r="L2790">
        <v>0</v>
      </c>
      <c r="M2790">
        <v>0</v>
      </c>
      <c r="N2790">
        <v>0</v>
      </c>
      <c r="O2790">
        <v>0</v>
      </c>
      <c r="P2790">
        <v>0</v>
      </c>
      <c r="Q2790">
        <v>0</v>
      </c>
      <c r="R2790">
        <v>0</v>
      </c>
      <c r="S2790">
        <v>0</v>
      </c>
      <c r="T2790">
        <v>0</v>
      </c>
      <c r="U2790">
        <v>0</v>
      </c>
      <c r="V2790">
        <v>0</v>
      </c>
      <c r="W2790">
        <v>0</v>
      </c>
      <c r="X2790">
        <v>0</v>
      </c>
      <c r="Y2790">
        <v>32</v>
      </c>
      <c r="Z2790">
        <v>9</v>
      </c>
      <c r="AA2790">
        <v>108</v>
      </c>
      <c r="AB2790">
        <v>26</v>
      </c>
      <c r="AC2790">
        <v>112</v>
      </c>
      <c r="AD2790">
        <v>50</v>
      </c>
      <c r="AE2790">
        <v>30</v>
      </c>
      <c r="AF2790">
        <v>0</v>
      </c>
      <c r="AG2790">
        <v>50000</v>
      </c>
      <c r="AH2790">
        <v>0</v>
      </c>
      <c r="AI2790">
        <v>50000</v>
      </c>
      <c r="AJ2790">
        <v>0</v>
      </c>
      <c r="AK2790" t="s">
        <v>6</v>
      </c>
      <c r="AL2790">
        <v>0</v>
      </c>
      <c r="AM2790">
        <v>0</v>
      </c>
      <c r="AN2790">
        <v>0</v>
      </c>
      <c r="AO2790">
        <v>0</v>
      </c>
      <c r="AP2790">
        <v>0</v>
      </c>
      <c r="AQ2790">
        <v>0</v>
      </c>
      <c r="AR2790">
        <v>0</v>
      </c>
      <c r="AS2790">
        <v>0</v>
      </c>
      <c r="AT2790">
        <v>0</v>
      </c>
      <c r="AU2790">
        <v>0</v>
      </c>
      <c r="AV2790">
        <v>0</v>
      </c>
      <c r="AW2790">
        <v>0</v>
      </c>
      <c r="AX2790">
        <v>0</v>
      </c>
      <c r="AY2790">
        <v>0</v>
      </c>
      <c r="AZ2790">
        <v>0</v>
      </c>
      <c r="BA2790">
        <v>0</v>
      </c>
    </row>
    <row r="2791" spans="1:53" x14ac:dyDescent="0.4">
      <c r="A2791">
        <v>2835</v>
      </c>
      <c r="B2791" s="1">
        <v>43731</v>
      </c>
      <c r="C2791">
        <v>2</v>
      </c>
      <c r="D2791" s="1">
        <v>43731.410416666666</v>
      </c>
      <c r="E2791" s="1">
        <v>43731.73333333333</v>
      </c>
      <c r="F2791">
        <v>50500</v>
      </c>
      <c r="G2791">
        <v>2600</v>
      </c>
      <c r="H2791">
        <v>400</v>
      </c>
      <c r="I2791">
        <v>0</v>
      </c>
      <c r="J2791">
        <v>0</v>
      </c>
      <c r="K2791">
        <v>0</v>
      </c>
      <c r="L2791">
        <v>0</v>
      </c>
      <c r="M2791">
        <v>4279</v>
      </c>
      <c r="N2791">
        <v>0</v>
      </c>
      <c r="O2791">
        <v>0</v>
      </c>
      <c r="P2791">
        <v>21870</v>
      </c>
      <c r="Q2791">
        <v>0</v>
      </c>
      <c r="R2791">
        <v>79649</v>
      </c>
      <c r="S2791">
        <v>0</v>
      </c>
      <c r="T2791">
        <v>0</v>
      </c>
      <c r="U2791">
        <v>0</v>
      </c>
      <c r="V2791">
        <v>1</v>
      </c>
      <c r="W2791">
        <v>5</v>
      </c>
      <c r="X2791">
        <v>0</v>
      </c>
      <c r="Y2791">
        <v>60</v>
      </c>
      <c r="Z2791">
        <v>34</v>
      </c>
      <c r="AA2791">
        <v>137</v>
      </c>
      <c r="AB2791">
        <v>20</v>
      </c>
      <c r="AC2791">
        <v>261</v>
      </c>
      <c r="AD2791">
        <v>59</v>
      </c>
      <c r="AE2791">
        <v>44</v>
      </c>
      <c r="AF2791">
        <v>0</v>
      </c>
      <c r="AG2791">
        <v>129649</v>
      </c>
      <c r="AH2791">
        <v>50000</v>
      </c>
      <c r="AI2791">
        <v>0</v>
      </c>
      <c r="AJ2791">
        <v>96</v>
      </c>
      <c r="AK2791" t="s">
        <v>4</v>
      </c>
      <c r="AL2791">
        <v>0</v>
      </c>
      <c r="AM2791">
        <v>0</v>
      </c>
      <c r="AN2791">
        <v>0</v>
      </c>
      <c r="AO2791">
        <v>0</v>
      </c>
      <c r="AP2791">
        <v>0</v>
      </c>
      <c r="AQ2791">
        <v>0</v>
      </c>
      <c r="AR2791">
        <v>0</v>
      </c>
      <c r="AS2791">
        <v>0</v>
      </c>
      <c r="AT2791">
        <v>0</v>
      </c>
      <c r="AU2791">
        <v>0</v>
      </c>
      <c r="AV2791">
        <v>0</v>
      </c>
      <c r="AW2791">
        <v>0</v>
      </c>
      <c r="AX2791">
        <v>-65</v>
      </c>
      <c r="AY2791">
        <v>54</v>
      </c>
      <c r="AZ2791">
        <v>136</v>
      </c>
      <c r="BA2791">
        <v>7838</v>
      </c>
    </row>
    <row r="2792" spans="1:53" x14ac:dyDescent="0.4">
      <c r="A2792">
        <v>2836</v>
      </c>
      <c r="B2792" s="1">
        <v>43731</v>
      </c>
      <c r="C2792">
        <v>3</v>
      </c>
      <c r="D2792" s="1">
        <v>43731.73333333333</v>
      </c>
      <c r="E2792" s="1">
        <v>43731.953472222223</v>
      </c>
      <c r="F2792">
        <v>47160</v>
      </c>
      <c r="G2792">
        <v>1340</v>
      </c>
      <c r="H2792">
        <v>0</v>
      </c>
      <c r="I2792">
        <v>0</v>
      </c>
      <c r="J2792">
        <v>0</v>
      </c>
      <c r="K2792">
        <v>0</v>
      </c>
      <c r="L2792">
        <v>0</v>
      </c>
      <c r="M2792">
        <v>3880</v>
      </c>
      <c r="N2792">
        <v>0</v>
      </c>
      <c r="O2792">
        <v>0</v>
      </c>
      <c r="P2792">
        <v>-21870</v>
      </c>
      <c r="Q2792">
        <v>0</v>
      </c>
      <c r="R2792">
        <v>30510</v>
      </c>
      <c r="S2792">
        <v>0</v>
      </c>
      <c r="T2792">
        <v>0</v>
      </c>
      <c r="U2792">
        <v>0</v>
      </c>
      <c r="V2792">
        <v>1</v>
      </c>
      <c r="W2792">
        <v>5</v>
      </c>
      <c r="X2792">
        <v>0</v>
      </c>
      <c r="Y2792">
        <v>70</v>
      </c>
      <c r="Z2792">
        <v>36</v>
      </c>
      <c r="AA2792">
        <v>155</v>
      </c>
      <c r="AB2792">
        <v>20</v>
      </c>
      <c r="AC2792">
        <v>251</v>
      </c>
      <c r="AD2792">
        <v>58</v>
      </c>
      <c r="AE2792">
        <v>39</v>
      </c>
      <c r="AF2792">
        <v>17820</v>
      </c>
      <c r="AG2792">
        <v>160159</v>
      </c>
      <c r="AH2792">
        <v>50000</v>
      </c>
      <c r="AI2792">
        <v>0</v>
      </c>
      <c r="AJ2792">
        <v>84</v>
      </c>
      <c r="AK2792" t="s">
        <v>16</v>
      </c>
      <c r="AL2792">
        <v>0</v>
      </c>
      <c r="AM2792">
        <v>0</v>
      </c>
      <c r="AN2792">
        <v>0</v>
      </c>
      <c r="AO2792">
        <v>0</v>
      </c>
      <c r="AP2792">
        <v>0</v>
      </c>
      <c r="AQ2792">
        <v>0</v>
      </c>
      <c r="AR2792">
        <v>0</v>
      </c>
      <c r="AS2792">
        <v>0</v>
      </c>
      <c r="AT2792">
        <v>0</v>
      </c>
      <c r="AU2792">
        <v>0</v>
      </c>
      <c r="AV2792">
        <v>0</v>
      </c>
      <c r="AW2792">
        <v>0</v>
      </c>
      <c r="AX2792">
        <v>5983</v>
      </c>
      <c r="AY2792">
        <v>7</v>
      </c>
      <c r="AZ2792">
        <v>30</v>
      </c>
      <c r="BA2792">
        <v>2618</v>
      </c>
    </row>
    <row r="2793" spans="1:53" x14ac:dyDescent="0.4">
      <c r="A2793">
        <v>2837</v>
      </c>
      <c r="B2793" s="1">
        <v>43731</v>
      </c>
      <c r="C2793">
        <v>4</v>
      </c>
      <c r="D2793" s="1">
        <v>43731.953472222223</v>
      </c>
      <c r="E2793" s="1">
        <v>43732.077777777777</v>
      </c>
      <c r="F2793">
        <v>18000</v>
      </c>
      <c r="G2793">
        <v>3280</v>
      </c>
      <c r="H2793">
        <v>200</v>
      </c>
      <c r="I2793">
        <v>0</v>
      </c>
      <c r="J2793">
        <v>0</v>
      </c>
      <c r="K2793">
        <v>0</v>
      </c>
      <c r="L2793">
        <v>0</v>
      </c>
      <c r="M2793">
        <v>1718</v>
      </c>
      <c r="N2793">
        <v>0</v>
      </c>
      <c r="O2793">
        <v>0</v>
      </c>
      <c r="P2793">
        <v>3564</v>
      </c>
      <c r="Q2793">
        <v>0</v>
      </c>
      <c r="R2793">
        <v>26762</v>
      </c>
      <c r="S2793">
        <v>0</v>
      </c>
      <c r="T2793">
        <v>0</v>
      </c>
      <c r="U2793">
        <v>0</v>
      </c>
      <c r="V2793">
        <v>3</v>
      </c>
      <c r="W2793">
        <v>4</v>
      </c>
      <c r="X2793">
        <v>0</v>
      </c>
      <c r="Y2793">
        <v>82</v>
      </c>
      <c r="Z2793">
        <v>34</v>
      </c>
      <c r="AA2793">
        <v>163</v>
      </c>
      <c r="AB2793">
        <v>19</v>
      </c>
      <c r="AC2793">
        <v>253</v>
      </c>
      <c r="AD2793">
        <v>57</v>
      </c>
      <c r="AE2793">
        <v>36</v>
      </c>
      <c r="AF2793">
        <v>17820</v>
      </c>
      <c r="AG2793">
        <v>186921</v>
      </c>
      <c r="AH2793">
        <v>50000</v>
      </c>
      <c r="AI2793">
        <v>0</v>
      </c>
      <c r="AJ2793">
        <v>108</v>
      </c>
      <c r="AK2793" t="s">
        <v>30</v>
      </c>
      <c r="AL2793">
        <v>0</v>
      </c>
      <c r="AM2793">
        <v>0</v>
      </c>
      <c r="AN2793">
        <v>0</v>
      </c>
      <c r="AO2793">
        <v>0</v>
      </c>
      <c r="AP2793">
        <v>0</v>
      </c>
      <c r="AQ2793">
        <v>0</v>
      </c>
      <c r="AR2793">
        <v>0</v>
      </c>
      <c r="AS2793">
        <v>0</v>
      </c>
      <c r="AT2793">
        <v>0</v>
      </c>
      <c r="AU2793">
        <v>0</v>
      </c>
      <c r="AV2793">
        <v>0</v>
      </c>
      <c r="AW2793">
        <v>0</v>
      </c>
      <c r="AX2793">
        <v>1318</v>
      </c>
      <c r="AY2793">
        <v>3</v>
      </c>
      <c r="AZ2793">
        <v>8</v>
      </c>
      <c r="BA2793">
        <v>455</v>
      </c>
    </row>
    <row r="2794" spans="1:53" x14ac:dyDescent="0.4">
      <c r="A2794">
        <v>2838</v>
      </c>
      <c r="B2794" s="1">
        <v>43732</v>
      </c>
      <c r="C2794">
        <v>1</v>
      </c>
      <c r="D2794" s="1">
        <v>43732.291666666664</v>
      </c>
      <c r="E2794" s="1">
        <v>43732.45</v>
      </c>
      <c r="F2794">
        <v>0</v>
      </c>
      <c r="G2794">
        <v>0</v>
      </c>
      <c r="H2794">
        <v>0</v>
      </c>
      <c r="I2794">
        <v>0</v>
      </c>
      <c r="J2794">
        <v>0</v>
      </c>
      <c r="K2794">
        <v>0</v>
      </c>
      <c r="L2794">
        <v>0</v>
      </c>
      <c r="M2794">
        <v>0</v>
      </c>
      <c r="N2794">
        <v>0</v>
      </c>
      <c r="O2794">
        <v>0</v>
      </c>
      <c r="P2794">
        <v>0</v>
      </c>
      <c r="Q2794">
        <v>0</v>
      </c>
      <c r="R2794">
        <v>0</v>
      </c>
      <c r="S2794">
        <v>0</v>
      </c>
      <c r="T2794">
        <v>0</v>
      </c>
      <c r="U2794">
        <v>0</v>
      </c>
      <c r="V2794">
        <v>0</v>
      </c>
      <c r="W2794">
        <v>0</v>
      </c>
      <c r="X2794">
        <v>0</v>
      </c>
      <c r="Y2794">
        <v>34</v>
      </c>
      <c r="Z2794">
        <v>8</v>
      </c>
      <c r="AA2794">
        <v>97</v>
      </c>
      <c r="AB2794">
        <v>20</v>
      </c>
      <c r="AC2794">
        <v>99</v>
      </c>
      <c r="AD2794">
        <v>55</v>
      </c>
      <c r="AE2794">
        <v>35</v>
      </c>
      <c r="AF2794">
        <v>0</v>
      </c>
      <c r="AG2794">
        <v>50000</v>
      </c>
      <c r="AH2794">
        <v>50000</v>
      </c>
      <c r="AI2794">
        <v>0</v>
      </c>
      <c r="AJ2794">
        <v>0</v>
      </c>
      <c r="AK2794" t="s">
        <v>6</v>
      </c>
      <c r="AL2794">
        <v>0</v>
      </c>
      <c r="AM2794">
        <v>0</v>
      </c>
      <c r="AN2794">
        <v>0</v>
      </c>
      <c r="AO2794">
        <v>0</v>
      </c>
      <c r="AP2794">
        <v>0</v>
      </c>
      <c r="AQ2794">
        <v>0</v>
      </c>
      <c r="AR2794">
        <v>0</v>
      </c>
      <c r="AS2794">
        <v>0</v>
      </c>
      <c r="AT2794">
        <v>0</v>
      </c>
      <c r="AU2794">
        <v>0</v>
      </c>
      <c r="AV2794">
        <v>0</v>
      </c>
      <c r="AW2794">
        <v>0</v>
      </c>
      <c r="AX2794">
        <v>0</v>
      </c>
      <c r="AY2794">
        <v>0</v>
      </c>
      <c r="AZ2794">
        <v>0</v>
      </c>
      <c r="BA2794">
        <v>0</v>
      </c>
    </row>
    <row r="2795" spans="1:53" x14ac:dyDescent="0.4">
      <c r="A2795">
        <v>2839</v>
      </c>
      <c r="B2795" s="1">
        <v>43732</v>
      </c>
      <c r="C2795">
        <v>2</v>
      </c>
      <c r="D2795" s="1">
        <v>43732.45</v>
      </c>
      <c r="E2795" s="1">
        <v>43732.742361111108</v>
      </c>
      <c r="F2795">
        <v>22000</v>
      </c>
      <c r="G2795">
        <v>560</v>
      </c>
      <c r="H2795">
        <v>0</v>
      </c>
      <c r="I2795">
        <v>0</v>
      </c>
      <c r="J2795">
        <v>0</v>
      </c>
      <c r="K2795">
        <v>0</v>
      </c>
      <c r="L2795">
        <v>0</v>
      </c>
      <c r="M2795">
        <v>1804</v>
      </c>
      <c r="N2795">
        <v>0</v>
      </c>
      <c r="O2795">
        <v>0</v>
      </c>
      <c r="P2795">
        <v>14580</v>
      </c>
      <c r="Q2795">
        <v>0</v>
      </c>
      <c r="R2795">
        <v>38944</v>
      </c>
      <c r="S2795">
        <v>0</v>
      </c>
      <c r="T2795">
        <v>0</v>
      </c>
      <c r="U2795">
        <v>0</v>
      </c>
      <c r="V2795">
        <v>2</v>
      </c>
      <c r="W2795">
        <v>0</v>
      </c>
      <c r="X2795">
        <v>0</v>
      </c>
      <c r="Y2795">
        <v>44</v>
      </c>
      <c r="Z2795">
        <v>22</v>
      </c>
      <c r="AA2795">
        <v>105</v>
      </c>
      <c r="AB2795">
        <v>26</v>
      </c>
      <c r="AC2795">
        <v>180</v>
      </c>
      <c r="AD2795">
        <v>60</v>
      </c>
      <c r="AE2795">
        <v>45</v>
      </c>
      <c r="AF2795">
        <v>0</v>
      </c>
      <c r="AG2795">
        <v>88945</v>
      </c>
      <c r="AH2795">
        <v>50000</v>
      </c>
      <c r="AI2795">
        <v>1</v>
      </c>
      <c r="AJ2795">
        <v>97</v>
      </c>
      <c r="AK2795" t="s">
        <v>33</v>
      </c>
      <c r="AL2795">
        <v>0</v>
      </c>
      <c r="AM2795">
        <v>0</v>
      </c>
      <c r="AN2795">
        <v>0</v>
      </c>
      <c r="AO2795">
        <v>0</v>
      </c>
      <c r="AP2795">
        <v>0</v>
      </c>
      <c r="AQ2795">
        <v>0</v>
      </c>
      <c r="AR2795">
        <v>0</v>
      </c>
      <c r="AS2795">
        <v>0</v>
      </c>
      <c r="AT2795">
        <v>0</v>
      </c>
      <c r="AU2795">
        <v>0</v>
      </c>
      <c r="AV2795">
        <v>0</v>
      </c>
      <c r="AW2795">
        <v>0</v>
      </c>
      <c r="AX2795">
        <v>-4320</v>
      </c>
      <c r="AY2795">
        <v>40</v>
      </c>
      <c r="AZ2795">
        <v>71</v>
      </c>
      <c r="BA2795">
        <v>5217</v>
      </c>
    </row>
    <row r="2796" spans="1:53" x14ac:dyDescent="0.4">
      <c r="A2796">
        <v>2840</v>
      </c>
      <c r="B2796" s="1">
        <v>43732</v>
      </c>
      <c r="C2796">
        <v>3</v>
      </c>
      <c r="D2796" s="1">
        <v>43732.742361111108</v>
      </c>
      <c r="E2796" s="1">
        <v>43732.946527777778</v>
      </c>
      <c r="F2796">
        <v>39680</v>
      </c>
      <c r="G2796">
        <v>940</v>
      </c>
      <c r="H2796">
        <v>0</v>
      </c>
      <c r="I2796">
        <v>0</v>
      </c>
      <c r="J2796">
        <v>0</v>
      </c>
      <c r="K2796">
        <v>0</v>
      </c>
      <c r="L2796">
        <v>0</v>
      </c>
      <c r="M2796">
        <v>3250</v>
      </c>
      <c r="N2796">
        <v>0</v>
      </c>
      <c r="O2796">
        <v>0</v>
      </c>
      <c r="P2796">
        <v>2052</v>
      </c>
      <c r="Q2796">
        <v>0</v>
      </c>
      <c r="R2796">
        <v>45922</v>
      </c>
      <c r="S2796">
        <v>0</v>
      </c>
      <c r="T2796">
        <v>0</v>
      </c>
      <c r="U2796">
        <v>0</v>
      </c>
      <c r="V2796">
        <v>4</v>
      </c>
      <c r="W2796">
        <v>0</v>
      </c>
      <c r="X2796">
        <v>0</v>
      </c>
      <c r="Y2796">
        <v>47</v>
      </c>
      <c r="Z2796">
        <v>21</v>
      </c>
      <c r="AA2796">
        <v>107</v>
      </c>
      <c r="AB2796">
        <v>26</v>
      </c>
      <c r="AC2796">
        <v>173</v>
      </c>
      <c r="AD2796">
        <v>61</v>
      </c>
      <c r="AE2796">
        <v>46</v>
      </c>
      <c r="AF2796">
        <v>23285</v>
      </c>
      <c r="AG2796">
        <v>134866</v>
      </c>
      <c r="AH2796">
        <v>50000</v>
      </c>
      <c r="AI2796">
        <v>0</v>
      </c>
      <c r="AJ2796">
        <v>94</v>
      </c>
      <c r="AK2796" t="s">
        <v>43</v>
      </c>
      <c r="AL2796">
        <v>0</v>
      </c>
      <c r="AM2796">
        <v>0</v>
      </c>
      <c r="AN2796">
        <v>0</v>
      </c>
      <c r="AO2796">
        <v>0</v>
      </c>
      <c r="AP2796">
        <v>0</v>
      </c>
      <c r="AQ2796">
        <v>0</v>
      </c>
      <c r="AR2796">
        <v>0</v>
      </c>
      <c r="AS2796">
        <v>0</v>
      </c>
      <c r="AT2796">
        <v>0</v>
      </c>
      <c r="AU2796">
        <v>0</v>
      </c>
      <c r="AV2796">
        <v>0</v>
      </c>
      <c r="AW2796">
        <v>0</v>
      </c>
      <c r="AX2796">
        <v>15164</v>
      </c>
      <c r="AY2796">
        <v>15</v>
      </c>
      <c r="AZ2796">
        <v>49</v>
      </c>
      <c r="BA2796">
        <v>2813</v>
      </c>
    </row>
    <row r="2797" spans="1:53" x14ac:dyDescent="0.4">
      <c r="A2797">
        <v>2841</v>
      </c>
      <c r="B2797" s="1">
        <v>43732</v>
      </c>
      <c r="C2797">
        <v>4</v>
      </c>
      <c r="D2797" s="1">
        <v>43732.946527777778</v>
      </c>
      <c r="E2797" s="1">
        <v>43733.232638888891</v>
      </c>
      <c r="F2797">
        <v>31900</v>
      </c>
      <c r="G2797">
        <v>3040</v>
      </c>
      <c r="H2797">
        <v>0</v>
      </c>
      <c r="I2797">
        <v>0</v>
      </c>
      <c r="J2797">
        <v>0</v>
      </c>
      <c r="K2797">
        <v>0</v>
      </c>
      <c r="L2797">
        <v>0</v>
      </c>
      <c r="M2797">
        <v>2796</v>
      </c>
      <c r="N2797">
        <v>0</v>
      </c>
      <c r="O2797">
        <v>0</v>
      </c>
      <c r="P2797">
        <v>-16632</v>
      </c>
      <c r="Q2797">
        <v>0</v>
      </c>
      <c r="R2797">
        <v>21104</v>
      </c>
      <c r="S2797">
        <v>0</v>
      </c>
      <c r="T2797">
        <v>0</v>
      </c>
      <c r="U2797">
        <v>0</v>
      </c>
      <c r="V2797">
        <v>0</v>
      </c>
      <c r="W2797">
        <v>0</v>
      </c>
      <c r="X2797">
        <v>0</v>
      </c>
      <c r="Y2797">
        <v>32</v>
      </c>
      <c r="Z2797">
        <v>10</v>
      </c>
      <c r="AA2797">
        <v>98</v>
      </c>
      <c r="AB2797">
        <v>24</v>
      </c>
      <c r="AC2797">
        <v>166</v>
      </c>
      <c r="AD2797">
        <v>60</v>
      </c>
      <c r="AE2797">
        <v>0</v>
      </c>
      <c r="AF2797">
        <v>0</v>
      </c>
      <c r="AG2797">
        <v>49960</v>
      </c>
      <c r="AH2797">
        <v>0</v>
      </c>
      <c r="AI2797">
        <v>-56010</v>
      </c>
      <c r="AJ2797">
        <v>99</v>
      </c>
      <c r="AK2797" t="s">
        <v>9</v>
      </c>
      <c r="AL2797">
        <v>0</v>
      </c>
      <c r="AM2797">
        <v>0</v>
      </c>
      <c r="AN2797">
        <v>0</v>
      </c>
      <c r="AO2797">
        <v>0</v>
      </c>
      <c r="AP2797">
        <v>0</v>
      </c>
      <c r="AQ2797">
        <v>0</v>
      </c>
      <c r="AR2797">
        <v>0</v>
      </c>
      <c r="AS2797">
        <v>0</v>
      </c>
      <c r="AT2797">
        <v>0</v>
      </c>
      <c r="AU2797">
        <v>0</v>
      </c>
      <c r="AV2797">
        <v>0</v>
      </c>
      <c r="AW2797">
        <v>0</v>
      </c>
      <c r="AX2797">
        <v>0</v>
      </c>
      <c r="AY2797">
        <v>1</v>
      </c>
      <c r="AZ2797">
        <v>1</v>
      </c>
      <c r="BA2797">
        <v>166</v>
      </c>
    </row>
    <row r="2798" spans="1:53" x14ac:dyDescent="0.4">
      <c r="A2798">
        <v>2842</v>
      </c>
      <c r="B2798" s="1">
        <v>43733</v>
      </c>
      <c r="C2798">
        <v>1</v>
      </c>
      <c r="D2798" s="1">
        <v>43733.291666666664</v>
      </c>
      <c r="E2798" s="1">
        <v>43733.443749999999</v>
      </c>
      <c r="F2798">
        <v>0</v>
      </c>
      <c r="G2798">
        <v>0</v>
      </c>
      <c r="H2798">
        <v>0</v>
      </c>
      <c r="I2798">
        <v>0</v>
      </c>
      <c r="J2798">
        <v>0</v>
      </c>
      <c r="K2798">
        <v>0</v>
      </c>
      <c r="L2798">
        <v>0</v>
      </c>
      <c r="M2798">
        <v>0</v>
      </c>
      <c r="N2798">
        <v>0</v>
      </c>
      <c r="O2798">
        <v>0</v>
      </c>
      <c r="P2798">
        <v>0</v>
      </c>
      <c r="Q2798">
        <v>0</v>
      </c>
      <c r="R2798">
        <v>0</v>
      </c>
      <c r="S2798">
        <v>0</v>
      </c>
      <c r="T2798">
        <v>0</v>
      </c>
      <c r="U2798">
        <v>0</v>
      </c>
      <c r="V2798">
        <v>0</v>
      </c>
      <c r="W2798">
        <v>0</v>
      </c>
      <c r="X2798">
        <v>0</v>
      </c>
      <c r="Y2798">
        <v>32</v>
      </c>
      <c r="Z2798">
        <v>10</v>
      </c>
      <c r="AA2798">
        <v>98</v>
      </c>
      <c r="AB2798">
        <v>24</v>
      </c>
      <c r="AC2798">
        <v>166</v>
      </c>
      <c r="AD2798">
        <v>60</v>
      </c>
      <c r="AE2798">
        <v>40</v>
      </c>
      <c r="AF2798">
        <v>0</v>
      </c>
      <c r="AG2798">
        <v>50000</v>
      </c>
      <c r="AH2798">
        <v>50000</v>
      </c>
      <c r="AI2798">
        <v>0</v>
      </c>
      <c r="AJ2798">
        <v>0</v>
      </c>
      <c r="AK2798" t="s">
        <v>6</v>
      </c>
      <c r="AL2798">
        <v>0</v>
      </c>
      <c r="AM2798">
        <v>0</v>
      </c>
      <c r="AN2798">
        <v>0</v>
      </c>
      <c r="AO2798">
        <v>0</v>
      </c>
      <c r="AP2798">
        <v>0</v>
      </c>
      <c r="AQ2798">
        <v>0</v>
      </c>
      <c r="AR2798">
        <v>0</v>
      </c>
      <c r="AS2798">
        <v>0</v>
      </c>
      <c r="AT2798">
        <v>0</v>
      </c>
      <c r="AU2798">
        <v>0</v>
      </c>
      <c r="AV2798">
        <v>0</v>
      </c>
      <c r="AW2798">
        <v>0</v>
      </c>
      <c r="AX2798">
        <v>0</v>
      </c>
      <c r="AY2798">
        <v>0</v>
      </c>
      <c r="AZ2798">
        <v>0</v>
      </c>
      <c r="BA2798">
        <v>0</v>
      </c>
    </row>
    <row r="2799" spans="1:53" x14ac:dyDescent="0.4">
      <c r="A2799">
        <v>2843</v>
      </c>
      <c r="B2799" s="1">
        <v>43733</v>
      </c>
      <c r="C2799">
        <v>2</v>
      </c>
      <c r="D2799" s="1">
        <v>43733.443749999999</v>
      </c>
      <c r="E2799" s="1">
        <v>43733.74722222222</v>
      </c>
      <c r="F2799">
        <v>11000</v>
      </c>
      <c r="G2799">
        <v>0</v>
      </c>
      <c r="H2799">
        <v>0</v>
      </c>
      <c r="I2799">
        <v>0</v>
      </c>
      <c r="J2799">
        <v>0</v>
      </c>
      <c r="K2799">
        <v>0</v>
      </c>
      <c r="L2799">
        <v>0</v>
      </c>
      <c r="M2799">
        <v>880</v>
      </c>
      <c r="N2799">
        <v>0</v>
      </c>
      <c r="O2799">
        <v>0</v>
      </c>
      <c r="P2799">
        <v>14580</v>
      </c>
      <c r="Q2799">
        <v>0</v>
      </c>
      <c r="R2799">
        <v>26460</v>
      </c>
      <c r="S2799">
        <v>0</v>
      </c>
      <c r="T2799">
        <v>0</v>
      </c>
      <c r="U2799">
        <v>0</v>
      </c>
      <c r="V2799">
        <v>2</v>
      </c>
      <c r="W2799">
        <v>0</v>
      </c>
      <c r="X2799">
        <v>0</v>
      </c>
      <c r="Y2799">
        <v>35</v>
      </c>
      <c r="Z2799">
        <v>19</v>
      </c>
      <c r="AA2799">
        <v>88</v>
      </c>
      <c r="AB2799">
        <v>17</v>
      </c>
      <c r="AC2799">
        <v>197</v>
      </c>
      <c r="AD2799">
        <v>60</v>
      </c>
      <c r="AE2799">
        <v>40</v>
      </c>
      <c r="AF2799">
        <v>0</v>
      </c>
      <c r="AG2799">
        <v>76460</v>
      </c>
      <c r="AH2799">
        <v>50000</v>
      </c>
      <c r="AI2799">
        <v>0</v>
      </c>
      <c r="AJ2799">
        <v>97</v>
      </c>
      <c r="AK2799" t="s">
        <v>33</v>
      </c>
      <c r="AL2799">
        <v>0</v>
      </c>
      <c r="AM2799">
        <v>0</v>
      </c>
      <c r="AN2799">
        <v>0</v>
      </c>
      <c r="AO2799">
        <v>0</v>
      </c>
      <c r="AP2799">
        <v>0</v>
      </c>
      <c r="AQ2799">
        <v>0</v>
      </c>
      <c r="AR2799">
        <v>0</v>
      </c>
      <c r="AS2799">
        <v>0</v>
      </c>
      <c r="AT2799">
        <v>0</v>
      </c>
      <c r="AU2799">
        <v>0</v>
      </c>
      <c r="AV2799">
        <v>0</v>
      </c>
      <c r="AW2799">
        <v>0</v>
      </c>
      <c r="AX2799">
        <v>-2700</v>
      </c>
      <c r="AY2799">
        <v>33</v>
      </c>
      <c r="AZ2799">
        <v>49</v>
      </c>
      <c r="BA2799">
        <v>4149</v>
      </c>
    </row>
    <row r="2800" spans="1:53" x14ac:dyDescent="0.4">
      <c r="A2800">
        <v>2844</v>
      </c>
      <c r="B2800" s="1">
        <v>43734</v>
      </c>
      <c r="C2800">
        <v>1</v>
      </c>
      <c r="D2800" s="1">
        <v>43734.291666666664</v>
      </c>
      <c r="E2800" s="1">
        <v>43734.452777777777</v>
      </c>
      <c r="F2800">
        <v>0</v>
      </c>
      <c r="G2800">
        <v>0</v>
      </c>
      <c r="H2800">
        <v>0</v>
      </c>
      <c r="I2800">
        <v>0</v>
      </c>
      <c r="J2800">
        <v>0</v>
      </c>
      <c r="K2800">
        <v>0</v>
      </c>
      <c r="L2800">
        <v>0</v>
      </c>
      <c r="M2800">
        <v>0</v>
      </c>
      <c r="N2800">
        <v>0</v>
      </c>
      <c r="O2800">
        <v>0</v>
      </c>
      <c r="P2800">
        <v>0</v>
      </c>
      <c r="Q2800">
        <v>0</v>
      </c>
      <c r="R2800">
        <v>0</v>
      </c>
      <c r="S2800">
        <v>0</v>
      </c>
      <c r="T2800">
        <v>0</v>
      </c>
      <c r="U2800">
        <v>0</v>
      </c>
      <c r="V2800">
        <v>0</v>
      </c>
      <c r="W2800">
        <v>0</v>
      </c>
      <c r="X2800">
        <v>0</v>
      </c>
      <c r="Y2800">
        <v>28</v>
      </c>
      <c r="Z2800">
        <v>20</v>
      </c>
      <c r="AA2800">
        <v>93</v>
      </c>
      <c r="AB2800">
        <v>18</v>
      </c>
      <c r="AC2800">
        <v>146</v>
      </c>
      <c r="AD2800">
        <v>60</v>
      </c>
      <c r="AE2800">
        <v>40</v>
      </c>
      <c r="AF2800">
        <v>0</v>
      </c>
      <c r="AG2800">
        <v>50000</v>
      </c>
      <c r="AH2800">
        <v>0</v>
      </c>
      <c r="AI2800">
        <v>50000</v>
      </c>
      <c r="AJ2800">
        <v>0</v>
      </c>
      <c r="AK2800" t="s">
        <v>6</v>
      </c>
      <c r="AL2800">
        <v>0</v>
      </c>
      <c r="AM2800">
        <v>0</v>
      </c>
      <c r="AN2800">
        <v>0</v>
      </c>
      <c r="AO2800">
        <v>0</v>
      </c>
      <c r="AP2800">
        <v>0</v>
      </c>
      <c r="AQ2800">
        <v>0</v>
      </c>
      <c r="AR2800">
        <v>0</v>
      </c>
      <c r="AS2800">
        <v>0</v>
      </c>
      <c r="AT2800">
        <v>0</v>
      </c>
      <c r="AU2800">
        <v>0</v>
      </c>
      <c r="AV2800">
        <v>0</v>
      </c>
      <c r="AW2800">
        <v>0</v>
      </c>
      <c r="AX2800">
        <v>0</v>
      </c>
      <c r="AY2800">
        <v>0</v>
      </c>
      <c r="AZ2800">
        <v>0</v>
      </c>
      <c r="BA2800">
        <v>0</v>
      </c>
    </row>
    <row r="2801" spans="1:53" x14ac:dyDescent="0.4">
      <c r="A2801">
        <v>2845</v>
      </c>
      <c r="B2801" s="1">
        <v>43734</v>
      </c>
      <c r="C2801">
        <v>2</v>
      </c>
      <c r="D2801" s="1">
        <v>43734.452777777777</v>
      </c>
      <c r="E2801" s="1">
        <v>43734.747916666667</v>
      </c>
      <c r="F2801">
        <v>23000</v>
      </c>
      <c r="G2801">
        <v>1380</v>
      </c>
      <c r="H2801">
        <v>200</v>
      </c>
      <c r="I2801">
        <v>0</v>
      </c>
      <c r="J2801">
        <v>0</v>
      </c>
      <c r="K2801">
        <v>0</v>
      </c>
      <c r="L2801">
        <v>0</v>
      </c>
      <c r="M2801">
        <v>1966</v>
      </c>
      <c r="N2801">
        <v>0</v>
      </c>
      <c r="O2801">
        <v>0</v>
      </c>
      <c r="P2801">
        <v>17280</v>
      </c>
      <c r="Q2801">
        <v>0</v>
      </c>
      <c r="R2801">
        <v>43826</v>
      </c>
      <c r="S2801">
        <v>0</v>
      </c>
      <c r="T2801">
        <v>0</v>
      </c>
      <c r="U2801">
        <v>0</v>
      </c>
      <c r="V2801">
        <v>2</v>
      </c>
      <c r="W2801">
        <v>0</v>
      </c>
      <c r="X2801">
        <v>0</v>
      </c>
      <c r="Y2801">
        <v>40</v>
      </c>
      <c r="Z2801">
        <v>40</v>
      </c>
      <c r="AA2801">
        <v>98</v>
      </c>
      <c r="AB2801">
        <v>24</v>
      </c>
      <c r="AC2801">
        <v>193</v>
      </c>
      <c r="AD2801">
        <v>63</v>
      </c>
      <c r="AE2801">
        <v>41</v>
      </c>
      <c r="AF2801">
        <v>540</v>
      </c>
      <c r="AG2801">
        <v>93826</v>
      </c>
      <c r="AH2801">
        <v>50000</v>
      </c>
      <c r="AI2801">
        <v>0</v>
      </c>
      <c r="AJ2801">
        <v>99</v>
      </c>
      <c r="AK2801" t="s">
        <v>9</v>
      </c>
      <c r="AL2801">
        <v>0</v>
      </c>
      <c r="AM2801">
        <v>0</v>
      </c>
      <c r="AN2801">
        <v>0</v>
      </c>
      <c r="AO2801">
        <v>0</v>
      </c>
      <c r="AP2801">
        <v>0</v>
      </c>
      <c r="AQ2801">
        <v>0</v>
      </c>
      <c r="AR2801">
        <v>0</v>
      </c>
      <c r="AS2801">
        <v>0</v>
      </c>
      <c r="AT2801">
        <v>0</v>
      </c>
      <c r="AU2801">
        <v>0</v>
      </c>
      <c r="AV2801">
        <v>0</v>
      </c>
      <c r="AW2801">
        <v>0</v>
      </c>
      <c r="AX2801">
        <v>-2700</v>
      </c>
      <c r="AY2801">
        <v>40</v>
      </c>
      <c r="AZ2801">
        <v>76</v>
      </c>
      <c r="BA2801">
        <v>5259</v>
      </c>
    </row>
    <row r="2802" spans="1:53" x14ac:dyDescent="0.4">
      <c r="A2802">
        <v>2846</v>
      </c>
      <c r="B2802" s="1">
        <v>43734</v>
      </c>
      <c r="C2802">
        <v>3</v>
      </c>
      <c r="D2802" s="1">
        <v>43734.747916666667</v>
      </c>
      <c r="E2802" s="1">
        <v>43734.957638888889</v>
      </c>
      <c r="F2802">
        <v>39940</v>
      </c>
      <c r="G2802">
        <v>640</v>
      </c>
      <c r="H2802">
        <v>200</v>
      </c>
      <c r="I2802">
        <v>0</v>
      </c>
      <c r="J2802">
        <v>0</v>
      </c>
      <c r="K2802">
        <v>0</v>
      </c>
      <c r="L2802">
        <v>0</v>
      </c>
      <c r="M2802">
        <v>3262</v>
      </c>
      <c r="N2802">
        <v>0</v>
      </c>
      <c r="O2802">
        <v>0</v>
      </c>
      <c r="P2802">
        <v>-17280</v>
      </c>
      <c r="Q2802">
        <v>0</v>
      </c>
      <c r="R2802">
        <v>26762</v>
      </c>
      <c r="S2802">
        <v>0</v>
      </c>
      <c r="T2802">
        <v>0</v>
      </c>
      <c r="U2802">
        <v>0</v>
      </c>
      <c r="V2802">
        <v>4</v>
      </c>
      <c r="W2802">
        <v>0</v>
      </c>
      <c r="X2802">
        <v>0</v>
      </c>
      <c r="Y2802">
        <v>44</v>
      </c>
      <c r="Z2802">
        <v>42</v>
      </c>
      <c r="AA2802">
        <v>109</v>
      </c>
      <c r="AB2802">
        <v>25</v>
      </c>
      <c r="AC2802">
        <v>200</v>
      </c>
      <c r="AD2802">
        <v>63</v>
      </c>
      <c r="AE2802">
        <v>43</v>
      </c>
      <c r="AF2802">
        <v>1080</v>
      </c>
      <c r="AG2802">
        <v>120588</v>
      </c>
      <c r="AH2802">
        <v>50000</v>
      </c>
      <c r="AI2802">
        <v>0</v>
      </c>
      <c r="AJ2802">
        <v>101</v>
      </c>
      <c r="AK2802" t="s">
        <v>28</v>
      </c>
      <c r="AL2802">
        <v>0</v>
      </c>
      <c r="AM2802">
        <v>0</v>
      </c>
      <c r="AN2802">
        <v>0</v>
      </c>
      <c r="AO2802">
        <v>0</v>
      </c>
      <c r="AP2802">
        <v>0</v>
      </c>
      <c r="AQ2802">
        <v>0</v>
      </c>
      <c r="AR2802">
        <v>0</v>
      </c>
      <c r="AS2802">
        <v>0</v>
      </c>
      <c r="AT2802">
        <v>0</v>
      </c>
      <c r="AU2802">
        <v>0</v>
      </c>
      <c r="AV2802">
        <v>0</v>
      </c>
      <c r="AW2802">
        <v>0</v>
      </c>
      <c r="AX2802">
        <v>25380</v>
      </c>
      <c r="AY2802">
        <v>15</v>
      </c>
      <c r="AZ2802">
        <v>42</v>
      </c>
      <c r="BA2802">
        <v>2806</v>
      </c>
    </row>
    <row r="2803" spans="1:53" x14ac:dyDescent="0.4">
      <c r="A2803">
        <v>2847</v>
      </c>
      <c r="B2803" s="1">
        <v>43734</v>
      </c>
      <c r="C2803">
        <v>4</v>
      </c>
      <c r="D2803" s="1">
        <v>43734.957638888889</v>
      </c>
      <c r="E2803" s="1">
        <v>43735.081944444442</v>
      </c>
      <c r="F2803">
        <v>43900</v>
      </c>
      <c r="G2803">
        <v>0</v>
      </c>
      <c r="H2803">
        <v>400</v>
      </c>
      <c r="I2803">
        <v>0</v>
      </c>
      <c r="J2803">
        <v>0</v>
      </c>
      <c r="K2803">
        <v>0</v>
      </c>
      <c r="L2803">
        <v>0</v>
      </c>
      <c r="M2803">
        <v>3544</v>
      </c>
      <c r="N2803">
        <v>0</v>
      </c>
      <c r="O2803">
        <v>0</v>
      </c>
      <c r="P2803">
        <v>0</v>
      </c>
      <c r="Q2803">
        <v>0</v>
      </c>
      <c r="R2803">
        <v>47844</v>
      </c>
      <c r="S2803">
        <v>0</v>
      </c>
      <c r="T2803">
        <v>0</v>
      </c>
      <c r="U2803">
        <v>0</v>
      </c>
      <c r="V2803">
        <v>5</v>
      </c>
      <c r="W2803">
        <v>0</v>
      </c>
      <c r="X2803">
        <v>0</v>
      </c>
      <c r="Y2803">
        <v>32</v>
      </c>
      <c r="Z2803">
        <v>41</v>
      </c>
      <c r="AA2803">
        <v>211</v>
      </c>
      <c r="AB2803">
        <v>27</v>
      </c>
      <c r="AC2803">
        <v>208</v>
      </c>
      <c r="AD2803">
        <v>62</v>
      </c>
      <c r="AE2803">
        <v>52</v>
      </c>
      <c r="AF2803">
        <v>41040</v>
      </c>
      <c r="AG2803">
        <v>168432</v>
      </c>
      <c r="AH2803">
        <v>50000</v>
      </c>
      <c r="AI2803">
        <v>0</v>
      </c>
      <c r="AJ2803">
        <v>108</v>
      </c>
      <c r="AK2803" t="s">
        <v>30</v>
      </c>
      <c r="AL2803">
        <v>0</v>
      </c>
      <c r="AM2803">
        <v>0</v>
      </c>
      <c r="AN2803">
        <v>0</v>
      </c>
      <c r="AO2803">
        <v>0</v>
      </c>
      <c r="AP2803">
        <v>0</v>
      </c>
      <c r="AQ2803">
        <v>0</v>
      </c>
      <c r="AR2803">
        <v>0</v>
      </c>
      <c r="AS2803">
        <v>0</v>
      </c>
      <c r="AT2803">
        <v>0</v>
      </c>
      <c r="AU2803">
        <v>0</v>
      </c>
      <c r="AV2803">
        <v>0</v>
      </c>
      <c r="AW2803">
        <v>0</v>
      </c>
      <c r="AX2803">
        <v>0</v>
      </c>
      <c r="AY2803">
        <v>2</v>
      </c>
      <c r="AZ2803">
        <v>3</v>
      </c>
      <c r="BA2803">
        <v>378</v>
      </c>
    </row>
    <row r="2804" spans="1:53" x14ac:dyDescent="0.4">
      <c r="A2804">
        <v>2848</v>
      </c>
      <c r="B2804" s="1">
        <v>43735</v>
      </c>
      <c r="C2804">
        <v>1</v>
      </c>
      <c r="D2804" s="1">
        <v>43735.291666666664</v>
      </c>
      <c r="E2804" s="1">
        <v>43735.456250000003</v>
      </c>
      <c r="F2804">
        <v>0</v>
      </c>
      <c r="G2804">
        <v>0</v>
      </c>
      <c r="H2804">
        <v>0</v>
      </c>
      <c r="I2804">
        <v>0</v>
      </c>
      <c r="J2804">
        <v>0</v>
      </c>
      <c r="K2804">
        <v>0</v>
      </c>
      <c r="L2804">
        <v>0</v>
      </c>
      <c r="M2804">
        <v>0</v>
      </c>
      <c r="N2804">
        <v>0</v>
      </c>
      <c r="O2804">
        <v>0</v>
      </c>
      <c r="P2804">
        <v>0</v>
      </c>
      <c r="Q2804">
        <v>0</v>
      </c>
      <c r="R2804">
        <v>0</v>
      </c>
      <c r="S2804">
        <v>0</v>
      </c>
      <c r="T2804">
        <v>0</v>
      </c>
      <c r="U2804">
        <v>0</v>
      </c>
      <c r="V2804">
        <v>0</v>
      </c>
      <c r="W2804">
        <v>0</v>
      </c>
      <c r="X2804">
        <v>0</v>
      </c>
      <c r="Y2804">
        <v>32</v>
      </c>
      <c r="Z2804">
        <v>9</v>
      </c>
      <c r="AA2804">
        <v>108</v>
      </c>
      <c r="AB2804">
        <v>27</v>
      </c>
      <c r="AC2804">
        <v>100</v>
      </c>
      <c r="AD2804">
        <v>61</v>
      </c>
      <c r="AE2804">
        <v>45</v>
      </c>
      <c r="AF2804">
        <v>0</v>
      </c>
      <c r="AG2804">
        <v>50000</v>
      </c>
      <c r="AH2804">
        <v>0</v>
      </c>
      <c r="AI2804">
        <v>50000</v>
      </c>
      <c r="AJ2804">
        <v>0</v>
      </c>
      <c r="AK2804" t="s">
        <v>6</v>
      </c>
      <c r="AL2804">
        <v>0</v>
      </c>
      <c r="AM2804">
        <v>0</v>
      </c>
      <c r="AN2804">
        <v>0</v>
      </c>
      <c r="AO2804">
        <v>0</v>
      </c>
      <c r="AP2804">
        <v>0</v>
      </c>
      <c r="AQ2804">
        <v>0</v>
      </c>
      <c r="AR2804">
        <v>0</v>
      </c>
      <c r="AS2804">
        <v>0</v>
      </c>
      <c r="AT2804">
        <v>0</v>
      </c>
      <c r="AU2804">
        <v>0</v>
      </c>
      <c r="AV2804">
        <v>0</v>
      </c>
      <c r="AW2804">
        <v>0</v>
      </c>
      <c r="AX2804">
        <v>0</v>
      </c>
      <c r="AY2804">
        <v>0</v>
      </c>
      <c r="AZ2804">
        <v>0</v>
      </c>
      <c r="BA2804">
        <v>0</v>
      </c>
    </row>
    <row r="2805" spans="1:53" x14ac:dyDescent="0.4">
      <c r="A2805">
        <v>2849</v>
      </c>
      <c r="B2805" s="1">
        <v>43735</v>
      </c>
      <c r="C2805">
        <v>2</v>
      </c>
      <c r="D2805" s="1">
        <v>43735.456250000003</v>
      </c>
      <c r="E2805" s="1">
        <v>43735.749305555553</v>
      </c>
      <c r="F2805">
        <v>14500</v>
      </c>
      <c r="G2805">
        <v>1500</v>
      </c>
      <c r="H2805">
        <v>200</v>
      </c>
      <c r="I2805">
        <v>0</v>
      </c>
      <c r="J2805">
        <v>0</v>
      </c>
      <c r="K2805">
        <v>0</v>
      </c>
      <c r="L2805">
        <v>0</v>
      </c>
      <c r="M2805">
        <v>1296</v>
      </c>
      <c r="N2805">
        <v>0</v>
      </c>
      <c r="O2805">
        <v>0</v>
      </c>
      <c r="P2805">
        <v>11340</v>
      </c>
      <c r="Q2805">
        <v>0</v>
      </c>
      <c r="R2805">
        <v>28836</v>
      </c>
      <c r="S2805">
        <v>0</v>
      </c>
      <c r="T2805">
        <v>0</v>
      </c>
      <c r="U2805">
        <v>0</v>
      </c>
      <c r="V2805">
        <v>0</v>
      </c>
      <c r="W2805">
        <v>2</v>
      </c>
      <c r="X2805">
        <v>0</v>
      </c>
      <c r="Y2805">
        <v>49</v>
      </c>
      <c r="Z2805">
        <v>16</v>
      </c>
      <c r="AA2805">
        <v>79</v>
      </c>
      <c r="AB2805">
        <v>21</v>
      </c>
      <c r="AC2805">
        <v>144</v>
      </c>
      <c r="AD2805">
        <v>63</v>
      </c>
      <c r="AE2805">
        <v>51</v>
      </c>
      <c r="AF2805">
        <v>1080</v>
      </c>
      <c r="AG2805">
        <v>78836</v>
      </c>
      <c r="AH2805">
        <v>50000</v>
      </c>
      <c r="AI2805">
        <v>0</v>
      </c>
      <c r="AJ2805">
        <v>96</v>
      </c>
      <c r="AK2805" t="s">
        <v>4</v>
      </c>
      <c r="AL2805">
        <v>0</v>
      </c>
      <c r="AM2805">
        <v>0</v>
      </c>
      <c r="AN2805">
        <v>0</v>
      </c>
      <c r="AO2805">
        <v>0</v>
      </c>
      <c r="AP2805">
        <v>0</v>
      </c>
      <c r="AQ2805">
        <v>0</v>
      </c>
      <c r="AR2805">
        <v>0</v>
      </c>
      <c r="AS2805">
        <v>0</v>
      </c>
      <c r="AT2805">
        <v>0</v>
      </c>
      <c r="AU2805">
        <v>0</v>
      </c>
      <c r="AV2805">
        <v>0</v>
      </c>
      <c r="AW2805">
        <v>0</v>
      </c>
      <c r="AX2805">
        <v>-108</v>
      </c>
      <c r="AY2805">
        <v>32</v>
      </c>
      <c r="AZ2805">
        <v>50</v>
      </c>
      <c r="BA2805">
        <v>4043</v>
      </c>
    </row>
    <row r="2806" spans="1:53" x14ac:dyDescent="0.4">
      <c r="A2806">
        <v>2850</v>
      </c>
      <c r="B2806" s="1">
        <v>43735</v>
      </c>
      <c r="C2806">
        <v>3</v>
      </c>
      <c r="D2806" s="1">
        <v>43735.749305555553</v>
      </c>
      <c r="E2806" s="1">
        <v>43735.963194444441</v>
      </c>
      <c r="F2806">
        <v>112500</v>
      </c>
      <c r="G2806">
        <v>5450</v>
      </c>
      <c r="H2806">
        <v>0</v>
      </c>
      <c r="I2806">
        <v>0</v>
      </c>
      <c r="J2806">
        <v>0</v>
      </c>
      <c r="K2806">
        <v>0</v>
      </c>
      <c r="L2806">
        <v>0</v>
      </c>
      <c r="M2806">
        <v>9435</v>
      </c>
      <c r="N2806">
        <v>0</v>
      </c>
      <c r="O2806">
        <v>0</v>
      </c>
      <c r="P2806">
        <v>-11340</v>
      </c>
      <c r="Q2806">
        <v>0</v>
      </c>
      <c r="R2806">
        <v>116045</v>
      </c>
      <c r="S2806">
        <v>0</v>
      </c>
      <c r="T2806">
        <v>0</v>
      </c>
      <c r="U2806">
        <v>0</v>
      </c>
      <c r="V2806">
        <v>6</v>
      </c>
      <c r="W2806">
        <v>1</v>
      </c>
      <c r="X2806">
        <v>0</v>
      </c>
      <c r="Y2806">
        <v>55</v>
      </c>
      <c r="Z2806">
        <v>16</v>
      </c>
      <c r="AA2806">
        <v>82</v>
      </c>
      <c r="AB2806">
        <v>16</v>
      </c>
      <c r="AC2806">
        <v>139</v>
      </c>
      <c r="AD2806">
        <v>61</v>
      </c>
      <c r="AE2806">
        <v>44</v>
      </c>
      <c r="AF2806">
        <v>56142</v>
      </c>
      <c r="AG2806">
        <v>194881</v>
      </c>
      <c r="AH2806">
        <v>50000</v>
      </c>
      <c r="AI2806">
        <v>0</v>
      </c>
      <c r="AJ2806">
        <v>100</v>
      </c>
      <c r="AK2806" t="s">
        <v>0</v>
      </c>
      <c r="AL2806">
        <v>0</v>
      </c>
      <c r="AM2806">
        <v>0</v>
      </c>
      <c r="AN2806">
        <v>0</v>
      </c>
      <c r="AO2806">
        <v>0</v>
      </c>
      <c r="AP2806">
        <v>0</v>
      </c>
      <c r="AQ2806">
        <v>0</v>
      </c>
      <c r="AR2806">
        <v>0</v>
      </c>
      <c r="AS2806">
        <v>0</v>
      </c>
      <c r="AT2806">
        <v>0</v>
      </c>
      <c r="AU2806">
        <v>0</v>
      </c>
      <c r="AV2806">
        <v>0</v>
      </c>
      <c r="AW2806">
        <v>0</v>
      </c>
      <c r="AX2806">
        <v>70297</v>
      </c>
      <c r="AY2806">
        <v>25</v>
      </c>
      <c r="AZ2806">
        <v>125</v>
      </c>
      <c r="BA2806">
        <v>3315</v>
      </c>
    </row>
    <row r="2807" spans="1:53" x14ac:dyDescent="0.4">
      <c r="A2807">
        <v>2851</v>
      </c>
      <c r="B2807" s="1">
        <v>43736</v>
      </c>
      <c r="C2807">
        <v>1</v>
      </c>
      <c r="D2807" s="1">
        <v>43736.291666666664</v>
      </c>
      <c r="E2807" s="1">
        <v>43736.407638888886</v>
      </c>
      <c r="F2807">
        <v>0</v>
      </c>
      <c r="G2807">
        <v>0</v>
      </c>
      <c r="H2807">
        <v>0</v>
      </c>
      <c r="I2807">
        <v>0</v>
      </c>
      <c r="J2807">
        <v>0</v>
      </c>
      <c r="K2807">
        <v>0</v>
      </c>
      <c r="L2807">
        <v>0</v>
      </c>
      <c r="M2807">
        <v>0</v>
      </c>
      <c r="N2807">
        <v>0</v>
      </c>
      <c r="O2807">
        <v>0</v>
      </c>
      <c r="P2807">
        <v>0</v>
      </c>
      <c r="Q2807">
        <v>0</v>
      </c>
      <c r="R2807">
        <v>0</v>
      </c>
      <c r="S2807">
        <v>0</v>
      </c>
      <c r="T2807">
        <v>0</v>
      </c>
      <c r="U2807">
        <v>0</v>
      </c>
      <c r="V2807">
        <v>0</v>
      </c>
      <c r="W2807">
        <v>0</v>
      </c>
      <c r="X2807">
        <v>0</v>
      </c>
      <c r="Y2807">
        <v>35</v>
      </c>
      <c r="Z2807">
        <v>10</v>
      </c>
      <c r="AA2807">
        <v>80</v>
      </c>
      <c r="AB2807">
        <v>13</v>
      </c>
      <c r="AC2807">
        <v>103</v>
      </c>
      <c r="AD2807">
        <v>56</v>
      </c>
      <c r="AE2807">
        <v>40</v>
      </c>
      <c r="AF2807">
        <v>0</v>
      </c>
      <c r="AG2807">
        <v>50000</v>
      </c>
      <c r="AH2807">
        <v>50000</v>
      </c>
      <c r="AI2807">
        <v>0</v>
      </c>
      <c r="AJ2807">
        <v>0</v>
      </c>
      <c r="AK2807" t="s">
        <v>6</v>
      </c>
      <c r="AL2807">
        <v>0</v>
      </c>
      <c r="AM2807">
        <v>0</v>
      </c>
      <c r="AN2807">
        <v>0</v>
      </c>
      <c r="AO2807">
        <v>0</v>
      </c>
      <c r="AP2807">
        <v>0</v>
      </c>
      <c r="AQ2807">
        <v>0</v>
      </c>
      <c r="AR2807">
        <v>0</v>
      </c>
      <c r="AS2807">
        <v>0</v>
      </c>
      <c r="AT2807">
        <v>0</v>
      </c>
      <c r="AU2807">
        <v>0</v>
      </c>
      <c r="AV2807">
        <v>0</v>
      </c>
      <c r="AW2807">
        <v>0</v>
      </c>
      <c r="AX2807">
        <v>0</v>
      </c>
      <c r="AY2807">
        <v>0</v>
      </c>
      <c r="AZ2807">
        <v>0</v>
      </c>
      <c r="BA2807">
        <v>0</v>
      </c>
    </row>
    <row r="2808" spans="1:53" x14ac:dyDescent="0.4">
      <c r="A2808">
        <v>2852</v>
      </c>
      <c r="B2808" s="1">
        <v>43736</v>
      </c>
      <c r="C2808">
        <v>2</v>
      </c>
      <c r="D2808" s="1">
        <v>43736.407638888886</v>
      </c>
      <c r="E2808" s="1">
        <v>43736.73541666667</v>
      </c>
      <c r="F2808">
        <v>41000</v>
      </c>
      <c r="G2808">
        <v>3560</v>
      </c>
      <c r="H2808">
        <v>200</v>
      </c>
      <c r="I2808">
        <v>0</v>
      </c>
      <c r="J2808">
        <v>0</v>
      </c>
      <c r="K2808">
        <v>400</v>
      </c>
      <c r="L2808">
        <v>0</v>
      </c>
      <c r="M2808">
        <v>3612</v>
      </c>
      <c r="N2808">
        <v>0</v>
      </c>
      <c r="O2808">
        <v>0</v>
      </c>
      <c r="P2808">
        <v>16200</v>
      </c>
      <c r="Q2808">
        <v>0</v>
      </c>
      <c r="R2808">
        <v>64972</v>
      </c>
      <c r="S2808">
        <v>0</v>
      </c>
      <c r="T2808">
        <v>0</v>
      </c>
      <c r="U2808">
        <v>0</v>
      </c>
      <c r="V2808">
        <v>0</v>
      </c>
      <c r="W2808">
        <v>1</v>
      </c>
      <c r="X2808">
        <v>0</v>
      </c>
      <c r="Y2808">
        <v>81</v>
      </c>
      <c r="Z2808">
        <v>25</v>
      </c>
      <c r="AA2808">
        <v>119</v>
      </c>
      <c r="AB2808">
        <v>31</v>
      </c>
      <c r="AC2808">
        <v>162</v>
      </c>
      <c r="AD2808">
        <v>56</v>
      </c>
      <c r="AE2808">
        <v>42</v>
      </c>
      <c r="AF2808">
        <v>1080</v>
      </c>
      <c r="AG2808">
        <v>114972</v>
      </c>
      <c r="AH2808">
        <v>50000</v>
      </c>
      <c r="AI2808">
        <v>0</v>
      </c>
      <c r="AJ2808">
        <v>93</v>
      </c>
      <c r="AK2808" t="s">
        <v>20</v>
      </c>
      <c r="AL2808">
        <v>0</v>
      </c>
      <c r="AM2808">
        <v>0</v>
      </c>
      <c r="AN2808">
        <v>0</v>
      </c>
      <c r="AO2808">
        <v>0</v>
      </c>
      <c r="AP2808">
        <v>0</v>
      </c>
      <c r="AQ2808">
        <v>0</v>
      </c>
      <c r="AR2808">
        <v>0</v>
      </c>
      <c r="AS2808">
        <v>0</v>
      </c>
      <c r="AT2808">
        <v>0</v>
      </c>
      <c r="AU2808">
        <v>0</v>
      </c>
      <c r="AV2808">
        <v>0</v>
      </c>
      <c r="AW2808">
        <v>0</v>
      </c>
      <c r="AX2808">
        <v>583</v>
      </c>
      <c r="AY2808">
        <v>50</v>
      </c>
      <c r="AZ2808">
        <v>108</v>
      </c>
      <c r="BA2808">
        <v>7704</v>
      </c>
    </row>
    <row r="2809" spans="1:53" x14ac:dyDescent="0.4">
      <c r="A2809">
        <v>2853</v>
      </c>
      <c r="B2809" s="1">
        <v>43736</v>
      </c>
      <c r="C2809">
        <v>3</v>
      </c>
      <c r="D2809" s="1">
        <v>43736.73541666667</v>
      </c>
      <c r="E2809" s="1">
        <v>43736.962500000001</v>
      </c>
      <c r="F2809">
        <v>52600</v>
      </c>
      <c r="G2809">
        <v>3290</v>
      </c>
      <c r="H2809">
        <v>200</v>
      </c>
      <c r="I2809">
        <v>0</v>
      </c>
      <c r="J2809">
        <v>0</v>
      </c>
      <c r="K2809">
        <v>0</v>
      </c>
      <c r="L2809">
        <v>0</v>
      </c>
      <c r="M2809">
        <v>4487</v>
      </c>
      <c r="N2809">
        <v>0</v>
      </c>
      <c r="O2809">
        <v>0</v>
      </c>
      <c r="P2809">
        <v>6480</v>
      </c>
      <c r="Q2809">
        <v>0</v>
      </c>
      <c r="R2809">
        <v>67057</v>
      </c>
      <c r="S2809">
        <v>0</v>
      </c>
      <c r="T2809">
        <v>0</v>
      </c>
      <c r="U2809">
        <v>0</v>
      </c>
      <c r="V2809">
        <v>5</v>
      </c>
      <c r="W2809">
        <v>1</v>
      </c>
      <c r="X2809">
        <v>0</v>
      </c>
      <c r="Y2809">
        <v>100</v>
      </c>
      <c r="Z2809">
        <v>23</v>
      </c>
      <c r="AA2809">
        <v>108</v>
      </c>
      <c r="AB2809">
        <v>32</v>
      </c>
      <c r="AC2809">
        <v>172</v>
      </c>
      <c r="AD2809">
        <v>57</v>
      </c>
      <c r="AE2809">
        <v>44</v>
      </c>
      <c r="AF2809">
        <v>1080</v>
      </c>
      <c r="AG2809">
        <v>182029</v>
      </c>
      <c r="AH2809">
        <v>50000</v>
      </c>
      <c r="AI2809">
        <v>0</v>
      </c>
      <c r="AJ2809">
        <v>108</v>
      </c>
      <c r="AK2809" t="s">
        <v>30</v>
      </c>
      <c r="AL2809">
        <v>0</v>
      </c>
      <c r="AM2809">
        <v>0</v>
      </c>
      <c r="AN2809">
        <v>0</v>
      </c>
      <c r="AO2809">
        <v>0</v>
      </c>
      <c r="AP2809">
        <v>0</v>
      </c>
      <c r="AQ2809">
        <v>0</v>
      </c>
      <c r="AR2809">
        <v>0</v>
      </c>
      <c r="AS2809">
        <v>0</v>
      </c>
      <c r="AT2809">
        <v>0</v>
      </c>
      <c r="AU2809">
        <v>0</v>
      </c>
      <c r="AV2809">
        <v>0</v>
      </c>
      <c r="AW2809">
        <v>0</v>
      </c>
      <c r="AX2809">
        <v>88203</v>
      </c>
      <c r="AY2809">
        <v>27</v>
      </c>
      <c r="AZ2809">
        <v>96</v>
      </c>
      <c r="BA2809">
        <v>3390</v>
      </c>
    </row>
    <row r="2810" spans="1:53" x14ac:dyDescent="0.4">
      <c r="A2810">
        <v>2854</v>
      </c>
      <c r="B2810" s="1">
        <v>43736</v>
      </c>
      <c r="C2810">
        <v>4</v>
      </c>
      <c r="D2810" s="1">
        <v>43736.962500000001</v>
      </c>
      <c r="E2810" s="1">
        <v>43737.095138888886</v>
      </c>
      <c r="F2810">
        <v>147500</v>
      </c>
      <c r="G2810">
        <v>13900</v>
      </c>
      <c r="H2810">
        <v>0</v>
      </c>
      <c r="I2810">
        <v>0</v>
      </c>
      <c r="J2810">
        <v>0</v>
      </c>
      <c r="K2810">
        <v>0</v>
      </c>
      <c r="L2810">
        <v>0</v>
      </c>
      <c r="M2810">
        <v>12912</v>
      </c>
      <c r="N2810">
        <v>0</v>
      </c>
      <c r="O2810">
        <v>0</v>
      </c>
      <c r="P2810">
        <v>35208</v>
      </c>
      <c r="Q2810">
        <v>0</v>
      </c>
      <c r="R2810">
        <v>209520</v>
      </c>
      <c r="S2810">
        <v>0</v>
      </c>
      <c r="T2810">
        <v>0</v>
      </c>
      <c r="U2810">
        <v>0</v>
      </c>
      <c r="V2810">
        <v>16</v>
      </c>
      <c r="W2810">
        <v>6</v>
      </c>
      <c r="X2810">
        <v>0</v>
      </c>
      <c r="Y2810">
        <v>154</v>
      </c>
      <c r="Z2810">
        <v>25</v>
      </c>
      <c r="AA2810">
        <v>138</v>
      </c>
      <c r="AB2810">
        <v>32</v>
      </c>
      <c r="AC2810">
        <v>168</v>
      </c>
      <c r="AD2810">
        <v>52</v>
      </c>
      <c r="AE2810">
        <v>29</v>
      </c>
      <c r="AF2810">
        <v>17680</v>
      </c>
      <c r="AG2810">
        <v>391549</v>
      </c>
      <c r="AH2810">
        <v>50000</v>
      </c>
      <c r="AI2810">
        <v>0</v>
      </c>
      <c r="AJ2810">
        <v>108</v>
      </c>
      <c r="AK2810" t="s">
        <v>30</v>
      </c>
      <c r="AL2810">
        <v>0</v>
      </c>
      <c r="AM2810">
        <v>0</v>
      </c>
      <c r="AN2810">
        <v>0</v>
      </c>
      <c r="AO2810">
        <v>0</v>
      </c>
      <c r="AP2810">
        <v>0</v>
      </c>
      <c r="AQ2810">
        <v>0</v>
      </c>
      <c r="AR2810">
        <v>0</v>
      </c>
      <c r="AS2810">
        <v>0</v>
      </c>
      <c r="AT2810">
        <v>0</v>
      </c>
      <c r="AU2810">
        <v>0</v>
      </c>
      <c r="AV2810">
        <v>0</v>
      </c>
      <c r="AW2810">
        <v>0</v>
      </c>
      <c r="AX2810">
        <v>45046</v>
      </c>
      <c r="AY2810">
        <v>16</v>
      </c>
      <c r="AZ2810">
        <v>68</v>
      </c>
      <c r="BA2810">
        <v>2852</v>
      </c>
    </row>
    <row r="2811" spans="1:53" x14ac:dyDescent="0.4">
      <c r="A2811">
        <v>2855</v>
      </c>
      <c r="B2811" s="1">
        <v>43737</v>
      </c>
      <c r="C2811">
        <v>1</v>
      </c>
      <c r="D2811" s="1">
        <v>43737.291666666664</v>
      </c>
      <c r="E2811" s="1">
        <v>43737.402777777781</v>
      </c>
      <c r="F2811">
        <v>0</v>
      </c>
      <c r="G2811">
        <v>0</v>
      </c>
      <c r="H2811">
        <v>0</v>
      </c>
      <c r="I2811">
        <v>0</v>
      </c>
      <c r="J2811">
        <v>0</v>
      </c>
      <c r="K2811">
        <v>0</v>
      </c>
      <c r="L2811">
        <v>0</v>
      </c>
      <c r="M2811">
        <v>0</v>
      </c>
      <c r="N2811">
        <v>0</v>
      </c>
      <c r="O2811">
        <v>0</v>
      </c>
      <c r="P2811">
        <v>0</v>
      </c>
      <c r="Q2811">
        <v>0</v>
      </c>
      <c r="R2811">
        <v>0</v>
      </c>
      <c r="S2811">
        <v>0</v>
      </c>
      <c r="T2811">
        <v>0</v>
      </c>
      <c r="U2811">
        <v>0</v>
      </c>
      <c r="V2811">
        <v>0</v>
      </c>
      <c r="W2811">
        <v>0</v>
      </c>
      <c r="X2811">
        <v>0</v>
      </c>
      <c r="Y2811">
        <v>27</v>
      </c>
      <c r="Z2811">
        <v>11</v>
      </c>
      <c r="AA2811">
        <v>144</v>
      </c>
      <c r="AB2811">
        <v>34</v>
      </c>
      <c r="AC2811">
        <v>113</v>
      </c>
      <c r="AD2811">
        <v>49</v>
      </c>
      <c r="AE2811">
        <v>25</v>
      </c>
      <c r="AF2811">
        <v>0</v>
      </c>
      <c r="AG2811">
        <v>50000</v>
      </c>
      <c r="AH2811">
        <v>50000</v>
      </c>
      <c r="AI2811">
        <v>0</v>
      </c>
      <c r="AJ2811">
        <v>0</v>
      </c>
      <c r="AK2811" t="s">
        <v>6</v>
      </c>
      <c r="AL2811">
        <v>0</v>
      </c>
      <c r="AM2811">
        <v>0</v>
      </c>
      <c r="AN2811">
        <v>0</v>
      </c>
      <c r="AO2811">
        <v>0</v>
      </c>
      <c r="AP2811">
        <v>0</v>
      </c>
      <c r="AQ2811">
        <v>0</v>
      </c>
      <c r="AR2811">
        <v>0</v>
      </c>
      <c r="AS2811">
        <v>0</v>
      </c>
      <c r="AT2811">
        <v>0</v>
      </c>
      <c r="AU2811">
        <v>0</v>
      </c>
      <c r="AV2811">
        <v>0</v>
      </c>
      <c r="AW2811">
        <v>0</v>
      </c>
      <c r="AX2811">
        <v>0</v>
      </c>
      <c r="AY2811">
        <v>0</v>
      </c>
      <c r="AZ2811">
        <v>0</v>
      </c>
      <c r="BA2811">
        <v>0</v>
      </c>
    </row>
    <row r="2812" spans="1:53" x14ac:dyDescent="0.4">
      <c r="A2812">
        <v>2856</v>
      </c>
      <c r="B2812" s="1">
        <v>43737</v>
      </c>
      <c r="C2812">
        <v>2</v>
      </c>
      <c r="D2812" s="1">
        <v>43737.402777777781</v>
      </c>
      <c r="E2812" s="1">
        <v>43737.742361111108</v>
      </c>
      <c r="F2812">
        <v>46500</v>
      </c>
      <c r="G2812">
        <v>1040</v>
      </c>
      <c r="H2812">
        <v>200</v>
      </c>
      <c r="I2812">
        <v>0</v>
      </c>
      <c r="J2812">
        <v>500</v>
      </c>
      <c r="K2812">
        <v>0</v>
      </c>
      <c r="L2812">
        <v>0</v>
      </c>
      <c r="M2812">
        <v>3778</v>
      </c>
      <c r="N2812">
        <v>0</v>
      </c>
      <c r="O2812">
        <v>0</v>
      </c>
      <c r="P2812">
        <v>23220</v>
      </c>
      <c r="Q2812">
        <v>0</v>
      </c>
      <c r="R2812">
        <v>74238</v>
      </c>
      <c r="S2812">
        <v>0</v>
      </c>
      <c r="T2812">
        <v>0</v>
      </c>
      <c r="U2812">
        <v>0</v>
      </c>
      <c r="V2812">
        <v>0</v>
      </c>
      <c r="W2812">
        <v>1</v>
      </c>
      <c r="X2812">
        <v>0</v>
      </c>
      <c r="Y2812">
        <v>84</v>
      </c>
      <c r="Z2812">
        <v>32</v>
      </c>
      <c r="AA2812">
        <v>138</v>
      </c>
      <c r="AB2812">
        <v>16</v>
      </c>
      <c r="AC2812">
        <v>165</v>
      </c>
      <c r="AD2812">
        <v>52</v>
      </c>
      <c r="AE2812">
        <v>28</v>
      </c>
      <c r="AF2812">
        <v>2700</v>
      </c>
      <c r="AG2812">
        <v>124238</v>
      </c>
      <c r="AH2812">
        <v>50000</v>
      </c>
      <c r="AI2812">
        <v>0</v>
      </c>
      <c r="AJ2812">
        <v>82</v>
      </c>
      <c r="AK2812" t="s">
        <v>41</v>
      </c>
      <c r="AL2812">
        <v>0</v>
      </c>
      <c r="AM2812">
        <v>0</v>
      </c>
      <c r="AN2812">
        <v>0</v>
      </c>
      <c r="AO2812">
        <v>0</v>
      </c>
      <c r="AP2812">
        <v>0</v>
      </c>
      <c r="AQ2812">
        <v>0</v>
      </c>
      <c r="AR2812">
        <v>0</v>
      </c>
      <c r="AS2812">
        <v>0</v>
      </c>
      <c r="AT2812">
        <v>0</v>
      </c>
      <c r="AU2812">
        <v>0</v>
      </c>
      <c r="AV2812">
        <v>0</v>
      </c>
      <c r="AW2812">
        <v>0</v>
      </c>
      <c r="AX2812">
        <v>0</v>
      </c>
      <c r="AY2812">
        <v>51</v>
      </c>
      <c r="AZ2812">
        <v>127</v>
      </c>
      <c r="BA2812">
        <v>7928</v>
      </c>
    </row>
    <row r="2813" spans="1:53" x14ac:dyDescent="0.4">
      <c r="A2813">
        <v>2857</v>
      </c>
      <c r="B2813" s="1">
        <v>43737</v>
      </c>
      <c r="C2813">
        <v>3</v>
      </c>
      <c r="D2813" s="1">
        <v>43737.742361111108</v>
      </c>
      <c r="E2813" s="1">
        <v>43737.95208333333</v>
      </c>
      <c r="F2813">
        <v>27160</v>
      </c>
      <c r="G2813">
        <v>540</v>
      </c>
      <c r="H2813">
        <v>0</v>
      </c>
      <c r="I2813">
        <v>0</v>
      </c>
      <c r="J2813">
        <v>0</v>
      </c>
      <c r="K2813">
        <v>0</v>
      </c>
      <c r="L2813">
        <v>0</v>
      </c>
      <c r="M2813">
        <v>2216</v>
      </c>
      <c r="N2813">
        <v>0</v>
      </c>
      <c r="O2813">
        <v>0</v>
      </c>
      <c r="P2813">
        <v>-21060</v>
      </c>
      <c r="Q2813">
        <v>0</v>
      </c>
      <c r="R2813">
        <v>8856</v>
      </c>
      <c r="S2813">
        <v>0</v>
      </c>
      <c r="T2813">
        <v>0</v>
      </c>
      <c r="U2813">
        <v>0</v>
      </c>
      <c r="V2813">
        <v>1</v>
      </c>
      <c r="W2813">
        <v>0</v>
      </c>
      <c r="X2813">
        <v>0</v>
      </c>
      <c r="Y2813">
        <v>83</v>
      </c>
      <c r="Z2813">
        <v>32</v>
      </c>
      <c r="AA2813">
        <v>139</v>
      </c>
      <c r="AB2813">
        <v>16</v>
      </c>
      <c r="AC2813">
        <v>159</v>
      </c>
      <c r="AD2813">
        <v>53</v>
      </c>
      <c r="AE2813">
        <v>22</v>
      </c>
      <c r="AF2813">
        <v>7517</v>
      </c>
      <c r="AG2813">
        <v>133094</v>
      </c>
      <c r="AH2813">
        <v>50000</v>
      </c>
      <c r="AI2813">
        <v>0</v>
      </c>
      <c r="AJ2813">
        <v>99</v>
      </c>
      <c r="AK2813" t="s">
        <v>9</v>
      </c>
      <c r="AL2813">
        <v>0</v>
      </c>
      <c r="AM2813">
        <v>0</v>
      </c>
      <c r="AN2813">
        <v>0</v>
      </c>
      <c r="AO2813">
        <v>0</v>
      </c>
      <c r="AP2813">
        <v>0</v>
      </c>
      <c r="AQ2813">
        <v>0</v>
      </c>
      <c r="AR2813">
        <v>0</v>
      </c>
      <c r="AS2813">
        <v>0</v>
      </c>
      <c r="AT2813">
        <v>0</v>
      </c>
      <c r="AU2813">
        <v>0</v>
      </c>
      <c r="AV2813">
        <v>0</v>
      </c>
      <c r="AW2813">
        <v>0</v>
      </c>
      <c r="AX2813">
        <v>28231</v>
      </c>
      <c r="AY2813">
        <v>11</v>
      </c>
      <c r="AZ2813">
        <v>29</v>
      </c>
      <c r="BA2813">
        <v>2183</v>
      </c>
    </row>
    <row r="2814" spans="1:53" x14ac:dyDescent="0.4">
      <c r="A2814">
        <v>2858</v>
      </c>
      <c r="B2814" s="1">
        <v>43738</v>
      </c>
      <c r="C2814">
        <v>1</v>
      </c>
      <c r="D2814" s="1">
        <v>43738.291666666664</v>
      </c>
      <c r="E2814" s="1">
        <v>43738.452777777777</v>
      </c>
      <c r="F2814">
        <v>0</v>
      </c>
      <c r="G2814">
        <v>0</v>
      </c>
      <c r="H2814">
        <v>0</v>
      </c>
      <c r="I2814">
        <v>0</v>
      </c>
      <c r="J2814">
        <v>0</v>
      </c>
      <c r="K2814">
        <v>0</v>
      </c>
      <c r="L2814">
        <v>0</v>
      </c>
      <c r="M2814">
        <v>0</v>
      </c>
      <c r="N2814">
        <v>0</v>
      </c>
      <c r="O2814">
        <v>0</v>
      </c>
      <c r="P2814">
        <v>0</v>
      </c>
      <c r="Q2814">
        <v>0</v>
      </c>
      <c r="R2814">
        <v>0</v>
      </c>
      <c r="S2814">
        <v>0</v>
      </c>
      <c r="T2814">
        <v>0</v>
      </c>
      <c r="U2814">
        <v>0</v>
      </c>
      <c r="V2814">
        <v>0</v>
      </c>
      <c r="W2814">
        <v>0</v>
      </c>
      <c r="X2814">
        <v>0</v>
      </c>
      <c r="Y2814">
        <v>30</v>
      </c>
      <c r="Z2814">
        <v>11</v>
      </c>
      <c r="AA2814">
        <v>123</v>
      </c>
      <c r="AB2814">
        <v>14</v>
      </c>
      <c r="AC2814">
        <v>121</v>
      </c>
      <c r="AD2814">
        <v>54</v>
      </c>
      <c r="AE2814">
        <v>20</v>
      </c>
      <c r="AF2814">
        <v>0</v>
      </c>
      <c r="AG2814">
        <v>50000</v>
      </c>
      <c r="AH2814">
        <v>0</v>
      </c>
      <c r="AI2814">
        <v>50000</v>
      </c>
      <c r="AJ2814">
        <v>0</v>
      </c>
      <c r="AK2814" t="s">
        <v>6</v>
      </c>
      <c r="AL2814">
        <v>0</v>
      </c>
      <c r="AM2814">
        <v>0</v>
      </c>
      <c r="AN2814">
        <v>0</v>
      </c>
      <c r="AO2814">
        <v>0</v>
      </c>
      <c r="AP2814">
        <v>0</v>
      </c>
      <c r="AQ2814">
        <v>0</v>
      </c>
      <c r="AR2814">
        <v>0</v>
      </c>
      <c r="AS2814">
        <v>0</v>
      </c>
      <c r="AT2814">
        <v>0</v>
      </c>
      <c r="AU2814">
        <v>0</v>
      </c>
      <c r="AV2814">
        <v>0</v>
      </c>
      <c r="AW2814">
        <v>0</v>
      </c>
      <c r="AX2814">
        <v>0</v>
      </c>
      <c r="AY2814">
        <v>0</v>
      </c>
      <c r="AZ2814">
        <v>0</v>
      </c>
      <c r="BA2814">
        <v>0</v>
      </c>
    </row>
    <row r="2815" spans="1:53" x14ac:dyDescent="0.4">
      <c r="A2815">
        <v>2859</v>
      </c>
      <c r="B2815" s="1">
        <v>43738</v>
      </c>
      <c r="C2815">
        <v>2</v>
      </c>
      <c r="D2815" s="1">
        <v>43738.452777777777</v>
      </c>
      <c r="E2815" s="1">
        <v>43738.745833333334</v>
      </c>
      <c r="F2815">
        <v>18000</v>
      </c>
      <c r="G2815">
        <v>3040</v>
      </c>
      <c r="H2815">
        <v>200</v>
      </c>
      <c r="I2815">
        <v>0</v>
      </c>
      <c r="J2815">
        <v>0</v>
      </c>
      <c r="K2815">
        <v>0</v>
      </c>
      <c r="L2815">
        <v>0</v>
      </c>
      <c r="M2815">
        <v>1699</v>
      </c>
      <c r="N2815">
        <v>0</v>
      </c>
      <c r="O2815">
        <v>0</v>
      </c>
      <c r="P2815">
        <v>14580</v>
      </c>
      <c r="Q2815">
        <v>0</v>
      </c>
      <c r="R2815">
        <v>37519</v>
      </c>
      <c r="S2815">
        <v>0</v>
      </c>
      <c r="T2815">
        <v>0</v>
      </c>
      <c r="U2815">
        <v>0</v>
      </c>
      <c r="V2815">
        <v>4</v>
      </c>
      <c r="W2815">
        <v>0</v>
      </c>
      <c r="X2815">
        <v>0</v>
      </c>
      <c r="Y2815">
        <v>15</v>
      </c>
      <c r="Z2815">
        <v>28</v>
      </c>
      <c r="AA2815">
        <v>133</v>
      </c>
      <c r="AB2815">
        <v>16</v>
      </c>
      <c r="AC2815">
        <v>165</v>
      </c>
      <c r="AD2815">
        <v>54</v>
      </c>
      <c r="AE2815">
        <v>11</v>
      </c>
      <c r="AF2815">
        <v>2488</v>
      </c>
      <c r="AG2815">
        <v>87519</v>
      </c>
      <c r="AH2815">
        <v>50000</v>
      </c>
      <c r="AI2815">
        <v>0</v>
      </c>
      <c r="AJ2815">
        <v>96</v>
      </c>
      <c r="AK2815" t="s">
        <v>4</v>
      </c>
      <c r="AL2815">
        <v>0</v>
      </c>
      <c r="AM2815">
        <v>0</v>
      </c>
      <c r="AN2815">
        <v>0</v>
      </c>
      <c r="AO2815">
        <v>0</v>
      </c>
      <c r="AP2815">
        <v>0</v>
      </c>
      <c r="AQ2815">
        <v>0</v>
      </c>
      <c r="AR2815">
        <v>0</v>
      </c>
      <c r="AS2815">
        <v>0</v>
      </c>
      <c r="AT2815">
        <v>0</v>
      </c>
      <c r="AU2815">
        <v>0</v>
      </c>
      <c r="AV2815">
        <v>0</v>
      </c>
      <c r="AW2815">
        <v>0</v>
      </c>
      <c r="AX2815">
        <v>0</v>
      </c>
      <c r="AY2815">
        <v>35</v>
      </c>
      <c r="AZ2815">
        <v>63</v>
      </c>
      <c r="BA2815">
        <v>4501</v>
      </c>
    </row>
    <row r="2816" spans="1:53" x14ac:dyDescent="0.4">
      <c r="A2816">
        <v>2860</v>
      </c>
      <c r="B2816" s="1">
        <v>43738</v>
      </c>
      <c r="C2816">
        <v>3</v>
      </c>
      <c r="D2816" s="1">
        <v>43738.745833333334</v>
      </c>
      <c r="E2816" s="1">
        <v>43738.956944444442</v>
      </c>
      <c r="F2816">
        <v>28900</v>
      </c>
      <c r="G2816">
        <v>0</v>
      </c>
      <c r="H2816">
        <v>0</v>
      </c>
      <c r="I2816">
        <v>0</v>
      </c>
      <c r="J2816">
        <v>0</v>
      </c>
      <c r="K2816">
        <v>0</v>
      </c>
      <c r="L2816">
        <v>0</v>
      </c>
      <c r="M2816">
        <v>2312</v>
      </c>
      <c r="N2816">
        <v>0</v>
      </c>
      <c r="O2816">
        <v>0</v>
      </c>
      <c r="P2816">
        <v>-8100</v>
      </c>
      <c r="Q2816">
        <v>0</v>
      </c>
      <c r="R2816">
        <v>23112</v>
      </c>
      <c r="S2816">
        <v>0</v>
      </c>
      <c r="T2816">
        <v>0</v>
      </c>
      <c r="U2816">
        <v>0</v>
      </c>
      <c r="V2816">
        <v>5</v>
      </c>
      <c r="W2816">
        <v>1</v>
      </c>
      <c r="X2816">
        <v>0</v>
      </c>
      <c r="Y2816">
        <v>26</v>
      </c>
      <c r="Z2816">
        <v>14</v>
      </c>
      <c r="AA2816">
        <v>128</v>
      </c>
      <c r="AB2816">
        <v>13</v>
      </c>
      <c r="AC2816">
        <v>165</v>
      </c>
      <c r="AD2816">
        <v>53</v>
      </c>
      <c r="AE2816">
        <v>6</v>
      </c>
      <c r="AF2816">
        <v>7240</v>
      </c>
      <c r="AG2816">
        <v>110611</v>
      </c>
      <c r="AH2816">
        <v>50000</v>
      </c>
      <c r="AI2816">
        <v>-20</v>
      </c>
      <c r="AJ2816">
        <v>107</v>
      </c>
      <c r="AK2816" t="s">
        <v>40</v>
      </c>
      <c r="AL2816">
        <v>0</v>
      </c>
      <c r="AM2816">
        <v>0</v>
      </c>
      <c r="AN2816">
        <v>0</v>
      </c>
      <c r="AO2816">
        <v>0</v>
      </c>
      <c r="AP2816">
        <v>0</v>
      </c>
      <c r="AQ2816">
        <v>0</v>
      </c>
      <c r="AR2816">
        <v>0</v>
      </c>
      <c r="AS2816">
        <v>0</v>
      </c>
      <c r="AT2816">
        <v>0</v>
      </c>
      <c r="AU2816">
        <v>0</v>
      </c>
      <c r="AV2816">
        <v>0</v>
      </c>
      <c r="AW2816">
        <v>0</v>
      </c>
      <c r="AX2816">
        <v>14796</v>
      </c>
      <c r="AY2816">
        <v>16</v>
      </c>
      <c r="AZ2816">
        <v>35</v>
      </c>
      <c r="BA2816">
        <v>2569</v>
      </c>
    </row>
    <row r="2817" spans="1:53" x14ac:dyDescent="0.4">
      <c r="A2817">
        <v>2861</v>
      </c>
      <c r="B2817" s="1">
        <v>43739</v>
      </c>
      <c r="C2817">
        <v>1</v>
      </c>
      <c r="D2817" s="1">
        <v>43739.291666666664</v>
      </c>
      <c r="E2817" s="1">
        <v>43739.445833333331</v>
      </c>
      <c r="F2817">
        <v>0</v>
      </c>
      <c r="G2817">
        <v>0</v>
      </c>
      <c r="H2817">
        <v>0</v>
      </c>
      <c r="I2817">
        <v>0</v>
      </c>
      <c r="J2817">
        <v>0</v>
      </c>
      <c r="K2817">
        <v>0</v>
      </c>
      <c r="L2817">
        <v>0</v>
      </c>
      <c r="M2817">
        <v>0</v>
      </c>
      <c r="N2817">
        <v>0</v>
      </c>
      <c r="O2817">
        <v>0</v>
      </c>
      <c r="P2817">
        <v>0</v>
      </c>
      <c r="Q2817">
        <v>0</v>
      </c>
      <c r="R2817">
        <v>0</v>
      </c>
      <c r="S2817">
        <v>0</v>
      </c>
      <c r="T2817">
        <v>0</v>
      </c>
      <c r="U2817">
        <v>0</v>
      </c>
      <c r="V2817">
        <v>0</v>
      </c>
      <c r="W2817">
        <v>1</v>
      </c>
      <c r="X2817">
        <v>0</v>
      </c>
      <c r="Y2817">
        <v>25</v>
      </c>
      <c r="Z2817">
        <v>10</v>
      </c>
      <c r="AA2817">
        <v>124</v>
      </c>
      <c r="AB2817">
        <v>13</v>
      </c>
      <c r="AC2817">
        <v>167</v>
      </c>
      <c r="AD2817">
        <v>55</v>
      </c>
      <c r="AE2817">
        <v>5</v>
      </c>
      <c r="AF2817">
        <v>0</v>
      </c>
      <c r="AG2817">
        <v>50000</v>
      </c>
      <c r="AH2817">
        <v>50000</v>
      </c>
      <c r="AI2817">
        <v>0</v>
      </c>
      <c r="AJ2817">
        <v>29</v>
      </c>
      <c r="AL2817">
        <v>0</v>
      </c>
      <c r="AM2817">
        <v>0</v>
      </c>
      <c r="AN2817">
        <v>0</v>
      </c>
      <c r="AO2817">
        <v>0</v>
      </c>
      <c r="AP2817">
        <v>0</v>
      </c>
      <c r="AQ2817">
        <v>0</v>
      </c>
      <c r="AR2817">
        <v>0</v>
      </c>
      <c r="AS2817">
        <v>0</v>
      </c>
      <c r="AT2817">
        <v>0</v>
      </c>
      <c r="AU2817">
        <v>0</v>
      </c>
      <c r="AV2817">
        <v>0</v>
      </c>
      <c r="AW2817">
        <v>0</v>
      </c>
      <c r="AX2817">
        <v>0</v>
      </c>
      <c r="AY2817">
        <v>0</v>
      </c>
      <c r="AZ2817">
        <v>0</v>
      </c>
      <c r="BA2817">
        <v>0</v>
      </c>
    </row>
    <row r="2818" spans="1:53" x14ac:dyDescent="0.4">
      <c r="A2818">
        <v>2862</v>
      </c>
      <c r="B2818" s="1">
        <v>43739</v>
      </c>
      <c r="C2818">
        <v>2</v>
      </c>
      <c r="D2818" s="1">
        <v>43739.445833333331</v>
      </c>
      <c r="E2818" s="1">
        <v>43739.736805555556</v>
      </c>
      <c r="F2818">
        <v>15500</v>
      </c>
      <c r="G2818">
        <v>880</v>
      </c>
      <c r="H2818">
        <v>0</v>
      </c>
      <c r="I2818">
        <v>0</v>
      </c>
      <c r="J2818">
        <v>0</v>
      </c>
      <c r="K2818">
        <v>0</v>
      </c>
      <c r="L2818">
        <v>0</v>
      </c>
      <c r="M2818">
        <v>1638</v>
      </c>
      <c r="N2818">
        <v>0</v>
      </c>
      <c r="O2818">
        <v>0</v>
      </c>
      <c r="P2818">
        <v>8230</v>
      </c>
      <c r="Q2818">
        <v>0</v>
      </c>
      <c r="R2818">
        <v>26248</v>
      </c>
      <c r="S2818">
        <v>0</v>
      </c>
      <c r="T2818">
        <v>0</v>
      </c>
      <c r="U2818">
        <v>0</v>
      </c>
      <c r="V2818">
        <v>2</v>
      </c>
      <c r="W2818">
        <v>0</v>
      </c>
      <c r="X2818">
        <v>0</v>
      </c>
      <c r="Y2818">
        <v>32</v>
      </c>
      <c r="Z2818">
        <v>18</v>
      </c>
      <c r="AA2818">
        <v>122</v>
      </c>
      <c r="AB2818">
        <v>16</v>
      </c>
      <c r="AC2818">
        <v>197</v>
      </c>
      <c r="AD2818">
        <v>55</v>
      </c>
      <c r="AE2818">
        <v>3</v>
      </c>
      <c r="AF2818">
        <v>0</v>
      </c>
      <c r="AG2818">
        <v>76248</v>
      </c>
      <c r="AH2818">
        <v>50000</v>
      </c>
      <c r="AI2818">
        <v>0</v>
      </c>
      <c r="AJ2818">
        <v>97</v>
      </c>
      <c r="AK2818" t="s">
        <v>33</v>
      </c>
      <c r="AL2818">
        <v>0</v>
      </c>
      <c r="AM2818">
        <v>0</v>
      </c>
      <c r="AN2818">
        <v>0</v>
      </c>
      <c r="AO2818">
        <v>0</v>
      </c>
      <c r="AP2818">
        <v>0</v>
      </c>
      <c r="AQ2818">
        <v>0</v>
      </c>
      <c r="AR2818">
        <v>0</v>
      </c>
      <c r="AS2818">
        <v>0</v>
      </c>
      <c r="AT2818">
        <v>0</v>
      </c>
      <c r="AU2818">
        <v>0</v>
      </c>
      <c r="AV2818">
        <v>0</v>
      </c>
      <c r="AW2818">
        <v>0</v>
      </c>
      <c r="AX2818">
        <v>20</v>
      </c>
      <c r="AY2818">
        <v>26</v>
      </c>
      <c r="AZ2818">
        <v>44</v>
      </c>
      <c r="BA2818">
        <v>4105</v>
      </c>
    </row>
    <row r="2819" spans="1:53" x14ac:dyDescent="0.4">
      <c r="A2819">
        <v>2863</v>
      </c>
      <c r="B2819" s="1">
        <v>43739</v>
      </c>
      <c r="C2819">
        <v>3</v>
      </c>
      <c r="D2819" s="1">
        <v>43739.736805555556</v>
      </c>
      <c r="E2819" s="1">
        <v>43739.955555555556</v>
      </c>
      <c r="F2819">
        <v>13500</v>
      </c>
      <c r="G2819">
        <v>350</v>
      </c>
      <c r="H2819">
        <v>0</v>
      </c>
      <c r="I2819">
        <v>0</v>
      </c>
      <c r="J2819">
        <v>1000</v>
      </c>
      <c r="K2819">
        <v>0</v>
      </c>
      <c r="L2819">
        <v>0</v>
      </c>
      <c r="M2819">
        <v>1285</v>
      </c>
      <c r="N2819">
        <v>0</v>
      </c>
      <c r="O2819">
        <v>0</v>
      </c>
      <c r="P2819">
        <v>-4270</v>
      </c>
      <c r="Q2819">
        <v>0</v>
      </c>
      <c r="R2819">
        <v>9865</v>
      </c>
      <c r="S2819">
        <v>0</v>
      </c>
      <c r="T2819">
        <v>0</v>
      </c>
      <c r="U2819">
        <v>0</v>
      </c>
      <c r="V2819">
        <v>2</v>
      </c>
      <c r="W2819">
        <v>2</v>
      </c>
      <c r="X2819">
        <v>0</v>
      </c>
      <c r="Y2819">
        <v>31</v>
      </c>
      <c r="Z2819">
        <v>19</v>
      </c>
      <c r="AA2819">
        <v>125</v>
      </c>
      <c r="AB2819">
        <v>17</v>
      </c>
      <c r="AC2819">
        <v>196</v>
      </c>
      <c r="AD2819">
        <v>58</v>
      </c>
      <c r="AE2819">
        <v>13</v>
      </c>
      <c r="AF2819">
        <v>0</v>
      </c>
      <c r="AG2819">
        <v>86113</v>
      </c>
      <c r="AH2819">
        <v>50000</v>
      </c>
      <c r="AI2819">
        <v>0</v>
      </c>
      <c r="AJ2819">
        <v>84</v>
      </c>
      <c r="AK2819" t="s">
        <v>16</v>
      </c>
      <c r="AL2819">
        <v>0</v>
      </c>
      <c r="AM2819">
        <v>0</v>
      </c>
      <c r="AN2819">
        <v>0</v>
      </c>
      <c r="AO2819">
        <v>0</v>
      </c>
      <c r="AP2819">
        <v>0</v>
      </c>
      <c r="AQ2819">
        <v>0</v>
      </c>
      <c r="AR2819">
        <v>0</v>
      </c>
      <c r="AS2819">
        <v>0</v>
      </c>
      <c r="AT2819">
        <v>0</v>
      </c>
      <c r="AU2819">
        <v>0</v>
      </c>
      <c r="AV2819">
        <v>0</v>
      </c>
      <c r="AW2819">
        <v>0</v>
      </c>
      <c r="AX2819">
        <v>9218</v>
      </c>
      <c r="AY2819">
        <v>9</v>
      </c>
      <c r="AZ2819">
        <v>19</v>
      </c>
      <c r="BA2819">
        <v>1104</v>
      </c>
    </row>
    <row r="2820" spans="1:53" x14ac:dyDescent="0.4">
      <c r="A2820">
        <v>2864</v>
      </c>
      <c r="B2820" s="1">
        <v>43739</v>
      </c>
      <c r="C2820">
        <v>4</v>
      </c>
      <c r="D2820" s="1">
        <v>43739.955555555556</v>
      </c>
      <c r="E2820" s="1">
        <v>43740.111111111109</v>
      </c>
      <c r="F2820">
        <v>23100</v>
      </c>
      <c r="G2820">
        <v>1380</v>
      </c>
      <c r="H2820">
        <v>0</v>
      </c>
      <c r="I2820">
        <v>0</v>
      </c>
      <c r="J2820">
        <v>0</v>
      </c>
      <c r="K2820">
        <v>0</v>
      </c>
      <c r="L2820">
        <v>0</v>
      </c>
      <c r="M2820">
        <v>2448</v>
      </c>
      <c r="N2820">
        <v>0</v>
      </c>
      <c r="O2820">
        <v>0</v>
      </c>
      <c r="P2820">
        <v>3740</v>
      </c>
      <c r="Q2820">
        <v>0</v>
      </c>
      <c r="R2820">
        <v>30668</v>
      </c>
      <c r="S2820">
        <v>0</v>
      </c>
      <c r="T2820">
        <v>0</v>
      </c>
      <c r="U2820">
        <v>0</v>
      </c>
      <c r="V2820">
        <v>3</v>
      </c>
      <c r="W2820">
        <v>5</v>
      </c>
      <c r="X2820">
        <v>0</v>
      </c>
      <c r="Y2820">
        <v>40</v>
      </c>
      <c r="Z2820">
        <v>15</v>
      </c>
      <c r="AA2820">
        <v>111</v>
      </c>
      <c r="AB2820">
        <v>18</v>
      </c>
      <c r="AC2820">
        <v>197</v>
      </c>
      <c r="AD2820">
        <v>59</v>
      </c>
      <c r="AE2820">
        <v>16</v>
      </c>
      <c r="AF2820">
        <v>0</v>
      </c>
      <c r="AG2820">
        <v>116781</v>
      </c>
      <c r="AH2820">
        <v>50000</v>
      </c>
      <c r="AI2820">
        <v>0</v>
      </c>
      <c r="AJ2820">
        <v>100</v>
      </c>
      <c r="AK2820" t="s">
        <v>0</v>
      </c>
      <c r="AL2820">
        <v>0</v>
      </c>
      <c r="AM2820">
        <v>0</v>
      </c>
      <c r="AN2820">
        <v>0</v>
      </c>
      <c r="AO2820">
        <v>0</v>
      </c>
      <c r="AP2820">
        <v>0</v>
      </c>
      <c r="AQ2820">
        <v>0</v>
      </c>
      <c r="AR2820">
        <v>0</v>
      </c>
      <c r="AS2820">
        <v>0</v>
      </c>
      <c r="AT2820">
        <v>0</v>
      </c>
      <c r="AU2820">
        <v>0</v>
      </c>
      <c r="AV2820">
        <v>0</v>
      </c>
      <c r="AW2820">
        <v>0</v>
      </c>
      <c r="AX2820">
        <v>1760</v>
      </c>
      <c r="AY2820">
        <v>5</v>
      </c>
      <c r="AZ2820">
        <v>7</v>
      </c>
      <c r="BA2820">
        <v>750</v>
      </c>
    </row>
    <row r="2821" spans="1:53" x14ac:dyDescent="0.4">
      <c r="A2821">
        <v>2865</v>
      </c>
      <c r="B2821" s="1">
        <v>43740</v>
      </c>
      <c r="C2821">
        <v>1</v>
      </c>
      <c r="D2821" s="1">
        <v>43740.291666666664</v>
      </c>
      <c r="E2821" s="1">
        <v>43740.439583333333</v>
      </c>
      <c r="F2821">
        <v>0</v>
      </c>
      <c r="G2821">
        <v>0</v>
      </c>
      <c r="H2821">
        <v>0</v>
      </c>
      <c r="I2821">
        <v>0</v>
      </c>
      <c r="J2821">
        <v>0</v>
      </c>
      <c r="K2821">
        <v>0</v>
      </c>
      <c r="L2821">
        <v>0</v>
      </c>
      <c r="M2821">
        <v>0</v>
      </c>
      <c r="N2821">
        <v>0</v>
      </c>
      <c r="O2821">
        <v>0</v>
      </c>
      <c r="P2821">
        <v>0</v>
      </c>
      <c r="Q2821">
        <v>0</v>
      </c>
      <c r="R2821">
        <v>0</v>
      </c>
      <c r="S2821">
        <v>0</v>
      </c>
      <c r="T2821">
        <v>0</v>
      </c>
      <c r="U2821">
        <v>0</v>
      </c>
      <c r="V2821">
        <v>0</v>
      </c>
      <c r="W2821">
        <v>1</v>
      </c>
      <c r="X2821">
        <v>0</v>
      </c>
      <c r="Y2821">
        <v>27</v>
      </c>
      <c r="Z2821">
        <v>10</v>
      </c>
      <c r="AA2821">
        <v>108</v>
      </c>
      <c r="AB2821">
        <v>17</v>
      </c>
      <c r="AC2821">
        <v>104</v>
      </c>
      <c r="AD2821">
        <v>59</v>
      </c>
      <c r="AE2821">
        <v>15</v>
      </c>
      <c r="AF2821">
        <v>0</v>
      </c>
      <c r="AG2821">
        <v>50000</v>
      </c>
      <c r="AH2821">
        <v>50000</v>
      </c>
      <c r="AI2821">
        <v>0</v>
      </c>
      <c r="AJ2821">
        <v>0</v>
      </c>
      <c r="AK2821" t="s">
        <v>6</v>
      </c>
      <c r="AL2821">
        <v>0</v>
      </c>
      <c r="AM2821">
        <v>0</v>
      </c>
      <c r="AN2821">
        <v>0</v>
      </c>
      <c r="AO2821">
        <v>0</v>
      </c>
      <c r="AP2821">
        <v>0</v>
      </c>
      <c r="AQ2821">
        <v>0</v>
      </c>
      <c r="AR2821">
        <v>0</v>
      </c>
      <c r="AS2821">
        <v>0</v>
      </c>
      <c r="AT2821">
        <v>0</v>
      </c>
      <c r="AU2821">
        <v>0</v>
      </c>
      <c r="AV2821">
        <v>0</v>
      </c>
      <c r="AW2821">
        <v>0</v>
      </c>
      <c r="AX2821">
        <v>0</v>
      </c>
      <c r="AY2821">
        <v>0</v>
      </c>
      <c r="AZ2821">
        <v>0</v>
      </c>
      <c r="BA2821">
        <v>0</v>
      </c>
    </row>
    <row r="2822" spans="1:53" x14ac:dyDescent="0.4">
      <c r="A2822">
        <v>2866</v>
      </c>
      <c r="B2822" s="1">
        <v>43740</v>
      </c>
      <c r="C2822">
        <v>2</v>
      </c>
      <c r="D2822" s="1">
        <v>43740.439583333333</v>
      </c>
      <c r="E2822" s="1">
        <v>43740.740277777775</v>
      </c>
      <c r="F2822">
        <v>19500</v>
      </c>
      <c r="G2822">
        <v>0</v>
      </c>
      <c r="H2822">
        <v>200</v>
      </c>
      <c r="I2822">
        <v>0</v>
      </c>
      <c r="J2822">
        <v>0</v>
      </c>
      <c r="K2822">
        <v>0</v>
      </c>
      <c r="L2822">
        <v>0</v>
      </c>
      <c r="M2822">
        <v>1970</v>
      </c>
      <c r="N2822">
        <v>0</v>
      </c>
      <c r="O2822">
        <v>0</v>
      </c>
      <c r="P2822">
        <v>14300</v>
      </c>
      <c r="Q2822">
        <v>0</v>
      </c>
      <c r="R2822">
        <v>35970</v>
      </c>
      <c r="S2822">
        <v>0</v>
      </c>
      <c r="T2822">
        <v>0</v>
      </c>
      <c r="U2822">
        <v>0</v>
      </c>
      <c r="V2822">
        <v>2</v>
      </c>
      <c r="W2822">
        <v>1</v>
      </c>
      <c r="X2822">
        <v>0</v>
      </c>
      <c r="Y2822">
        <v>39</v>
      </c>
      <c r="Z2822">
        <v>16</v>
      </c>
      <c r="AA2822">
        <v>104</v>
      </c>
      <c r="AB2822">
        <v>18</v>
      </c>
      <c r="AC2822">
        <v>126</v>
      </c>
      <c r="AD2822">
        <v>59</v>
      </c>
      <c r="AE2822">
        <v>15</v>
      </c>
      <c r="AF2822">
        <v>1100</v>
      </c>
      <c r="AG2822">
        <v>85970</v>
      </c>
      <c r="AH2822">
        <v>50000</v>
      </c>
      <c r="AI2822">
        <v>0</v>
      </c>
      <c r="AJ2822">
        <v>101</v>
      </c>
      <c r="AK2822" t="s">
        <v>28</v>
      </c>
      <c r="AL2822">
        <v>0</v>
      </c>
      <c r="AM2822">
        <v>0</v>
      </c>
      <c r="AN2822">
        <v>0</v>
      </c>
      <c r="AO2822">
        <v>0</v>
      </c>
      <c r="AP2822">
        <v>0</v>
      </c>
      <c r="AQ2822">
        <v>0</v>
      </c>
      <c r="AR2822">
        <v>0</v>
      </c>
      <c r="AS2822">
        <v>0</v>
      </c>
      <c r="AT2822">
        <v>0</v>
      </c>
      <c r="AU2822">
        <v>0</v>
      </c>
      <c r="AV2822">
        <v>0</v>
      </c>
      <c r="AW2822">
        <v>0</v>
      </c>
      <c r="AX2822">
        <v>1650</v>
      </c>
      <c r="AY2822">
        <v>34</v>
      </c>
      <c r="AZ2822">
        <v>65</v>
      </c>
      <c r="BA2822">
        <v>4635</v>
      </c>
    </row>
    <row r="2823" spans="1:53" x14ac:dyDescent="0.4">
      <c r="A2823">
        <v>2867</v>
      </c>
      <c r="B2823" s="1">
        <v>43740</v>
      </c>
      <c r="C2823">
        <v>3</v>
      </c>
      <c r="D2823" s="1">
        <v>43740.740277777775</v>
      </c>
      <c r="E2823" s="1">
        <v>43740.947222222225</v>
      </c>
      <c r="F2823">
        <v>32300</v>
      </c>
      <c r="G2823">
        <v>540</v>
      </c>
      <c r="H2823">
        <v>200</v>
      </c>
      <c r="I2823">
        <v>0</v>
      </c>
      <c r="J2823">
        <v>0</v>
      </c>
      <c r="K2823">
        <v>0</v>
      </c>
      <c r="L2823">
        <v>0</v>
      </c>
      <c r="M2823">
        <v>3304</v>
      </c>
      <c r="N2823">
        <v>0</v>
      </c>
      <c r="O2823">
        <v>0</v>
      </c>
      <c r="P2823">
        <v>-14300</v>
      </c>
      <c r="Q2823">
        <v>0</v>
      </c>
      <c r="R2823">
        <v>22044</v>
      </c>
      <c r="S2823">
        <v>0</v>
      </c>
      <c r="T2823">
        <v>0</v>
      </c>
      <c r="U2823">
        <v>0</v>
      </c>
      <c r="V2823">
        <v>2</v>
      </c>
      <c r="W2823">
        <v>1</v>
      </c>
      <c r="X2823">
        <v>0</v>
      </c>
      <c r="Y2823">
        <v>56</v>
      </c>
      <c r="Z2823">
        <v>17</v>
      </c>
      <c r="AA2823">
        <v>108</v>
      </c>
      <c r="AB2823">
        <v>17</v>
      </c>
      <c r="AC2823">
        <v>124</v>
      </c>
      <c r="AD2823">
        <v>58</v>
      </c>
      <c r="AE2823">
        <v>14</v>
      </c>
      <c r="AF2823">
        <v>5320</v>
      </c>
      <c r="AG2823">
        <v>108014</v>
      </c>
      <c r="AH2823">
        <v>50000</v>
      </c>
      <c r="AI2823">
        <v>0</v>
      </c>
      <c r="AJ2823">
        <v>98</v>
      </c>
      <c r="AK2823" t="s">
        <v>35</v>
      </c>
      <c r="AL2823">
        <v>0</v>
      </c>
      <c r="AM2823">
        <v>0</v>
      </c>
      <c r="AN2823">
        <v>0</v>
      </c>
      <c r="AO2823">
        <v>0</v>
      </c>
      <c r="AP2823">
        <v>0</v>
      </c>
      <c r="AQ2823">
        <v>0</v>
      </c>
      <c r="AR2823">
        <v>0</v>
      </c>
      <c r="AS2823">
        <v>0</v>
      </c>
      <c r="AT2823">
        <v>0</v>
      </c>
      <c r="AU2823">
        <v>0</v>
      </c>
      <c r="AV2823">
        <v>0</v>
      </c>
      <c r="AW2823">
        <v>0</v>
      </c>
      <c r="AX2823">
        <v>19602</v>
      </c>
      <c r="AY2823">
        <v>18</v>
      </c>
      <c r="AZ2823">
        <v>38</v>
      </c>
      <c r="BA2823">
        <v>2550</v>
      </c>
    </row>
    <row r="2824" spans="1:53" x14ac:dyDescent="0.4">
      <c r="A2824">
        <v>2868</v>
      </c>
      <c r="B2824" s="1">
        <v>43741</v>
      </c>
      <c r="C2824">
        <v>1</v>
      </c>
      <c r="D2824" s="1">
        <v>43741.291666666664</v>
      </c>
      <c r="E2824" s="1">
        <v>43741.456250000003</v>
      </c>
      <c r="F2824">
        <v>0</v>
      </c>
      <c r="G2824">
        <v>0</v>
      </c>
      <c r="H2824">
        <v>0</v>
      </c>
      <c r="I2824">
        <v>0</v>
      </c>
      <c r="J2824">
        <v>0</v>
      </c>
      <c r="K2824">
        <v>0</v>
      </c>
      <c r="L2824">
        <v>0</v>
      </c>
      <c r="M2824">
        <v>0</v>
      </c>
      <c r="N2824">
        <v>0</v>
      </c>
      <c r="O2824">
        <v>0</v>
      </c>
      <c r="P2824">
        <v>0</v>
      </c>
      <c r="Q2824">
        <v>0</v>
      </c>
      <c r="R2824">
        <v>0</v>
      </c>
      <c r="S2824">
        <v>0</v>
      </c>
      <c r="T2824">
        <v>0</v>
      </c>
      <c r="U2824">
        <v>0</v>
      </c>
      <c r="V2824">
        <v>0</v>
      </c>
      <c r="W2824">
        <v>1</v>
      </c>
      <c r="X2824">
        <v>0</v>
      </c>
      <c r="Y2824">
        <v>25</v>
      </c>
      <c r="Z2824">
        <v>15</v>
      </c>
      <c r="AA2824">
        <v>103</v>
      </c>
      <c r="AB2824">
        <v>12</v>
      </c>
      <c r="AC2824">
        <v>129</v>
      </c>
      <c r="AD2824">
        <v>58</v>
      </c>
      <c r="AE2824">
        <v>10</v>
      </c>
      <c r="AF2824">
        <v>0</v>
      </c>
      <c r="AG2824">
        <v>49990</v>
      </c>
      <c r="AH2824">
        <v>0</v>
      </c>
      <c r="AI2824">
        <v>49990</v>
      </c>
      <c r="AJ2824">
        <v>0</v>
      </c>
      <c r="AK2824" t="s">
        <v>6</v>
      </c>
      <c r="AL2824">
        <v>0</v>
      </c>
      <c r="AM2824">
        <v>0</v>
      </c>
      <c r="AN2824">
        <v>0</v>
      </c>
      <c r="AO2824">
        <v>0</v>
      </c>
      <c r="AP2824">
        <v>0</v>
      </c>
      <c r="AQ2824">
        <v>0</v>
      </c>
      <c r="AR2824">
        <v>0</v>
      </c>
      <c r="AS2824">
        <v>0</v>
      </c>
      <c r="AT2824">
        <v>0</v>
      </c>
      <c r="AU2824">
        <v>0</v>
      </c>
      <c r="AV2824">
        <v>0</v>
      </c>
      <c r="AW2824">
        <v>0</v>
      </c>
      <c r="AX2824">
        <v>0</v>
      </c>
      <c r="AY2824">
        <v>0</v>
      </c>
      <c r="AZ2824">
        <v>0</v>
      </c>
      <c r="BA2824">
        <v>0</v>
      </c>
    </row>
    <row r="2825" spans="1:53" x14ac:dyDescent="0.4">
      <c r="A2825">
        <v>2869</v>
      </c>
      <c r="B2825" s="1">
        <v>43741</v>
      </c>
      <c r="C2825">
        <v>2</v>
      </c>
      <c r="D2825" s="1">
        <v>43741.456250000003</v>
      </c>
      <c r="E2825" s="1">
        <v>43741.745833333334</v>
      </c>
      <c r="F2825">
        <v>18000</v>
      </c>
      <c r="G2825">
        <v>0</v>
      </c>
      <c r="H2825">
        <v>200</v>
      </c>
      <c r="I2825">
        <v>0</v>
      </c>
      <c r="J2825">
        <v>0</v>
      </c>
      <c r="K2825">
        <v>0</v>
      </c>
      <c r="L2825">
        <v>0</v>
      </c>
      <c r="M2825">
        <v>1820</v>
      </c>
      <c r="N2825">
        <v>0</v>
      </c>
      <c r="O2825">
        <v>0</v>
      </c>
      <c r="P2825">
        <v>13200</v>
      </c>
      <c r="Q2825">
        <v>0</v>
      </c>
      <c r="R2825">
        <v>33220</v>
      </c>
      <c r="S2825">
        <v>0</v>
      </c>
      <c r="T2825">
        <v>0</v>
      </c>
      <c r="U2825">
        <v>0</v>
      </c>
      <c r="V2825">
        <v>1</v>
      </c>
      <c r="W2825">
        <v>1</v>
      </c>
      <c r="X2825">
        <v>0</v>
      </c>
      <c r="Y2825">
        <v>40</v>
      </c>
      <c r="Z2825">
        <v>30</v>
      </c>
      <c r="AA2825">
        <v>102</v>
      </c>
      <c r="AB2825">
        <v>18</v>
      </c>
      <c r="AC2825">
        <v>178</v>
      </c>
      <c r="AD2825">
        <v>62</v>
      </c>
      <c r="AE2825">
        <v>20</v>
      </c>
      <c r="AF2825">
        <v>0</v>
      </c>
      <c r="AG2825">
        <v>83210</v>
      </c>
      <c r="AH2825">
        <v>50000</v>
      </c>
      <c r="AI2825">
        <v>-10</v>
      </c>
      <c r="AJ2825">
        <v>100</v>
      </c>
      <c r="AK2825" t="s">
        <v>0</v>
      </c>
      <c r="AL2825">
        <v>0</v>
      </c>
      <c r="AM2825">
        <v>0</v>
      </c>
      <c r="AN2825">
        <v>0</v>
      </c>
      <c r="AO2825">
        <v>0</v>
      </c>
      <c r="AP2825">
        <v>0</v>
      </c>
      <c r="AQ2825">
        <v>0</v>
      </c>
      <c r="AR2825">
        <v>0</v>
      </c>
      <c r="AS2825">
        <v>0</v>
      </c>
      <c r="AT2825">
        <v>0</v>
      </c>
      <c r="AU2825">
        <v>0</v>
      </c>
      <c r="AV2825">
        <v>0</v>
      </c>
      <c r="AW2825">
        <v>0</v>
      </c>
      <c r="AX2825">
        <v>-1606</v>
      </c>
      <c r="AY2825">
        <v>37</v>
      </c>
      <c r="AZ2825">
        <v>60</v>
      </c>
      <c r="BA2825">
        <v>4986</v>
      </c>
    </row>
    <row r="2826" spans="1:53" x14ac:dyDescent="0.4">
      <c r="A2826">
        <v>2870</v>
      </c>
      <c r="B2826" s="1">
        <v>43741</v>
      </c>
      <c r="C2826">
        <v>3</v>
      </c>
      <c r="D2826" s="1">
        <v>43741.745833333334</v>
      </c>
      <c r="E2826" s="1">
        <v>43741.948611111111</v>
      </c>
      <c r="F2826">
        <v>24000</v>
      </c>
      <c r="G2826">
        <v>540</v>
      </c>
      <c r="H2826">
        <v>0</v>
      </c>
      <c r="I2826">
        <v>0</v>
      </c>
      <c r="J2826">
        <v>1000</v>
      </c>
      <c r="K2826">
        <v>0</v>
      </c>
      <c r="L2826">
        <v>0</v>
      </c>
      <c r="M2826">
        <v>2354</v>
      </c>
      <c r="N2826">
        <v>0</v>
      </c>
      <c r="O2826">
        <v>0</v>
      </c>
      <c r="P2826">
        <v>-5940</v>
      </c>
      <c r="Q2826">
        <v>0</v>
      </c>
      <c r="R2826">
        <v>19954</v>
      </c>
      <c r="S2826">
        <v>0</v>
      </c>
      <c r="T2826">
        <v>0</v>
      </c>
      <c r="U2826">
        <v>0</v>
      </c>
      <c r="V2826">
        <v>3</v>
      </c>
      <c r="W2826">
        <v>2</v>
      </c>
      <c r="X2826">
        <v>0</v>
      </c>
      <c r="Y2826">
        <v>33</v>
      </c>
      <c r="Z2826">
        <v>33</v>
      </c>
      <c r="AA2826">
        <v>106</v>
      </c>
      <c r="AB2826">
        <v>19</v>
      </c>
      <c r="AC2826">
        <v>179</v>
      </c>
      <c r="AD2826">
        <v>61</v>
      </c>
      <c r="AE2826">
        <v>19</v>
      </c>
      <c r="AF2826">
        <v>0</v>
      </c>
      <c r="AG2826">
        <v>103164</v>
      </c>
      <c r="AH2826">
        <v>50000</v>
      </c>
      <c r="AI2826">
        <v>-10</v>
      </c>
      <c r="AJ2826">
        <v>98</v>
      </c>
      <c r="AK2826" t="s">
        <v>35</v>
      </c>
      <c r="AL2826">
        <v>0</v>
      </c>
      <c r="AM2826">
        <v>0</v>
      </c>
      <c r="AN2826">
        <v>0</v>
      </c>
      <c r="AO2826">
        <v>0</v>
      </c>
      <c r="AP2826">
        <v>0</v>
      </c>
      <c r="AQ2826">
        <v>0</v>
      </c>
      <c r="AR2826">
        <v>0</v>
      </c>
      <c r="AS2826">
        <v>0</v>
      </c>
      <c r="AT2826">
        <v>0</v>
      </c>
      <c r="AU2826">
        <v>0</v>
      </c>
      <c r="AV2826">
        <v>0</v>
      </c>
      <c r="AW2826">
        <v>0</v>
      </c>
      <c r="AX2826">
        <v>6600</v>
      </c>
      <c r="AY2826">
        <v>9</v>
      </c>
      <c r="AZ2826">
        <v>23</v>
      </c>
      <c r="BA2826">
        <v>2073</v>
      </c>
    </row>
    <row r="2827" spans="1:53" x14ac:dyDescent="0.4">
      <c r="A2827">
        <v>2871</v>
      </c>
      <c r="B2827" s="1">
        <v>43742</v>
      </c>
      <c r="C2827">
        <v>1</v>
      </c>
      <c r="D2827" s="1">
        <v>43742.291666666664</v>
      </c>
      <c r="E2827" s="1">
        <v>43742.45</v>
      </c>
      <c r="F2827">
        <v>0</v>
      </c>
      <c r="G2827">
        <v>0</v>
      </c>
      <c r="H2827">
        <v>0</v>
      </c>
      <c r="I2827">
        <v>0</v>
      </c>
      <c r="J2827">
        <v>0</v>
      </c>
      <c r="K2827">
        <v>0</v>
      </c>
      <c r="L2827">
        <v>0</v>
      </c>
      <c r="M2827">
        <v>0</v>
      </c>
      <c r="N2827">
        <v>0</v>
      </c>
      <c r="O2827">
        <v>0</v>
      </c>
      <c r="P2827">
        <v>0</v>
      </c>
      <c r="Q2827">
        <v>0</v>
      </c>
      <c r="R2827">
        <v>0</v>
      </c>
      <c r="S2827">
        <v>0</v>
      </c>
      <c r="T2827">
        <v>0</v>
      </c>
      <c r="U2827">
        <v>0</v>
      </c>
      <c r="V2827">
        <v>0</v>
      </c>
      <c r="W2827">
        <v>1</v>
      </c>
      <c r="X2827">
        <v>0</v>
      </c>
      <c r="Y2827">
        <v>24</v>
      </c>
      <c r="Z2827">
        <v>15</v>
      </c>
      <c r="AA2827">
        <v>109</v>
      </c>
      <c r="AB2827">
        <v>20</v>
      </c>
      <c r="AC2827">
        <v>123</v>
      </c>
      <c r="AD2827">
        <v>61</v>
      </c>
      <c r="AE2827">
        <v>65</v>
      </c>
      <c r="AF2827">
        <v>0</v>
      </c>
      <c r="AG2827">
        <v>50000</v>
      </c>
      <c r="AH2827">
        <v>0</v>
      </c>
      <c r="AI2827">
        <v>50000</v>
      </c>
      <c r="AJ2827">
        <v>0</v>
      </c>
      <c r="AK2827" t="s">
        <v>6</v>
      </c>
      <c r="AL2827">
        <v>0</v>
      </c>
      <c r="AM2827">
        <v>0</v>
      </c>
      <c r="AN2827">
        <v>0</v>
      </c>
      <c r="AO2827">
        <v>0</v>
      </c>
      <c r="AP2827">
        <v>0</v>
      </c>
      <c r="AQ2827">
        <v>0</v>
      </c>
      <c r="AR2827">
        <v>0</v>
      </c>
      <c r="AS2827">
        <v>0</v>
      </c>
      <c r="AT2827">
        <v>0</v>
      </c>
      <c r="AU2827">
        <v>0</v>
      </c>
      <c r="AV2827">
        <v>0</v>
      </c>
      <c r="AW2827">
        <v>0</v>
      </c>
      <c r="AX2827">
        <v>0</v>
      </c>
      <c r="AY2827">
        <v>0</v>
      </c>
      <c r="AZ2827">
        <v>0</v>
      </c>
      <c r="BA2827">
        <v>0</v>
      </c>
    </row>
    <row r="2828" spans="1:53" x14ac:dyDescent="0.4">
      <c r="A2828">
        <v>2872</v>
      </c>
      <c r="B2828" s="1">
        <v>43742</v>
      </c>
      <c r="C2828">
        <v>2</v>
      </c>
      <c r="D2828" s="1">
        <v>43742.45</v>
      </c>
      <c r="E2828" s="1">
        <v>43742.74722222222</v>
      </c>
      <c r="F2828">
        <v>20000</v>
      </c>
      <c r="G2828">
        <v>1860</v>
      </c>
      <c r="H2828">
        <v>200</v>
      </c>
      <c r="I2828">
        <v>0</v>
      </c>
      <c r="J2828">
        <v>0</v>
      </c>
      <c r="K2828">
        <v>0</v>
      </c>
      <c r="L2828">
        <v>0</v>
      </c>
      <c r="M2828">
        <v>2206</v>
      </c>
      <c r="N2828">
        <v>0</v>
      </c>
      <c r="O2828">
        <v>0</v>
      </c>
      <c r="P2828">
        <v>26400</v>
      </c>
      <c r="Q2828">
        <v>0</v>
      </c>
      <c r="R2828">
        <v>50666</v>
      </c>
      <c r="S2828">
        <v>0</v>
      </c>
      <c r="T2828">
        <v>0</v>
      </c>
      <c r="U2828">
        <v>0</v>
      </c>
      <c r="V2828">
        <v>1</v>
      </c>
      <c r="W2828">
        <v>2</v>
      </c>
      <c r="X2828">
        <v>0</v>
      </c>
      <c r="Y2828">
        <v>43</v>
      </c>
      <c r="Z2828">
        <v>39</v>
      </c>
      <c r="AA2828">
        <v>129</v>
      </c>
      <c r="AB2828">
        <v>37</v>
      </c>
      <c r="AC2828">
        <v>202</v>
      </c>
      <c r="AD2828">
        <v>69</v>
      </c>
      <c r="AE2828">
        <v>75</v>
      </c>
      <c r="AF2828">
        <v>0</v>
      </c>
      <c r="AG2828">
        <v>99690</v>
      </c>
      <c r="AH2828">
        <v>50000</v>
      </c>
      <c r="AI2828">
        <v>-976</v>
      </c>
      <c r="AJ2828">
        <v>96</v>
      </c>
      <c r="AK2828" t="s">
        <v>4</v>
      </c>
      <c r="AL2828">
        <v>0</v>
      </c>
      <c r="AM2828">
        <v>0</v>
      </c>
      <c r="AN2828">
        <v>0</v>
      </c>
      <c r="AO2828">
        <v>0</v>
      </c>
      <c r="AP2828">
        <v>0</v>
      </c>
      <c r="AQ2828">
        <v>0</v>
      </c>
      <c r="AR2828">
        <v>0</v>
      </c>
      <c r="AS2828">
        <v>0</v>
      </c>
      <c r="AT2828">
        <v>0</v>
      </c>
      <c r="AU2828">
        <v>0</v>
      </c>
      <c r="AV2828">
        <v>0</v>
      </c>
      <c r="AW2828">
        <v>0</v>
      </c>
      <c r="AX2828">
        <v>0</v>
      </c>
      <c r="AY2828">
        <v>41</v>
      </c>
      <c r="AZ2828">
        <v>86</v>
      </c>
      <c r="BA2828">
        <v>5852</v>
      </c>
    </row>
    <row r="2829" spans="1:53" x14ac:dyDescent="0.4">
      <c r="A2829">
        <v>2873</v>
      </c>
      <c r="B2829" s="1">
        <v>43743</v>
      </c>
      <c r="C2829">
        <v>1</v>
      </c>
      <c r="D2829" s="1">
        <v>43743.291666666664</v>
      </c>
      <c r="E2829" s="1">
        <v>43743.407638888886</v>
      </c>
      <c r="F2829">
        <v>0</v>
      </c>
      <c r="G2829">
        <v>0</v>
      </c>
      <c r="H2829">
        <v>0</v>
      </c>
      <c r="I2829">
        <v>0</v>
      </c>
      <c r="J2829">
        <v>0</v>
      </c>
      <c r="K2829">
        <v>0</v>
      </c>
      <c r="L2829">
        <v>0</v>
      </c>
      <c r="M2829">
        <v>0</v>
      </c>
      <c r="N2829">
        <v>0</v>
      </c>
      <c r="O2829">
        <v>0</v>
      </c>
      <c r="P2829">
        <v>0</v>
      </c>
      <c r="Q2829">
        <v>0</v>
      </c>
      <c r="R2829">
        <v>0</v>
      </c>
      <c r="S2829">
        <v>0</v>
      </c>
      <c r="T2829">
        <v>0</v>
      </c>
      <c r="U2829">
        <v>0</v>
      </c>
      <c r="V2829">
        <v>0</v>
      </c>
      <c r="W2829">
        <v>0</v>
      </c>
      <c r="X2829">
        <v>0</v>
      </c>
      <c r="Y2829">
        <v>30</v>
      </c>
      <c r="Z2829">
        <v>8</v>
      </c>
      <c r="AA2829">
        <v>119</v>
      </c>
      <c r="AB2829">
        <v>49</v>
      </c>
      <c r="AC2829">
        <v>123</v>
      </c>
      <c r="AD2829">
        <v>68</v>
      </c>
      <c r="AE2829">
        <v>80</v>
      </c>
      <c r="AF2829">
        <v>0</v>
      </c>
      <c r="AG2829">
        <v>50000</v>
      </c>
      <c r="AH2829">
        <v>50000</v>
      </c>
      <c r="AI2829">
        <v>0</v>
      </c>
      <c r="AJ2829">
        <v>0</v>
      </c>
      <c r="AK2829" t="s">
        <v>6</v>
      </c>
      <c r="AL2829">
        <v>0</v>
      </c>
      <c r="AM2829">
        <v>0</v>
      </c>
      <c r="AN2829">
        <v>0</v>
      </c>
      <c r="AO2829">
        <v>0</v>
      </c>
      <c r="AP2829">
        <v>0</v>
      </c>
      <c r="AQ2829">
        <v>0</v>
      </c>
      <c r="AR2829">
        <v>0</v>
      </c>
      <c r="AS2829">
        <v>0</v>
      </c>
      <c r="AT2829">
        <v>0</v>
      </c>
      <c r="AU2829">
        <v>0</v>
      </c>
      <c r="AV2829">
        <v>0</v>
      </c>
      <c r="AW2829">
        <v>0</v>
      </c>
      <c r="AX2829">
        <v>0</v>
      </c>
      <c r="AY2829">
        <v>0</v>
      </c>
      <c r="AZ2829">
        <v>0</v>
      </c>
      <c r="BA2829">
        <v>0</v>
      </c>
    </row>
    <row r="2830" spans="1:53" x14ac:dyDescent="0.4">
      <c r="A2830">
        <v>2874</v>
      </c>
      <c r="B2830" s="1">
        <v>43743</v>
      </c>
      <c r="C2830">
        <v>2</v>
      </c>
      <c r="D2830" s="1">
        <v>43743.407638888886</v>
      </c>
      <c r="E2830" s="1">
        <v>43743.762499999997</v>
      </c>
      <c r="F2830">
        <v>40000</v>
      </c>
      <c r="G2830">
        <v>1640</v>
      </c>
      <c r="H2830">
        <v>200</v>
      </c>
      <c r="I2830">
        <v>0</v>
      </c>
      <c r="J2830">
        <v>0</v>
      </c>
      <c r="K2830">
        <v>0</v>
      </c>
      <c r="L2830">
        <v>0</v>
      </c>
      <c r="M2830">
        <v>4184</v>
      </c>
      <c r="N2830">
        <v>0</v>
      </c>
      <c r="O2830">
        <v>0</v>
      </c>
      <c r="P2830">
        <v>18150</v>
      </c>
      <c r="Q2830">
        <v>0</v>
      </c>
      <c r="R2830">
        <v>64174</v>
      </c>
      <c r="S2830">
        <v>0</v>
      </c>
      <c r="T2830">
        <v>0</v>
      </c>
      <c r="U2830">
        <v>0</v>
      </c>
      <c r="V2830">
        <v>0</v>
      </c>
      <c r="W2830">
        <v>3</v>
      </c>
      <c r="X2830">
        <v>0</v>
      </c>
      <c r="Y2830">
        <v>71</v>
      </c>
      <c r="Z2830">
        <v>38</v>
      </c>
      <c r="AA2830">
        <v>112</v>
      </c>
      <c r="AB2830">
        <v>57</v>
      </c>
      <c r="AC2830">
        <v>169</v>
      </c>
      <c r="AD2830">
        <v>69</v>
      </c>
      <c r="AE2830">
        <v>89</v>
      </c>
      <c r="AF2830">
        <v>0</v>
      </c>
      <c r="AG2830">
        <v>121174</v>
      </c>
      <c r="AH2830">
        <v>50000</v>
      </c>
      <c r="AI2830">
        <v>7000</v>
      </c>
      <c r="AJ2830">
        <v>101</v>
      </c>
      <c r="AK2830" t="s">
        <v>28</v>
      </c>
      <c r="AL2830">
        <v>0</v>
      </c>
      <c r="AM2830">
        <v>0</v>
      </c>
      <c r="AN2830">
        <v>0</v>
      </c>
      <c r="AO2830">
        <v>0</v>
      </c>
      <c r="AP2830">
        <v>0</v>
      </c>
      <c r="AQ2830">
        <v>0</v>
      </c>
      <c r="AR2830">
        <v>0</v>
      </c>
      <c r="AS2830">
        <v>0</v>
      </c>
      <c r="AT2830">
        <v>0</v>
      </c>
      <c r="AU2830">
        <v>0</v>
      </c>
      <c r="AV2830">
        <v>0</v>
      </c>
      <c r="AW2830">
        <v>0</v>
      </c>
      <c r="AX2830">
        <v>0</v>
      </c>
      <c r="AY2830">
        <v>48</v>
      </c>
      <c r="AZ2830">
        <v>109</v>
      </c>
      <c r="BA2830">
        <v>7771</v>
      </c>
    </row>
    <row r="2831" spans="1:53" x14ac:dyDescent="0.4">
      <c r="A2831">
        <v>2875</v>
      </c>
      <c r="B2831" s="1">
        <v>43744</v>
      </c>
      <c r="C2831">
        <v>1</v>
      </c>
      <c r="D2831" s="1">
        <v>43744.291666666664</v>
      </c>
      <c r="E2831" s="1">
        <v>43744.402777777781</v>
      </c>
      <c r="F2831">
        <v>0</v>
      </c>
      <c r="G2831">
        <v>0</v>
      </c>
      <c r="H2831">
        <v>0</v>
      </c>
      <c r="I2831">
        <v>0</v>
      </c>
      <c r="J2831">
        <v>0</v>
      </c>
      <c r="K2831">
        <v>0</v>
      </c>
      <c r="L2831">
        <v>0</v>
      </c>
      <c r="M2831">
        <v>0</v>
      </c>
      <c r="N2831">
        <v>0</v>
      </c>
      <c r="O2831">
        <v>0</v>
      </c>
      <c r="P2831">
        <v>0</v>
      </c>
      <c r="Q2831">
        <v>0</v>
      </c>
      <c r="R2831">
        <v>0</v>
      </c>
      <c r="S2831">
        <v>0</v>
      </c>
      <c r="T2831">
        <v>0</v>
      </c>
      <c r="U2831">
        <v>0</v>
      </c>
      <c r="V2831">
        <v>0</v>
      </c>
      <c r="W2831">
        <v>0</v>
      </c>
      <c r="X2831">
        <v>0</v>
      </c>
      <c r="Y2831">
        <v>30</v>
      </c>
      <c r="Z2831">
        <v>10</v>
      </c>
      <c r="AA2831">
        <v>107</v>
      </c>
      <c r="AB2831">
        <v>54</v>
      </c>
      <c r="AC2831">
        <v>118</v>
      </c>
      <c r="AD2831">
        <v>68</v>
      </c>
      <c r="AE2831">
        <v>80</v>
      </c>
      <c r="AF2831">
        <v>0</v>
      </c>
      <c r="AG2831">
        <v>50000</v>
      </c>
      <c r="AH2831">
        <v>50000</v>
      </c>
      <c r="AI2831">
        <v>0</v>
      </c>
      <c r="AJ2831">
        <v>0</v>
      </c>
      <c r="AK2831" t="s">
        <v>6</v>
      </c>
      <c r="AL2831">
        <v>0</v>
      </c>
      <c r="AM2831">
        <v>0</v>
      </c>
      <c r="AN2831">
        <v>0</v>
      </c>
      <c r="AO2831">
        <v>0</v>
      </c>
      <c r="AP2831">
        <v>0</v>
      </c>
      <c r="AQ2831">
        <v>0</v>
      </c>
      <c r="AR2831">
        <v>0</v>
      </c>
      <c r="AS2831">
        <v>0</v>
      </c>
      <c r="AT2831">
        <v>0</v>
      </c>
      <c r="AU2831">
        <v>0</v>
      </c>
      <c r="AV2831">
        <v>0</v>
      </c>
      <c r="AW2831">
        <v>0</v>
      </c>
      <c r="AX2831">
        <v>0</v>
      </c>
      <c r="AY2831">
        <v>0</v>
      </c>
      <c r="AZ2831">
        <v>0</v>
      </c>
      <c r="BA2831">
        <v>0</v>
      </c>
    </row>
    <row r="2832" spans="1:53" x14ac:dyDescent="0.4">
      <c r="A2832">
        <v>2876</v>
      </c>
      <c r="B2832" s="1">
        <v>43744</v>
      </c>
      <c r="C2832">
        <v>2</v>
      </c>
      <c r="D2832" s="1">
        <v>43744.402777777781</v>
      </c>
      <c r="E2832" s="1">
        <v>43744.738888888889</v>
      </c>
      <c r="F2832">
        <v>40000</v>
      </c>
      <c r="G2832">
        <v>2720</v>
      </c>
      <c r="H2832">
        <v>200</v>
      </c>
      <c r="I2832">
        <v>0</v>
      </c>
      <c r="J2832">
        <v>0</v>
      </c>
      <c r="K2832">
        <v>0</v>
      </c>
      <c r="L2832">
        <v>0</v>
      </c>
      <c r="M2832">
        <v>4292</v>
      </c>
      <c r="N2832">
        <v>0</v>
      </c>
      <c r="O2832">
        <v>0</v>
      </c>
      <c r="P2832">
        <v>25300</v>
      </c>
      <c r="Q2832">
        <v>0</v>
      </c>
      <c r="R2832">
        <v>72512</v>
      </c>
      <c r="S2832">
        <v>0</v>
      </c>
      <c r="T2832">
        <v>0</v>
      </c>
      <c r="U2832">
        <v>0</v>
      </c>
      <c r="V2832">
        <v>2</v>
      </c>
      <c r="W2832">
        <v>0</v>
      </c>
      <c r="X2832">
        <v>0</v>
      </c>
      <c r="Y2832">
        <v>63</v>
      </c>
      <c r="Z2832">
        <v>30</v>
      </c>
      <c r="AA2832">
        <v>181</v>
      </c>
      <c r="AB2832">
        <v>79</v>
      </c>
      <c r="AC2832">
        <v>203</v>
      </c>
      <c r="AD2832">
        <v>68</v>
      </c>
      <c r="AE2832">
        <v>92</v>
      </c>
      <c r="AF2832">
        <v>0</v>
      </c>
      <c r="AG2832">
        <v>122512</v>
      </c>
      <c r="AH2832">
        <v>50000</v>
      </c>
      <c r="AI2832">
        <v>0</v>
      </c>
      <c r="AJ2832">
        <v>93</v>
      </c>
      <c r="AK2832" t="s">
        <v>20</v>
      </c>
      <c r="AL2832">
        <v>0</v>
      </c>
      <c r="AM2832">
        <v>0</v>
      </c>
      <c r="AN2832">
        <v>0</v>
      </c>
      <c r="AO2832">
        <v>0</v>
      </c>
      <c r="AP2832">
        <v>0</v>
      </c>
      <c r="AQ2832">
        <v>0</v>
      </c>
      <c r="AR2832">
        <v>0</v>
      </c>
      <c r="AS2832">
        <v>0</v>
      </c>
      <c r="AT2832">
        <v>0</v>
      </c>
      <c r="AU2832">
        <v>0</v>
      </c>
      <c r="AV2832">
        <v>0</v>
      </c>
      <c r="AW2832">
        <v>0</v>
      </c>
      <c r="AX2832">
        <v>0</v>
      </c>
      <c r="AY2832">
        <v>52</v>
      </c>
      <c r="AZ2832">
        <v>124</v>
      </c>
      <c r="BA2832">
        <v>7562</v>
      </c>
    </row>
    <row r="2833" spans="1:53" x14ac:dyDescent="0.4">
      <c r="A2833">
        <v>2877</v>
      </c>
      <c r="B2833" s="1">
        <v>43744</v>
      </c>
      <c r="C2833">
        <v>3</v>
      </c>
      <c r="D2833" s="1">
        <v>43744.738888888889</v>
      </c>
      <c r="E2833" s="1">
        <v>43744.949305555558</v>
      </c>
      <c r="F2833">
        <v>37540</v>
      </c>
      <c r="G2833">
        <v>960</v>
      </c>
      <c r="H2833">
        <v>200</v>
      </c>
      <c r="I2833">
        <v>0</v>
      </c>
      <c r="J2833">
        <v>0</v>
      </c>
      <c r="K2833">
        <v>0</v>
      </c>
      <c r="L2833">
        <v>0</v>
      </c>
      <c r="M2833">
        <v>3870</v>
      </c>
      <c r="N2833">
        <v>0</v>
      </c>
      <c r="O2833">
        <v>0</v>
      </c>
      <c r="P2833">
        <v>-20020</v>
      </c>
      <c r="Q2833">
        <v>0</v>
      </c>
      <c r="R2833">
        <v>22550</v>
      </c>
      <c r="S2833">
        <v>0</v>
      </c>
      <c r="T2833">
        <v>0</v>
      </c>
      <c r="U2833">
        <v>0</v>
      </c>
      <c r="V2833">
        <v>4</v>
      </c>
      <c r="W2833">
        <v>0</v>
      </c>
      <c r="X2833">
        <v>0</v>
      </c>
      <c r="Y2833">
        <v>68</v>
      </c>
      <c r="Z2833">
        <v>30</v>
      </c>
      <c r="AA2833">
        <v>173</v>
      </c>
      <c r="AB2833">
        <v>33</v>
      </c>
      <c r="AC2833">
        <v>216</v>
      </c>
      <c r="AD2833">
        <v>71</v>
      </c>
      <c r="AE2833">
        <v>47</v>
      </c>
      <c r="AF2833">
        <v>550</v>
      </c>
      <c r="AG2833">
        <v>145062</v>
      </c>
      <c r="AH2833">
        <v>50000</v>
      </c>
      <c r="AI2833">
        <v>0</v>
      </c>
      <c r="AJ2833">
        <v>84</v>
      </c>
      <c r="AK2833" t="s">
        <v>16</v>
      </c>
      <c r="AL2833">
        <v>0</v>
      </c>
      <c r="AM2833">
        <v>0</v>
      </c>
      <c r="AN2833">
        <v>0</v>
      </c>
      <c r="AO2833">
        <v>0</v>
      </c>
      <c r="AP2833">
        <v>0</v>
      </c>
      <c r="AQ2833">
        <v>0</v>
      </c>
      <c r="AR2833">
        <v>0</v>
      </c>
      <c r="AS2833">
        <v>0</v>
      </c>
      <c r="AT2833">
        <v>0</v>
      </c>
      <c r="AU2833">
        <v>0</v>
      </c>
      <c r="AV2833">
        <v>0</v>
      </c>
      <c r="AW2833">
        <v>0</v>
      </c>
      <c r="AX2833">
        <v>12507</v>
      </c>
      <c r="AY2833">
        <v>14</v>
      </c>
      <c r="AZ2833">
        <v>33</v>
      </c>
      <c r="BA2833">
        <v>2863</v>
      </c>
    </row>
    <row r="2834" spans="1:53" x14ac:dyDescent="0.4">
      <c r="A2834">
        <v>2878</v>
      </c>
      <c r="B2834" s="1">
        <v>43744</v>
      </c>
      <c r="C2834">
        <v>4</v>
      </c>
      <c r="D2834" s="1">
        <v>43744.949305555558</v>
      </c>
      <c r="E2834" s="1">
        <v>43745.163194444445</v>
      </c>
      <c r="F2834">
        <v>22320</v>
      </c>
      <c r="G2834">
        <v>350</v>
      </c>
      <c r="H2834">
        <v>200</v>
      </c>
      <c r="I2834">
        <v>0</v>
      </c>
      <c r="J2834">
        <v>0</v>
      </c>
      <c r="K2834">
        <v>0</v>
      </c>
      <c r="L2834">
        <v>0</v>
      </c>
      <c r="M2834">
        <v>2287</v>
      </c>
      <c r="N2834">
        <v>0</v>
      </c>
      <c r="O2834">
        <v>0</v>
      </c>
      <c r="P2834">
        <v>-5280</v>
      </c>
      <c r="Q2834">
        <v>0</v>
      </c>
      <c r="R2834">
        <v>19877</v>
      </c>
      <c r="S2834">
        <v>0</v>
      </c>
      <c r="T2834">
        <v>0</v>
      </c>
      <c r="U2834">
        <v>0</v>
      </c>
      <c r="V2834">
        <v>5</v>
      </c>
      <c r="W2834">
        <v>1</v>
      </c>
      <c r="X2834">
        <v>0</v>
      </c>
      <c r="Y2834">
        <v>69</v>
      </c>
      <c r="Z2834">
        <v>30</v>
      </c>
      <c r="AA2834">
        <v>178</v>
      </c>
      <c r="AB2834">
        <v>34</v>
      </c>
      <c r="AC2834">
        <v>219</v>
      </c>
      <c r="AD2834">
        <v>70</v>
      </c>
      <c r="AE2834">
        <v>49</v>
      </c>
      <c r="AF2834">
        <v>3850</v>
      </c>
      <c r="AG2834">
        <v>164939</v>
      </c>
      <c r="AH2834">
        <v>50000</v>
      </c>
      <c r="AI2834">
        <v>0</v>
      </c>
      <c r="AJ2834">
        <v>99</v>
      </c>
      <c r="AK2834" t="s">
        <v>9</v>
      </c>
      <c r="AL2834">
        <v>0</v>
      </c>
      <c r="AM2834">
        <v>0</v>
      </c>
      <c r="AN2834">
        <v>0</v>
      </c>
      <c r="AO2834">
        <v>0</v>
      </c>
      <c r="AP2834">
        <v>0</v>
      </c>
      <c r="AQ2834">
        <v>0</v>
      </c>
      <c r="AR2834">
        <v>0</v>
      </c>
      <c r="AS2834">
        <v>0</v>
      </c>
      <c r="AT2834">
        <v>0</v>
      </c>
      <c r="AU2834">
        <v>0</v>
      </c>
      <c r="AV2834">
        <v>0</v>
      </c>
      <c r="AW2834">
        <v>0</v>
      </c>
      <c r="AX2834">
        <v>0</v>
      </c>
      <c r="AY2834">
        <v>2</v>
      </c>
      <c r="AZ2834">
        <v>4</v>
      </c>
      <c r="BA2834">
        <v>385</v>
      </c>
    </row>
    <row r="2835" spans="1:53" x14ac:dyDescent="0.4">
      <c r="A2835">
        <v>2879</v>
      </c>
      <c r="B2835" s="1">
        <v>43745</v>
      </c>
      <c r="C2835">
        <v>1</v>
      </c>
      <c r="D2835" s="1">
        <v>43745.291666666664</v>
      </c>
      <c r="E2835" s="1">
        <v>43745.45</v>
      </c>
      <c r="F2835">
        <v>0</v>
      </c>
      <c r="G2835">
        <v>0</v>
      </c>
      <c r="H2835">
        <v>0</v>
      </c>
      <c r="I2835">
        <v>0</v>
      </c>
      <c r="J2835">
        <v>0</v>
      </c>
      <c r="K2835">
        <v>0</v>
      </c>
      <c r="L2835">
        <v>0</v>
      </c>
      <c r="M2835">
        <v>0</v>
      </c>
      <c r="N2835">
        <v>0</v>
      </c>
      <c r="O2835">
        <v>0</v>
      </c>
      <c r="P2835">
        <v>0</v>
      </c>
      <c r="Q2835">
        <v>0</v>
      </c>
      <c r="R2835">
        <v>0</v>
      </c>
      <c r="S2835">
        <v>0</v>
      </c>
      <c r="T2835">
        <v>0</v>
      </c>
      <c r="U2835">
        <v>0</v>
      </c>
      <c r="V2835">
        <v>0</v>
      </c>
      <c r="W2835">
        <v>0</v>
      </c>
      <c r="X2835">
        <v>0</v>
      </c>
      <c r="Y2835">
        <v>29</v>
      </c>
      <c r="Z2835">
        <v>20</v>
      </c>
      <c r="AA2835">
        <v>78</v>
      </c>
      <c r="AB2835">
        <v>33</v>
      </c>
      <c r="AC2835">
        <v>116</v>
      </c>
      <c r="AD2835">
        <v>69</v>
      </c>
      <c r="AE2835">
        <v>45</v>
      </c>
      <c r="AF2835">
        <v>0</v>
      </c>
      <c r="AG2835">
        <v>50000</v>
      </c>
      <c r="AH2835">
        <v>0</v>
      </c>
      <c r="AI2835">
        <v>50000</v>
      </c>
      <c r="AJ2835">
        <v>0</v>
      </c>
      <c r="AK2835" t="s">
        <v>6</v>
      </c>
      <c r="AL2835">
        <v>0</v>
      </c>
      <c r="AM2835">
        <v>0</v>
      </c>
      <c r="AN2835">
        <v>0</v>
      </c>
      <c r="AO2835">
        <v>0</v>
      </c>
      <c r="AP2835">
        <v>0</v>
      </c>
      <c r="AQ2835">
        <v>0</v>
      </c>
      <c r="AR2835">
        <v>0</v>
      </c>
      <c r="AS2835">
        <v>0</v>
      </c>
      <c r="AT2835">
        <v>0</v>
      </c>
      <c r="AU2835">
        <v>0</v>
      </c>
      <c r="AV2835">
        <v>0</v>
      </c>
      <c r="AW2835">
        <v>0</v>
      </c>
      <c r="AX2835">
        <v>0</v>
      </c>
      <c r="AY2835">
        <v>0</v>
      </c>
      <c r="AZ2835">
        <v>0</v>
      </c>
      <c r="BA2835">
        <v>0</v>
      </c>
    </row>
    <row r="2836" spans="1:53" x14ac:dyDescent="0.4">
      <c r="A2836">
        <v>2880</v>
      </c>
      <c r="B2836" s="1">
        <v>43745</v>
      </c>
      <c r="C2836">
        <v>2</v>
      </c>
      <c r="D2836" s="1">
        <v>43745.45</v>
      </c>
      <c r="E2836" s="1">
        <v>43745.746527777781</v>
      </c>
      <c r="F2836">
        <v>21500</v>
      </c>
      <c r="G2836">
        <v>840</v>
      </c>
      <c r="H2836">
        <v>200</v>
      </c>
      <c r="I2836">
        <v>0</v>
      </c>
      <c r="J2836">
        <v>0</v>
      </c>
      <c r="K2836">
        <v>0</v>
      </c>
      <c r="L2836">
        <v>0</v>
      </c>
      <c r="M2836">
        <v>2254</v>
      </c>
      <c r="N2836">
        <v>0</v>
      </c>
      <c r="O2836">
        <v>0</v>
      </c>
      <c r="P2836">
        <v>13750</v>
      </c>
      <c r="Q2836">
        <v>0</v>
      </c>
      <c r="R2836">
        <v>38544</v>
      </c>
      <c r="S2836">
        <v>0</v>
      </c>
      <c r="T2836">
        <v>0</v>
      </c>
      <c r="U2836">
        <v>0</v>
      </c>
      <c r="V2836">
        <v>2</v>
      </c>
      <c r="W2836">
        <v>0</v>
      </c>
      <c r="X2836">
        <v>0</v>
      </c>
      <c r="Y2836">
        <v>26</v>
      </c>
      <c r="Z2836">
        <v>37</v>
      </c>
      <c r="AA2836">
        <v>88</v>
      </c>
      <c r="AB2836">
        <v>46</v>
      </c>
      <c r="AC2836">
        <v>135</v>
      </c>
      <c r="AD2836">
        <v>72</v>
      </c>
      <c r="AE2836">
        <v>49</v>
      </c>
      <c r="AF2836">
        <v>11185</v>
      </c>
      <c r="AG2836">
        <v>88544</v>
      </c>
      <c r="AH2836">
        <v>50000</v>
      </c>
      <c r="AI2836">
        <v>0</v>
      </c>
      <c r="AJ2836">
        <v>98</v>
      </c>
      <c r="AK2836" t="s">
        <v>35</v>
      </c>
      <c r="AL2836">
        <v>0</v>
      </c>
      <c r="AM2836">
        <v>0</v>
      </c>
      <c r="AN2836">
        <v>0</v>
      </c>
      <c r="AO2836">
        <v>0</v>
      </c>
      <c r="AP2836">
        <v>0</v>
      </c>
      <c r="AQ2836">
        <v>0</v>
      </c>
      <c r="AR2836">
        <v>0</v>
      </c>
      <c r="AS2836">
        <v>0</v>
      </c>
      <c r="AT2836">
        <v>0</v>
      </c>
      <c r="AU2836">
        <v>0</v>
      </c>
      <c r="AV2836">
        <v>0</v>
      </c>
      <c r="AW2836">
        <v>0</v>
      </c>
      <c r="AX2836">
        <v>-616</v>
      </c>
      <c r="AY2836">
        <v>37</v>
      </c>
      <c r="AZ2836">
        <v>61</v>
      </c>
      <c r="BA2836">
        <v>4962</v>
      </c>
    </row>
    <row r="2837" spans="1:53" x14ac:dyDescent="0.4">
      <c r="A2837">
        <v>2881</v>
      </c>
      <c r="B2837" s="1">
        <v>43745</v>
      </c>
      <c r="C2837">
        <v>3</v>
      </c>
      <c r="D2837" s="1">
        <v>43745.746527777781</v>
      </c>
      <c r="E2837" s="1">
        <v>43745.95208333333</v>
      </c>
      <c r="F2837">
        <v>37020</v>
      </c>
      <c r="G2837">
        <v>2040</v>
      </c>
      <c r="H2837">
        <v>0</v>
      </c>
      <c r="I2837">
        <v>0</v>
      </c>
      <c r="J2837">
        <v>0</v>
      </c>
      <c r="K2837">
        <v>500</v>
      </c>
      <c r="L2837">
        <v>0</v>
      </c>
      <c r="M2837">
        <v>3956</v>
      </c>
      <c r="N2837">
        <v>0</v>
      </c>
      <c r="O2837">
        <v>0</v>
      </c>
      <c r="P2837">
        <v>4730</v>
      </c>
      <c r="Q2837">
        <v>0</v>
      </c>
      <c r="R2837">
        <v>48246</v>
      </c>
      <c r="S2837">
        <v>0</v>
      </c>
      <c r="T2837">
        <v>0</v>
      </c>
      <c r="U2837">
        <v>0</v>
      </c>
      <c r="V2837">
        <v>3</v>
      </c>
      <c r="W2837">
        <v>0</v>
      </c>
      <c r="X2837">
        <v>0</v>
      </c>
      <c r="Y2837">
        <v>34</v>
      </c>
      <c r="Z2837">
        <v>37</v>
      </c>
      <c r="AA2837">
        <v>75</v>
      </c>
      <c r="AB2837">
        <v>42</v>
      </c>
      <c r="AC2837">
        <v>131</v>
      </c>
      <c r="AD2837">
        <v>71</v>
      </c>
      <c r="AE2837">
        <v>50</v>
      </c>
      <c r="AF2837">
        <v>42975</v>
      </c>
      <c r="AG2837">
        <v>136790</v>
      </c>
      <c r="AH2837">
        <v>50000</v>
      </c>
      <c r="AI2837">
        <v>0</v>
      </c>
      <c r="AJ2837">
        <v>108</v>
      </c>
      <c r="AK2837" t="s">
        <v>30</v>
      </c>
      <c r="AL2837">
        <v>0</v>
      </c>
      <c r="AM2837">
        <v>0</v>
      </c>
      <c r="AN2837">
        <v>0</v>
      </c>
      <c r="AO2837">
        <v>0</v>
      </c>
      <c r="AP2837">
        <v>0</v>
      </c>
      <c r="AQ2837">
        <v>0</v>
      </c>
      <c r="AR2837">
        <v>0</v>
      </c>
      <c r="AS2837">
        <v>0</v>
      </c>
      <c r="AT2837">
        <v>0</v>
      </c>
      <c r="AU2837">
        <v>0</v>
      </c>
      <c r="AV2837">
        <v>0</v>
      </c>
      <c r="AW2837">
        <v>0</v>
      </c>
      <c r="AX2837">
        <v>6072</v>
      </c>
      <c r="AY2837">
        <v>14</v>
      </c>
      <c r="AZ2837">
        <v>41</v>
      </c>
      <c r="BA2837">
        <v>2222</v>
      </c>
    </row>
    <row r="2838" spans="1:53" x14ac:dyDescent="0.4">
      <c r="A2838">
        <v>2882</v>
      </c>
      <c r="B2838" s="1">
        <v>43745</v>
      </c>
      <c r="C2838">
        <v>4</v>
      </c>
      <c r="D2838" s="1">
        <v>43745.95208333333</v>
      </c>
      <c r="E2838" s="1">
        <v>43746.179861111108</v>
      </c>
      <c r="F2838">
        <v>22020</v>
      </c>
      <c r="G2838">
        <v>830</v>
      </c>
      <c r="H2838">
        <v>400</v>
      </c>
      <c r="I2838">
        <v>0</v>
      </c>
      <c r="J2838">
        <v>0</v>
      </c>
      <c r="K2838">
        <v>1000</v>
      </c>
      <c r="L2838">
        <v>0</v>
      </c>
      <c r="M2838">
        <v>2425</v>
      </c>
      <c r="N2838">
        <v>0</v>
      </c>
      <c r="O2838">
        <v>0</v>
      </c>
      <c r="P2838">
        <v>6160</v>
      </c>
      <c r="Q2838">
        <v>0</v>
      </c>
      <c r="R2838">
        <v>32835</v>
      </c>
      <c r="S2838">
        <v>0</v>
      </c>
      <c r="T2838">
        <v>0</v>
      </c>
      <c r="U2838">
        <v>0</v>
      </c>
      <c r="V2838">
        <v>5</v>
      </c>
      <c r="W2838">
        <v>1</v>
      </c>
      <c r="X2838">
        <v>0</v>
      </c>
      <c r="Y2838">
        <v>34</v>
      </c>
      <c r="Z2838">
        <v>35</v>
      </c>
      <c r="AA2838">
        <v>74</v>
      </c>
      <c r="AB2838">
        <v>43</v>
      </c>
      <c r="AC2838">
        <v>140</v>
      </c>
      <c r="AD2838">
        <v>70</v>
      </c>
      <c r="AE2838">
        <v>50</v>
      </c>
      <c r="AF2838">
        <v>51775</v>
      </c>
      <c r="AG2838">
        <v>169625</v>
      </c>
      <c r="AH2838">
        <v>50000</v>
      </c>
      <c r="AI2838">
        <v>0</v>
      </c>
      <c r="AJ2838">
        <v>70</v>
      </c>
      <c r="AK2838" t="s">
        <v>45</v>
      </c>
      <c r="AL2838">
        <v>0</v>
      </c>
      <c r="AM2838">
        <v>0</v>
      </c>
      <c r="AN2838">
        <v>0</v>
      </c>
      <c r="AO2838">
        <v>0</v>
      </c>
      <c r="AP2838">
        <v>0</v>
      </c>
      <c r="AQ2838">
        <v>0</v>
      </c>
      <c r="AR2838">
        <v>0</v>
      </c>
      <c r="AS2838">
        <v>0</v>
      </c>
      <c r="AT2838">
        <v>0</v>
      </c>
      <c r="AU2838">
        <v>0</v>
      </c>
      <c r="AV2838">
        <v>0</v>
      </c>
      <c r="AW2838">
        <v>0</v>
      </c>
      <c r="AX2838">
        <v>5984</v>
      </c>
      <c r="AY2838">
        <v>4</v>
      </c>
      <c r="AZ2838">
        <v>13</v>
      </c>
      <c r="BA2838">
        <v>1293</v>
      </c>
    </row>
    <row r="2839" spans="1:53" x14ac:dyDescent="0.4">
      <c r="A2839">
        <v>2883</v>
      </c>
      <c r="B2839" s="1">
        <v>43746</v>
      </c>
      <c r="C2839">
        <v>1</v>
      </c>
      <c r="D2839" s="1">
        <v>43746.291666666664</v>
      </c>
      <c r="E2839" s="1">
        <v>43746.440972222219</v>
      </c>
      <c r="F2839">
        <v>0</v>
      </c>
      <c r="G2839">
        <v>0</v>
      </c>
      <c r="H2839">
        <v>0</v>
      </c>
      <c r="I2839">
        <v>0</v>
      </c>
      <c r="J2839">
        <v>0</v>
      </c>
      <c r="K2839">
        <v>0</v>
      </c>
      <c r="L2839">
        <v>0</v>
      </c>
      <c r="M2839">
        <v>0</v>
      </c>
      <c r="N2839">
        <v>0</v>
      </c>
      <c r="O2839">
        <v>0</v>
      </c>
      <c r="P2839">
        <v>0</v>
      </c>
      <c r="Q2839">
        <v>0</v>
      </c>
      <c r="R2839">
        <v>0</v>
      </c>
      <c r="S2839">
        <v>0</v>
      </c>
      <c r="T2839">
        <v>0</v>
      </c>
      <c r="U2839">
        <v>0</v>
      </c>
      <c r="V2839">
        <v>0</v>
      </c>
      <c r="W2839">
        <v>1</v>
      </c>
      <c r="X2839">
        <v>0</v>
      </c>
      <c r="Y2839">
        <v>30</v>
      </c>
      <c r="Z2839">
        <v>8</v>
      </c>
      <c r="AA2839">
        <v>71</v>
      </c>
      <c r="AB2839">
        <v>42</v>
      </c>
      <c r="AC2839">
        <v>140</v>
      </c>
      <c r="AD2839">
        <v>70</v>
      </c>
      <c r="AE2839">
        <v>50</v>
      </c>
      <c r="AF2839">
        <v>0</v>
      </c>
      <c r="AG2839">
        <v>50000</v>
      </c>
      <c r="AH2839">
        <v>50000</v>
      </c>
      <c r="AI2839">
        <v>0</v>
      </c>
      <c r="AJ2839">
        <v>0</v>
      </c>
      <c r="AK2839" t="s">
        <v>6</v>
      </c>
      <c r="AL2839">
        <v>0</v>
      </c>
      <c r="AM2839">
        <v>0</v>
      </c>
      <c r="AN2839">
        <v>0</v>
      </c>
      <c r="AO2839">
        <v>0</v>
      </c>
      <c r="AP2839">
        <v>0</v>
      </c>
      <c r="AQ2839">
        <v>0</v>
      </c>
      <c r="AR2839">
        <v>0</v>
      </c>
      <c r="AS2839">
        <v>0</v>
      </c>
      <c r="AT2839">
        <v>0</v>
      </c>
      <c r="AU2839">
        <v>0</v>
      </c>
      <c r="AV2839">
        <v>0</v>
      </c>
      <c r="AW2839">
        <v>0</v>
      </c>
      <c r="AX2839">
        <v>0</v>
      </c>
      <c r="AY2839">
        <v>0</v>
      </c>
      <c r="AZ2839">
        <v>0</v>
      </c>
      <c r="BA2839">
        <v>0</v>
      </c>
    </row>
    <row r="2840" spans="1:53" x14ac:dyDescent="0.4">
      <c r="A2840">
        <v>2884</v>
      </c>
      <c r="B2840" s="1">
        <v>43746</v>
      </c>
      <c r="C2840">
        <v>2</v>
      </c>
      <c r="D2840" s="1">
        <v>43746.440972222219</v>
      </c>
      <c r="E2840" s="1">
        <v>43746.746527777781</v>
      </c>
      <c r="F2840">
        <v>21000</v>
      </c>
      <c r="G2840">
        <v>2590</v>
      </c>
      <c r="H2840">
        <v>0</v>
      </c>
      <c r="I2840">
        <v>0</v>
      </c>
      <c r="J2840">
        <v>0</v>
      </c>
      <c r="K2840">
        <v>0</v>
      </c>
      <c r="L2840">
        <v>0</v>
      </c>
      <c r="M2840">
        <v>2359</v>
      </c>
      <c r="N2840">
        <v>0</v>
      </c>
      <c r="O2840">
        <v>0</v>
      </c>
      <c r="P2840">
        <v>22000</v>
      </c>
      <c r="Q2840">
        <v>0</v>
      </c>
      <c r="R2840">
        <v>47949</v>
      </c>
      <c r="S2840">
        <v>0</v>
      </c>
      <c r="T2840">
        <v>0</v>
      </c>
      <c r="U2840">
        <v>0</v>
      </c>
      <c r="V2840">
        <v>1</v>
      </c>
      <c r="W2840">
        <v>0</v>
      </c>
      <c r="X2840">
        <v>0</v>
      </c>
      <c r="Y2840">
        <v>67</v>
      </c>
      <c r="Z2840">
        <v>13</v>
      </c>
      <c r="AA2840">
        <v>101</v>
      </c>
      <c r="AB2840">
        <v>48</v>
      </c>
      <c r="AC2840">
        <v>163</v>
      </c>
      <c r="AD2840">
        <v>71</v>
      </c>
      <c r="AE2840">
        <v>54</v>
      </c>
      <c r="AF2840">
        <v>0</v>
      </c>
      <c r="AG2840">
        <v>98039</v>
      </c>
      <c r="AH2840">
        <v>50000</v>
      </c>
      <c r="AI2840">
        <v>90</v>
      </c>
      <c r="AJ2840">
        <v>97</v>
      </c>
      <c r="AK2840" t="s">
        <v>33</v>
      </c>
      <c r="AL2840">
        <v>0</v>
      </c>
      <c r="AM2840">
        <v>0</v>
      </c>
      <c r="AN2840">
        <v>0</v>
      </c>
      <c r="AO2840">
        <v>0</v>
      </c>
      <c r="AP2840">
        <v>0</v>
      </c>
      <c r="AQ2840">
        <v>0</v>
      </c>
      <c r="AR2840">
        <v>0</v>
      </c>
      <c r="AS2840">
        <v>0</v>
      </c>
      <c r="AT2840">
        <v>0</v>
      </c>
      <c r="AU2840">
        <v>0</v>
      </c>
      <c r="AV2840">
        <v>0</v>
      </c>
      <c r="AW2840">
        <v>0</v>
      </c>
      <c r="AX2840">
        <v>1232</v>
      </c>
      <c r="AY2840">
        <v>44</v>
      </c>
      <c r="AZ2840">
        <v>82</v>
      </c>
      <c r="BA2840">
        <v>6272</v>
      </c>
    </row>
    <row r="2841" spans="1:53" x14ac:dyDescent="0.4">
      <c r="A2841">
        <v>2885</v>
      </c>
      <c r="B2841" s="1">
        <v>43746</v>
      </c>
      <c r="C2841">
        <v>3</v>
      </c>
      <c r="D2841" s="1">
        <v>43746.746527777781</v>
      </c>
      <c r="E2841" s="1">
        <v>43746.950694444444</v>
      </c>
      <c r="F2841">
        <v>43840</v>
      </c>
      <c r="G2841">
        <v>4500</v>
      </c>
      <c r="H2841">
        <v>0</v>
      </c>
      <c r="I2841">
        <v>0</v>
      </c>
      <c r="J2841">
        <v>0</v>
      </c>
      <c r="K2841">
        <v>0</v>
      </c>
      <c r="L2841">
        <v>0</v>
      </c>
      <c r="M2841">
        <v>4834</v>
      </c>
      <c r="N2841">
        <v>0</v>
      </c>
      <c r="O2841">
        <v>0</v>
      </c>
      <c r="P2841">
        <v>-19360</v>
      </c>
      <c r="Q2841">
        <v>0</v>
      </c>
      <c r="R2841">
        <v>33814</v>
      </c>
      <c r="S2841">
        <v>0</v>
      </c>
      <c r="T2841">
        <v>0</v>
      </c>
      <c r="U2841">
        <v>0</v>
      </c>
      <c r="V2841">
        <v>3</v>
      </c>
      <c r="W2841">
        <v>1</v>
      </c>
      <c r="X2841">
        <v>0</v>
      </c>
      <c r="Y2841">
        <v>66</v>
      </c>
      <c r="Z2841">
        <v>13</v>
      </c>
      <c r="AA2841">
        <v>104</v>
      </c>
      <c r="AB2841">
        <v>43</v>
      </c>
      <c r="AC2841">
        <v>155</v>
      </c>
      <c r="AD2841">
        <v>69</v>
      </c>
      <c r="AE2841">
        <v>50</v>
      </c>
      <c r="AF2841">
        <v>9768</v>
      </c>
      <c r="AG2841">
        <v>131763</v>
      </c>
      <c r="AH2841">
        <v>50000</v>
      </c>
      <c r="AI2841">
        <v>0</v>
      </c>
      <c r="AJ2841">
        <v>98</v>
      </c>
      <c r="AK2841" t="s">
        <v>35</v>
      </c>
      <c r="AL2841">
        <v>0</v>
      </c>
      <c r="AM2841">
        <v>0</v>
      </c>
      <c r="AN2841">
        <v>0</v>
      </c>
      <c r="AO2841">
        <v>0</v>
      </c>
      <c r="AP2841">
        <v>0</v>
      </c>
      <c r="AQ2841">
        <v>0</v>
      </c>
      <c r="AR2841">
        <v>0</v>
      </c>
      <c r="AS2841">
        <v>0</v>
      </c>
      <c r="AT2841">
        <v>0</v>
      </c>
      <c r="AU2841">
        <v>0</v>
      </c>
      <c r="AV2841">
        <v>0</v>
      </c>
      <c r="AW2841">
        <v>0</v>
      </c>
      <c r="AX2841">
        <v>0</v>
      </c>
      <c r="AY2841">
        <v>10</v>
      </c>
      <c r="AZ2841">
        <v>26</v>
      </c>
      <c r="BA2841">
        <v>2291</v>
      </c>
    </row>
    <row r="2842" spans="1:53" x14ac:dyDescent="0.4">
      <c r="A2842">
        <v>2886</v>
      </c>
      <c r="B2842" s="1">
        <v>43747</v>
      </c>
      <c r="C2842">
        <v>1</v>
      </c>
      <c r="D2842" s="1">
        <v>43747.291666666664</v>
      </c>
      <c r="E2842" s="1">
        <v>43747.857638888891</v>
      </c>
      <c r="F2842">
        <v>30000</v>
      </c>
      <c r="G2842">
        <v>1200</v>
      </c>
      <c r="H2842">
        <v>200</v>
      </c>
      <c r="I2842">
        <v>0</v>
      </c>
      <c r="J2842">
        <v>0</v>
      </c>
      <c r="K2842">
        <v>0</v>
      </c>
      <c r="L2842">
        <v>0</v>
      </c>
      <c r="M2842">
        <v>3140</v>
      </c>
      <c r="N2842">
        <v>0</v>
      </c>
      <c r="O2842">
        <v>0</v>
      </c>
      <c r="P2842">
        <v>3190</v>
      </c>
      <c r="Q2842">
        <v>0</v>
      </c>
      <c r="R2842">
        <v>37730</v>
      </c>
      <c r="S2842">
        <v>0</v>
      </c>
      <c r="T2842">
        <v>0</v>
      </c>
      <c r="U2842">
        <v>0</v>
      </c>
      <c r="V2842">
        <v>0</v>
      </c>
      <c r="W2842">
        <v>0</v>
      </c>
      <c r="X2842">
        <v>0</v>
      </c>
      <c r="Y2842">
        <v>57</v>
      </c>
      <c r="Z2842">
        <v>30</v>
      </c>
      <c r="AA2842">
        <v>107</v>
      </c>
      <c r="AB2842">
        <v>49</v>
      </c>
      <c r="AC2842">
        <v>114</v>
      </c>
      <c r="AD2842">
        <v>67</v>
      </c>
      <c r="AE2842">
        <v>55</v>
      </c>
      <c r="AF2842">
        <v>550</v>
      </c>
      <c r="AG2842">
        <v>87230</v>
      </c>
      <c r="AH2842">
        <v>50000</v>
      </c>
      <c r="AI2842">
        <v>-500</v>
      </c>
      <c r="AJ2842">
        <v>70</v>
      </c>
      <c r="AK2842" t="s">
        <v>45</v>
      </c>
      <c r="AL2842">
        <v>0</v>
      </c>
      <c r="AM2842">
        <v>0</v>
      </c>
      <c r="AN2842">
        <v>0</v>
      </c>
      <c r="AO2842">
        <v>0</v>
      </c>
      <c r="AP2842">
        <v>0</v>
      </c>
      <c r="AQ2842">
        <v>0</v>
      </c>
      <c r="AR2842">
        <v>0</v>
      </c>
      <c r="AS2842">
        <v>0</v>
      </c>
      <c r="AT2842">
        <v>0</v>
      </c>
      <c r="AU2842">
        <v>0</v>
      </c>
      <c r="AV2842">
        <v>0</v>
      </c>
      <c r="AW2842">
        <v>0</v>
      </c>
      <c r="AX2842">
        <v>2750</v>
      </c>
      <c r="AY2842">
        <v>39</v>
      </c>
      <c r="AZ2842">
        <v>66</v>
      </c>
      <c r="BA2842">
        <v>6117</v>
      </c>
    </row>
    <row r="2843" spans="1:53" x14ac:dyDescent="0.4">
      <c r="A2843">
        <v>2887</v>
      </c>
      <c r="B2843" s="1">
        <v>43747</v>
      </c>
      <c r="C2843">
        <v>2</v>
      </c>
      <c r="D2843" s="1">
        <v>43747.857638888891</v>
      </c>
      <c r="E2843" s="1">
        <v>43747.944444444445</v>
      </c>
      <c r="F2843">
        <v>7900</v>
      </c>
      <c r="G2843">
        <v>0</v>
      </c>
      <c r="H2843">
        <v>200</v>
      </c>
      <c r="I2843">
        <v>0</v>
      </c>
      <c r="J2843">
        <v>0</v>
      </c>
      <c r="K2843">
        <v>0</v>
      </c>
      <c r="L2843">
        <v>0</v>
      </c>
      <c r="M2843">
        <v>810</v>
      </c>
      <c r="N2843">
        <v>0</v>
      </c>
      <c r="O2843">
        <v>0</v>
      </c>
      <c r="P2843">
        <v>-3190</v>
      </c>
      <c r="Q2843">
        <v>0</v>
      </c>
      <c r="R2843">
        <v>5720</v>
      </c>
      <c r="S2843">
        <v>0</v>
      </c>
      <c r="T2843">
        <v>0</v>
      </c>
      <c r="U2843">
        <v>0</v>
      </c>
      <c r="V2843">
        <v>0</v>
      </c>
      <c r="W2843">
        <v>0</v>
      </c>
      <c r="X2843">
        <v>0</v>
      </c>
      <c r="Y2843">
        <v>62</v>
      </c>
      <c r="Z2843">
        <v>30</v>
      </c>
      <c r="AA2843">
        <v>112</v>
      </c>
      <c r="AB2843">
        <v>50</v>
      </c>
      <c r="AC2843">
        <v>126</v>
      </c>
      <c r="AD2843">
        <v>67</v>
      </c>
      <c r="AE2843">
        <v>55</v>
      </c>
      <c r="AF2843">
        <v>1100</v>
      </c>
      <c r="AG2843">
        <v>93450</v>
      </c>
      <c r="AH2843">
        <v>50000</v>
      </c>
      <c r="AI2843">
        <v>0</v>
      </c>
      <c r="AJ2843">
        <v>108</v>
      </c>
      <c r="AK2843" t="s">
        <v>30</v>
      </c>
      <c r="AL2843">
        <v>0</v>
      </c>
      <c r="AM2843">
        <v>0</v>
      </c>
      <c r="AN2843">
        <v>0</v>
      </c>
      <c r="AO2843">
        <v>0</v>
      </c>
      <c r="AP2843">
        <v>0</v>
      </c>
      <c r="AQ2843">
        <v>0</v>
      </c>
      <c r="AR2843">
        <v>0</v>
      </c>
      <c r="AS2843">
        <v>0</v>
      </c>
      <c r="AT2843">
        <v>0</v>
      </c>
      <c r="AU2843">
        <v>0</v>
      </c>
      <c r="AV2843">
        <v>0</v>
      </c>
      <c r="AW2843">
        <v>0</v>
      </c>
      <c r="AX2843">
        <v>3300</v>
      </c>
      <c r="AY2843">
        <v>4</v>
      </c>
      <c r="AZ2843">
        <v>6</v>
      </c>
      <c r="BA2843">
        <v>309</v>
      </c>
    </row>
    <row r="2844" spans="1:53" x14ac:dyDescent="0.4">
      <c r="A2844">
        <v>2888</v>
      </c>
      <c r="B2844" s="1">
        <v>43748</v>
      </c>
      <c r="C2844">
        <v>1</v>
      </c>
      <c r="D2844" s="1">
        <v>43748.291666666664</v>
      </c>
      <c r="E2844" s="1">
        <v>43748.453472222223</v>
      </c>
      <c r="F2844">
        <v>0</v>
      </c>
      <c r="G2844">
        <v>0</v>
      </c>
      <c r="H2844">
        <v>0</v>
      </c>
      <c r="I2844">
        <v>0</v>
      </c>
      <c r="J2844">
        <v>0</v>
      </c>
      <c r="K2844">
        <v>0</v>
      </c>
      <c r="L2844">
        <v>0</v>
      </c>
      <c r="M2844">
        <v>0</v>
      </c>
      <c r="N2844">
        <v>0</v>
      </c>
      <c r="O2844">
        <v>0</v>
      </c>
      <c r="P2844">
        <v>0</v>
      </c>
      <c r="Q2844">
        <v>0</v>
      </c>
      <c r="R2844">
        <v>0</v>
      </c>
      <c r="S2844">
        <v>0</v>
      </c>
      <c r="T2844">
        <v>0</v>
      </c>
      <c r="U2844">
        <v>0</v>
      </c>
      <c r="V2844">
        <v>0</v>
      </c>
      <c r="W2844">
        <v>1</v>
      </c>
      <c r="X2844">
        <v>0</v>
      </c>
      <c r="Y2844">
        <v>30</v>
      </c>
      <c r="Z2844">
        <v>10</v>
      </c>
      <c r="AA2844">
        <v>65</v>
      </c>
      <c r="AB2844">
        <v>37</v>
      </c>
      <c r="AC2844">
        <v>127</v>
      </c>
      <c r="AD2844">
        <v>67</v>
      </c>
      <c r="AE2844">
        <v>45</v>
      </c>
      <c r="AF2844">
        <v>0</v>
      </c>
      <c r="AG2844">
        <v>50000</v>
      </c>
      <c r="AH2844">
        <v>0</v>
      </c>
      <c r="AI2844">
        <v>50000</v>
      </c>
      <c r="AJ2844">
        <v>0</v>
      </c>
      <c r="AK2844" t="s">
        <v>6</v>
      </c>
      <c r="AL2844">
        <v>0</v>
      </c>
      <c r="AM2844">
        <v>0</v>
      </c>
      <c r="AN2844">
        <v>0</v>
      </c>
      <c r="AO2844">
        <v>0</v>
      </c>
      <c r="AP2844">
        <v>0</v>
      </c>
      <c r="AQ2844">
        <v>0</v>
      </c>
      <c r="AR2844">
        <v>0</v>
      </c>
      <c r="AS2844">
        <v>0</v>
      </c>
      <c r="AT2844">
        <v>0</v>
      </c>
      <c r="AU2844">
        <v>0</v>
      </c>
      <c r="AV2844">
        <v>0</v>
      </c>
      <c r="AW2844">
        <v>0</v>
      </c>
      <c r="AX2844">
        <v>0</v>
      </c>
      <c r="AY2844">
        <v>0</v>
      </c>
      <c r="AZ2844">
        <v>0</v>
      </c>
      <c r="BA2844">
        <v>0</v>
      </c>
    </row>
    <row r="2845" spans="1:53" x14ac:dyDescent="0.4">
      <c r="A2845">
        <v>2889</v>
      </c>
      <c r="B2845" s="1">
        <v>43748</v>
      </c>
      <c r="C2845">
        <v>2</v>
      </c>
      <c r="D2845" s="1">
        <v>43748.453472222223</v>
      </c>
      <c r="E2845" s="1">
        <v>43748.745138888888</v>
      </c>
      <c r="F2845">
        <v>19000</v>
      </c>
      <c r="G2845">
        <v>680</v>
      </c>
      <c r="H2845">
        <v>0</v>
      </c>
      <c r="I2845">
        <v>0</v>
      </c>
      <c r="J2845">
        <v>0</v>
      </c>
      <c r="K2845">
        <v>0</v>
      </c>
      <c r="L2845">
        <v>0</v>
      </c>
      <c r="M2845">
        <v>1968</v>
      </c>
      <c r="N2845">
        <v>0</v>
      </c>
      <c r="O2845">
        <v>0</v>
      </c>
      <c r="P2845">
        <v>14850</v>
      </c>
      <c r="Q2845">
        <v>0</v>
      </c>
      <c r="R2845">
        <v>36498</v>
      </c>
      <c r="S2845">
        <v>0</v>
      </c>
      <c r="T2845">
        <v>0</v>
      </c>
      <c r="U2845">
        <v>0</v>
      </c>
      <c r="V2845">
        <v>2</v>
      </c>
      <c r="W2845">
        <v>1</v>
      </c>
      <c r="X2845">
        <v>0</v>
      </c>
      <c r="Y2845">
        <v>43</v>
      </c>
      <c r="Z2845">
        <v>17</v>
      </c>
      <c r="AA2845">
        <v>56</v>
      </c>
      <c r="AB2845">
        <v>38</v>
      </c>
      <c r="AC2845">
        <v>156</v>
      </c>
      <c r="AD2845">
        <v>69</v>
      </c>
      <c r="AE2845">
        <v>43</v>
      </c>
      <c r="AF2845">
        <v>550</v>
      </c>
      <c r="AG2845">
        <v>86498</v>
      </c>
      <c r="AH2845">
        <v>50000</v>
      </c>
      <c r="AI2845">
        <v>0</v>
      </c>
      <c r="AJ2845">
        <v>99</v>
      </c>
      <c r="AK2845" t="s">
        <v>9</v>
      </c>
      <c r="AL2845">
        <v>0</v>
      </c>
      <c r="AM2845">
        <v>0</v>
      </c>
      <c r="AN2845">
        <v>0</v>
      </c>
      <c r="AO2845">
        <v>0</v>
      </c>
      <c r="AP2845">
        <v>0</v>
      </c>
      <c r="AQ2845">
        <v>0</v>
      </c>
      <c r="AR2845">
        <v>0</v>
      </c>
      <c r="AS2845">
        <v>0</v>
      </c>
      <c r="AT2845">
        <v>0</v>
      </c>
      <c r="AU2845">
        <v>0</v>
      </c>
      <c r="AV2845">
        <v>0</v>
      </c>
      <c r="AW2845">
        <v>0</v>
      </c>
      <c r="AX2845">
        <v>-3300</v>
      </c>
      <c r="AY2845">
        <v>38</v>
      </c>
      <c r="AZ2845">
        <v>65</v>
      </c>
      <c r="BA2845">
        <v>5157</v>
      </c>
    </row>
    <row r="2846" spans="1:53" x14ac:dyDescent="0.4">
      <c r="A2846">
        <v>2890</v>
      </c>
      <c r="B2846" s="1">
        <v>43748</v>
      </c>
      <c r="C2846">
        <v>3</v>
      </c>
      <c r="D2846" s="1">
        <v>43748.745138888888</v>
      </c>
      <c r="E2846" s="1">
        <v>43748.950694444444</v>
      </c>
      <c r="F2846">
        <v>29260</v>
      </c>
      <c r="G2846">
        <v>450</v>
      </c>
      <c r="H2846">
        <v>200</v>
      </c>
      <c r="I2846">
        <v>0</v>
      </c>
      <c r="J2846">
        <v>0</v>
      </c>
      <c r="K2846">
        <v>0</v>
      </c>
      <c r="L2846">
        <v>0</v>
      </c>
      <c r="M2846">
        <v>2991</v>
      </c>
      <c r="N2846">
        <v>0</v>
      </c>
      <c r="O2846">
        <v>0</v>
      </c>
      <c r="P2846">
        <v>-8250</v>
      </c>
      <c r="Q2846">
        <v>0</v>
      </c>
      <c r="R2846">
        <v>24651</v>
      </c>
      <c r="S2846">
        <v>0</v>
      </c>
      <c r="T2846">
        <v>0</v>
      </c>
      <c r="U2846">
        <v>0</v>
      </c>
      <c r="V2846">
        <v>4</v>
      </c>
      <c r="W2846">
        <v>0</v>
      </c>
      <c r="X2846">
        <v>0</v>
      </c>
      <c r="Y2846">
        <v>49</v>
      </c>
      <c r="Z2846">
        <v>18</v>
      </c>
      <c r="AA2846">
        <v>55</v>
      </c>
      <c r="AB2846">
        <v>39</v>
      </c>
      <c r="AC2846">
        <v>161</v>
      </c>
      <c r="AD2846">
        <v>68</v>
      </c>
      <c r="AE2846">
        <v>43</v>
      </c>
      <c r="AF2846">
        <v>3706</v>
      </c>
      <c r="AG2846">
        <v>111149</v>
      </c>
      <c r="AH2846">
        <v>50000</v>
      </c>
      <c r="AI2846">
        <v>0</v>
      </c>
      <c r="AJ2846">
        <v>99</v>
      </c>
      <c r="AK2846" t="s">
        <v>9</v>
      </c>
      <c r="AL2846">
        <v>0</v>
      </c>
      <c r="AM2846">
        <v>0</v>
      </c>
      <c r="AN2846">
        <v>0</v>
      </c>
      <c r="AO2846">
        <v>0</v>
      </c>
      <c r="AP2846">
        <v>0</v>
      </c>
      <c r="AQ2846">
        <v>0</v>
      </c>
      <c r="AR2846">
        <v>0</v>
      </c>
      <c r="AS2846">
        <v>0</v>
      </c>
      <c r="AT2846">
        <v>0</v>
      </c>
      <c r="AU2846">
        <v>0</v>
      </c>
      <c r="AV2846">
        <v>0</v>
      </c>
      <c r="AW2846">
        <v>0</v>
      </c>
      <c r="AX2846">
        <v>12727</v>
      </c>
      <c r="AY2846">
        <v>13</v>
      </c>
      <c r="AZ2846">
        <v>30</v>
      </c>
      <c r="BA2846">
        <v>2532</v>
      </c>
    </row>
    <row r="2847" spans="1:53" x14ac:dyDescent="0.4">
      <c r="A2847">
        <v>2891</v>
      </c>
      <c r="B2847" s="1">
        <v>43748</v>
      </c>
      <c r="C2847">
        <v>4</v>
      </c>
      <c r="D2847" s="1">
        <v>43748.950694444444</v>
      </c>
      <c r="E2847" s="1">
        <v>43749.076388888891</v>
      </c>
      <c r="F2847">
        <v>15750</v>
      </c>
      <c r="G2847">
        <v>7730</v>
      </c>
      <c r="H2847">
        <v>200</v>
      </c>
      <c r="I2847">
        <v>0</v>
      </c>
      <c r="J2847">
        <v>0</v>
      </c>
      <c r="K2847">
        <v>0</v>
      </c>
      <c r="L2847">
        <v>0</v>
      </c>
      <c r="M2847">
        <v>2368</v>
      </c>
      <c r="N2847">
        <v>0</v>
      </c>
      <c r="O2847">
        <v>0</v>
      </c>
      <c r="P2847">
        <v>2200</v>
      </c>
      <c r="Q2847">
        <v>0</v>
      </c>
      <c r="R2847">
        <v>28248</v>
      </c>
      <c r="S2847">
        <v>0</v>
      </c>
      <c r="T2847">
        <v>0</v>
      </c>
      <c r="U2847">
        <v>0</v>
      </c>
      <c r="V2847">
        <v>7</v>
      </c>
      <c r="W2847">
        <v>0</v>
      </c>
      <c r="X2847">
        <v>0</v>
      </c>
      <c r="Y2847">
        <v>49</v>
      </c>
      <c r="Z2847">
        <v>16</v>
      </c>
      <c r="AA2847">
        <v>49</v>
      </c>
      <c r="AB2847">
        <v>39</v>
      </c>
      <c r="AC2847">
        <v>147</v>
      </c>
      <c r="AD2847">
        <v>66</v>
      </c>
      <c r="AE2847">
        <v>41</v>
      </c>
      <c r="AF2847">
        <v>3706</v>
      </c>
      <c r="AG2847">
        <v>139397</v>
      </c>
      <c r="AH2847">
        <v>50000</v>
      </c>
      <c r="AI2847">
        <v>0</v>
      </c>
      <c r="AJ2847">
        <v>108</v>
      </c>
      <c r="AK2847" t="s">
        <v>30</v>
      </c>
      <c r="AL2847">
        <v>0</v>
      </c>
      <c r="AM2847">
        <v>0</v>
      </c>
      <c r="AN2847">
        <v>0</v>
      </c>
      <c r="AO2847">
        <v>0</v>
      </c>
      <c r="AP2847">
        <v>0</v>
      </c>
      <c r="AQ2847">
        <v>0</v>
      </c>
      <c r="AR2847">
        <v>0</v>
      </c>
      <c r="AS2847">
        <v>0</v>
      </c>
      <c r="AT2847">
        <v>0</v>
      </c>
      <c r="AU2847">
        <v>0</v>
      </c>
      <c r="AV2847">
        <v>0</v>
      </c>
      <c r="AW2847">
        <v>0</v>
      </c>
      <c r="AX2847">
        <v>0</v>
      </c>
      <c r="AY2847">
        <v>4</v>
      </c>
      <c r="AZ2847">
        <v>9</v>
      </c>
      <c r="BA2847">
        <v>412</v>
      </c>
    </row>
    <row r="2848" spans="1:53" x14ac:dyDescent="0.4">
      <c r="A2848">
        <v>2892</v>
      </c>
      <c r="B2848" s="1">
        <v>43749</v>
      </c>
      <c r="C2848">
        <v>1</v>
      </c>
      <c r="D2848" s="1">
        <v>43749.291666666664</v>
      </c>
      <c r="E2848" s="1">
        <v>43749.448611111111</v>
      </c>
      <c r="F2848">
        <v>0</v>
      </c>
      <c r="G2848">
        <v>0</v>
      </c>
      <c r="H2848">
        <v>0</v>
      </c>
      <c r="I2848">
        <v>0</v>
      </c>
      <c r="J2848">
        <v>0</v>
      </c>
      <c r="K2848">
        <v>0</v>
      </c>
      <c r="L2848">
        <v>0</v>
      </c>
      <c r="M2848">
        <v>0</v>
      </c>
      <c r="N2848">
        <v>0</v>
      </c>
      <c r="O2848">
        <v>0</v>
      </c>
      <c r="P2848">
        <v>0</v>
      </c>
      <c r="Q2848">
        <v>0</v>
      </c>
      <c r="R2848">
        <v>0</v>
      </c>
      <c r="S2848">
        <v>0</v>
      </c>
      <c r="T2848">
        <v>0</v>
      </c>
      <c r="U2848">
        <v>0</v>
      </c>
      <c r="V2848">
        <v>0</v>
      </c>
      <c r="W2848">
        <v>0</v>
      </c>
      <c r="X2848">
        <v>0</v>
      </c>
      <c r="Y2848">
        <v>33</v>
      </c>
      <c r="Z2848">
        <v>16</v>
      </c>
      <c r="AA2848">
        <v>52</v>
      </c>
      <c r="AB2848">
        <v>38</v>
      </c>
      <c r="AC2848">
        <v>153</v>
      </c>
      <c r="AD2848">
        <v>66</v>
      </c>
      <c r="AE2848">
        <v>40</v>
      </c>
      <c r="AF2848">
        <v>0</v>
      </c>
      <c r="AG2848">
        <v>50000</v>
      </c>
      <c r="AH2848">
        <v>0</v>
      </c>
      <c r="AI2848">
        <v>50000</v>
      </c>
      <c r="AJ2848">
        <v>0</v>
      </c>
      <c r="AK2848" t="s">
        <v>6</v>
      </c>
      <c r="AL2848">
        <v>0</v>
      </c>
      <c r="AM2848">
        <v>0</v>
      </c>
      <c r="AN2848">
        <v>0</v>
      </c>
      <c r="AO2848">
        <v>0</v>
      </c>
      <c r="AP2848">
        <v>0</v>
      </c>
      <c r="AQ2848">
        <v>0</v>
      </c>
      <c r="AR2848">
        <v>0</v>
      </c>
      <c r="AS2848">
        <v>0</v>
      </c>
      <c r="AT2848">
        <v>0</v>
      </c>
      <c r="AU2848">
        <v>0</v>
      </c>
      <c r="AV2848">
        <v>0</v>
      </c>
      <c r="AW2848">
        <v>0</v>
      </c>
      <c r="AX2848">
        <v>0</v>
      </c>
      <c r="AY2848">
        <v>0</v>
      </c>
      <c r="AZ2848">
        <v>0</v>
      </c>
      <c r="BA2848">
        <v>0</v>
      </c>
    </row>
    <row r="2849" spans="1:53" x14ac:dyDescent="0.4">
      <c r="A2849">
        <v>2893</v>
      </c>
      <c r="B2849" s="1">
        <v>43749</v>
      </c>
      <c r="C2849">
        <v>2</v>
      </c>
      <c r="D2849" s="1">
        <v>43749.448611111111</v>
      </c>
      <c r="E2849" s="1">
        <v>43749.736805555556</v>
      </c>
      <c r="F2849">
        <v>20500</v>
      </c>
      <c r="G2849">
        <v>0</v>
      </c>
      <c r="H2849">
        <v>200</v>
      </c>
      <c r="I2849">
        <v>0</v>
      </c>
      <c r="J2849">
        <v>0</v>
      </c>
      <c r="K2849">
        <v>0</v>
      </c>
      <c r="L2849">
        <v>0</v>
      </c>
      <c r="M2849">
        <v>2070</v>
      </c>
      <c r="N2849">
        <v>0</v>
      </c>
      <c r="O2849">
        <v>0</v>
      </c>
      <c r="P2849">
        <v>22000</v>
      </c>
      <c r="Q2849">
        <v>0</v>
      </c>
      <c r="R2849">
        <v>44770</v>
      </c>
      <c r="S2849">
        <v>0</v>
      </c>
      <c r="T2849">
        <v>0</v>
      </c>
      <c r="U2849">
        <v>0</v>
      </c>
      <c r="V2849">
        <v>0</v>
      </c>
      <c r="W2849">
        <v>2</v>
      </c>
      <c r="X2849">
        <v>0</v>
      </c>
      <c r="Y2849">
        <v>57</v>
      </c>
      <c r="Z2849">
        <v>28</v>
      </c>
      <c r="AA2849">
        <v>88</v>
      </c>
      <c r="AB2849">
        <v>54</v>
      </c>
      <c r="AC2849">
        <v>190</v>
      </c>
      <c r="AD2849">
        <v>65</v>
      </c>
      <c r="AE2849">
        <v>45</v>
      </c>
      <c r="AF2849">
        <v>0</v>
      </c>
      <c r="AG2849">
        <v>94770</v>
      </c>
      <c r="AH2849">
        <v>50000</v>
      </c>
      <c r="AI2849">
        <v>0</v>
      </c>
      <c r="AJ2849">
        <v>99</v>
      </c>
      <c r="AK2849" t="s">
        <v>9</v>
      </c>
      <c r="AL2849">
        <v>0</v>
      </c>
      <c r="AM2849">
        <v>0</v>
      </c>
      <c r="AN2849">
        <v>0</v>
      </c>
      <c r="AO2849">
        <v>0</v>
      </c>
      <c r="AP2849">
        <v>0</v>
      </c>
      <c r="AQ2849">
        <v>0</v>
      </c>
      <c r="AR2849">
        <v>0</v>
      </c>
      <c r="AS2849">
        <v>0</v>
      </c>
      <c r="AT2849">
        <v>0</v>
      </c>
      <c r="AU2849">
        <v>0</v>
      </c>
      <c r="AV2849">
        <v>0</v>
      </c>
      <c r="AW2849">
        <v>0</v>
      </c>
      <c r="AX2849">
        <v>-1100</v>
      </c>
      <c r="AY2849">
        <v>42</v>
      </c>
      <c r="AZ2849">
        <v>81</v>
      </c>
      <c r="BA2849">
        <v>5705</v>
      </c>
    </row>
    <row r="2850" spans="1:53" x14ac:dyDescent="0.4">
      <c r="A2850">
        <v>2894</v>
      </c>
      <c r="B2850" s="1">
        <v>43749</v>
      </c>
      <c r="C2850">
        <v>3</v>
      </c>
      <c r="D2850" s="1">
        <v>43749.736805555556</v>
      </c>
      <c r="E2850" s="1">
        <v>43749.958333333336</v>
      </c>
      <c r="F2850">
        <v>81160</v>
      </c>
      <c r="G2850">
        <v>2990</v>
      </c>
      <c r="H2850">
        <v>200</v>
      </c>
      <c r="I2850">
        <v>0</v>
      </c>
      <c r="J2850">
        <v>0</v>
      </c>
      <c r="K2850">
        <v>0</v>
      </c>
      <c r="L2850">
        <v>0</v>
      </c>
      <c r="M2850">
        <v>8435</v>
      </c>
      <c r="N2850">
        <v>0</v>
      </c>
      <c r="O2850">
        <v>0</v>
      </c>
      <c r="P2850">
        <v>-22000</v>
      </c>
      <c r="Q2850">
        <v>0</v>
      </c>
      <c r="R2850">
        <v>70785</v>
      </c>
      <c r="S2850">
        <v>0</v>
      </c>
      <c r="T2850">
        <v>0</v>
      </c>
      <c r="U2850">
        <v>0</v>
      </c>
      <c r="V2850">
        <v>7</v>
      </c>
      <c r="W2850">
        <v>0</v>
      </c>
      <c r="X2850">
        <v>0</v>
      </c>
      <c r="Y2850">
        <v>65</v>
      </c>
      <c r="Z2850">
        <v>31</v>
      </c>
      <c r="AA2850">
        <v>92</v>
      </c>
      <c r="AB2850">
        <v>59</v>
      </c>
      <c r="AC2850">
        <v>188</v>
      </c>
      <c r="AD2850">
        <v>65</v>
      </c>
      <c r="AE2850">
        <v>40</v>
      </c>
      <c r="AF2850">
        <v>660</v>
      </c>
      <c r="AG2850">
        <v>165555</v>
      </c>
      <c r="AH2850">
        <v>50000</v>
      </c>
      <c r="AI2850">
        <v>0</v>
      </c>
      <c r="AJ2850">
        <v>100</v>
      </c>
      <c r="AK2850" t="s">
        <v>0</v>
      </c>
      <c r="AL2850">
        <v>0</v>
      </c>
      <c r="AM2850">
        <v>0</v>
      </c>
      <c r="AN2850">
        <v>0</v>
      </c>
      <c r="AO2850">
        <v>0</v>
      </c>
      <c r="AP2850">
        <v>0</v>
      </c>
      <c r="AQ2850">
        <v>0</v>
      </c>
      <c r="AR2850">
        <v>0</v>
      </c>
      <c r="AS2850">
        <v>0</v>
      </c>
      <c r="AT2850">
        <v>0</v>
      </c>
      <c r="AU2850">
        <v>0</v>
      </c>
      <c r="AV2850">
        <v>0</v>
      </c>
      <c r="AW2850">
        <v>0</v>
      </c>
      <c r="AX2850">
        <v>89848</v>
      </c>
      <c r="AY2850">
        <v>26</v>
      </c>
      <c r="AZ2850">
        <v>112</v>
      </c>
      <c r="BA2850">
        <v>3558</v>
      </c>
    </row>
    <row r="2851" spans="1:53" x14ac:dyDescent="0.4">
      <c r="A2851">
        <v>2895</v>
      </c>
      <c r="B2851" s="1">
        <v>43749</v>
      </c>
      <c r="C2851">
        <v>4</v>
      </c>
      <c r="D2851" s="1">
        <v>43749.958333333336</v>
      </c>
      <c r="E2851" s="1">
        <v>43750.112500000003</v>
      </c>
      <c r="F2851">
        <v>150260</v>
      </c>
      <c r="G2851">
        <v>11380</v>
      </c>
      <c r="H2851">
        <v>200</v>
      </c>
      <c r="I2851">
        <v>0</v>
      </c>
      <c r="J2851">
        <v>0</v>
      </c>
      <c r="K2851">
        <v>0</v>
      </c>
      <c r="L2851">
        <v>0</v>
      </c>
      <c r="M2851">
        <v>16184</v>
      </c>
      <c r="N2851">
        <v>0</v>
      </c>
      <c r="O2851">
        <v>0</v>
      </c>
      <c r="P2851">
        <v>86790</v>
      </c>
      <c r="Q2851">
        <v>0</v>
      </c>
      <c r="R2851">
        <v>264814</v>
      </c>
      <c r="S2851">
        <v>0</v>
      </c>
      <c r="T2851">
        <v>0</v>
      </c>
      <c r="U2851">
        <v>0</v>
      </c>
      <c r="V2851">
        <v>12</v>
      </c>
      <c r="W2851">
        <v>3</v>
      </c>
      <c r="X2851">
        <v>0</v>
      </c>
      <c r="Y2851">
        <v>131</v>
      </c>
      <c r="Z2851">
        <v>33</v>
      </c>
      <c r="AA2851">
        <v>123</v>
      </c>
      <c r="AB2851">
        <v>57</v>
      </c>
      <c r="AC2851">
        <v>182</v>
      </c>
      <c r="AD2851">
        <v>65</v>
      </c>
      <c r="AE2851">
        <v>37</v>
      </c>
      <c r="AF2851">
        <v>130537</v>
      </c>
      <c r="AG2851">
        <v>430369</v>
      </c>
      <c r="AH2851">
        <v>50000</v>
      </c>
      <c r="AI2851">
        <v>0</v>
      </c>
      <c r="AJ2851">
        <v>70</v>
      </c>
      <c r="AK2851" t="s">
        <v>45</v>
      </c>
      <c r="AL2851">
        <v>0</v>
      </c>
      <c r="AM2851">
        <v>0</v>
      </c>
      <c r="AN2851">
        <v>0</v>
      </c>
      <c r="AO2851">
        <v>0</v>
      </c>
      <c r="AP2851">
        <v>0</v>
      </c>
      <c r="AQ2851">
        <v>0</v>
      </c>
      <c r="AR2851">
        <v>0</v>
      </c>
      <c r="AS2851">
        <v>0</v>
      </c>
      <c r="AT2851">
        <v>0</v>
      </c>
      <c r="AU2851">
        <v>0</v>
      </c>
      <c r="AV2851">
        <v>0</v>
      </c>
      <c r="AW2851">
        <v>0</v>
      </c>
      <c r="AX2851">
        <v>1133</v>
      </c>
      <c r="AY2851">
        <v>17</v>
      </c>
      <c r="AZ2851">
        <v>65</v>
      </c>
      <c r="BA2851">
        <v>2539</v>
      </c>
    </row>
    <row r="2852" spans="1:53" x14ac:dyDescent="0.4">
      <c r="A2852">
        <v>2896</v>
      </c>
      <c r="B2852" s="1">
        <v>43750</v>
      </c>
      <c r="C2852">
        <v>1</v>
      </c>
      <c r="D2852" s="1">
        <v>43750.291666666664</v>
      </c>
      <c r="E2852" s="1">
        <v>43750.409722222219</v>
      </c>
      <c r="F2852">
        <v>0</v>
      </c>
      <c r="G2852">
        <v>0</v>
      </c>
      <c r="H2852">
        <v>0</v>
      </c>
      <c r="I2852">
        <v>0</v>
      </c>
      <c r="J2852">
        <v>0</v>
      </c>
      <c r="K2852">
        <v>0</v>
      </c>
      <c r="L2852">
        <v>0</v>
      </c>
      <c r="M2852">
        <v>0</v>
      </c>
      <c r="N2852">
        <v>0</v>
      </c>
      <c r="O2852">
        <v>0</v>
      </c>
      <c r="P2852">
        <v>0</v>
      </c>
      <c r="Q2852">
        <v>0</v>
      </c>
      <c r="R2852">
        <v>0</v>
      </c>
      <c r="S2852">
        <v>0</v>
      </c>
      <c r="T2852">
        <v>0</v>
      </c>
      <c r="U2852">
        <v>0</v>
      </c>
      <c r="V2852">
        <v>0</v>
      </c>
      <c r="W2852">
        <v>0</v>
      </c>
      <c r="X2852">
        <v>0</v>
      </c>
      <c r="Y2852">
        <v>30</v>
      </c>
      <c r="Z2852">
        <v>10</v>
      </c>
      <c r="AA2852">
        <v>110</v>
      </c>
      <c r="AB2852">
        <v>53</v>
      </c>
      <c r="AC2852">
        <v>100</v>
      </c>
      <c r="AD2852">
        <v>63</v>
      </c>
      <c r="AE2852">
        <v>35</v>
      </c>
      <c r="AF2852">
        <v>0</v>
      </c>
      <c r="AG2852">
        <v>50000</v>
      </c>
      <c r="AH2852">
        <v>50000</v>
      </c>
      <c r="AI2852">
        <v>0</v>
      </c>
      <c r="AJ2852">
        <v>0</v>
      </c>
      <c r="AK2852" t="s">
        <v>6</v>
      </c>
      <c r="AL2852">
        <v>0</v>
      </c>
      <c r="AM2852">
        <v>0</v>
      </c>
      <c r="AN2852">
        <v>0</v>
      </c>
      <c r="AO2852">
        <v>0</v>
      </c>
      <c r="AP2852">
        <v>0</v>
      </c>
      <c r="AQ2852">
        <v>0</v>
      </c>
      <c r="AR2852">
        <v>0</v>
      </c>
      <c r="AS2852">
        <v>0</v>
      </c>
      <c r="AT2852">
        <v>0</v>
      </c>
      <c r="AU2852">
        <v>0</v>
      </c>
      <c r="AV2852">
        <v>0</v>
      </c>
      <c r="AW2852">
        <v>0</v>
      </c>
      <c r="AX2852">
        <v>0</v>
      </c>
      <c r="AY2852">
        <v>0</v>
      </c>
      <c r="AZ2852">
        <v>0</v>
      </c>
      <c r="BA2852">
        <v>0</v>
      </c>
    </row>
    <row r="2853" spans="1:53" x14ac:dyDescent="0.4">
      <c r="A2853">
        <v>2897</v>
      </c>
      <c r="B2853" s="1">
        <v>43750</v>
      </c>
      <c r="C2853">
        <v>2</v>
      </c>
      <c r="D2853" s="1">
        <v>43750.409722222219</v>
      </c>
      <c r="E2853" s="1">
        <v>43750.732638888891</v>
      </c>
      <c r="F2853">
        <v>9250</v>
      </c>
      <c r="G2853">
        <v>8370</v>
      </c>
      <c r="H2853">
        <v>400</v>
      </c>
      <c r="I2853">
        <v>0</v>
      </c>
      <c r="J2853">
        <v>0</v>
      </c>
      <c r="K2853">
        <v>0</v>
      </c>
      <c r="L2853">
        <v>0</v>
      </c>
      <c r="M2853">
        <v>1802</v>
      </c>
      <c r="N2853">
        <v>0</v>
      </c>
      <c r="O2853">
        <v>0</v>
      </c>
      <c r="P2853">
        <v>8525</v>
      </c>
      <c r="Q2853">
        <v>0</v>
      </c>
      <c r="R2853">
        <v>28347</v>
      </c>
      <c r="S2853">
        <v>0</v>
      </c>
      <c r="T2853">
        <v>0</v>
      </c>
      <c r="U2853">
        <v>0</v>
      </c>
      <c r="V2853">
        <v>3</v>
      </c>
      <c r="W2853">
        <v>0</v>
      </c>
      <c r="X2853">
        <v>0</v>
      </c>
      <c r="Y2853">
        <v>22</v>
      </c>
      <c r="Z2853">
        <v>11</v>
      </c>
      <c r="AA2853">
        <v>120</v>
      </c>
      <c r="AB2853">
        <v>50</v>
      </c>
      <c r="AC2853">
        <v>102</v>
      </c>
      <c r="AD2853">
        <v>60</v>
      </c>
      <c r="AE2853">
        <v>34</v>
      </c>
      <c r="AF2853">
        <v>5093</v>
      </c>
      <c r="AG2853">
        <v>78447</v>
      </c>
      <c r="AH2853">
        <v>50000</v>
      </c>
      <c r="AI2853">
        <v>100</v>
      </c>
      <c r="AJ2853">
        <v>97</v>
      </c>
      <c r="AK2853" t="s">
        <v>33</v>
      </c>
      <c r="AL2853">
        <v>0</v>
      </c>
      <c r="AM2853">
        <v>0</v>
      </c>
      <c r="AN2853">
        <v>0</v>
      </c>
      <c r="AO2853">
        <v>0</v>
      </c>
      <c r="AP2853">
        <v>0</v>
      </c>
      <c r="AQ2853">
        <v>0</v>
      </c>
      <c r="AR2853">
        <v>0</v>
      </c>
      <c r="AS2853">
        <v>0</v>
      </c>
      <c r="AT2853">
        <v>0</v>
      </c>
      <c r="AU2853">
        <v>0</v>
      </c>
      <c r="AV2853">
        <v>0</v>
      </c>
      <c r="AW2853">
        <v>0</v>
      </c>
      <c r="AX2853">
        <v>-1375</v>
      </c>
      <c r="AY2853">
        <v>15</v>
      </c>
      <c r="AZ2853">
        <v>35</v>
      </c>
      <c r="BA2853">
        <v>1957</v>
      </c>
    </row>
    <row r="2854" spans="1:53" x14ac:dyDescent="0.4">
      <c r="A2854">
        <v>2898</v>
      </c>
      <c r="B2854" s="1">
        <v>43750</v>
      </c>
      <c r="C2854">
        <v>3</v>
      </c>
      <c r="D2854" s="1">
        <v>43750.732638888891</v>
      </c>
      <c r="E2854" s="1">
        <v>43751.069444444445</v>
      </c>
      <c r="F2854">
        <v>27550</v>
      </c>
      <c r="G2854">
        <v>540</v>
      </c>
      <c r="H2854">
        <v>200</v>
      </c>
      <c r="I2854">
        <v>0</v>
      </c>
      <c r="J2854">
        <v>0</v>
      </c>
      <c r="K2854">
        <v>0</v>
      </c>
      <c r="L2854">
        <v>0</v>
      </c>
      <c r="M2854">
        <v>2829</v>
      </c>
      <c r="N2854">
        <v>0</v>
      </c>
      <c r="O2854">
        <v>0</v>
      </c>
      <c r="P2854">
        <v>11605</v>
      </c>
      <c r="Q2854">
        <v>0</v>
      </c>
      <c r="R2854">
        <v>42724</v>
      </c>
      <c r="S2854">
        <v>0</v>
      </c>
      <c r="T2854">
        <v>0</v>
      </c>
      <c r="U2854">
        <v>0</v>
      </c>
      <c r="V2854">
        <v>7</v>
      </c>
      <c r="W2854">
        <v>0</v>
      </c>
      <c r="X2854">
        <v>0</v>
      </c>
      <c r="Y2854">
        <v>28</v>
      </c>
      <c r="Z2854">
        <v>10</v>
      </c>
      <c r="AA2854">
        <v>65</v>
      </c>
      <c r="AB2854">
        <v>49</v>
      </c>
      <c r="AC2854">
        <v>106</v>
      </c>
      <c r="AD2854">
        <v>59</v>
      </c>
      <c r="AE2854">
        <v>33</v>
      </c>
      <c r="AF2854">
        <v>7733</v>
      </c>
      <c r="AG2854">
        <v>121071</v>
      </c>
      <c r="AH2854">
        <v>50000</v>
      </c>
      <c r="AI2854">
        <v>0</v>
      </c>
      <c r="AJ2854">
        <v>108</v>
      </c>
      <c r="AK2854" t="s">
        <v>30</v>
      </c>
      <c r="AL2854">
        <v>0</v>
      </c>
      <c r="AM2854">
        <v>0</v>
      </c>
      <c r="AN2854">
        <v>0</v>
      </c>
      <c r="AO2854">
        <v>0</v>
      </c>
      <c r="AP2854">
        <v>0</v>
      </c>
      <c r="AQ2854">
        <v>0</v>
      </c>
      <c r="AR2854">
        <v>0</v>
      </c>
      <c r="AS2854">
        <v>0</v>
      </c>
      <c r="AT2854">
        <v>0</v>
      </c>
      <c r="AU2854">
        <v>0</v>
      </c>
      <c r="AV2854">
        <v>0</v>
      </c>
      <c r="AW2854">
        <v>0</v>
      </c>
      <c r="AX2854">
        <v>19250</v>
      </c>
      <c r="AY2854">
        <v>11</v>
      </c>
      <c r="AZ2854">
        <v>36</v>
      </c>
      <c r="BA2854">
        <v>1734</v>
      </c>
    </row>
    <row r="2855" spans="1:53" x14ac:dyDescent="0.4">
      <c r="A2855">
        <v>2899</v>
      </c>
      <c r="B2855" s="1">
        <v>43751</v>
      </c>
      <c r="C2855">
        <v>1</v>
      </c>
      <c r="D2855" s="1">
        <v>43751.291666666664</v>
      </c>
      <c r="E2855" s="1">
        <v>43751.410416666666</v>
      </c>
      <c r="F2855">
        <v>0</v>
      </c>
      <c r="G2855">
        <v>0</v>
      </c>
      <c r="H2855">
        <v>0</v>
      </c>
      <c r="I2855">
        <v>0</v>
      </c>
      <c r="J2855">
        <v>0</v>
      </c>
      <c r="K2855">
        <v>0</v>
      </c>
      <c r="L2855">
        <v>0</v>
      </c>
      <c r="M2855">
        <v>0</v>
      </c>
      <c r="N2855">
        <v>0</v>
      </c>
      <c r="O2855">
        <v>0</v>
      </c>
      <c r="P2855">
        <v>0</v>
      </c>
      <c r="Q2855">
        <v>0</v>
      </c>
      <c r="R2855">
        <v>0</v>
      </c>
      <c r="S2855">
        <v>0</v>
      </c>
      <c r="T2855">
        <v>0</v>
      </c>
      <c r="U2855">
        <v>0</v>
      </c>
      <c r="V2855">
        <v>0</v>
      </c>
      <c r="W2855">
        <v>0</v>
      </c>
      <c r="X2855">
        <v>0</v>
      </c>
      <c r="Y2855">
        <v>35</v>
      </c>
      <c r="Z2855">
        <v>10</v>
      </c>
      <c r="AA2855">
        <v>63</v>
      </c>
      <c r="AB2855">
        <v>47</v>
      </c>
      <c r="AC2855">
        <v>103</v>
      </c>
      <c r="AD2855">
        <v>58</v>
      </c>
      <c r="AE2855">
        <v>30</v>
      </c>
      <c r="AF2855">
        <v>0</v>
      </c>
      <c r="AG2855">
        <v>50000</v>
      </c>
      <c r="AH2855">
        <v>50000</v>
      </c>
      <c r="AI2855">
        <v>0</v>
      </c>
      <c r="AJ2855">
        <v>0</v>
      </c>
      <c r="AK2855" t="s">
        <v>6</v>
      </c>
      <c r="AL2855">
        <v>0</v>
      </c>
      <c r="AM2855">
        <v>0</v>
      </c>
      <c r="AN2855">
        <v>0</v>
      </c>
      <c r="AO2855">
        <v>0</v>
      </c>
      <c r="AP2855">
        <v>0</v>
      </c>
      <c r="AQ2855">
        <v>0</v>
      </c>
      <c r="AR2855">
        <v>0</v>
      </c>
      <c r="AS2855">
        <v>0</v>
      </c>
      <c r="AT2855">
        <v>0</v>
      </c>
      <c r="AU2855">
        <v>0</v>
      </c>
      <c r="AV2855">
        <v>0</v>
      </c>
      <c r="AW2855">
        <v>0</v>
      </c>
      <c r="AX2855">
        <v>0</v>
      </c>
      <c r="AY2855">
        <v>0</v>
      </c>
      <c r="AZ2855">
        <v>0</v>
      </c>
      <c r="BA2855">
        <v>0</v>
      </c>
    </row>
    <row r="2856" spans="1:53" x14ac:dyDescent="0.4">
      <c r="A2856">
        <v>2900</v>
      </c>
      <c r="B2856" s="1">
        <v>43751</v>
      </c>
      <c r="C2856">
        <v>2</v>
      </c>
      <c r="D2856" s="1">
        <v>43751.410416666666</v>
      </c>
      <c r="E2856" s="1">
        <v>43751.732638888891</v>
      </c>
      <c r="F2856">
        <v>43500</v>
      </c>
      <c r="G2856">
        <v>1900</v>
      </c>
      <c r="H2856">
        <v>200</v>
      </c>
      <c r="I2856">
        <v>0</v>
      </c>
      <c r="J2856">
        <v>0</v>
      </c>
      <c r="K2856">
        <v>0</v>
      </c>
      <c r="L2856">
        <v>0</v>
      </c>
      <c r="M2856">
        <v>4560</v>
      </c>
      <c r="N2856">
        <v>0</v>
      </c>
      <c r="O2856">
        <v>0</v>
      </c>
      <c r="P2856">
        <v>21450</v>
      </c>
      <c r="Q2856">
        <v>0</v>
      </c>
      <c r="R2856">
        <v>71610</v>
      </c>
      <c r="S2856">
        <v>0</v>
      </c>
      <c r="T2856">
        <v>0</v>
      </c>
      <c r="U2856">
        <v>0</v>
      </c>
      <c r="V2856">
        <v>1</v>
      </c>
      <c r="W2856">
        <v>1</v>
      </c>
      <c r="X2856">
        <v>0</v>
      </c>
      <c r="Y2856">
        <v>77</v>
      </c>
      <c r="Z2856">
        <v>19</v>
      </c>
      <c r="AA2856">
        <v>109</v>
      </c>
      <c r="AB2856">
        <v>56</v>
      </c>
      <c r="AC2856">
        <v>136</v>
      </c>
      <c r="AD2856">
        <v>60</v>
      </c>
      <c r="AE2856">
        <v>27</v>
      </c>
      <c r="AF2856">
        <v>4723</v>
      </c>
      <c r="AG2856">
        <v>121610</v>
      </c>
      <c r="AH2856">
        <v>50000</v>
      </c>
      <c r="AI2856">
        <v>0</v>
      </c>
      <c r="AJ2856">
        <v>90</v>
      </c>
      <c r="AK2856" t="s">
        <v>38</v>
      </c>
      <c r="AL2856">
        <v>0</v>
      </c>
      <c r="AM2856">
        <v>0</v>
      </c>
      <c r="AN2856">
        <v>0</v>
      </c>
      <c r="AO2856">
        <v>0</v>
      </c>
      <c r="AP2856">
        <v>0</v>
      </c>
      <c r="AQ2856">
        <v>0</v>
      </c>
      <c r="AR2856">
        <v>0</v>
      </c>
      <c r="AS2856">
        <v>0</v>
      </c>
      <c r="AT2856">
        <v>0</v>
      </c>
      <c r="AU2856">
        <v>0</v>
      </c>
      <c r="AV2856">
        <v>0</v>
      </c>
      <c r="AW2856">
        <v>0</v>
      </c>
      <c r="AX2856">
        <v>9801</v>
      </c>
      <c r="AY2856">
        <v>51</v>
      </c>
      <c r="AZ2856">
        <v>116</v>
      </c>
      <c r="BA2856">
        <v>7974</v>
      </c>
    </row>
    <row r="2857" spans="1:53" x14ac:dyDescent="0.4">
      <c r="A2857">
        <v>2901</v>
      </c>
      <c r="B2857" s="1">
        <v>43751</v>
      </c>
      <c r="C2857">
        <v>3</v>
      </c>
      <c r="D2857" s="1">
        <v>43751.732638888891</v>
      </c>
      <c r="E2857" s="1">
        <v>43751.950694444444</v>
      </c>
      <c r="F2857">
        <v>56350</v>
      </c>
      <c r="G2857">
        <v>11630</v>
      </c>
      <c r="H2857">
        <v>400</v>
      </c>
      <c r="I2857">
        <v>0</v>
      </c>
      <c r="J2857">
        <v>1600</v>
      </c>
      <c r="K2857">
        <v>0</v>
      </c>
      <c r="L2857">
        <v>0</v>
      </c>
      <c r="M2857">
        <v>6678</v>
      </c>
      <c r="N2857">
        <v>0</v>
      </c>
      <c r="O2857">
        <v>0</v>
      </c>
      <c r="P2857">
        <v>-21450</v>
      </c>
      <c r="Q2857">
        <v>0</v>
      </c>
      <c r="R2857">
        <v>52008</v>
      </c>
      <c r="S2857">
        <v>0</v>
      </c>
      <c r="T2857">
        <v>0</v>
      </c>
      <c r="U2857">
        <v>0</v>
      </c>
      <c r="V2857">
        <v>4</v>
      </c>
      <c r="W2857">
        <v>3</v>
      </c>
      <c r="X2857">
        <v>0</v>
      </c>
      <c r="Y2857">
        <v>89</v>
      </c>
      <c r="Z2857">
        <v>19</v>
      </c>
      <c r="AA2857">
        <v>109</v>
      </c>
      <c r="AB2857">
        <v>54</v>
      </c>
      <c r="AC2857">
        <v>148</v>
      </c>
      <c r="AD2857">
        <v>59</v>
      </c>
      <c r="AE2857">
        <v>20</v>
      </c>
      <c r="AF2857">
        <v>4723</v>
      </c>
      <c r="AG2857">
        <v>173618</v>
      </c>
      <c r="AH2857">
        <v>50000</v>
      </c>
      <c r="AI2857">
        <v>0</v>
      </c>
      <c r="AJ2857">
        <v>84</v>
      </c>
      <c r="AK2857" t="s">
        <v>16</v>
      </c>
      <c r="AL2857">
        <v>0</v>
      </c>
      <c r="AM2857">
        <v>0</v>
      </c>
      <c r="AN2857">
        <v>0</v>
      </c>
      <c r="AO2857">
        <v>0</v>
      </c>
      <c r="AP2857">
        <v>0</v>
      </c>
      <c r="AQ2857">
        <v>0</v>
      </c>
      <c r="AR2857">
        <v>0</v>
      </c>
      <c r="AS2857">
        <v>0</v>
      </c>
      <c r="AT2857">
        <v>0</v>
      </c>
      <c r="AU2857">
        <v>0</v>
      </c>
      <c r="AV2857">
        <v>0</v>
      </c>
      <c r="AW2857">
        <v>0</v>
      </c>
      <c r="AX2857">
        <v>65450</v>
      </c>
      <c r="AY2857">
        <v>19</v>
      </c>
      <c r="AZ2857">
        <v>59</v>
      </c>
      <c r="BA2857">
        <v>3348</v>
      </c>
    </row>
    <row r="2858" spans="1:53" x14ac:dyDescent="0.4">
      <c r="A2858">
        <v>2902</v>
      </c>
      <c r="B2858" s="1">
        <v>43751</v>
      </c>
      <c r="C2858">
        <v>4</v>
      </c>
      <c r="D2858" s="1">
        <v>43751.950694444444</v>
      </c>
      <c r="E2858" s="1">
        <v>43752.122916666667</v>
      </c>
      <c r="F2858">
        <v>86650</v>
      </c>
      <c r="G2858">
        <v>7880</v>
      </c>
      <c r="H2858">
        <v>200</v>
      </c>
      <c r="I2858">
        <v>0</v>
      </c>
      <c r="J2858">
        <v>100</v>
      </c>
      <c r="K2858">
        <v>0</v>
      </c>
      <c r="L2858">
        <v>0</v>
      </c>
      <c r="M2858">
        <v>9463</v>
      </c>
      <c r="N2858">
        <v>0</v>
      </c>
      <c r="O2858">
        <v>0</v>
      </c>
      <c r="P2858">
        <v>11660</v>
      </c>
      <c r="Q2858">
        <v>0</v>
      </c>
      <c r="R2858">
        <v>115753</v>
      </c>
      <c r="S2858">
        <v>0</v>
      </c>
      <c r="T2858">
        <v>0</v>
      </c>
      <c r="U2858">
        <v>0</v>
      </c>
      <c r="V2858">
        <v>12</v>
      </c>
      <c r="W2858">
        <v>7</v>
      </c>
      <c r="X2858">
        <v>0</v>
      </c>
      <c r="Y2858">
        <v>98</v>
      </c>
      <c r="Z2858">
        <v>22</v>
      </c>
      <c r="AA2858">
        <v>94</v>
      </c>
      <c r="AB2858">
        <v>52</v>
      </c>
      <c r="AC2858">
        <v>143</v>
      </c>
      <c r="AD2858">
        <v>59</v>
      </c>
      <c r="AE2858">
        <v>15</v>
      </c>
      <c r="AF2858">
        <v>11631</v>
      </c>
      <c r="AG2858">
        <v>289371</v>
      </c>
      <c r="AH2858">
        <v>50000</v>
      </c>
      <c r="AI2858">
        <v>0</v>
      </c>
      <c r="AJ2858">
        <v>108</v>
      </c>
      <c r="AK2858" t="s">
        <v>30</v>
      </c>
      <c r="AL2858">
        <v>0</v>
      </c>
      <c r="AM2858">
        <v>0</v>
      </c>
      <c r="AN2858">
        <v>0</v>
      </c>
      <c r="AO2858">
        <v>0</v>
      </c>
      <c r="AP2858">
        <v>0</v>
      </c>
      <c r="AQ2858">
        <v>0</v>
      </c>
      <c r="AR2858">
        <v>0</v>
      </c>
      <c r="AS2858">
        <v>0</v>
      </c>
      <c r="AT2858">
        <v>0</v>
      </c>
      <c r="AU2858">
        <v>0</v>
      </c>
      <c r="AV2858">
        <v>0</v>
      </c>
      <c r="AW2858">
        <v>0</v>
      </c>
      <c r="AX2858">
        <v>308</v>
      </c>
      <c r="AY2858">
        <v>9</v>
      </c>
      <c r="AZ2858">
        <v>22</v>
      </c>
      <c r="BA2858">
        <v>1380</v>
      </c>
    </row>
    <row r="2859" spans="1:53" x14ac:dyDescent="0.4">
      <c r="A2859">
        <v>2903</v>
      </c>
      <c r="B2859" s="1">
        <v>43752</v>
      </c>
      <c r="C2859">
        <v>1</v>
      </c>
      <c r="D2859" s="1">
        <v>43752.291666666664</v>
      </c>
      <c r="E2859" s="1">
        <v>43752.410416666666</v>
      </c>
      <c r="F2859">
        <v>0</v>
      </c>
      <c r="G2859">
        <v>0</v>
      </c>
      <c r="H2859">
        <v>0</v>
      </c>
      <c r="I2859">
        <v>0</v>
      </c>
      <c r="J2859">
        <v>0</v>
      </c>
      <c r="K2859">
        <v>0</v>
      </c>
      <c r="L2859">
        <v>0</v>
      </c>
      <c r="M2859">
        <v>0</v>
      </c>
      <c r="N2859">
        <v>0</v>
      </c>
      <c r="O2859">
        <v>0</v>
      </c>
      <c r="P2859">
        <v>0</v>
      </c>
      <c r="Q2859">
        <v>0</v>
      </c>
      <c r="R2859">
        <v>0</v>
      </c>
      <c r="S2859">
        <v>0</v>
      </c>
      <c r="T2859">
        <v>0</v>
      </c>
      <c r="U2859">
        <v>0</v>
      </c>
      <c r="V2859">
        <v>0</v>
      </c>
      <c r="W2859">
        <v>1</v>
      </c>
      <c r="X2859">
        <v>0</v>
      </c>
      <c r="Y2859">
        <v>25</v>
      </c>
      <c r="Z2859">
        <v>13</v>
      </c>
      <c r="AA2859">
        <v>92</v>
      </c>
      <c r="AB2859">
        <v>52</v>
      </c>
      <c r="AC2859">
        <v>140</v>
      </c>
      <c r="AD2859">
        <v>58</v>
      </c>
      <c r="AE2859">
        <v>10</v>
      </c>
      <c r="AF2859">
        <v>0</v>
      </c>
      <c r="AG2859">
        <v>50000</v>
      </c>
      <c r="AH2859">
        <v>0</v>
      </c>
      <c r="AI2859">
        <v>50000</v>
      </c>
      <c r="AJ2859">
        <v>0</v>
      </c>
      <c r="AK2859" t="s">
        <v>6</v>
      </c>
      <c r="AL2859">
        <v>0</v>
      </c>
      <c r="AM2859">
        <v>0</v>
      </c>
      <c r="AN2859">
        <v>0</v>
      </c>
      <c r="AO2859">
        <v>0</v>
      </c>
      <c r="AP2859">
        <v>0</v>
      </c>
      <c r="AQ2859">
        <v>0</v>
      </c>
      <c r="AR2859">
        <v>0</v>
      </c>
      <c r="AS2859">
        <v>0</v>
      </c>
      <c r="AT2859">
        <v>0</v>
      </c>
      <c r="AU2859">
        <v>0</v>
      </c>
      <c r="AV2859">
        <v>0</v>
      </c>
      <c r="AW2859">
        <v>0</v>
      </c>
      <c r="AX2859">
        <v>0</v>
      </c>
      <c r="AY2859">
        <v>0</v>
      </c>
      <c r="AZ2859">
        <v>0</v>
      </c>
      <c r="BA2859">
        <v>0</v>
      </c>
    </row>
    <row r="2860" spans="1:53" x14ac:dyDescent="0.4">
      <c r="A2860">
        <v>2904</v>
      </c>
      <c r="B2860" s="1">
        <v>43752</v>
      </c>
      <c r="C2860">
        <v>2</v>
      </c>
      <c r="D2860" s="1">
        <v>43752.410416666666</v>
      </c>
      <c r="E2860" s="1">
        <v>43752.73333333333</v>
      </c>
      <c r="F2860">
        <v>51500</v>
      </c>
      <c r="G2860">
        <v>4340</v>
      </c>
      <c r="H2860">
        <v>200</v>
      </c>
      <c r="I2860">
        <v>0</v>
      </c>
      <c r="J2860">
        <v>0</v>
      </c>
      <c r="K2860">
        <v>0</v>
      </c>
      <c r="L2860">
        <v>0</v>
      </c>
      <c r="M2860">
        <v>5604</v>
      </c>
      <c r="N2860">
        <v>0</v>
      </c>
      <c r="O2860">
        <v>0</v>
      </c>
      <c r="P2860">
        <v>28050</v>
      </c>
      <c r="Q2860">
        <v>0</v>
      </c>
      <c r="R2860">
        <v>89694</v>
      </c>
      <c r="S2860">
        <v>0</v>
      </c>
      <c r="T2860">
        <v>0</v>
      </c>
      <c r="U2860">
        <v>0</v>
      </c>
      <c r="V2860">
        <v>1</v>
      </c>
      <c r="W2860">
        <v>7</v>
      </c>
      <c r="X2860">
        <v>0</v>
      </c>
      <c r="Y2860">
        <v>43</v>
      </c>
      <c r="Z2860">
        <v>49</v>
      </c>
      <c r="AA2860">
        <v>200</v>
      </c>
      <c r="AB2860">
        <v>88</v>
      </c>
      <c r="AC2860">
        <v>251</v>
      </c>
      <c r="AD2860">
        <v>56</v>
      </c>
      <c r="AE2860">
        <v>4</v>
      </c>
      <c r="AF2860">
        <v>0</v>
      </c>
      <c r="AG2860">
        <v>139694</v>
      </c>
      <c r="AH2860">
        <v>50000</v>
      </c>
      <c r="AI2860">
        <v>0</v>
      </c>
      <c r="AJ2860">
        <v>93</v>
      </c>
      <c r="AK2860" t="s">
        <v>20</v>
      </c>
      <c r="AL2860">
        <v>0</v>
      </c>
      <c r="AM2860">
        <v>0</v>
      </c>
      <c r="AN2860">
        <v>0</v>
      </c>
      <c r="AO2860">
        <v>0</v>
      </c>
      <c r="AP2860">
        <v>0</v>
      </c>
      <c r="AQ2860">
        <v>0</v>
      </c>
      <c r="AR2860">
        <v>0</v>
      </c>
      <c r="AS2860">
        <v>0</v>
      </c>
      <c r="AT2860">
        <v>0</v>
      </c>
      <c r="AU2860">
        <v>0</v>
      </c>
      <c r="AV2860">
        <v>0</v>
      </c>
      <c r="AW2860">
        <v>0</v>
      </c>
      <c r="AX2860">
        <v>0</v>
      </c>
      <c r="AY2860">
        <v>54</v>
      </c>
      <c r="AZ2860">
        <v>145</v>
      </c>
      <c r="BA2860">
        <v>7539</v>
      </c>
    </row>
    <row r="2861" spans="1:53" x14ac:dyDescent="0.4">
      <c r="A2861">
        <v>2905</v>
      </c>
      <c r="B2861" s="1">
        <v>43752</v>
      </c>
      <c r="C2861">
        <v>3</v>
      </c>
      <c r="D2861" s="1">
        <v>43752.73333333333</v>
      </c>
      <c r="E2861" s="1">
        <v>43752.952777777777</v>
      </c>
      <c r="F2861">
        <v>36000</v>
      </c>
      <c r="G2861">
        <v>2340</v>
      </c>
      <c r="H2861">
        <v>0</v>
      </c>
      <c r="I2861">
        <v>0</v>
      </c>
      <c r="J2861">
        <v>0</v>
      </c>
      <c r="K2861">
        <v>0</v>
      </c>
      <c r="L2861">
        <v>0</v>
      </c>
      <c r="M2861">
        <v>3834</v>
      </c>
      <c r="N2861">
        <v>0</v>
      </c>
      <c r="O2861">
        <v>0</v>
      </c>
      <c r="P2861">
        <v>-28050</v>
      </c>
      <c r="Q2861">
        <v>0</v>
      </c>
      <c r="R2861">
        <v>14124</v>
      </c>
      <c r="S2861">
        <v>0</v>
      </c>
      <c r="T2861">
        <v>0</v>
      </c>
      <c r="U2861">
        <v>0</v>
      </c>
      <c r="V2861">
        <v>1</v>
      </c>
      <c r="W2861">
        <v>8</v>
      </c>
      <c r="X2861">
        <v>0</v>
      </c>
      <c r="Y2861">
        <v>50</v>
      </c>
      <c r="Z2861">
        <v>53</v>
      </c>
      <c r="AA2861">
        <v>201</v>
      </c>
      <c r="AB2861">
        <v>88</v>
      </c>
      <c r="AC2861">
        <v>252</v>
      </c>
      <c r="AD2861">
        <v>58</v>
      </c>
      <c r="AE2861">
        <v>8</v>
      </c>
      <c r="AF2861">
        <v>0</v>
      </c>
      <c r="AG2861">
        <v>153818</v>
      </c>
      <c r="AH2861">
        <v>50000</v>
      </c>
      <c r="AI2861">
        <v>0</v>
      </c>
      <c r="AJ2861">
        <v>84</v>
      </c>
      <c r="AK2861" t="s">
        <v>16</v>
      </c>
      <c r="AL2861">
        <v>0</v>
      </c>
      <c r="AM2861">
        <v>0</v>
      </c>
      <c r="AN2861">
        <v>0</v>
      </c>
      <c r="AO2861">
        <v>0</v>
      </c>
      <c r="AP2861">
        <v>0</v>
      </c>
      <c r="AQ2861">
        <v>0</v>
      </c>
      <c r="AR2861">
        <v>0</v>
      </c>
      <c r="AS2861">
        <v>0</v>
      </c>
      <c r="AT2861">
        <v>0</v>
      </c>
      <c r="AU2861">
        <v>0</v>
      </c>
      <c r="AV2861">
        <v>0</v>
      </c>
      <c r="AW2861">
        <v>0</v>
      </c>
      <c r="AX2861">
        <v>10406</v>
      </c>
      <c r="AY2861">
        <v>9</v>
      </c>
      <c r="AZ2861">
        <v>23</v>
      </c>
      <c r="BA2861">
        <v>2908</v>
      </c>
    </row>
    <row r="2862" spans="1:53" x14ac:dyDescent="0.4">
      <c r="A2862">
        <v>2906</v>
      </c>
      <c r="B2862" s="1">
        <v>43753</v>
      </c>
      <c r="C2862">
        <v>1</v>
      </c>
      <c r="D2862" s="1">
        <v>43753.291666666664</v>
      </c>
      <c r="E2862" s="1">
        <v>43753.4375</v>
      </c>
      <c r="F2862">
        <v>0</v>
      </c>
      <c r="G2862">
        <v>0</v>
      </c>
      <c r="H2862">
        <v>0</v>
      </c>
      <c r="I2862">
        <v>0</v>
      </c>
      <c r="J2862">
        <v>0</v>
      </c>
      <c r="K2862">
        <v>0</v>
      </c>
      <c r="L2862">
        <v>0</v>
      </c>
      <c r="M2862">
        <v>0</v>
      </c>
      <c r="N2862">
        <v>0</v>
      </c>
      <c r="O2862">
        <v>0</v>
      </c>
      <c r="P2862">
        <v>0</v>
      </c>
      <c r="Q2862">
        <v>0</v>
      </c>
      <c r="R2862">
        <v>0</v>
      </c>
      <c r="S2862">
        <v>0</v>
      </c>
      <c r="T2862">
        <v>0</v>
      </c>
      <c r="U2862">
        <v>0</v>
      </c>
      <c r="V2862">
        <v>0</v>
      </c>
      <c r="W2862">
        <v>0</v>
      </c>
      <c r="X2862">
        <v>0</v>
      </c>
      <c r="Y2862">
        <v>29</v>
      </c>
      <c r="Z2862">
        <v>10</v>
      </c>
      <c r="AA2862">
        <v>102</v>
      </c>
      <c r="AB2862">
        <v>81</v>
      </c>
      <c r="AC2862">
        <v>144</v>
      </c>
      <c r="AD2862">
        <v>60</v>
      </c>
      <c r="AE2862">
        <v>10</v>
      </c>
      <c r="AF2862">
        <v>0</v>
      </c>
      <c r="AG2862">
        <v>50000</v>
      </c>
      <c r="AH2862">
        <v>50000</v>
      </c>
      <c r="AI2862">
        <v>0</v>
      </c>
      <c r="AJ2862">
        <v>0</v>
      </c>
      <c r="AK2862" t="s">
        <v>6</v>
      </c>
      <c r="AL2862">
        <v>0</v>
      </c>
      <c r="AM2862">
        <v>0</v>
      </c>
      <c r="AN2862">
        <v>0</v>
      </c>
      <c r="AO2862">
        <v>0</v>
      </c>
      <c r="AP2862">
        <v>0</v>
      </c>
      <c r="AQ2862">
        <v>0</v>
      </c>
      <c r="AR2862">
        <v>0</v>
      </c>
      <c r="AS2862">
        <v>0</v>
      </c>
      <c r="AT2862">
        <v>0</v>
      </c>
      <c r="AU2862">
        <v>0</v>
      </c>
      <c r="AV2862">
        <v>0</v>
      </c>
      <c r="AW2862">
        <v>0</v>
      </c>
      <c r="AX2862">
        <v>0</v>
      </c>
      <c r="AY2862">
        <v>0</v>
      </c>
      <c r="AZ2862">
        <v>0</v>
      </c>
      <c r="BA2862">
        <v>0</v>
      </c>
    </row>
    <row r="2863" spans="1:53" x14ac:dyDescent="0.4">
      <c r="A2863">
        <v>2907</v>
      </c>
      <c r="B2863" s="1">
        <v>43753</v>
      </c>
      <c r="C2863">
        <v>2</v>
      </c>
      <c r="D2863" s="1">
        <v>43753.4375</v>
      </c>
      <c r="E2863" s="1">
        <v>43753.737500000003</v>
      </c>
      <c r="F2863">
        <v>13500</v>
      </c>
      <c r="G2863">
        <v>540</v>
      </c>
      <c r="H2863">
        <v>0</v>
      </c>
      <c r="I2863">
        <v>0</v>
      </c>
      <c r="J2863">
        <v>0</v>
      </c>
      <c r="K2863">
        <v>0</v>
      </c>
      <c r="L2863">
        <v>0</v>
      </c>
      <c r="M2863">
        <v>1404</v>
      </c>
      <c r="N2863">
        <v>0</v>
      </c>
      <c r="O2863">
        <v>0</v>
      </c>
      <c r="P2863">
        <v>14850</v>
      </c>
      <c r="Q2863">
        <v>0</v>
      </c>
      <c r="R2863">
        <v>30294</v>
      </c>
      <c r="S2863">
        <v>0</v>
      </c>
      <c r="T2863">
        <v>0</v>
      </c>
      <c r="U2863">
        <v>0</v>
      </c>
      <c r="V2863">
        <v>2</v>
      </c>
      <c r="W2863">
        <v>0</v>
      </c>
      <c r="X2863">
        <v>0</v>
      </c>
      <c r="Y2863">
        <v>36</v>
      </c>
      <c r="Z2863">
        <v>16</v>
      </c>
      <c r="AA2863">
        <v>92</v>
      </c>
      <c r="AB2863">
        <v>79</v>
      </c>
      <c r="AC2863">
        <v>174</v>
      </c>
      <c r="AD2863">
        <v>59</v>
      </c>
      <c r="AE2863">
        <v>9</v>
      </c>
      <c r="AF2863">
        <v>1100</v>
      </c>
      <c r="AG2863">
        <v>80294</v>
      </c>
      <c r="AH2863">
        <v>50000</v>
      </c>
      <c r="AI2863">
        <v>0</v>
      </c>
      <c r="AJ2863">
        <v>101</v>
      </c>
      <c r="AK2863" t="s">
        <v>28</v>
      </c>
      <c r="AL2863">
        <v>0</v>
      </c>
      <c r="AM2863">
        <v>0</v>
      </c>
      <c r="AN2863">
        <v>0</v>
      </c>
      <c r="AO2863">
        <v>0</v>
      </c>
      <c r="AP2863">
        <v>0</v>
      </c>
      <c r="AQ2863">
        <v>0</v>
      </c>
      <c r="AR2863">
        <v>0</v>
      </c>
      <c r="AS2863">
        <v>0</v>
      </c>
      <c r="AT2863">
        <v>0</v>
      </c>
      <c r="AU2863">
        <v>0</v>
      </c>
      <c r="AV2863">
        <v>0</v>
      </c>
      <c r="AW2863">
        <v>0</v>
      </c>
      <c r="AX2863">
        <v>2090</v>
      </c>
      <c r="AY2863">
        <v>35</v>
      </c>
      <c r="AZ2863">
        <v>55</v>
      </c>
      <c r="BA2863">
        <v>4911</v>
      </c>
    </row>
    <row r="2864" spans="1:53" x14ac:dyDescent="0.4">
      <c r="A2864">
        <v>2908</v>
      </c>
      <c r="B2864" s="1">
        <v>43754</v>
      </c>
      <c r="C2864">
        <v>1</v>
      </c>
      <c r="D2864" s="1">
        <v>43754.291666666664</v>
      </c>
      <c r="E2864" s="1">
        <v>43754.444444444445</v>
      </c>
      <c r="F2864">
        <v>0</v>
      </c>
      <c r="G2864">
        <v>0</v>
      </c>
      <c r="H2864">
        <v>0</v>
      </c>
      <c r="I2864">
        <v>0</v>
      </c>
      <c r="J2864">
        <v>0</v>
      </c>
      <c r="K2864">
        <v>0</v>
      </c>
      <c r="L2864">
        <v>0</v>
      </c>
      <c r="M2864">
        <v>0</v>
      </c>
      <c r="N2864">
        <v>0</v>
      </c>
      <c r="O2864">
        <v>0</v>
      </c>
      <c r="P2864">
        <v>0</v>
      </c>
      <c r="Q2864">
        <v>0</v>
      </c>
      <c r="R2864">
        <v>0</v>
      </c>
      <c r="S2864">
        <v>0</v>
      </c>
      <c r="T2864">
        <v>0</v>
      </c>
      <c r="U2864">
        <v>0</v>
      </c>
      <c r="V2864">
        <v>0</v>
      </c>
      <c r="W2864">
        <v>0</v>
      </c>
      <c r="X2864">
        <v>0</v>
      </c>
      <c r="Y2864">
        <v>26</v>
      </c>
      <c r="Z2864">
        <v>13</v>
      </c>
      <c r="AA2864">
        <v>122</v>
      </c>
      <c r="AB2864">
        <v>79</v>
      </c>
      <c r="AC2864">
        <v>106</v>
      </c>
      <c r="AD2864">
        <v>53</v>
      </c>
      <c r="AE2864">
        <v>25</v>
      </c>
      <c r="AF2864">
        <v>0</v>
      </c>
      <c r="AG2864">
        <v>50000</v>
      </c>
      <c r="AH2864">
        <v>50000</v>
      </c>
      <c r="AI2864">
        <v>0</v>
      </c>
      <c r="AJ2864">
        <v>0</v>
      </c>
      <c r="AK2864" t="s">
        <v>6</v>
      </c>
      <c r="AL2864">
        <v>0</v>
      </c>
      <c r="AM2864">
        <v>0</v>
      </c>
      <c r="AN2864">
        <v>0</v>
      </c>
      <c r="AO2864">
        <v>0</v>
      </c>
      <c r="AP2864">
        <v>0</v>
      </c>
      <c r="AQ2864">
        <v>0</v>
      </c>
      <c r="AR2864">
        <v>0</v>
      </c>
      <c r="AS2864">
        <v>0</v>
      </c>
      <c r="AT2864">
        <v>0</v>
      </c>
      <c r="AU2864">
        <v>0</v>
      </c>
      <c r="AV2864">
        <v>0</v>
      </c>
      <c r="AW2864">
        <v>0</v>
      </c>
      <c r="AX2864">
        <v>0</v>
      </c>
      <c r="AY2864">
        <v>0</v>
      </c>
      <c r="AZ2864">
        <v>0</v>
      </c>
      <c r="BA2864">
        <v>0</v>
      </c>
    </row>
    <row r="2865" spans="1:53" x14ac:dyDescent="0.4">
      <c r="A2865">
        <v>2909</v>
      </c>
      <c r="B2865" s="1">
        <v>43754</v>
      </c>
      <c r="C2865">
        <v>2</v>
      </c>
      <c r="D2865" s="1">
        <v>43754.444444444445</v>
      </c>
      <c r="E2865" s="1">
        <v>43754.745833333334</v>
      </c>
      <c r="F2865">
        <v>19500</v>
      </c>
      <c r="G2865">
        <v>4770</v>
      </c>
      <c r="H2865">
        <v>200</v>
      </c>
      <c r="I2865">
        <v>0</v>
      </c>
      <c r="J2865">
        <v>0</v>
      </c>
      <c r="K2865">
        <v>0</v>
      </c>
      <c r="L2865">
        <v>0</v>
      </c>
      <c r="M2865">
        <v>2447</v>
      </c>
      <c r="N2865">
        <v>0</v>
      </c>
      <c r="O2865">
        <v>0</v>
      </c>
      <c r="P2865">
        <v>13750</v>
      </c>
      <c r="Q2865">
        <v>0</v>
      </c>
      <c r="R2865">
        <v>40667</v>
      </c>
      <c r="S2865">
        <v>0</v>
      </c>
      <c r="T2865">
        <v>0</v>
      </c>
      <c r="U2865">
        <v>0</v>
      </c>
      <c r="V2865">
        <v>0</v>
      </c>
      <c r="W2865">
        <v>1</v>
      </c>
      <c r="X2865">
        <v>0</v>
      </c>
      <c r="Y2865">
        <v>59</v>
      </c>
      <c r="Z2865">
        <v>21</v>
      </c>
      <c r="AA2865">
        <v>102</v>
      </c>
      <c r="AB2865">
        <v>80</v>
      </c>
      <c r="AC2865">
        <v>113</v>
      </c>
      <c r="AD2865">
        <v>52</v>
      </c>
      <c r="AE2865">
        <v>27</v>
      </c>
      <c r="AF2865">
        <v>550</v>
      </c>
      <c r="AG2865">
        <v>90667</v>
      </c>
      <c r="AH2865">
        <v>50000</v>
      </c>
      <c r="AI2865">
        <v>0</v>
      </c>
      <c r="AJ2865">
        <v>98</v>
      </c>
      <c r="AK2865" t="s">
        <v>35</v>
      </c>
      <c r="AL2865">
        <v>0</v>
      </c>
      <c r="AM2865">
        <v>0</v>
      </c>
      <c r="AN2865">
        <v>0</v>
      </c>
      <c r="AO2865">
        <v>0</v>
      </c>
      <c r="AP2865">
        <v>0</v>
      </c>
      <c r="AQ2865">
        <v>0</v>
      </c>
      <c r="AR2865">
        <v>0</v>
      </c>
      <c r="AS2865">
        <v>0</v>
      </c>
      <c r="AT2865">
        <v>0</v>
      </c>
      <c r="AU2865">
        <v>0</v>
      </c>
      <c r="AV2865">
        <v>0</v>
      </c>
      <c r="AW2865">
        <v>0</v>
      </c>
      <c r="AX2865">
        <v>-352</v>
      </c>
      <c r="AY2865">
        <v>35</v>
      </c>
      <c r="AZ2865">
        <v>65</v>
      </c>
      <c r="BA2865">
        <v>4622</v>
      </c>
    </row>
    <row r="2866" spans="1:53" x14ac:dyDescent="0.4">
      <c r="A2866">
        <v>2910</v>
      </c>
      <c r="B2866" s="1">
        <v>43754</v>
      </c>
      <c r="C2866">
        <v>3</v>
      </c>
      <c r="D2866" s="1">
        <v>43754.745833333334</v>
      </c>
      <c r="E2866" s="1">
        <v>43754.945138888892</v>
      </c>
      <c r="F2866">
        <v>23000</v>
      </c>
      <c r="G2866">
        <v>680</v>
      </c>
      <c r="H2866">
        <v>200</v>
      </c>
      <c r="I2866">
        <v>0</v>
      </c>
      <c r="J2866">
        <v>0</v>
      </c>
      <c r="K2866">
        <v>0</v>
      </c>
      <c r="L2866">
        <v>0</v>
      </c>
      <c r="M2866">
        <v>2388</v>
      </c>
      <c r="N2866">
        <v>0</v>
      </c>
      <c r="O2866">
        <v>0</v>
      </c>
      <c r="P2866">
        <v>-9290</v>
      </c>
      <c r="Q2866">
        <v>0</v>
      </c>
      <c r="R2866">
        <v>16978</v>
      </c>
      <c r="S2866">
        <v>0</v>
      </c>
      <c r="T2866">
        <v>0</v>
      </c>
      <c r="U2866">
        <v>0</v>
      </c>
      <c r="V2866">
        <v>0</v>
      </c>
      <c r="W2866">
        <v>3</v>
      </c>
      <c r="X2866">
        <v>0</v>
      </c>
      <c r="Y2866">
        <v>65</v>
      </c>
      <c r="Z2866">
        <v>21</v>
      </c>
      <c r="AA2866">
        <v>110</v>
      </c>
      <c r="AB2866">
        <v>83</v>
      </c>
      <c r="AC2866">
        <v>116</v>
      </c>
      <c r="AD2866">
        <v>52</v>
      </c>
      <c r="AE2866">
        <v>25</v>
      </c>
      <c r="AF2866">
        <v>550</v>
      </c>
      <c r="AG2866">
        <v>107645</v>
      </c>
      <c r="AH2866">
        <v>50000</v>
      </c>
      <c r="AI2866">
        <v>0</v>
      </c>
      <c r="AJ2866">
        <v>106</v>
      </c>
      <c r="AK2866" t="s">
        <v>44</v>
      </c>
      <c r="AL2866">
        <v>0</v>
      </c>
      <c r="AM2866">
        <v>0</v>
      </c>
      <c r="AN2866">
        <v>0</v>
      </c>
      <c r="AO2866">
        <v>0</v>
      </c>
      <c r="AP2866">
        <v>0</v>
      </c>
      <c r="AQ2866">
        <v>0</v>
      </c>
      <c r="AR2866">
        <v>0</v>
      </c>
      <c r="AS2866">
        <v>0</v>
      </c>
      <c r="AT2866">
        <v>0</v>
      </c>
      <c r="AU2866">
        <v>0</v>
      </c>
      <c r="AV2866">
        <v>0</v>
      </c>
      <c r="AW2866">
        <v>0</v>
      </c>
      <c r="AX2866">
        <v>21401</v>
      </c>
      <c r="AY2866">
        <v>7</v>
      </c>
      <c r="AZ2866">
        <v>37</v>
      </c>
      <c r="BA2866">
        <v>1539</v>
      </c>
    </row>
    <row r="2867" spans="1:53" x14ac:dyDescent="0.4">
      <c r="A2867">
        <v>2911</v>
      </c>
      <c r="B2867" s="1">
        <v>43754</v>
      </c>
      <c r="C2867">
        <v>4</v>
      </c>
      <c r="D2867" s="1">
        <v>43754.945138888892</v>
      </c>
      <c r="E2867" s="1">
        <v>43755.083333333336</v>
      </c>
      <c r="F2867">
        <v>35420</v>
      </c>
      <c r="G2867">
        <v>0</v>
      </c>
      <c r="H2867">
        <v>0</v>
      </c>
      <c r="I2867">
        <v>0</v>
      </c>
      <c r="J2867">
        <v>0</v>
      </c>
      <c r="K2867">
        <v>0</v>
      </c>
      <c r="L2867">
        <v>0</v>
      </c>
      <c r="M2867">
        <v>3542</v>
      </c>
      <c r="N2867">
        <v>0</v>
      </c>
      <c r="O2867">
        <v>0</v>
      </c>
      <c r="P2867">
        <v>-4460</v>
      </c>
      <c r="Q2867">
        <v>0</v>
      </c>
      <c r="R2867">
        <v>34502</v>
      </c>
      <c r="S2867">
        <v>0</v>
      </c>
      <c r="T2867">
        <v>0</v>
      </c>
      <c r="U2867">
        <v>0</v>
      </c>
      <c r="V2867">
        <v>0</v>
      </c>
      <c r="W2867">
        <v>5</v>
      </c>
      <c r="X2867">
        <v>0</v>
      </c>
      <c r="Y2867">
        <v>90</v>
      </c>
      <c r="Z2867">
        <v>20</v>
      </c>
      <c r="AA2867">
        <v>109</v>
      </c>
      <c r="AB2867">
        <v>84</v>
      </c>
      <c r="AC2867">
        <v>121</v>
      </c>
      <c r="AD2867">
        <v>52</v>
      </c>
      <c r="AE2867">
        <v>27</v>
      </c>
      <c r="AF2867">
        <v>550</v>
      </c>
      <c r="AG2867">
        <v>142147</v>
      </c>
      <c r="AH2867">
        <v>50000</v>
      </c>
      <c r="AI2867">
        <v>0</v>
      </c>
      <c r="AJ2867">
        <v>108</v>
      </c>
      <c r="AK2867" t="s">
        <v>30</v>
      </c>
      <c r="AL2867">
        <v>0</v>
      </c>
      <c r="AM2867">
        <v>0</v>
      </c>
      <c r="AN2867">
        <v>0</v>
      </c>
      <c r="AO2867">
        <v>0</v>
      </c>
      <c r="AP2867">
        <v>0</v>
      </c>
      <c r="AQ2867">
        <v>0</v>
      </c>
      <c r="AR2867">
        <v>0</v>
      </c>
      <c r="AS2867">
        <v>0</v>
      </c>
      <c r="AT2867">
        <v>0</v>
      </c>
      <c r="AU2867">
        <v>0</v>
      </c>
      <c r="AV2867">
        <v>0</v>
      </c>
      <c r="AW2867">
        <v>0</v>
      </c>
      <c r="AX2867">
        <v>0</v>
      </c>
      <c r="AY2867">
        <v>0</v>
      </c>
      <c r="AZ2867">
        <v>0</v>
      </c>
      <c r="BA2867">
        <v>303</v>
      </c>
    </row>
    <row r="2868" spans="1:53" x14ac:dyDescent="0.4">
      <c r="A2868">
        <v>2912</v>
      </c>
      <c r="B2868" s="1">
        <v>43755</v>
      </c>
      <c r="C2868">
        <v>1</v>
      </c>
      <c r="D2868" s="1">
        <v>43755.291666666664</v>
      </c>
      <c r="E2868" s="1">
        <v>43755.450694444444</v>
      </c>
      <c r="F2868">
        <v>0</v>
      </c>
      <c r="G2868">
        <v>0</v>
      </c>
      <c r="H2868">
        <v>0</v>
      </c>
      <c r="I2868">
        <v>0</v>
      </c>
      <c r="J2868">
        <v>0</v>
      </c>
      <c r="K2868">
        <v>0</v>
      </c>
      <c r="L2868">
        <v>0</v>
      </c>
      <c r="M2868">
        <v>0</v>
      </c>
      <c r="N2868">
        <v>0</v>
      </c>
      <c r="O2868">
        <v>0</v>
      </c>
      <c r="P2868">
        <v>0</v>
      </c>
      <c r="Q2868">
        <v>0</v>
      </c>
      <c r="R2868">
        <v>0</v>
      </c>
      <c r="S2868">
        <v>0</v>
      </c>
      <c r="T2868">
        <v>0</v>
      </c>
      <c r="U2868">
        <v>0</v>
      </c>
      <c r="V2868">
        <v>0</v>
      </c>
      <c r="W2868">
        <v>0</v>
      </c>
      <c r="X2868">
        <v>0</v>
      </c>
      <c r="Y2868">
        <v>27</v>
      </c>
      <c r="Z2868">
        <v>19</v>
      </c>
      <c r="AA2868">
        <v>107</v>
      </c>
      <c r="AB2868">
        <v>26</v>
      </c>
      <c r="AC2868">
        <v>120</v>
      </c>
      <c r="AD2868">
        <v>54</v>
      </c>
      <c r="AE2868">
        <v>30</v>
      </c>
      <c r="AF2868">
        <v>0</v>
      </c>
      <c r="AG2868">
        <v>50000</v>
      </c>
      <c r="AH2868">
        <v>0</v>
      </c>
      <c r="AI2868">
        <v>50000</v>
      </c>
      <c r="AJ2868">
        <v>0</v>
      </c>
      <c r="AK2868" t="s">
        <v>6</v>
      </c>
      <c r="AL2868">
        <v>0</v>
      </c>
      <c r="AM2868">
        <v>0</v>
      </c>
      <c r="AN2868">
        <v>0</v>
      </c>
      <c r="AO2868">
        <v>0</v>
      </c>
      <c r="AP2868">
        <v>0</v>
      </c>
      <c r="AQ2868">
        <v>0</v>
      </c>
      <c r="AR2868">
        <v>0</v>
      </c>
      <c r="AS2868">
        <v>0</v>
      </c>
      <c r="AT2868">
        <v>0</v>
      </c>
      <c r="AU2868">
        <v>0</v>
      </c>
      <c r="AV2868">
        <v>0</v>
      </c>
      <c r="AW2868">
        <v>0</v>
      </c>
      <c r="AX2868">
        <v>0</v>
      </c>
      <c r="AY2868">
        <v>0</v>
      </c>
      <c r="AZ2868">
        <v>0</v>
      </c>
      <c r="BA2868">
        <v>0</v>
      </c>
    </row>
    <row r="2869" spans="1:53" x14ac:dyDescent="0.4">
      <c r="A2869">
        <v>2913</v>
      </c>
      <c r="B2869" s="1">
        <v>43755</v>
      </c>
      <c r="C2869">
        <v>2</v>
      </c>
      <c r="D2869" s="1">
        <v>43755.450694444444</v>
      </c>
      <c r="E2869" s="1">
        <v>43755.754861111112</v>
      </c>
      <c r="F2869">
        <v>17500</v>
      </c>
      <c r="G2869">
        <v>1760</v>
      </c>
      <c r="H2869">
        <v>200</v>
      </c>
      <c r="I2869">
        <v>0</v>
      </c>
      <c r="J2869">
        <v>100</v>
      </c>
      <c r="K2869">
        <v>0</v>
      </c>
      <c r="L2869">
        <v>0</v>
      </c>
      <c r="M2869">
        <v>1936</v>
      </c>
      <c r="N2869">
        <v>0</v>
      </c>
      <c r="O2869">
        <v>0</v>
      </c>
      <c r="P2869">
        <v>15840</v>
      </c>
      <c r="Q2869">
        <v>0</v>
      </c>
      <c r="R2869">
        <v>37136</v>
      </c>
      <c r="S2869">
        <v>0</v>
      </c>
      <c r="T2869">
        <v>0</v>
      </c>
      <c r="U2869">
        <v>0</v>
      </c>
      <c r="V2869">
        <v>1</v>
      </c>
      <c r="W2869">
        <v>0</v>
      </c>
      <c r="X2869">
        <v>0</v>
      </c>
      <c r="Y2869">
        <v>45</v>
      </c>
      <c r="Z2869">
        <v>22</v>
      </c>
      <c r="AA2869">
        <v>112</v>
      </c>
      <c r="AB2869">
        <v>34</v>
      </c>
      <c r="AC2869">
        <v>156</v>
      </c>
      <c r="AD2869">
        <v>52</v>
      </c>
      <c r="AE2869">
        <v>28</v>
      </c>
      <c r="AF2869">
        <v>6388</v>
      </c>
      <c r="AG2869">
        <v>87136</v>
      </c>
      <c r="AH2869">
        <v>50000</v>
      </c>
      <c r="AI2869">
        <v>0</v>
      </c>
      <c r="AJ2869">
        <v>100</v>
      </c>
      <c r="AK2869" t="s">
        <v>0</v>
      </c>
      <c r="AL2869">
        <v>0</v>
      </c>
      <c r="AM2869">
        <v>0</v>
      </c>
      <c r="AN2869">
        <v>0</v>
      </c>
      <c r="AO2869">
        <v>0</v>
      </c>
      <c r="AP2869">
        <v>0</v>
      </c>
      <c r="AQ2869">
        <v>0</v>
      </c>
      <c r="AR2869">
        <v>0</v>
      </c>
      <c r="AS2869">
        <v>0</v>
      </c>
      <c r="AT2869">
        <v>0</v>
      </c>
      <c r="AU2869">
        <v>0</v>
      </c>
      <c r="AV2869">
        <v>0</v>
      </c>
      <c r="AW2869">
        <v>0</v>
      </c>
      <c r="AX2869">
        <v>726</v>
      </c>
      <c r="AY2869">
        <v>32</v>
      </c>
      <c r="AZ2869">
        <v>63</v>
      </c>
      <c r="BA2869">
        <v>4366</v>
      </c>
    </row>
    <row r="2870" spans="1:53" x14ac:dyDescent="0.4">
      <c r="A2870">
        <v>2914</v>
      </c>
      <c r="B2870" s="1">
        <v>43755</v>
      </c>
      <c r="C2870">
        <v>3</v>
      </c>
      <c r="D2870" s="1">
        <v>43755.754861111112</v>
      </c>
      <c r="E2870" s="1">
        <v>43755.953472222223</v>
      </c>
      <c r="F2870">
        <v>32660</v>
      </c>
      <c r="G2870">
        <v>2160</v>
      </c>
      <c r="H2870">
        <v>0</v>
      </c>
      <c r="I2870">
        <v>0</v>
      </c>
      <c r="J2870">
        <v>1100</v>
      </c>
      <c r="K2870">
        <v>0</v>
      </c>
      <c r="L2870">
        <v>0</v>
      </c>
      <c r="M2870">
        <v>3372</v>
      </c>
      <c r="N2870">
        <v>0</v>
      </c>
      <c r="O2870">
        <v>0</v>
      </c>
      <c r="P2870">
        <v>-15840</v>
      </c>
      <c r="Q2870">
        <v>0</v>
      </c>
      <c r="R2870">
        <v>21252</v>
      </c>
      <c r="S2870">
        <v>0</v>
      </c>
      <c r="T2870">
        <v>0</v>
      </c>
      <c r="U2870">
        <v>0</v>
      </c>
      <c r="V2870">
        <v>3</v>
      </c>
      <c r="W2870">
        <v>0</v>
      </c>
      <c r="X2870">
        <v>0</v>
      </c>
      <c r="Y2870">
        <v>43</v>
      </c>
      <c r="Z2870">
        <v>23</v>
      </c>
      <c r="AA2870">
        <v>116</v>
      </c>
      <c r="AB2870">
        <v>32</v>
      </c>
      <c r="AC2870">
        <v>154</v>
      </c>
      <c r="AD2870">
        <v>49</v>
      </c>
      <c r="AE2870">
        <v>29</v>
      </c>
      <c r="AF2870">
        <v>8874</v>
      </c>
      <c r="AG2870">
        <v>108388</v>
      </c>
      <c r="AH2870">
        <v>50000</v>
      </c>
      <c r="AI2870">
        <v>0</v>
      </c>
      <c r="AJ2870">
        <v>108</v>
      </c>
      <c r="AK2870" t="s">
        <v>30</v>
      </c>
      <c r="AL2870">
        <v>0</v>
      </c>
      <c r="AM2870">
        <v>0</v>
      </c>
      <c r="AN2870">
        <v>0</v>
      </c>
      <c r="AO2870">
        <v>0</v>
      </c>
      <c r="AP2870">
        <v>0</v>
      </c>
      <c r="AQ2870">
        <v>0</v>
      </c>
      <c r="AR2870">
        <v>0</v>
      </c>
      <c r="AS2870">
        <v>0</v>
      </c>
      <c r="AT2870">
        <v>0</v>
      </c>
      <c r="AU2870">
        <v>0</v>
      </c>
      <c r="AV2870">
        <v>0</v>
      </c>
      <c r="AW2870">
        <v>0</v>
      </c>
      <c r="AX2870">
        <v>9086</v>
      </c>
      <c r="AY2870">
        <v>15</v>
      </c>
      <c r="AZ2870">
        <v>31</v>
      </c>
      <c r="BA2870">
        <v>2282</v>
      </c>
    </row>
    <row r="2871" spans="1:53" x14ac:dyDescent="0.4">
      <c r="A2871">
        <v>2915</v>
      </c>
      <c r="B2871" s="1">
        <v>43756</v>
      </c>
      <c r="C2871">
        <v>1</v>
      </c>
      <c r="D2871" s="1">
        <v>43756.291666666664</v>
      </c>
      <c r="E2871" s="1">
        <v>43756.45</v>
      </c>
      <c r="F2871">
        <v>0</v>
      </c>
      <c r="G2871">
        <v>0</v>
      </c>
      <c r="H2871">
        <v>0</v>
      </c>
      <c r="I2871">
        <v>0</v>
      </c>
      <c r="J2871">
        <v>0</v>
      </c>
      <c r="K2871">
        <v>0</v>
      </c>
      <c r="L2871">
        <v>0</v>
      </c>
      <c r="M2871">
        <v>0</v>
      </c>
      <c r="N2871">
        <v>0</v>
      </c>
      <c r="O2871">
        <v>0</v>
      </c>
      <c r="P2871">
        <v>0</v>
      </c>
      <c r="Q2871">
        <v>0</v>
      </c>
      <c r="R2871">
        <v>0</v>
      </c>
      <c r="S2871">
        <v>0</v>
      </c>
      <c r="T2871">
        <v>0</v>
      </c>
      <c r="U2871">
        <v>0</v>
      </c>
      <c r="V2871">
        <v>0</v>
      </c>
      <c r="W2871">
        <v>0</v>
      </c>
      <c r="X2871">
        <v>0</v>
      </c>
      <c r="Y2871">
        <v>31</v>
      </c>
      <c r="Z2871">
        <v>10</v>
      </c>
      <c r="AA2871">
        <v>112</v>
      </c>
      <c r="AB2871">
        <v>31</v>
      </c>
      <c r="AC2871">
        <v>98</v>
      </c>
      <c r="AD2871">
        <v>48</v>
      </c>
      <c r="AE2871">
        <v>30</v>
      </c>
      <c r="AF2871">
        <v>0</v>
      </c>
      <c r="AG2871">
        <v>50000</v>
      </c>
      <c r="AH2871">
        <v>0</v>
      </c>
      <c r="AI2871">
        <v>50000</v>
      </c>
      <c r="AJ2871">
        <v>0</v>
      </c>
      <c r="AK2871" t="s">
        <v>6</v>
      </c>
      <c r="AL2871">
        <v>0</v>
      </c>
      <c r="AM2871">
        <v>0</v>
      </c>
      <c r="AN2871">
        <v>0</v>
      </c>
      <c r="AO2871">
        <v>0</v>
      </c>
      <c r="AP2871">
        <v>0</v>
      </c>
      <c r="AQ2871">
        <v>0</v>
      </c>
      <c r="AR2871">
        <v>0</v>
      </c>
      <c r="AS2871">
        <v>0</v>
      </c>
      <c r="AT2871">
        <v>0</v>
      </c>
      <c r="AU2871">
        <v>0</v>
      </c>
      <c r="AV2871">
        <v>0</v>
      </c>
      <c r="AW2871">
        <v>0</v>
      </c>
      <c r="AX2871">
        <v>0</v>
      </c>
      <c r="AY2871">
        <v>0</v>
      </c>
      <c r="AZ2871">
        <v>0</v>
      </c>
      <c r="BA2871">
        <v>0</v>
      </c>
    </row>
    <row r="2872" spans="1:53" x14ac:dyDescent="0.4">
      <c r="A2872">
        <v>2916</v>
      </c>
      <c r="B2872" s="1">
        <v>43756</v>
      </c>
      <c r="C2872">
        <v>2</v>
      </c>
      <c r="D2872" s="1">
        <v>43756.45</v>
      </c>
      <c r="E2872" s="1">
        <v>43756.748611111114</v>
      </c>
      <c r="F2872">
        <v>21000</v>
      </c>
      <c r="G2872">
        <v>1480</v>
      </c>
      <c r="H2872">
        <v>200</v>
      </c>
      <c r="I2872">
        <v>0</v>
      </c>
      <c r="J2872">
        <v>2700</v>
      </c>
      <c r="K2872">
        <v>0</v>
      </c>
      <c r="L2872">
        <v>0</v>
      </c>
      <c r="M2872">
        <v>1998</v>
      </c>
      <c r="N2872">
        <v>0</v>
      </c>
      <c r="O2872">
        <v>0</v>
      </c>
      <c r="P2872">
        <v>13530</v>
      </c>
      <c r="Q2872">
        <v>0</v>
      </c>
      <c r="R2872">
        <v>35508</v>
      </c>
      <c r="S2872">
        <v>0</v>
      </c>
      <c r="T2872">
        <v>0</v>
      </c>
      <c r="U2872">
        <v>0</v>
      </c>
      <c r="V2872">
        <v>0</v>
      </c>
      <c r="W2872">
        <v>1</v>
      </c>
      <c r="X2872">
        <v>0</v>
      </c>
      <c r="Y2872">
        <v>49</v>
      </c>
      <c r="Z2872">
        <v>31</v>
      </c>
      <c r="AA2872">
        <v>130</v>
      </c>
      <c r="AB2872">
        <v>31</v>
      </c>
      <c r="AC2872">
        <v>118</v>
      </c>
      <c r="AD2872">
        <v>48</v>
      </c>
      <c r="AE2872">
        <v>38</v>
      </c>
      <c r="AF2872">
        <v>0</v>
      </c>
      <c r="AG2872">
        <v>85508</v>
      </c>
      <c r="AH2872">
        <v>50000</v>
      </c>
      <c r="AI2872">
        <v>0</v>
      </c>
      <c r="AJ2872">
        <v>98</v>
      </c>
      <c r="AK2872" t="s">
        <v>35</v>
      </c>
      <c r="AL2872">
        <v>0</v>
      </c>
      <c r="AM2872">
        <v>0</v>
      </c>
      <c r="AN2872">
        <v>0</v>
      </c>
      <c r="AO2872">
        <v>0</v>
      </c>
      <c r="AP2872">
        <v>0</v>
      </c>
      <c r="AQ2872">
        <v>0</v>
      </c>
      <c r="AR2872">
        <v>0</v>
      </c>
      <c r="AS2872">
        <v>0</v>
      </c>
      <c r="AT2872">
        <v>0</v>
      </c>
      <c r="AU2872">
        <v>0</v>
      </c>
      <c r="AV2872">
        <v>0</v>
      </c>
      <c r="AW2872">
        <v>0</v>
      </c>
      <c r="AX2872">
        <v>0</v>
      </c>
      <c r="AY2872">
        <v>39</v>
      </c>
      <c r="AZ2872">
        <v>68</v>
      </c>
      <c r="BA2872">
        <v>6025</v>
      </c>
    </row>
    <row r="2873" spans="1:53" x14ac:dyDescent="0.4">
      <c r="A2873">
        <v>2917</v>
      </c>
      <c r="B2873" s="1">
        <v>43757</v>
      </c>
      <c r="C2873">
        <v>1</v>
      </c>
      <c r="D2873" s="1">
        <v>43757.291666666664</v>
      </c>
      <c r="E2873" s="1">
        <v>43757.40625</v>
      </c>
      <c r="F2873">
        <v>0</v>
      </c>
      <c r="G2873">
        <v>0</v>
      </c>
      <c r="H2873">
        <v>0</v>
      </c>
      <c r="I2873">
        <v>0</v>
      </c>
      <c r="J2873">
        <v>0</v>
      </c>
      <c r="K2873">
        <v>0</v>
      </c>
      <c r="L2873">
        <v>0</v>
      </c>
      <c r="M2873">
        <v>0</v>
      </c>
      <c r="N2873">
        <v>0</v>
      </c>
      <c r="O2873">
        <v>0</v>
      </c>
      <c r="P2873">
        <v>0</v>
      </c>
      <c r="Q2873">
        <v>0</v>
      </c>
      <c r="R2873">
        <v>0</v>
      </c>
      <c r="S2873">
        <v>0</v>
      </c>
      <c r="T2873">
        <v>0</v>
      </c>
      <c r="U2873">
        <v>0</v>
      </c>
      <c r="V2873">
        <v>0</v>
      </c>
      <c r="W2873">
        <v>0</v>
      </c>
      <c r="X2873">
        <v>0</v>
      </c>
      <c r="Y2873">
        <v>29</v>
      </c>
      <c r="Z2873">
        <v>11</v>
      </c>
      <c r="AA2873">
        <v>130</v>
      </c>
      <c r="AB2873">
        <v>24</v>
      </c>
      <c r="AC2873">
        <v>103</v>
      </c>
      <c r="AD2873">
        <v>49</v>
      </c>
      <c r="AE2873">
        <v>25</v>
      </c>
      <c r="AF2873">
        <v>0</v>
      </c>
      <c r="AG2873">
        <v>50000</v>
      </c>
      <c r="AH2873">
        <v>50000</v>
      </c>
      <c r="AI2873">
        <v>0</v>
      </c>
      <c r="AJ2873">
        <v>0</v>
      </c>
      <c r="AK2873" t="s">
        <v>6</v>
      </c>
      <c r="AL2873">
        <v>0</v>
      </c>
      <c r="AM2873">
        <v>0</v>
      </c>
      <c r="AN2873">
        <v>0</v>
      </c>
      <c r="AO2873">
        <v>0</v>
      </c>
      <c r="AP2873">
        <v>0</v>
      </c>
      <c r="AQ2873">
        <v>0</v>
      </c>
      <c r="AR2873">
        <v>0</v>
      </c>
      <c r="AS2873">
        <v>0</v>
      </c>
      <c r="AT2873">
        <v>0</v>
      </c>
      <c r="AU2873">
        <v>0</v>
      </c>
      <c r="AV2873">
        <v>0</v>
      </c>
      <c r="AW2873">
        <v>0</v>
      </c>
      <c r="AX2873">
        <v>0</v>
      </c>
      <c r="AY2873">
        <v>0</v>
      </c>
      <c r="AZ2873">
        <v>0</v>
      </c>
      <c r="BA2873">
        <v>0</v>
      </c>
    </row>
    <row r="2874" spans="1:53" x14ac:dyDescent="0.4">
      <c r="A2874">
        <v>2918</v>
      </c>
      <c r="B2874" s="1">
        <v>43757</v>
      </c>
      <c r="C2874">
        <v>2</v>
      </c>
      <c r="D2874" s="1">
        <v>43757.40625</v>
      </c>
      <c r="E2874" s="1">
        <v>43757.740277777775</v>
      </c>
      <c r="F2874">
        <v>42000</v>
      </c>
      <c r="G2874">
        <v>3100</v>
      </c>
      <c r="H2874">
        <v>400</v>
      </c>
      <c r="I2874">
        <v>0</v>
      </c>
      <c r="J2874">
        <v>200</v>
      </c>
      <c r="K2874">
        <v>0</v>
      </c>
      <c r="L2874">
        <v>0</v>
      </c>
      <c r="M2874">
        <v>4530</v>
      </c>
      <c r="N2874">
        <v>0</v>
      </c>
      <c r="O2874">
        <v>0</v>
      </c>
      <c r="P2874">
        <v>24640</v>
      </c>
      <c r="Q2874">
        <v>0</v>
      </c>
      <c r="R2874">
        <v>74470</v>
      </c>
      <c r="S2874">
        <v>0</v>
      </c>
      <c r="T2874">
        <v>0</v>
      </c>
      <c r="U2874">
        <v>0</v>
      </c>
      <c r="V2874">
        <v>2</v>
      </c>
      <c r="W2874">
        <v>2</v>
      </c>
      <c r="X2874">
        <v>0</v>
      </c>
      <c r="Y2874">
        <v>57</v>
      </c>
      <c r="Z2874">
        <v>27</v>
      </c>
      <c r="AA2874">
        <v>160</v>
      </c>
      <c r="AB2874">
        <v>24</v>
      </c>
      <c r="AC2874">
        <v>151</v>
      </c>
      <c r="AD2874">
        <v>47</v>
      </c>
      <c r="AE2874">
        <v>29</v>
      </c>
      <c r="AF2874">
        <v>5046</v>
      </c>
      <c r="AG2874">
        <v>124520</v>
      </c>
      <c r="AH2874">
        <v>50000</v>
      </c>
      <c r="AI2874">
        <v>50</v>
      </c>
      <c r="AJ2874">
        <v>101</v>
      </c>
      <c r="AK2874" t="s">
        <v>28</v>
      </c>
      <c r="AL2874">
        <v>0</v>
      </c>
      <c r="AM2874">
        <v>0</v>
      </c>
      <c r="AN2874">
        <v>0</v>
      </c>
      <c r="AO2874">
        <v>0</v>
      </c>
      <c r="AP2874">
        <v>0</v>
      </c>
      <c r="AQ2874">
        <v>0</v>
      </c>
      <c r="AR2874">
        <v>0</v>
      </c>
      <c r="AS2874">
        <v>0</v>
      </c>
      <c r="AT2874">
        <v>0</v>
      </c>
      <c r="AU2874">
        <v>0</v>
      </c>
      <c r="AV2874">
        <v>0</v>
      </c>
      <c r="AW2874">
        <v>0</v>
      </c>
      <c r="AX2874">
        <v>1188</v>
      </c>
      <c r="AY2874">
        <v>54</v>
      </c>
      <c r="AZ2874">
        <v>124</v>
      </c>
      <c r="BA2874">
        <v>7763</v>
      </c>
    </row>
    <row r="2875" spans="1:53" x14ac:dyDescent="0.4">
      <c r="A2875">
        <v>2919</v>
      </c>
      <c r="B2875" s="1">
        <v>43758</v>
      </c>
      <c r="C2875">
        <v>1</v>
      </c>
      <c r="D2875" s="1">
        <v>43758.291666666664</v>
      </c>
      <c r="E2875" s="1">
        <v>43758.397916666669</v>
      </c>
      <c r="F2875">
        <v>0</v>
      </c>
      <c r="G2875">
        <v>0</v>
      </c>
      <c r="H2875">
        <v>0</v>
      </c>
      <c r="I2875">
        <v>0</v>
      </c>
      <c r="J2875">
        <v>0</v>
      </c>
      <c r="K2875">
        <v>0</v>
      </c>
      <c r="L2875">
        <v>0</v>
      </c>
      <c r="M2875">
        <v>0</v>
      </c>
      <c r="N2875">
        <v>0</v>
      </c>
      <c r="O2875">
        <v>0</v>
      </c>
      <c r="P2875">
        <v>0</v>
      </c>
      <c r="Q2875">
        <v>0</v>
      </c>
      <c r="R2875">
        <v>0</v>
      </c>
      <c r="S2875">
        <v>0</v>
      </c>
      <c r="T2875">
        <v>0</v>
      </c>
      <c r="U2875">
        <v>0</v>
      </c>
      <c r="V2875">
        <v>0</v>
      </c>
      <c r="W2875">
        <v>0</v>
      </c>
      <c r="X2875">
        <v>0</v>
      </c>
      <c r="Y2875">
        <v>30</v>
      </c>
      <c r="Z2875">
        <v>9</v>
      </c>
      <c r="AA2875">
        <v>129</v>
      </c>
      <c r="AB2875">
        <v>19</v>
      </c>
      <c r="AC2875">
        <v>141</v>
      </c>
      <c r="AD2875">
        <v>43</v>
      </c>
      <c r="AE2875">
        <v>25</v>
      </c>
      <c r="AF2875">
        <v>0</v>
      </c>
      <c r="AG2875">
        <v>50000</v>
      </c>
      <c r="AH2875">
        <v>50000</v>
      </c>
      <c r="AI2875">
        <v>0</v>
      </c>
      <c r="AJ2875">
        <v>0</v>
      </c>
      <c r="AK2875" t="s">
        <v>6</v>
      </c>
      <c r="AL2875">
        <v>0</v>
      </c>
      <c r="AM2875">
        <v>0</v>
      </c>
      <c r="AN2875">
        <v>0</v>
      </c>
      <c r="AO2875">
        <v>0</v>
      </c>
      <c r="AP2875">
        <v>0</v>
      </c>
      <c r="AQ2875">
        <v>0</v>
      </c>
      <c r="AR2875">
        <v>0</v>
      </c>
      <c r="AS2875">
        <v>0</v>
      </c>
      <c r="AT2875">
        <v>0</v>
      </c>
      <c r="AU2875">
        <v>0</v>
      </c>
      <c r="AV2875">
        <v>0</v>
      </c>
      <c r="AW2875">
        <v>0</v>
      </c>
      <c r="AX2875">
        <v>0</v>
      </c>
      <c r="AY2875">
        <v>0</v>
      </c>
      <c r="AZ2875">
        <v>0</v>
      </c>
      <c r="BA2875">
        <v>0</v>
      </c>
    </row>
    <row r="2876" spans="1:53" x14ac:dyDescent="0.4">
      <c r="A2876">
        <v>2920</v>
      </c>
      <c r="B2876" s="1">
        <v>43758</v>
      </c>
      <c r="C2876">
        <v>2</v>
      </c>
      <c r="D2876" s="1">
        <v>43758.397916666669</v>
      </c>
      <c r="E2876" s="1">
        <v>43758.740972222222</v>
      </c>
      <c r="F2876">
        <v>42000</v>
      </c>
      <c r="G2876">
        <v>1320</v>
      </c>
      <c r="H2876">
        <v>0</v>
      </c>
      <c r="I2876">
        <v>0</v>
      </c>
      <c r="J2876">
        <v>0</v>
      </c>
      <c r="K2876">
        <v>0</v>
      </c>
      <c r="L2876">
        <v>0</v>
      </c>
      <c r="M2876">
        <v>4332</v>
      </c>
      <c r="N2876">
        <v>0</v>
      </c>
      <c r="O2876">
        <v>0</v>
      </c>
      <c r="P2876">
        <v>26840</v>
      </c>
      <c r="Q2876">
        <v>0</v>
      </c>
      <c r="R2876">
        <v>74492</v>
      </c>
      <c r="S2876">
        <v>0</v>
      </c>
      <c r="T2876">
        <v>0</v>
      </c>
      <c r="U2876">
        <v>0</v>
      </c>
      <c r="V2876">
        <v>2</v>
      </c>
      <c r="W2876">
        <v>0</v>
      </c>
      <c r="X2876">
        <v>0</v>
      </c>
      <c r="Y2876">
        <v>74</v>
      </c>
      <c r="Z2876">
        <v>26</v>
      </c>
      <c r="AA2876">
        <v>146</v>
      </c>
      <c r="AB2876">
        <v>19</v>
      </c>
      <c r="AC2876">
        <v>168</v>
      </c>
      <c r="AD2876">
        <v>46</v>
      </c>
      <c r="AE2876">
        <v>32</v>
      </c>
      <c r="AF2876">
        <v>0</v>
      </c>
      <c r="AG2876">
        <v>124492</v>
      </c>
      <c r="AH2876">
        <v>50000</v>
      </c>
      <c r="AI2876">
        <v>0</v>
      </c>
      <c r="AJ2876">
        <v>101</v>
      </c>
      <c r="AK2876" t="s">
        <v>28</v>
      </c>
      <c r="AL2876">
        <v>0</v>
      </c>
      <c r="AM2876">
        <v>0</v>
      </c>
      <c r="AN2876">
        <v>0</v>
      </c>
      <c r="AO2876">
        <v>0</v>
      </c>
      <c r="AP2876">
        <v>0</v>
      </c>
      <c r="AQ2876">
        <v>0</v>
      </c>
      <c r="AR2876">
        <v>0</v>
      </c>
      <c r="AS2876">
        <v>0</v>
      </c>
      <c r="AT2876">
        <v>0</v>
      </c>
      <c r="AU2876">
        <v>0</v>
      </c>
      <c r="AV2876">
        <v>0</v>
      </c>
      <c r="AW2876">
        <v>0</v>
      </c>
      <c r="AX2876">
        <v>0</v>
      </c>
      <c r="AY2876">
        <v>52</v>
      </c>
      <c r="AZ2876">
        <v>130</v>
      </c>
      <c r="BA2876">
        <v>7492</v>
      </c>
    </row>
    <row r="2877" spans="1:53" x14ac:dyDescent="0.4">
      <c r="A2877">
        <v>2921</v>
      </c>
      <c r="B2877" s="1">
        <v>43759</v>
      </c>
      <c r="C2877">
        <v>1</v>
      </c>
      <c r="D2877" s="1">
        <v>43759.291666666664</v>
      </c>
      <c r="E2877" s="1">
        <v>43759.752083333333</v>
      </c>
      <c r="F2877">
        <v>20500</v>
      </c>
      <c r="G2877">
        <v>1360</v>
      </c>
      <c r="H2877">
        <v>200</v>
      </c>
      <c r="I2877">
        <v>0</v>
      </c>
      <c r="J2877">
        <v>0</v>
      </c>
      <c r="K2877">
        <v>0</v>
      </c>
      <c r="L2877">
        <v>0</v>
      </c>
      <c r="M2877">
        <v>2206</v>
      </c>
      <c r="N2877">
        <v>0</v>
      </c>
      <c r="O2877">
        <v>0</v>
      </c>
      <c r="P2877">
        <v>20790</v>
      </c>
      <c r="Q2877">
        <v>0</v>
      </c>
      <c r="R2877">
        <v>45056</v>
      </c>
      <c r="S2877">
        <v>0</v>
      </c>
      <c r="T2877">
        <v>0</v>
      </c>
      <c r="U2877">
        <v>0</v>
      </c>
      <c r="V2877">
        <v>5</v>
      </c>
      <c r="W2877">
        <v>0</v>
      </c>
      <c r="X2877">
        <v>0</v>
      </c>
      <c r="Y2877">
        <v>10</v>
      </c>
      <c r="Z2877">
        <v>31</v>
      </c>
      <c r="AA2877">
        <v>148</v>
      </c>
      <c r="AB2877">
        <v>21</v>
      </c>
      <c r="AC2877">
        <v>193</v>
      </c>
      <c r="AD2877">
        <v>42</v>
      </c>
      <c r="AE2877">
        <v>26</v>
      </c>
      <c r="AF2877">
        <v>1540</v>
      </c>
      <c r="AG2877">
        <v>95056</v>
      </c>
      <c r="AH2877">
        <v>50000</v>
      </c>
      <c r="AI2877">
        <v>0</v>
      </c>
      <c r="AJ2877">
        <v>107</v>
      </c>
      <c r="AK2877" t="s">
        <v>40</v>
      </c>
      <c r="AL2877">
        <v>0</v>
      </c>
      <c r="AM2877">
        <v>0</v>
      </c>
      <c r="AN2877">
        <v>0</v>
      </c>
      <c r="AO2877">
        <v>0</v>
      </c>
      <c r="AP2877">
        <v>0</v>
      </c>
      <c r="AQ2877">
        <v>0</v>
      </c>
      <c r="AR2877">
        <v>0</v>
      </c>
      <c r="AS2877">
        <v>0</v>
      </c>
      <c r="AT2877">
        <v>0</v>
      </c>
      <c r="AU2877">
        <v>0</v>
      </c>
      <c r="AV2877">
        <v>0</v>
      </c>
      <c r="AW2877">
        <v>0</v>
      </c>
      <c r="AX2877">
        <v>4290</v>
      </c>
      <c r="AY2877">
        <v>42</v>
      </c>
      <c r="AZ2877">
        <v>76</v>
      </c>
      <c r="BA2877">
        <v>6033</v>
      </c>
    </row>
    <row r="2878" spans="1:53" x14ac:dyDescent="0.4">
      <c r="A2878">
        <v>2922</v>
      </c>
      <c r="B2878" s="1">
        <v>43760</v>
      </c>
      <c r="C2878">
        <v>1</v>
      </c>
      <c r="D2878" s="1">
        <v>43760.291666666664</v>
      </c>
      <c r="E2878" s="1">
        <v>43760.399305555555</v>
      </c>
      <c r="F2878">
        <v>0</v>
      </c>
      <c r="G2878">
        <v>0</v>
      </c>
      <c r="H2878">
        <v>0</v>
      </c>
      <c r="I2878">
        <v>0</v>
      </c>
      <c r="J2878">
        <v>0</v>
      </c>
      <c r="K2878">
        <v>0</v>
      </c>
      <c r="L2878">
        <v>0</v>
      </c>
      <c r="M2878">
        <v>0</v>
      </c>
      <c r="N2878">
        <v>0</v>
      </c>
      <c r="O2878">
        <v>0</v>
      </c>
      <c r="P2878">
        <v>0</v>
      </c>
      <c r="Q2878">
        <v>0</v>
      </c>
      <c r="R2878">
        <v>0</v>
      </c>
      <c r="S2878">
        <v>0</v>
      </c>
      <c r="T2878">
        <v>0</v>
      </c>
      <c r="U2878">
        <v>0</v>
      </c>
      <c r="V2878">
        <v>0</v>
      </c>
      <c r="W2878">
        <v>0</v>
      </c>
      <c r="X2878">
        <v>0</v>
      </c>
      <c r="Y2878">
        <v>26</v>
      </c>
      <c r="Z2878">
        <v>20</v>
      </c>
      <c r="AA2878">
        <v>105</v>
      </c>
      <c r="AB2878">
        <v>20</v>
      </c>
      <c r="AC2878">
        <v>188</v>
      </c>
      <c r="AD2878">
        <v>40</v>
      </c>
      <c r="AE2878">
        <v>20</v>
      </c>
      <c r="AF2878">
        <v>0</v>
      </c>
      <c r="AG2878">
        <v>49600</v>
      </c>
      <c r="AH2878">
        <v>50000</v>
      </c>
      <c r="AI2878">
        <v>-400</v>
      </c>
      <c r="AJ2878">
        <v>0</v>
      </c>
      <c r="AK2878" t="s">
        <v>6</v>
      </c>
      <c r="AL2878">
        <v>0</v>
      </c>
      <c r="AM2878">
        <v>0</v>
      </c>
      <c r="AN2878">
        <v>0</v>
      </c>
      <c r="AO2878">
        <v>0</v>
      </c>
      <c r="AP2878">
        <v>0</v>
      </c>
      <c r="AQ2878">
        <v>0</v>
      </c>
      <c r="AR2878">
        <v>0</v>
      </c>
      <c r="AS2878">
        <v>0</v>
      </c>
      <c r="AT2878">
        <v>0</v>
      </c>
      <c r="AU2878">
        <v>0</v>
      </c>
      <c r="AV2878">
        <v>0</v>
      </c>
      <c r="AW2878">
        <v>0</v>
      </c>
      <c r="AX2878">
        <v>0</v>
      </c>
      <c r="AY2878">
        <v>0</v>
      </c>
      <c r="AZ2878">
        <v>0</v>
      </c>
      <c r="BA2878">
        <v>0</v>
      </c>
    </row>
    <row r="2879" spans="1:53" x14ac:dyDescent="0.4">
      <c r="A2879">
        <v>2923</v>
      </c>
      <c r="B2879" s="1">
        <v>43760</v>
      </c>
      <c r="C2879">
        <v>2</v>
      </c>
      <c r="D2879" s="1">
        <v>43760.399305555555</v>
      </c>
      <c r="E2879" s="1">
        <v>43760.731249999997</v>
      </c>
      <c r="F2879">
        <v>40750</v>
      </c>
      <c r="G2879">
        <v>9090</v>
      </c>
      <c r="H2879">
        <v>200</v>
      </c>
      <c r="I2879">
        <v>0</v>
      </c>
      <c r="J2879">
        <v>1700</v>
      </c>
      <c r="K2879">
        <v>0</v>
      </c>
      <c r="L2879">
        <v>0</v>
      </c>
      <c r="M2879">
        <v>4834</v>
      </c>
      <c r="N2879">
        <v>0</v>
      </c>
      <c r="O2879">
        <v>0</v>
      </c>
      <c r="P2879">
        <v>25850</v>
      </c>
      <c r="Q2879">
        <v>0</v>
      </c>
      <c r="R2879">
        <v>79024</v>
      </c>
      <c r="S2879">
        <v>0</v>
      </c>
      <c r="T2879">
        <v>0</v>
      </c>
      <c r="U2879">
        <v>0</v>
      </c>
      <c r="V2879">
        <v>3</v>
      </c>
      <c r="W2879">
        <v>0</v>
      </c>
      <c r="X2879">
        <v>0</v>
      </c>
      <c r="Y2879">
        <v>65</v>
      </c>
      <c r="Z2879">
        <v>37</v>
      </c>
      <c r="AA2879">
        <v>117</v>
      </c>
      <c r="AB2879">
        <v>24</v>
      </c>
      <c r="AC2879">
        <v>200</v>
      </c>
      <c r="AD2879">
        <v>39</v>
      </c>
      <c r="AE2879">
        <v>29</v>
      </c>
      <c r="AF2879">
        <v>0</v>
      </c>
      <c r="AG2879">
        <v>128624</v>
      </c>
      <c r="AH2879">
        <v>50000</v>
      </c>
      <c r="AI2879">
        <v>-400</v>
      </c>
      <c r="AJ2879">
        <v>90</v>
      </c>
      <c r="AK2879" t="s">
        <v>38</v>
      </c>
      <c r="AL2879">
        <v>0</v>
      </c>
      <c r="AM2879">
        <v>0</v>
      </c>
      <c r="AN2879">
        <v>0</v>
      </c>
      <c r="AO2879">
        <v>0</v>
      </c>
      <c r="AP2879">
        <v>0</v>
      </c>
      <c r="AQ2879">
        <v>0</v>
      </c>
      <c r="AR2879">
        <v>0</v>
      </c>
      <c r="AS2879">
        <v>0</v>
      </c>
      <c r="AT2879">
        <v>0</v>
      </c>
      <c r="AU2879">
        <v>0</v>
      </c>
      <c r="AV2879">
        <v>0</v>
      </c>
      <c r="AW2879">
        <v>0</v>
      </c>
      <c r="AX2879">
        <v>-6248</v>
      </c>
      <c r="AY2879">
        <v>51</v>
      </c>
      <c r="AZ2879">
        <v>122</v>
      </c>
      <c r="BA2879">
        <v>7514</v>
      </c>
    </row>
    <row r="2880" spans="1:53" x14ac:dyDescent="0.4">
      <c r="A2880">
        <v>2924</v>
      </c>
      <c r="B2880" s="1">
        <v>43760</v>
      </c>
      <c r="C2880">
        <v>3</v>
      </c>
      <c r="D2880" s="1">
        <v>43760.731249999997</v>
      </c>
      <c r="E2880" s="1">
        <v>43760.990277777775</v>
      </c>
      <c r="F2880">
        <v>46350</v>
      </c>
      <c r="G2880">
        <v>6780</v>
      </c>
      <c r="H2880">
        <v>0</v>
      </c>
      <c r="I2880">
        <v>0</v>
      </c>
      <c r="J2880">
        <v>100</v>
      </c>
      <c r="K2880">
        <v>0</v>
      </c>
      <c r="L2880">
        <v>0</v>
      </c>
      <c r="M2880">
        <v>5303</v>
      </c>
      <c r="N2880">
        <v>0</v>
      </c>
      <c r="O2880">
        <v>0</v>
      </c>
      <c r="P2880">
        <v>-21890</v>
      </c>
      <c r="Q2880">
        <v>0</v>
      </c>
      <c r="R2880">
        <v>36443</v>
      </c>
      <c r="S2880">
        <v>0</v>
      </c>
      <c r="T2880">
        <v>0</v>
      </c>
      <c r="U2880">
        <v>0</v>
      </c>
      <c r="V2880">
        <v>6</v>
      </c>
      <c r="W2880">
        <v>0</v>
      </c>
      <c r="X2880">
        <v>0</v>
      </c>
      <c r="Y2880">
        <v>66</v>
      </c>
      <c r="Z2880">
        <v>41</v>
      </c>
      <c r="AA2880">
        <v>117</v>
      </c>
      <c r="AB2880">
        <v>22</v>
      </c>
      <c r="AC2880">
        <v>200</v>
      </c>
      <c r="AD2880">
        <v>36</v>
      </c>
      <c r="AE2880">
        <v>27</v>
      </c>
      <c r="AF2880">
        <v>3960</v>
      </c>
      <c r="AG2880">
        <v>165467</v>
      </c>
      <c r="AH2880">
        <v>50000</v>
      </c>
      <c r="AI2880">
        <v>0</v>
      </c>
      <c r="AJ2880">
        <v>84</v>
      </c>
      <c r="AK2880" t="s">
        <v>16</v>
      </c>
      <c r="AL2880">
        <v>0</v>
      </c>
      <c r="AM2880">
        <v>0</v>
      </c>
      <c r="AN2880">
        <v>0</v>
      </c>
      <c r="AO2880">
        <v>0</v>
      </c>
      <c r="AP2880">
        <v>0</v>
      </c>
      <c r="AQ2880">
        <v>0</v>
      </c>
      <c r="AR2880">
        <v>0</v>
      </c>
      <c r="AS2880">
        <v>0</v>
      </c>
      <c r="AT2880">
        <v>0</v>
      </c>
      <c r="AU2880">
        <v>0</v>
      </c>
      <c r="AV2880">
        <v>0</v>
      </c>
      <c r="AW2880">
        <v>0</v>
      </c>
      <c r="AX2880">
        <v>0</v>
      </c>
      <c r="AY2880">
        <v>12</v>
      </c>
      <c r="AZ2880">
        <v>30</v>
      </c>
      <c r="BA2880">
        <v>2980</v>
      </c>
    </row>
    <row r="2881" spans="1:53" x14ac:dyDescent="0.4">
      <c r="A2881">
        <v>2925</v>
      </c>
      <c r="B2881" s="1">
        <v>43760</v>
      </c>
      <c r="C2881">
        <v>4</v>
      </c>
      <c r="D2881" s="1">
        <v>43760.990277777775</v>
      </c>
      <c r="E2881" s="1">
        <v>43761.123611111114</v>
      </c>
      <c r="F2881">
        <v>6100</v>
      </c>
      <c r="G2881">
        <v>640</v>
      </c>
      <c r="H2881">
        <v>0</v>
      </c>
      <c r="I2881">
        <v>0</v>
      </c>
      <c r="J2881">
        <v>0</v>
      </c>
      <c r="K2881">
        <v>0</v>
      </c>
      <c r="L2881">
        <v>0</v>
      </c>
      <c r="M2881">
        <v>674</v>
      </c>
      <c r="N2881">
        <v>0</v>
      </c>
      <c r="O2881">
        <v>0</v>
      </c>
      <c r="P2881">
        <v>-3960</v>
      </c>
      <c r="Q2881">
        <v>0</v>
      </c>
      <c r="R2881">
        <v>3454</v>
      </c>
      <c r="S2881">
        <v>0</v>
      </c>
      <c r="T2881">
        <v>0</v>
      </c>
      <c r="U2881">
        <v>0</v>
      </c>
      <c r="V2881">
        <v>6</v>
      </c>
      <c r="W2881">
        <v>1</v>
      </c>
      <c r="X2881">
        <v>0</v>
      </c>
      <c r="Y2881">
        <v>64</v>
      </c>
      <c r="Z2881">
        <v>42</v>
      </c>
      <c r="AA2881">
        <v>116</v>
      </c>
      <c r="AB2881">
        <v>23</v>
      </c>
      <c r="AC2881">
        <v>200</v>
      </c>
      <c r="AD2881">
        <v>36</v>
      </c>
      <c r="AE2881">
        <v>31</v>
      </c>
      <c r="AF2881">
        <v>3960</v>
      </c>
      <c r="AG2881">
        <v>168921</v>
      </c>
      <c r="AH2881">
        <v>50000</v>
      </c>
      <c r="AI2881">
        <v>0</v>
      </c>
      <c r="AJ2881">
        <v>84</v>
      </c>
      <c r="AK2881" t="s">
        <v>16</v>
      </c>
      <c r="AL2881">
        <v>0</v>
      </c>
      <c r="AM2881">
        <v>0</v>
      </c>
      <c r="AN2881">
        <v>0</v>
      </c>
      <c r="AO2881">
        <v>0</v>
      </c>
      <c r="AP2881">
        <v>0</v>
      </c>
      <c r="AQ2881">
        <v>0</v>
      </c>
      <c r="AR2881">
        <v>0</v>
      </c>
      <c r="AS2881">
        <v>0</v>
      </c>
      <c r="AT2881">
        <v>0</v>
      </c>
      <c r="AU2881">
        <v>0</v>
      </c>
      <c r="AV2881">
        <v>0</v>
      </c>
      <c r="AW2881">
        <v>0</v>
      </c>
      <c r="AX2881">
        <v>0</v>
      </c>
      <c r="AY2881">
        <v>2</v>
      </c>
      <c r="AZ2881">
        <v>4</v>
      </c>
      <c r="BA2881">
        <v>217</v>
      </c>
    </row>
    <row r="2882" spans="1:53" x14ac:dyDescent="0.4">
      <c r="A2882">
        <v>2926</v>
      </c>
      <c r="B2882" s="1">
        <v>43761</v>
      </c>
      <c r="C2882">
        <v>1</v>
      </c>
      <c r="D2882" s="1">
        <v>43761.291666666664</v>
      </c>
      <c r="E2882" s="1">
        <v>43761.447222222225</v>
      </c>
      <c r="F2882">
        <v>0</v>
      </c>
      <c r="G2882">
        <v>0</v>
      </c>
      <c r="H2882">
        <v>0</v>
      </c>
      <c r="I2882">
        <v>0</v>
      </c>
      <c r="J2882">
        <v>0</v>
      </c>
      <c r="K2882">
        <v>0</v>
      </c>
      <c r="L2882">
        <v>0</v>
      </c>
      <c r="M2882">
        <v>0</v>
      </c>
      <c r="N2882">
        <v>0</v>
      </c>
      <c r="O2882">
        <v>0</v>
      </c>
      <c r="P2882">
        <v>0</v>
      </c>
      <c r="Q2882">
        <v>0</v>
      </c>
      <c r="R2882">
        <v>0</v>
      </c>
      <c r="S2882">
        <v>0</v>
      </c>
      <c r="T2882">
        <v>0</v>
      </c>
      <c r="U2882">
        <v>0</v>
      </c>
      <c r="V2882">
        <v>0</v>
      </c>
      <c r="W2882">
        <v>0</v>
      </c>
      <c r="X2882">
        <v>0</v>
      </c>
      <c r="Y2882">
        <v>24</v>
      </c>
      <c r="Z2882">
        <v>23</v>
      </c>
      <c r="AA2882">
        <v>112</v>
      </c>
      <c r="AB2882">
        <v>22</v>
      </c>
      <c r="AC2882">
        <v>199</v>
      </c>
      <c r="AD2882">
        <v>36</v>
      </c>
      <c r="AE2882">
        <v>30</v>
      </c>
      <c r="AF2882">
        <v>0</v>
      </c>
      <c r="AG2882">
        <v>50000</v>
      </c>
      <c r="AH2882">
        <v>50000</v>
      </c>
      <c r="AI2882">
        <v>0</v>
      </c>
      <c r="AJ2882">
        <v>0</v>
      </c>
      <c r="AK2882" t="s">
        <v>6</v>
      </c>
      <c r="AL2882">
        <v>0</v>
      </c>
      <c r="AM2882">
        <v>0</v>
      </c>
      <c r="AN2882">
        <v>0</v>
      </c>
      <c r="AO2882">
        <v>0</v>
      </c>
      <c r="AP2882">
        <v>0</v>
      </c>
      <c r="AQ2882">
        <v>0</v>
      </c>
      <c r="AR2882">
        <v>0</v>
      </c>
      <c r="AS2882">
        <v>0</v>
      </c>
      <c r="AT2882">
        <v>0</v>
      </c>
      <c r="AU2882">
        <v>0</v>
      </c>
      <c r="AV2882">
        <v>0</v>
      </c>
      <c r="AW2882">
        <v>0</v>
      </c>
      <c r="AX2882">
        <v>0</v>
      </c>
      <c r="AY2882">
        <v>0</v>
      </c>
      <c r="AZ2882">
        <v>0</v>
      </c>
      <c r="BA2882">
        <v>0</v>
      </c>
    </row>
    <row r="2883" spans="1:53" x14ac:dyDescent="0.4">
      <c r="A2883">
        <v>2927</v>
      </c>
      <c r="B2883" s="1">
        <v>43761</v>
      </c>
      <c r="C2883">
        <v>2</v>
      </c>
      <c r="D2883" s="1">
        <v>43761.447222222225</v>
      </c>
      <c r="E2883" s="1">
        <v>43761.732638888891</v>
      </c>
      <c r="F2883">
        <v>11500</v>
      </c>
      <c r="G2883">
        <v>0</v>
      </c>
      <c r="H2883">
        <v>0</v>
      </c>
      <c r="I2883">
        <v>0</v>
      </c>
      <c r="J2883">
        <v>0</v>
      </c>
      <c r="K2883">
        <v>0</v>
      </c>
      <c r="L2883">
        <v>0</v>
      </c>
      <c r="M2883">
        <v>1150</v>
      </c>
      <c r="N2883">
        <v>0</v>
      </c>
      <c r="O2883">
        <v>0</v>
      </c>
      <c r="P2883">
        <v>10725</v>
      </c>
      <c r="Q2883">
        <v>0</v>
      </c>
      <c r="R2883">
        <v>23375</v>
      </c>
      <c r="S2883">
        <v>0</v>
      </c>
      <c r="T2883">
        <v>0</v>
      </c>
      <c r="U2883">
        <v>0</v>
      </c>
      <c r="V2883">
        <v>0</v>
      </c>
      <c r="W2883">
        <v>0</v>
      </c>
      <c r="X2883">
        <v>0</v>
      </c>
      <c r="Y2883">
        <v>41</v>
      </c>
      <c r="Z2883">
        <v>34</v>
      </c>
      <c r="AA2883">
        <v>109</v>
      </c>
      <c r="AB2883">
        <v>30</v>
      </c>
      <c r="AC2883">
        <v>221</v>
      </c>
      <c r="AD2883">
        <v>37</v>
      </c>
      <c r="AE2883">
        <v>30</v>
      </c>
      <c r="AF2883">
        <v>550</v>
      </c>
      <c r="AG2883">
        <v>73375</v>
      </c>
      <c r="AH2883">
        <v>50000</v>
      </c>
      <c r="AI2883">
        <v>0</v>
      </c>
      <c r="AJ2883">
        <v>101</v>
      </c>
      <c r="AK2883" t="s">
        <v>28</v>
      </c>
      <c r="AL2883">
        <v>0</v>
      </c>
      <c r="AM2883">
        <v>0</v>
      </c>
      <c r="AN2883">
        <v>0</v>
      </c>
      <c r="AO2883">
        <v>0</v>
      </c>
      <c r="AP2883">
        <v>0</v>
      </c>
      <c r="AQ2883">
        <v>0</v>
      </c>
      <c r="AR2883">
        <v>0</v>
      </c>
      <c r="AS2883">
        <v>0</v>
      </c>
      <c r="AT2883">
        <v>0</v>
      </c>
      <c r="AU2883">
        <v>0</v>
      </c>
      <c r="AV2883">
        <v>0</v>
      </c>
      <c r="AW2883">
        <v>0</v>
      </c>
      <c r="AX2883">
        <v>0</v>
      </c>
      <c r="AY2883">
        <v>31</v>
      </c>
      <c r="AZ2883">
        <v>43</v>
      </c>
      <c r="BA2883">
        <v>3720</v>
      </c>
    </row>
    <row r="2884" spans="1:53" x14ac:dyDescent="0.4">
      <c r="A2884">
        <v>2928</v>
      </c>
      <c r="B2884" s="1">
        <v>43761</v>
      </c>
      <c r="C2884">
        <v>3</v>
      </c>
      <c r="D2884" s="1">
        <v>43761.732638888891</v>
      </c>
      <c r="E2884" s="1">
        <v>43762.081250000003</v>
      </c>
      <c r="F2884">
        <v>34830</v>
      </c>
      <c r="G2884">
        <v>0</v>
      </c>
      <c r="H2884">
        <v>400</v>
      </c>
      <c r="I2884">
        <v>0</v>
      </c>
      <c r="J2884">
        <v>0</v>
      </c>
      <c r="K2884">
        <v>0</v>
      </c>
      <c r="L2884">
        <v>0</v>
      </c>
      <c r="M2884">
        <v>3523</v>
      </c>
      <c r="N2884">
        <v>0</v>
      </c>
      <c r="O2884">
        <v>0</v>
      </c>
      <c r="P2884">
        <v>-7095</v>
      </c>
      <c r="Q2884">
        <v>0</v>
      </c>
      <c r="R2884">
        <v>31658</v>
      </c>
      <c r="S2884">
        <v>0</v>
      </c>
      <c r="T2884">
        <v>0</v>
      </c>
      <c r="U2884">
        <v>0</v>
      </c>
      <c r="V2884">
        <v>2</v>
      </c>
      <c r="W2884">
        <v>0</v>
      </c>
      <c r="X2884">
        <v>0</v>
      </c>
      <c r="Y2884">
        <v>50</v>
      </c>
      <c r="Z2884">
        <v>36</v>
      </c>
      <c r="AA2884">
        <v>114</v>
      </c>
      <c r="AB2884">
        <v>32</v>
      </c>
      <c r="AC2884">
        <v>218</v>
      </c>
      <c r="AD2884">
        <v>36</v>
      </c>
      <c r="AE2884">
        <v>23</v>
      </c>
      <c r="AF2884">
        <v>1650</v>
      </c>
      <c r="AG2884">
        <v>105033</v>
      </c>
      <c r="AH2884">
        <v>50000</v>
      </c>
      <c r="AI2884">
        <v>0</v>
      </c>
      <c r="AJ2884">
        <v>108</v>
      </c>
      <c r="AK2884" t="s">
        <v>30</v>
      </c>
      <c r="AL2884">
        <v>0</v>
      </c>
      <c r="AM2884">
        <v>0</v>
      </c>
      <c r="AN2884">
        <v>0</v>
      </c>
      <c r="AO2884">
        <v>0</v>
      </c>
      <c r="AP2884">
        <v>0</v>
      </c>
      <c r="AQ2884">
        <v>0</v>
      </c>
      <c r="AR2884">
        <v>0</v>
      </c>
      <c r="AS2884">
        <v>0</v>
      </c>
      <c r="AT2884">
        <v>0</v>
      </c>
      <c r="AU2884">
        <v>0</v>
      </c>
      <c r="AV2884">
        <v>0</v>
      </c>
      <c r="AW2884">
        <v>0</v>
      </c>
      <c r="AX2884">
        <v>0</v>
      </c>
      <c r="AY2884">
        <v>12</v>
      </c>
      <c r="AZ2884">
        <v>32</v>
      </c>
      <c r="BA2884">
        <v>2043</v>
      </c>
    </row>
    <row r="2885" spans="1:53" x14ac:dyDescent="0.4">
      <c r="A2885">
        <v>2929</v>
      </c>
      <c r="B2885" s="1">
        <v>43762</v>
      </c>
      <c r="C2885">
        <v>1</v>
      </c>
      <c r="D2885" s="1">
        <v>43762.291666666664</v>
      </c>
      <c r="E2885" s="1">
        <v>43762.445138888892</v>
      </c>
      <c r="F2885">
        <v>0</v>
      </c>
      <c r="G2885">
        <v>0</v>
      </c>
      <c r="H2885">
        <v>0</v>
      </c>
      <c r="I2885">
        <v>0</v>
      </c>
      <c r="J2885">
        <v>0</v>
      </c>
      <c r="K2885">
        <v>0</v>
      </c>
      <c r="L2885">
        <v>0</v>
      </c>
      <c r="M2885">
        <v>0</v>
      </c>
      <c r="N2885">
        <v>0</v>
      </c>
      <c r="O2885">
        <v>0</v>
      </c>
      <c r="P2885">
        <v>0</v>
      </c>
      <c r="Q2885">
        <v>0</v>
      </c>
      <c r="R2885">
        <v>0</v>
      </c>
      <c r="S2885">
        <v>0</v>
      </c>
      <c r="T2885">
        <v>0</v>
      </c>
      <c r="U2885">
        <v>0</v>
      </c>
      <c r="V2885">
        <v>0</v>
      </c>
      <c r="W2885">
        <v>1</v>
      </c>
      <c r="X2885">
        <v>0</v>
      </c>
      <c r="Y2885">
        <v>25</v>
      </c>
      <c r="Z2885">
        <v>10</v>
      </c>
      <c r="AA2885">
        <v>120</v>
      </c>
      <c r="AB2885">
        <v>31</v>
      </c>
      <c r="AC2885">
        <v>124</v>
      </c>
      <c r="AD2885">
        <v>36</v>
      </c>
      <c r="AE2885">
        <v>30</v>
      </c>
      <c r="AF2885">
        <v>0</v>
      </c>
      <c r="AG2885">
        <v>50000</v>
      </c>
      <c r="AH2885">
        <v>0</v>
      </c>
      <c r="AI2885">
        <v>50000</v>
      </c>
      <c r="AJ2885">
        <v>0</v>
      </c>
      <c r="AK2885" t="s">
        <v>6</v>
      </c>
      <c r="AL2885">
        <v>0</v>
      </c>
      <c r="AM2885">
        <v>0</v>
      </c>
      <c r="AN2885">
        <v>0</v>
      </c>
      <c r="AO2885">
        <v>0</v>
      </c>
      <c r="AP2885">
        <v>0</v>
      </c>
      <c r="AQ2885">
        <v>0</v>
      </c>
      <c r="AR2885">
        <v>0</v>
      </c>
      <c r="AS2885">
        <v>0</v>
      </c>
      <c r="AT2885">
        <v>0</v>
      </c>
      <c r="AU2885">
        <v>0</v>
      </c>
      <c r="AV2885">
        <v>0</v>
      </c>
      <c r="AW2885">
        <v>0</v>
      </c>
      <c r="AX2885">
        <v>0</v>
      </c>
      <c r="AY2885">
        <v>0</v>
      </c>
      <c r="AZ2885">
        <v>0</v>
      </c>
      <c r="BA2885">
        <v>0</v>
      </c>
    </row>
    <row r="2886" spans="1:53" x14ac:dyDescent="0.4">
      <c r="A2886">
        <v>2930</v>
      </c>
      <c r="B2886" s="1">
        <v>43762</v>
      </c>
      <c r="C2886">
        <v>2</v>
      </c>
      <c r="D2886" s="1">
        <v>43762.445138888892</v>
      </c>
      <c r="E2886" s="1">
        <v>43762.747916666667</v>
      </c>
      <c r="F2886">
        <v>14500</v>
      </c>
      <c r="G2886">
        <v>0</v>
      </c>
      <c r="H2886">
        <v>200</v>
      </c>
      <c r="I2886">
        <v>0</v>
      </c>
      <c r="J2886">
        <v>300</v>
      </c>
      <c r="K2886">
        <v>0</v>
      </c>
      <c r="L2886">
        <v>0</v>
      </c>
      <c r="M2886">
        <v>1440</v>
      </c>
      <c r="N2886">
        <v>0</v>
      </c>
      <c r="O2886">
        <v>0</v>
      </c>
      <c r="P2886">
        <v>16280</v>
      </c>
      <c r="Q2886">
        <v>0</v>
      </c>
      <c r="R2886">
        <v>32120</v>
      </c>
      <c r="S2886">
        <v>0</v>
      </c>
      <c r="T2886">
        <v>0</v>
      </c>
      <c r="U2886">
        <v>0</v>
      </c>
      <c r="V2886">
        <v>0</v>
      </c>
      <c r="W2886">
        <v>2</v>
      </c>
      <c r="X2886">
        <v>0</v>
      </c>
      <c r="Y2886">
        <v>40</v>
      </c>
      <c r="Z2886">
        <v>23</v>
      </c>
      <c r="AA2886">
        <v>163</v>
      </c>
      <c r="AB2886">
        <v>48</v>
      </c>
      <c r="AC2886">
        <v>171</v>
      </c>
      <c r="AD2886">
        <v>36</v>
      </c>
      <c r="AE2886">
        <v>30</v>
      </c>
      <c r="AF2886">
        <v>0</v>
      </c>
      <c r="AG2886">
        <v>82120</v>
      </c>
      <c r="AH2886">
        <v>50000</v>
      </c>
      <c r="AI2886">
        <v>0</v>
      </c>
      <c r="AJ2886">
        <v>101</v>
      </c>
      <c r="AK2886" t="s">
        <v>28</v>
      </c>
      <c r="AL2886">
        <v>0</v>
      </c>
      <c r="AM2886">
        <v>0</v>
      </c>
      <c r="AN2886">
        <v>0</v>
      </c>
      <c r="AO2886">
        <v>0</v>
      </c>
      <c r="AP2886">
        <v>0</v>
      </c>
      <c r="AQ2886">
        <v>0</v>
      </c>
      <c r="AR2886">
        <v>0</v>
      </c>
      <c r="AS2886">
        <v>0</v>
      </c>
      <c r="AT2886">
        <v>0</v>
      </c>
      <c r="AU2886">
        <v>0</v>
      </c>
      <c r="AV2886">
        <v>0</v>
      </c>
      <c r="AW2886">
        <v>0</v>
      </c>
      <c r="AX2886">
        <v>-550</v>
      </c>
      <c r="AY2886">
        <v>33</v>
      </c>
      <c r="AZ2886">
        <v>59</v>
      </c>
      <c r="BA2886">
        <v>4248</v>
      </c>
    </row>
    <row r="2887" spans="1:53" x14ac:dyDescent="0.4">
      <c r="A2887">
        <v>2931</v>
      </c>
      <c r="B2887" s="1">
        <v>43762</v>
      </c>
      <c r="C2887">
        <v>3</v>
      </c>
      <c r="D2887" s="1">
        <v>43762.747916666667</v>
      </c>
      <c r="E2887" s="1">
        <v>43762.942361111112</v>
      </c>
      <c r="F2887">
        <v>32420</v>
      </c>
      <c r="G2887">
        <v>420</v>
      </c>
      <c r="H2887">
        <v>200</v>
      </c>
      <c r="I2887">
        <v>0</v>
      </c>
      <c r="J2887">
        <v>200</v>
      </c>
      <c r="K2887">
        <v>0</v>
      </c>
      <c r="L2887">
        <v>0</v>
      </c>
      <c r="M2887">
        <v>3284</v>
      </c>
      <c r="N2887">
        <v>0</v>
      </c>
      <c r="O2887">
        <v>0</v>
      </c>
      <c r="P2887">
        <v>-7040</v>
      </c>
      <c r="Q2887">
        <v>0</v>
      </c>
      <c r="R2887">
        <v>29084</v>
      </c>
      <c r="S2887">
        <v>0</v>
      </c>
      <c r="T2887">
        <v>0</v>
      </c>
      <c r="U2887">
        <v>0</v>
      </c>
      <c r="V2887">
        <v>0</v>
      </c>
      <c r="W2887">
        <v>3</v>
      </c>
      <c r="X2887">
        <v>0</v>
      </c>
      <c r="Y2887">
        <v>57</v>
      </c>
      <c r="Z2887">
        <v>22</v>
      </c>
      <c r="AA2887">
        <v>156</v>
      </c>
      <c r="AB2887">
        <v>47</v>
      </c>
      <c r="AC2887">
        <v>176</v>
      </c>
      <c r="AD2887">
        <v>35</v>
      </c>
      <c r="AE2887">
        <v>20</v>
      </c>
      <c r="AF2887">
        <v>8299</v>
      </c>
      <c r="AG2887">
        <v>111204</v>
      </c>
      <c r="AH2887">
        <v>50000</v>
      </c>
      <c r="AI2887">
        <v>0</v>
      </c>
      <c r="AJ2887">
        <v>101</v>
      </c>
      <c r="AK2887" t="s">
        <v>28</v>
      </c>
      <c r="AL2887">
        <v>0</v>
      </c>
      <c r="AM2887">
        <v>0</v>
      </c>
      <c r="AN2887">
        <v>0</v>
      </c>
      <c r="AO2887">
        <v>0</v>
      </c>
      <c r="AP2887">
        <v>0</v>
      </c>
      <c r="AQ2887">
        <v>0</v>
      </c>
      <c r="AR2887">
        <v>0</v>
      </c>
      <c r="AS2887">
        <v>0</v>
      </c>
      <c r="AT2887">
        <v>0</v>
      </c>
      <c r="AU2887">
        <v>0</v>
      </c>
      <c r="AV2887">
        <v>0</v>
      </c>
      <c r="AW2887">
        <v>0</v>
      </c>
      <c r="AX2887">
        <v>11847</v>
      </c>
      <c r="AY2887">
        <v>17</v>
      </c>
      <c r="AZ2887">
        <v>43</v>
      </c>
      <c r="BA2887">
        <v>2459</v>
      </c>
    </row>
    <row r="2888" spans="1:53" x14ac:dyDescent="0.4">
      <c r="A2888">
        <v>2932</v>
      </c>
      <c r="B2888" s="1">
        <v>43763</v>
      </c>
      <c r="C2888">
        <v>1</v>
      </c>
      <c r="D2888" s="1">
        <v>43763.291666666664</v>
      </c>
      <c r="E2888" s="1">
        <v>43763.451388888891</v>
      </c>
      <c r="F2888">
        <v>0</v>
      </c>
      <c r="G2888">
        <v>0</v>
      </c>
      <c r="H2888">
        <v>0</v>
      </c>
      <c r="I2888">
        <v>0</v>
      </c>
      <c r="J2888">
        <v>0</v>
      </c>
      <c r="K2888">
        <v>0</v>
      </c>
      <c r="L2888">
        <v>0</v>
      </c>
      <c r="M2888">
        <v>0</v>
      </c>
      <c r="N2888">
        <v>0</v>
      </c>
      <c r="O2888">
        <v>0</v>
      </c>
      <c r="P2888">
        <v>0</v>
      </c>
      <c r="Q2888">
        <v>0</v>
      </c>
      <c r="R2888">
        <v>0</v>
      </c>
      <c r="S2888">
        <v>0</v>
      </c>
      <c r="T2888">
        <v>0</v>
      </c>
      <c r="U2888">
        <v>0</v>
      </c>
      <c r="V2888">
        <v>0</v>
      </c>
      <c r="W2888">
        <v>0</v>
      </c>
      <c r="X2888">
        <v>0</v>
      </c>
      <c r="Y2888">
        <v>31</v>
      </c>
      <c r="Z2888">
        <v>10</v>
      </c>
      <c r="AA2888">
        <v>104</v>
      </c>
      <c r="AB2888">
        <v>45</v>
      </c>
      <c r="AC2888">
        <v>115</v>
      </c>
      <c r="AD2888">
        <v>35</v>
      </c>
      <c r="AE2888">
        <v>25</v>
      </c>
      <c r="AF2888">
        <v>0</v>
      </c>
      <c r="AG2888">
        <v>50000</v>
      </c>
      <c r="AH2888">
        <v>0</v>
      </c>
      <c r="AI2888">
        <v>50000</v>
      </c>
      <c r="AJ2888">
        <v>0</v>
      </c>
      <c r="AK2888" t="s">
        <v>6</v>
      </c>
      <c r="AL2888">
        <v>0</v>
      </c>
      <c r="AM2888">
        <v>0</v>
      </c>
      <c r="AN2888">
        <v>0</v>
      </c>
      <c r="AO2888">
        <v>0</v>
      </c>
      <c r="AP2888">
        <v>0</v>
      </c>
      <c r="AQ2888">
        <v>0</v>
      </c>
      <c r="AR2888">
        <v>0</v>
      </c>
      <c r="AS2888">
        <v>0</v>
      </c>
      <c r="AT2888">
        <v>0</v>
      </c>
      <c r="AU2888">
        <v>0</v>
      </c>
      <c r="AV2888">
        <v>0</v>
      </c>
      <c r="AW2888">
        <v>0</v>
      </c>
      <c r="AX2888">
        <v>0</v>
      </c>
      <c r="AY2888">
        <v>0</v>
      </c>
      <c r="AZ2888">
        <v>0</v>
      </c>
      <c r="BA2888">
        <v>0</v>
      </c>
    </row>
    <row r="2889" spans="1:53" x14ac:dyDescent="0.4">
      <c r="A2889">
        <v>2933</v>
      </c>
      <c r="B2889" s="1">
        <v>43763</v>
      </c>
      <c r="C2889">
        <v>2</v>
      </c>
      <c r="D2889" s="1">
        <v>43763.451388888891</v>
      </c>
      <c r="E2889" s="1">
        <v>43763.727777777778</v>
      </c>
      <c r="F2889">
        <v>9000</v>
      </c>
      <c r="G2889">
        <v>280</v>
      </c>
      <c r="H2889">
        <v>200</v>
      </c>
      <c r="I2889">
        <v>0</v>
      </c>
      <c r="J2889">
        <v>0</v>
      </c>
      <c r="K2889">
        <v>0</v>
      </c>
      <c r="L2889">
        <v>0</v>
      </c>
      <c r="M2889">
        <v>948</v>
      </c>
      <c r="N2889">
        <v>0</v>
      </c>
      <c r="O2889">
        <v>0</v>
      </c>
      <c r="P2889">
        <v>18975</v>
      </c>
      <c r="Q2889">
        <v>0</v>
      </c>
      <c r="R2889">
        <v>29403</v>
      </c>
      <c r="S2889">
        <v>0</v>
      </c>
      <c r="T2889">
        <v>0</v>
      </c>
      <c r="U2889">
        <v>0</v>
      </c>
      <c r="V2889">
        <v>2</v>
      </c>
      <c r="W2889">
        <v>1</v>
      </c>
      <c r="X2889">
        <v>0</v>
      </c>
      <c r="Y2889">
        <v>33</v>
      </c>
      <c r="Z2889">
        <v>14</v>
      </c>
      <c r="AA2889">
        <v>97</v>
      </c>
      <c r="AB2889">
        <v>49</v>
      </c>
      <c r="AC2889">
        <v>150</v>
      </c>
      <c r="AD2889">
        <v>35</v>
      </c>
      <c r="AE2889">
        <v>28</v>
      </c>
      <c r="AF2889">
        <v>550</v>
      </c>
      <c r="AG2889">
        <v>79403</v>
      </c>
      <c r="AH2889">
        <v>50000</v>
      </c>
      <c r="AI2889">
        <v>0</v>
      </c>
      <c r="AJ2889">
        <v>96</v>
      </c>
      <c r="AK2889" t="s">
        <v>4</v>
      </c>
      <c r="AL2889">
        <v>0</v>
      </c>
      <c r="AM2889">
        <v>0</v>
      </c>
      <c r="AN2889">
        <v>0</v>
      </c>
      <c r="AO2889">
        <v>0</v>
      </c>
      <c r="AP2889">
        <v>0</v>
      </c>
      <c r="AQ2889">
        <v>0</v>
      </c>
      <c r="AR2889">
        <v>0</v>
      </c>
      <c r="AS2889">
        <v>0</v>
      </c>
      <c r="AT2889">
        <v>0</v>
      </c>
      <c r="AU2889">
        <v>0</v>
      </c>
      <c r="AV2889">
        <v>0</v>
      </c>
      <c r="AW2889">
        <v>0</v>
      </c>
      <c r="AX2889">
        <v>1474</v>
      </c>
      <c r="AY2889">
        <v>27</v>
      </c>
      <c r="AZ2889">
        <v>53</v>
      </c>
      <c r="BA2889">
        <v>3173</v>
      </c>
    </row>
    <row r="2890" spans="1:53" x14ac:dyDescent="0.4">
      <c r="A2890">
        <v>2934</v>
      </c>
      <c r="B2890" s="1">
        <v>43763</v>
      </c>
      <c r="C2890">
        <v>3</v>
      </c>
      <c r="D2890" s="1">
        <v>43763.727777777778</v>
      </c>
      <c r="E2890" s="1">
        <v>43764.121527777781</v>
      </c>
      <c r="F2890">
        <v>167710</v>
      </c>
      <c r="G2890">
        <v>4190</v>
      </c>
      <c r="H2890">
        <v>200</v>
      </c>
      <c r="I2890">
        <v>0</v>
      </c>
      <c r="J2890">
        <v>200</v>
      </c>
      <c r="K2890">
        <v>0</v>
      </c>
      <c r="L2890">
        <v>0</v>
      </c>
      <c r="M2890">
        <v>17190</v>
      </c>
      <c r="N2890">
        <v>0</v>
      </c>
      <c r="O2890">
        <v>0</v>
      </c>
      <c r="P2890">
        <v>-3245</v>
      </c>
      <c r="Q2890">
        <v>0</v>
      </c>
      <c r="R2890">
        <v>185845</v>
      </c>
      <c r="S2890">
        <v>0</v>
      </c>
      <c r="T2890">
        <v>0</v>
      </c>
      <c r="U2890">
        <v>0</v>
      </c>
      <c r="V2890">
        <v>13</v>
      </c>
      <c r="W2890">
        <v>0</v>
      </c>
      <c r="X2890">
        <v>0</v>
      </c>
      <c r="Y2890">
        <v>63</v>
      </c>
      <c r="Z2890">
        <v>16</v>
      </c>
      <c r="AA2890">
        <v>99</v>
      </c>
      <c r="AB2890">
        <v>48</v>
      </c>
      <c r="AC2890">
        <v>170</v>
      </c>
      <c r="AD2890">
        <v>33</v>
      </c>
      <c r="AE2890">
        <v>22</v>
      </c>
      <c r="AF2890">
        <v>50061</v>
      </c>
      <c r="AG2890">
        <v>265248</v>
      </c>
      <c r="AH2890">
        <v>50000</v>
      </c>
      <c r="AI2890">
        <v>0</v>
      </c>
      <c r="AJ2890">
        <v>108</v>
      </c>
      <c r="AK2890" t="s">
        <v>30</v>
      </c>
      <c r="AL2890">
        <v>0</v>
      </c>
      <c r="AM2890">
        <v>0</v>
      </c>
      <c r="AN2890">
        <v>0</v>
      </c>
      <c r="AO2890">
        <v>0</v>
      </c>
      <c r="AP2890">
        <v>0</v>
      </c>
      <c r="AQ2890">
        <v>0</v>
      </c>
      <c r="AR2890">
        <v>0</v>
      </c>
      <c r="AS2890">
        <v>0</v>
      </c>
      <c r="AT2890">
        <v>0</v>
      </c>
      <c r="AU2890">
        <v>0</v>
      </c>
      <c r="AV2890">
        <v>0</v>
      </c>
      <c r="AW2890">
        <v>0</v>
      </c>
      <c r="AX2890">
        <v>1815</v>
      </c>
      <c r="AY2890">
        <v>35</v>
      </c>
      <c r="AZ2890">
        <v>115</v>
      </c>
      <c r="BA2890">
        <v>4943</v>
      </c>
    </row>
    <row r="2891" spans="1:53" x14ac:dyDescent="0.4">
      <c r="A2891">
        <v>2935</v>
      </c>
      <c r="B2891" s="1">
        <v>43763</v>
      </c>
      <c r="C2891">
        <v>4</v>
      </c>
      <c r="D2891" s="1">
        <v>43764.121527777781</v>
      </c>
      <c r="E2891" s="1">
        <v>43764.145138888889</v>
      </c>
      <c r="F2891">
        <v>0</v>
      </c>
      <c r="G2891">
        <v>0</v>
      </c>
      <c r="H2891">
        <v>200</v>
      </c>
      <c r="I2891">
        <v>0</v>
      </c>
      <c r="J2891">
        <v>0</v>
      </c>
      <c r="K2891">
        <v>0</v>
      </c>
      <c r="L2891">
        <v>0</v>
      </c>
      <c r="M2891">
        <v>20</v>
      </c>
      <c r="N2891">
        <v>0</v>
      </c>
      <c r="O2891">
        <v>0</v>
      </c>
      <c r="P2891">
        <v>0</v>
      </c>
      <c r="Q2891">
        <v>0</v>
      </c>
      <c r="R2891">
        <v>220</v>
      </c>
      <c r="S2891">
        <v>0</v>
      </c>
      <c r="T2891">
        <v>0</v>
      </c>
      <c r="U2891">
        <v>0</v>
      </c>
      <c r="V2891">
        <v>13</v>
      </c>
      <c r="W2891">
        <v>0</v>
      </c>
      <c r="X2891">
        <v>0</v>
      </c>
      <c r="Y2891">
        <v>61</v>
      </c>
      <c r="Z2891">
        <v>16</v>
      </c>
      <c r="AA2891">
        <v>104</v>
      </c>
      <c r="AB2891">
        <v>48</v>
      </c>
      <c r="AC2891">
        <v>172</v>
      </c>
      <c r="AD2891">
        <v>33</v>
      </c>
      <c r="AE2891">
        <v>21</v>
      </c>
      <c r="AF2891">
        <v>51762</v>
      </c>
      <c r="AG2891">
        <v>265468</v>
      </c>
      <c r="AH2891">
        <v>50000</v>
      </c>
      <c r="AI2891">
        <v>0</v>
      </c>
      <c r="AJ2891">
        <v>108</v>
      </c>
      <c r="AK2891" t="s">
        <v>30</v>
      </c>
      <c r="AL2891">
        <v>0</v>
      </c>
      <c r="AM2891">
        <v>0</v>
      </c>
      <c r="AN2891">
        <v>0</v>
      </c>
      <c r="AO2891">
        <v>0</v>
      </c>
      <c r="AP2891">
        <v>0</v>
      </c>
      <c r="AQ2891">
        <v>0</v>
      </c>
      <c r="AR2891">
        <v>0</v>
      </c>
      <c r="AS2891">
        <v>0</v>
      </c>
      <c r="AT2891">
        <v>0</v>
      </c>
      <c r="AU2891">
        <v>0</v>
      </c>
      <c r="AV2891">
        <v>0</v>
      </c>
      <c r="AW2891">
        <v>0</v>
      </c>
      <c r="AX2891">
        <v>1815</v>
      </c>
      <c r="AY2891">
        <v>0</v>
      </c>
      <c r="AZ2891">
        <v>0</v>
      </c>
      <c r="BA2891">
        <v>170</v>
      </c>
    </row>
    <row r="2892" spans="1:53" x14ac:dyDescent="0.4">
      <c r="A2892">
        <v>2936</v>
      </c>
      <c r="B2892" s="1">
        <v>43764</v>
      </c>
      <c r="C2892">
        <v>1</v>
      </c>
      <c r="D2892" s="1">
        <v>43764.291666666664</v>
      </c>
      <c r="E2892" s="1">
        <v>43764.408333333333</v>
      </c>
      <c r="F2892">
        <v>0</v>
      </c>
      <c r="G2892">
        <v>0</v>
      </c>
      <c r="H2892">
        <v>0</v>
      </c>
      <c r="I2892">
        <v>0</v>
      </c>
      <c r="J2892">
        <v>0</v>
      </c>
      <c r="K2892">
        <v>0</v>
      </c>
      <c r="L2892">
        <v>0</v>
      </c>
      <c r="M2892">
        <v>0</v>
      </c>
      <c r="N2892">
        <v>0</v>
      </c>
      <c r="O2892">
        <v>0</v>
      </c>
      <c r="P2892">
        <v>0</v>
      </c>
      <c r="Q2892">
        <v>0</v>
      </c>
      <c r="R2892">
        <v>0</v>
      </c>
      <c r="S2892">
        <v>0</v>
      </c>
      <c r="T2892">
        <v>0</v>
      </c>
      <c r="U2892">
        <v>0</v>
      </c>
      <c r="V2892">
        <v>0</v>
      </c>
      <c r="W2892">
        <v>0</v>
      </c>
      <c r="X2892">
        <v>0</v>
      </c>
      <c r="Y2892">
        <v>27</v>
      </c>
      <c r="Z2892">
        <v>16</v>
      </c>
      <c r="AA2892">
        <v>110</v>
      </c>
      <c r="AB2892">
        <v>43</v>
      </c>
      <c r="AC2892">
        <v>167</v>
      </c>
      <c r="AD2892">
        <v>32</v>
      </c>
      <c r="AE2892">
        <v>20</v>
      </c>
      <c r="AF2892">
        <v>0</v>
      </c>
      <c r="AG2892">
        <v>50000</v>
      </c>
      <c r="AH2892">
        <v>50000</v>
      </c>
      <c r="AI2892">
        <v>0</v>
      </c>
      <c r="AJ2892">
        <v>0</v>
      </c>
      <c r="AK2892" t="s">
        <v>6</v>
      </c>
      <c r="AL2892">
        <v>0</v>
      </c>
      <c r="AM2892">
        <v>0</v>
      </c>
      <c r="AN2892">
        <v>0</v>
      </c>
      <c r="AO2892">
        <v>0</v>
      </c>
      <c r="AP2892">
        <v>0</v>
      </c>
      <c r="AQ2892">
        <v>0</v>
      </c>
      <c r="AR2892">
        <v>0</v>
      </c>
      <c r="AS2892">
        <v>0</v>
      </c>
      <c r="AT2892">
        <v>0</v>
      </c>
      <c r="AU2892">
        <v>0</v>
      </c>
      <c r="AV2892">
        <v>0</v>
      </c>
      <c r="AW2892">
        <v>0</v>
      </c>
      <c r="AX2892">
        <v>0</v>
      </c>
      <c r="AY2892">
        <v>0</v>
      </c>
      <c r="AZ2892">
        <v>0</v>
      </c>
      <c r="BA2892">
        <v>0</v>
      </c>
    </row>
    <row r="2893" spans="1:53" x14ac:dyDescent="0.4">
      <c r="A2893">
        <v>2937</v>
      </c>
      <c r="B2893" s="1">
        <v>43764</v>
      </c>
      <c r="C2893">
        <v>2</v>
      </c>
      <c r="D2893" s="1">
        <v>43764.408333333333</v>
      </c>
      <c r="E2893" s="1">
        <v>43764.736805555556</v>
      </c>
      <c r="F2893">
        <v>38750</v>
      </c>
      <c r="G2893">
        <v>5940</v>
      </c>
      <c r="H2893">
        <v>200</v>
      </c>
      <c r="I2893">
        <v>0</v>
      </c>
      <c r="J2893">
        <v>200</v>
      </c>
      <c r="K2893">
        <v>0</v>
      </c>
      <c r="L2893">
        <v>0</v>
      </c>
      <c r="M2893">
        <v>4469</v>
      </c>
      <c r="N2893">
        <v>0</v>
      </c>
      <c r="O2893">
        <v>0</v>
      </c>
      <c r="P2893">
        <v>19800</v>
      </c>
      <c r="Q2893">
        <v>0</v>
      </c>
      <c r="R2893">
        <v>68959</v>
      </c>
      <c r="S2893">
        <v>0</v>
      </c>
      <c r="T2893">
        <v>0</v>
      </c>
      <c r="U2893">
        <v>0</v>
      </c>
      <c r="V2893">
        <v>1</v>
      </c>
      <c r="W2893">
        <v>3</v>
      </c>
      <c r="X2893">
        <v>0</v>
      </c>
      <c r="Y2893">
        <v>53</v>
      </c>
      <c r="Z2893">
        <v>39</v>
      </c>
      <c r="AA2893">
        <v>166</v>
      </c>
      <c r="AB2893">
        <v>57</v>
      </c>
      <c r="AC2893">
        <v>182</v>
      </c>
      <c r="AD2893">
        <v>34</v>
      </c>
      <c r="AE2893">
        <v>19</v>
      </c>
      <c r="AF2893">
        <v>0</v>
      </c>
      <c r="AG2893">
        <v>118959</v>
      </c>
      <c r="AH2893">
        <v>50000</v>
      </c>
      <c r="AI2893">
        <v>0</v>
      </c>
      <c r="AJ2893">
        <v>93</v>
      </c>
      <c r="AK2893" t="s">
        <v>20</v>
      </c>
      <c r="AL2893">
        <v>0</v>
      </c>
      <c r="AM2893">
        <v>0</v>
      </c>
      <c r="AN2893">
        <v>0</v>
      </c>
      <c r="AO2893">
        <v>0</v>
      </c>
      <c r="AP2893">
        <v>0</v>
      </c>
      <c r="AQ2893">
        <v>0</v>
      </c>
      <c r="AR2893">
        <v>0</v>
      </c>
      <c r="AS2893">
        <v>0</v>
      </c>
      <c r="AT2893">
        <v>0</v>
      </c>
      <c r="AU2893">
        <v>0</v>
      </c>
      <c r="AV2893">
        <v>0</v>
      </c>
      <c r="AW2893">
        <v>0</v>
      </c>
      <c r="AX2893">
        <v>1034</v>
      </c>
      <c r="AY2893">
        <v>50</v>
      </c>
      <c r="AZ2893">
        <v>114</v>
      </c>
      <c r="BA2893">
        <v>7462</v>
      </c>
    </row>
    <row r="2894" spans="1:53" x14ac:dyDescent="0.4">
      <c r="A2894">
        <v>2938</v>
      </c>
      <c r="B2894" s="1">
        <v>43765</v>
      </c>
      <c r="C2894">
        <v>1</v>
      </c>
      <c r="D2894" s="1">
        <v>43765.291666666664</v>
      </c>
      <c r="E2894" s="1">
        <v>43765.4</v>
      </c>
      <c r="F2894">
        <v>0</v>
      </c>
      <c r="G2894">
        <v>0</v>
      </c>
      <c r="H2894">
        <v>0</v>
      </c>
      <c r="I2894">
        <v>0</v>
      </c>
      <c r="J2894">
        <v>0</v>
      </c>
      <c r="K2894">
        <v>0</v>
      </c>
      <c r="L2894">
        <v>0</v>
      </c>
      <c r="M2894">
        <v>0</v>
      </c>
      <c r="N2894">
        <v>0</v>
      </c>
      <c r="O2894">
        <v>0</v>
      </c>
      <c r="P2894">
        <v>0</v>
      </c>
      <c r="Q2894">
        <v>0</v>
      </c>
      <c r="R2894">
        <v>0</v>
      </c>
      <c r="S2894">
        <v>0</v>
      </c>
      <c r="T2894">
        <v>0</v>
      </c>
      <c r="U2894">
        <v>0</v>
      </c>
      <c r="V2894">
        <v>0</v>
      </c>
      <c r="W2894">
        <v>0</v>
      </c>
      <c r="X2894">
        <v>0</v>
      </c>
      <c r="Y2894">
        <v>29</v>
      </c>
      <c r="Z2894">
        <v>9</v>
      </c>
      <c r="AA2894">
        <v>123</v>
      </c>
      <c r="AB2894">
        <v>52</v>
      </c>
      <c r="AC2894">
        <v>141</v>
      </c>
      <c r="AD2894">
        <v>34</v>
      </c>
      <c r="AE2894">
        <v>20</v>
      </c>
      <c r="AF2894">
        <v>0</v>
      </c>
      <c r="AG2894">
        <v>50000</v>
      </c>
      <c r="AH2894">
        <v>50000</v>
      </c>
      <c r="AI2894">
        <v>0</v>
      </c>
      <c r="AJ2894">
        <v>0</v>
      </c>
      <c r="AK2894" t="s">
        <v>6</v>
      </c>
      <c r="AL2894">
        <v>0</v>
      </c>
      <c r="AM2894">
        <v>0</v>
      </c>
      <c r="AN2894">
        <v>0</v>
      </c>
      <c r="AO2894">
        <v>0</v>
      </c>
      <c r="AP2894">
        <v>0</v>
      </c>
      <c r="AQ2894">
        <v>0</v>
      </c>
      <c r="AR2894">
        <v>0</v>
      </c>
      <c r="AS2894">
        <v>0</v>
      </c>
      <c r="AT2894">
        <v>0</v>
      </c>
      <c r="AU2894">
        <v>0</v>
      </c>
      <c r="AV2894">
        <v>0</v>
      </c>
      <c r="AW2894">
        <v>0</v>
      </c>
      <c r="AX2894">
        <v>0</v>
      </c>
      <c r="AY2894">
        <v>0</v>
      </c>
      <c r="AZ2894">
        <v>0</v>
      </c>
      <c r="BA2894">
        <v>0</v>
      </c>
    </row>
    <row r="2895" spans="1:53" x14ac:dyDescent="0.4">
      <c r="A2895">
        <v>2939</v>
      </c>
      <c r="B2895" s="1">
        <v>43765</v>
      </c>
      <c r="C2895">
        <v>2</v>
      </c>
      <c r="D2895" s="1">
        <v>43765.4</v>
      </c>
      <c r="E2895" s="1">
        <v>43765.731944444444</v>
      </c>
      <c r="F2895">
        <v>51500</v>
      </c>
      <c r="G2895">
        <v>14820</v>
      </c>
      <c r="H2895">
        <v>200</v>
      </c>
      <c r="I2895">
        <v>0</v>
      </c>
      <c r="J2895">
        <v>0</v>
      </c>
      <c r="K2895">
        <v>0</v>
      </c>
      <c r="L2895">
        <v>0</v>
      </c>
      <c r="M2895">
        <v>6652</v>
      </c>
      <c r="N2895">
        <v>0</v>
      </c>
      <c r="O2895">
        <v>0</v>
      </c>
      <c r="P2895">
        <v>23925</v>
      </c>
      <c r="Q2895">
        <v>0</v>
      </c>
      <c r="R2895">
        <v>97097</v>
      </c>
      <c r="S2895">
        <v>0</v>
      </c>
      <c r="T2895">
        <v>0</v>
      </c>
      <c r="U2895">
        <v>0</v>
      </c>
      <c r="V2895">
        <v>4</v>
      </c>
      <c r="W2895">
        <v>1</v>
      </c>
      <c r="X2895">
        <v>0</v>
      </c>
      <c r="Y2895">
        <v>65</v>
      </c>
      <c r="Z2895">
        <v>26</v>
      </c>
      <c r="AA2895">
        <v>185</v>
      </c>
      <c r="AB2895">
        <v>57</v>
      </c>
      <c r="AC2895">
        <v>224</v>
      </c>
      <c r="AD2895">
        <v>42</v>
      </c>
      <c r="AE2895">
        <v>14</v>
      </c>
      <c r="AF2895">
        <v>283</v>
      </c>
      <c r="AG2895">
        <v>147097</v>
      </c>
      <c r="AH2895">
        <v>50000</v>
      </c>
      <c r="AI2895">
        <v>0</v>
      </c>
      <c r="AJ2895">
        <v>93</v>
      </c>
      <c r="AK2895" t="s">
        <v>20</v>
      </c>
      <c r="AL2895">
        <v>0</v>
      </c>
      <c r="AM2895">
        <v>0</v>
      </c>
      <c r="AN2895">
        <v>0</v>
      </c>
      <c r="AO2895">
        <v>0</v>
      </c>
      <c r="AP2895">
        <v>0</v>
      </c>
      <c r="AQ2895">
        <v>0</v>
      </c>
      <c r="AR2895">
        <v>0</v>
      </c>
      <c r="AS2895">
        <v>0</v>
      </c>
      <c r="AT2895">
        <v>0</v>
      </c>
      <c r="AU2895">
        <v>0</v>
      </c>
      <c r="AV2895">
        <v>0</v>
      </c>
      <c r="AW2895">
        <v>0</v>
      </c>
      <c r="AX2895">
        <v>352</v>
      </c>
      <c r="AY2895">
        <v>52</v>
      </c>
      <c r="AZ2895">
        <v>145</v>
      </c>
      <c r="BA2895">
        <v>7523</v>
      </c>
    </row>
    <row r="2896" spans="1:53" x14ac:dyDescent="0.4">
      <c r="A2896">
        <v>2940</v>
      </c>
      <c r="B2896" s="1">
        <v>43765</v>
      </c>
      <c r="C2896">
        <v>3</v>
      </c>
      <c r="D2896" s="1">
        <v>43765.731944444444</v>
      </c>
      <c r="E2896" s="1">
        <v>43765.943055555559</v>
      </c>
      <c r="F2896">
        <v>30350</v>
      </c>
      <c r="G2896">
        <v>1320</v>
      </c>
      <c r="H2896">
        <v>200</v>
      </c>
      <c r="I2896">
        <v>0</v>
      </c>
      <c r="J2896">
        <v>0</v>
      </c>
      <c r="K2896">
        <v>0</v>
      </c>
      <c r="L2896">
        <v>0</v>
      </c>
      <c r="M2896">
        <v>3187</v>
      </c>
      <c r="N2896">
        <v>0</v>
      </c>
      <c r="O2896">
        <v>0</v>
      </c>
      <c r="P2896">
        <v>-23925</v>
      </c>
      <c r="Q2896">
        <v>0</v>
      </c>
      <c r="R2896">
        <v>11132</v>
      </c>
      <c r="S2896">
        <v>0</v>
      </c>
      <c r="T2896">
        <v>0</v>
      </c>
      <c r="U2896">
        <v>0</v>
      </c>
      <c r="V2896">
        <v>4</v>
      </c>
      <c r="W2896">
        <v>1</v>
      </c>
      <c r="X2896">
        <v>0</v>
      </c>
      <c r="Y2896">
        <v>75</v>
      </c>
      <c r="Z2896">
        <v>23</v>
      </c>
      <c r="AA2896">
        <v>183</v>
      </c>
      <c r="AB2896">
        <v>57</v>
      </c>
      <c r="AC2896">
        <v>215</v>
      </c>
      <c r="AD2896">
        <v>40</v>
      </c>
      <c r="AE2896">
        <v>10</v>
      </c>
      <c r="AF2896">
        <v>3219</v>
      </c>
      <c r="AG2896">
        <v>158229</v>
      </c>
      <c r="AH2896">
        <v>50000</v>
      </c>
      <c r="AI2896">
        <v>0</v>
      </c>
      <c r="AJ2896">
        <v>70</v>
      </c>
      <c r="AK2896" t="s">
        <v>45</v>
      </c>
      <c r="AL2896">
        <v>0</v>
      </c>
      <c r="AM2896">
        <v>0</v>
      </c>
      <c r="AN2896">
        <v>0</v>
      </c>
      <c r="AO2896">
        <v>0</v>
      </c>
      <c r="AP2896">
        <v>0</v>
      </c>
      <c r="AQ2896">
        <v>0</v>
      </c>
      <c r="AR2896">
        <v>0</v>
      </c>
      <c r="AS2896">
        <v>0</v>
      </c>
      <c r="AT2896">
        <v>0</v>
      </c>
      <c r="AU2896">
        <v>0</v>
      </c>
      <c r="AV2896">
        <v>0</v>
      </c>
      <c r="AW2896">
        <v>0</v>
      </c>
      <c r="AX2896">
        <v>16258</v>
      </c>
      <c r="AY2896">
        <v>10</v>
      </c>
      <c r="AZ2896">
        <v>24</v>
      </c>
      <c r="BA2896">
        <v>2589</v>
      </c>
    </row>
    <row r="2897" spans="1:53" x14ac:dyDescent="0.4">
      <c r="A2897">
        <v>2941</v>
      </c>
      <c r="B2897" s="1">
        <v>43765</v>
      </c>
      <c r="C2897">
        <v>4</v>
      </c>
      <c r="D2897" s="1">
        <v>43765.943055555559</v>
      </c>
      <c r="E2897" s="1">
        <v>43766.125694444447</v>
      </c>
      <c r="F2897">
        <v>29820</v>
      </c>
      <c r="G2897">
        <v>560</v>
      </c>
      <c r="H2897">
        <v>0</v>
      </c>
      <c r="I2897">
        <v>0</v>
      </c>
      <c r="J2897">
        <v>0</v>
      </c>
      <c r="K2897">
        <v>0</v>
      </c>
      <c r="L2897">
        <v>0</v>
      </c>
      <c r="M2897">
        <v>3038</v>
      </c>
      <c r="N2897">
        <v>0</v>
      </c>
      <c r="O2897">
        <v>0</v>
      </c>
      <c r="P2897">
        <v>13640</v>
      </c>
      <c r="Q2897">
        <v>0</v>
      </c>
      <c r="R2897">
        <v>47058</v>
      </c>
      <c r="S2897">
        <v>0</v>
      </c>
      <c r="T2897">
        <v>0</v>
      </c>
      <c r="U2897">
        <v>0</v>
      </c>
      <c r="V2897">
        <v>6</v>
      </c>
      <c r="W2897">
        <v>5</v>
      </c>
      <c r="X2897">
        <v>0</v>
      </c>
      <c r="Y2897">
        <v>82</v>
      </c>
      <c r="Z2897">
        <v>23</v>
      </c>
      <c r="AA2897">
        <v>186</v>
      </c>
      <c r="AB2897">
        <v>55</v>
      </c>
      <c r="AC2897">
        <v>201</v>
      </c>
      <c r="AD2897">
        <v>40</v>
      </c>
      <c r="AE2897">
        <v>8</v>
      </c>
      <c r="AF2897">
        <v>3219</v>
      </c>
      <c r="AG2897">
        <v>205287</v>
      </c>
      <c r="AH2897">
        <v>50000</v>
      </c>
      <c r="AI2897">
        <v>0</v>
      </c>
      <c r="AJ2897">
        <v>108</v>
      </c>
      <c r="AK2897" t="s">
        <v>30</v>
      </c>
      <c r="AL2897">
        <v>0</v>
      </c>
      <c r="AM2897">
        <v>0</v>
      </c>
      <c r="AN2897">
        <v>0</v>
      </c>
      <c r="AO2897">
        <v>0</v>
      </c>
      <c r="AP2897">
        <v>0</v>
      </c>
      <c r="AQ2897">
        <v>0</v>
      </c>
      <c r="AR2897">
        <v>0</v>
      </c>
      <c r="AS2897">
        <v>0</v>
      </c>
      <c r="AT2897">
        <v>0</v>
      </c>
      <c r="AU2897">
        <v>0</v>
      </c>
      <c r="AV2897">
        <v>0</v>
      </c>
      <c r="AW2897">
        <v>0</v>
      </c>
      <c r="AX2897">
        <v>440</v>
      </c>
      <c r="AY2897">
        <v>7</v>
      </c>
      <c r="AZ2897">
        <v>17</v>
      </c>
      <c r="BA2897">
        <v>977</v>
      </c>
    </row>
    <row r="2898" spans="1:53" x14ac:dyDescent="0.4">
      <c r="A2898">
        <v>2942</v>
      </c>
      <c r="B2898" s="1">
        <v>43766</v>
      </c>
      <c r="C2898">
        <v>1</v>
      </c>
      <c r="D2898" s="1">
        <v>43766.291666666664</v>
      </c>
      <c r="E2898" s="1">
        <v>43766.450694444444</v>
      </c>
      <c r="F2898">
        <v>0</v>
      </c>
      <c r="G2898">
        <v>0</v>
      </c>
      <c r="H2898">
        <v>0</v>
      </c>
      <c r="I2898">
        <v>0</v>
      </c>
      <c r="J2898">
        <v>0</v>
      </c>
      <c r="K2898">
        <v>0</v>
      </c>
      <c r="L2898">
        <v>0</v>
      </c>
      <c r="M2898">
        <v>0</v>
      </c>
      <c r="N2898">
        <v>0</v>
      </c>
      <c r="O2898">
        <v>0</v>
      </c>
      <c r="P2898">
        <v>0</v>
      </c>
      <c r="Q2898">
        <v>0</v>
      </c>
      <c r="R2898">
        <v>0</v>
      </c>
      <c r="S2898">
        <v>0</v>
      </c>
      <c r="T2898">
        <v>0</v>
      </c>
      <c r="U2898">
        <v>0</v>
      </c>
      <c r="V2898">
        <v>0</v>
      </c>
      <c r="W2898">
        <v>0</v>
      </c>
      <c r="X2898">
        <v>0</v>
      </c>
      <c r="Y2898">
        <v>30</v>
      </c>
      <c r="Z2898">
        <v>6</v>
      </c>
      <c r="AA2898">
        <v>131</v>
      </c>
      <c r="AB2898">
        <v>54</v>
      </c>
      <c r="AC2898">
        <v>100</v>
      </c>
      <c r="AD2898">
        <v>39</v>
      </c>
      <c r="AE2898">
        <v>5</v>
      </c>
      <c r="AF2898">
        <v>0</v>
      </c>
      <c r="AG2898">
        <v>50000</v>
      </c>
      <c r="AH2898">
        <v>0</v>
      </c>
      <c r="AI2898">
        <v>50000</v>
      </c>
      <c r="AJ2898">
        <v>0</v>
      </c>
      <c r="AK2898" t="s">
        <v>6</v>
      </c>
      <c r="AL2898">
        <v>0</v>
      </c>
      <c r="AM2898">
        <v>0</v>
      </c>
      <c r="AN2898">
        <v>0</v>
      </c>
      <c r="AO2898">
        <v>0</v>
      </c>
      <c r="AP2898">
        <v>0</v>
      </c>
      <c r="AQ2898">
        <v>0</v>
      </c>
      <c r="AR2898">
        <v>0</v>
      </c>
      <c r="AS2898">
        <v>0</v>
      </c>
      <c r="AT2898">
        <v>0</v>
      </c>
      <c r="AU2898">
        <v>0</v>
      </c>
      <c r="AV2898">
        <v>0</v>
      </c>
      <c r="AW2898">
        <v>0</v>
      </c>
      <c r="AX2898">
        <v>0</v>
      </c>
      <c r="AY2898">
        <v>0</v>
      </c>
      <c r="AZ2898">
        <v>0</v>
      </c>
      <c r="BA2898">
        <v>0</v>
      </c>
    </row>
    <row r="2899" spans="1:53" x14ac:dyDescent="0.4">
      <c r="A2899">
        <v>2943</v>
      </c>
      <c r="B2899" s="1">
        <v>43766</v>
      </c>
      <c r="C2899">
        <v>2</v>
      </c>
      <c r="D2899" s="1">
        <v>43766.450694444444</v>
      </c>
      <c r="E2899" s="1">
        <v>43766.75</v>
      </c>
      <c r="F2899">
        <v>35500</v>
      </c>
      <c r="G2899">
        <v>2360</v>
      </c>
      <c r="H2899">
        <v>200</v>
      </c>
      <c r="I2899">
        <v>0</v>
      </c>
      <c r="J2899">
        <v>0</v>
      </c>
      <c r="K2899">
        <v>0</v>
      </c>
      <c r="L2899">
        <v>0</v>
      </c>
      <c r="M2899">
        <v>3806</v>
      </c>
      <c r="N2899">
        <v>0</v>
      </c>
      <c r="O2899">
        <v>0</v>
      </c>
      <c r="P2899">
        <v>16060</v>
      </c>
      <c r="Q2899">
        <v>0</v>
      </c>
      <c r="R2899">
        <v>57926</v>
      </c>
      <c r="S2899">
        <v>0</v>
      </c>
      <c r="T2899">
        <v>0</v>
      </c>
      <c r="U2899">
        <v>0</v>
      </c>
      <c r="V2899">
        <v>1</v>
      </c>
      <c r="W2899">
        <v>3</v>
      </c>
      <c r="X2899">
        <v>0</v>
      </c>
      <c r="Y2899">
        <v>36</v>
      </c>
      <c r="Z2899">
        <v>39</v>
      </c>
      <c r="AA2899">
        <v>126</v>
      </c>
      <c r="AB2899">
        <v>69</v>
      </c>
      <c r="AC2899">
        <v>164</v>
      </c>
      <c r="AD2899">
        <v>40</v>
      </c>
      <c r="AE2899">
        <v>9</v>
      </c>
      <c r="AF2899">
        <v>9527</v>
      </c>
      <c r="AG2899">
        <v>107926</v>
      </c>
      <c r="AH2899">
        <v>50000</v>
      </c>
      <c r="AI2899">
        <v>0</v>
      </c>
      <c r="AJ2899">
        <v>96</v>
      </c>
      <c r="AK2899" t="s">
        <v>4</v>
      </c>
      <c r="AL2899">
        <v>0</v>
      </c>
      <c r="AM2899">
        <v>0</v>
      </c>
      <c r="AN2899">
        <v>0</v>
      </c>
      <c r="AO2899">
        <v>0</v>
      </c>
      <c r="AP2899">
        <v>0</v>
      </c>
      <c r="AQ2899">
        <v>0</v>
      </c>
      <c r="AR2899">
        <v>0</v>
      </c>
      <c r="AS2899">
        <v>0</v>
      </c>
      <c r="AT2899">
        <v>0</v>
      </c>
      <c r="AU2899">
        <v>0</v>
      </c>
      <c r="AV2899">
        <v>0</v>
      </c>
      <c r="AW2899">
        <v>0</v>
      </c>
      <c r="AX2899">
        <v>-1298</v>
      </c>
      <c r="AY2899">
        <v>39</v>
      </c>
      <c r="AZ2899">
        <v>95</v>
      </c>
      <c r="BA2899">
        <v>5628</v>
      </c>
    </row>
    <row r="2900" spans="1:53" x14ac:dyDescent="0.4">
      <c r="A2900">
        <v>2944</v>
      </c>
      <c r="B2900" s="1">
        <v>43766</v>
      </c>
      <c r="C2900">
        <v>3</v>
      </c>
      <c r="D2900" s="1">
        <v>43766.75</v>
      </c>
      <c r="E2900" s="1">
        <v>43766.95416666667</v>
      </c>
      <c r="F2900">
        <v>21000</v>
      </c>
      <c r="G2900">
        <v>820</v>
      </c>
      <c r="H2900">
        <v>0</v>
      </c>
      <c r="I2900">
        <v>0</v>
      </c>
      <c r="J2900">
        <v>400</v>
      </c>
      <c r="K2900">
        <v>0</v>
      </c>
      <c r="L2900">
        <v>0</v>
      </c>
      <c r="M2900">
        <v>2142</v>
      </c>
      <c r="N2900">
        <v>0</v>
      </c>
      <c r="O2900">
        <v>0</v>
      </c>
      <c r="P2900">
        <v>-16060</v>
      </c>
      <c r="Q2900">
        <v>0</v>
      </c>
      <c r="R2900">
        <v>7502</v>
      </c>
      <c r="S2900">
        <v>0</v>
      </c>
      <c r="T2900">
        <v>0</v>
      </c>
      <c r="U2900">
        <v>0</v>
      </c>
      <c r="V2900">
        <v>1</v>
      </c>
      <c r="W2900">
        <v>3</v>
      </c>
      <c r="X2900">
        <v>0</v>
      </c>
      <c r="Y2900">
        <v>44</v>
      </c>
      <c r="Z2900">
        <v>38</v>
      </c>
      <c r="AA2900">
        <v>127</v>
      </c>
      <c r="AB2900">
        <v>68</v>
      </c>
      <c r="AC2900">
        <v>159</v>
      </c>
      <c r="AD2900">
        <v>40</v>
      </c>
      <c r="AE2900">
        <v>11</v>
      </c>
      <c r="AF2900">
        <v>9527</v>
      </c>
      <c r="AG2900">
        <v>115428</v>
      </c>
      <c r="AH2900">
        <v>50000</v>
      </c>
      <c r="AI2900">
        <v>0</v>
      </c>
      <c r="AJ2900">
        <v>107</v>
      </c>
      <c r="AK2900" t="s">
        <v>40</v>
      </c>
      <c r="AL2900">
        <v>0</v>
      </c>
      <c r="AM2900">
        <v>0</v>
      </c>
      <c r="AN2900">
        <v>0</v>
      </c>
      <c r="AO2900">
        <v>0</v>
      </c>
      <c r="AP2900">
        <v>0</v>
      </c>
      <c r="AQ2900">
        <v>0</v>
      </c>
      <c r="AR2900">
        <v>0</v>
      </c>
      <c r="AS2900">
        <v>0</v>
      </c>
      <c r="AT2900">
        <v>0</v>
      </c>
      <c r="AU2900">
        <v>0</v>
      </c>
      <c r="AV2900">
        <v>0</v>
      </c>
      <c r="AW2900">
        <v>0</v>
      </c>
      <c r="AX2900">
        <v>4004</v>
      </c>
      <c r="AY2900">
        <v>6</v>
      </c>
      <c r="AZ2900">
        <v>17</v>
      </c>
      <c r="BA2900">
        <v>1562</v>
      </c>
    </row>
    <row r="2901" spans="1:53" x14ac:dyDescent="0.4">
      <c r="A2901">
        <v>2945</v>
      </c>
      <c r="B2901" s="1">
        <v>43766</v>
      </c>
      <c r="C2901">
        <v>4</v>
      </c>
      <c r="D2901" s="1">
        <v>43766.95416666667</v>
      </c>
      <c r="E2901" s="1">
        <v>43767.222222222219</v>
      </c>
      <c r="F2901">
        <v>9280</v>
      </c>
      <c r="G2901">
        <v>0</v>
      </c>
      <c r="H2901">
        <v>200</v>
      </c>
      <c r="I2901">
        <v>0</v>
      </c>
      <c r="J2901">
        <v>0</v>
      </c>
      <c r="K2901">
        <v>0</v>
      </c>
      <c r="L2901">
        <v>0</v>
      </c>
      <c r="M2901">
        <v>948</v>
      </c>
      <c r="N2901">
        <v>0</v>
      </c>
      <c r="O2901">
        <v>0</v>
      </c>
      <c r="P2901">
        <v>4730</v>
      </c>
      <c r="Q2901">
        <v>0</v>
      </c>
      <c r="R2901">
        <v>15158</v>
      </c>
      <c r="S2901">
        <v>0</v>
      </c>
      <c r="T2901">
        <v>0</v>
      </c>
      <c r="U2901">
        <v>0</v>
      </c>
      <c r="V2901">
        <v>0</v>
      </c>
      <c r="W2901">
        <v>0</v>
      </c>
      <c r="X2901">
        <v>0</v>
      </c>
      <c r="Y2901">
        <v>28</v>
      </c>
      <c r="Z2901">
        <v>11</v>
      </c>
      <c r="AA2901">
        <v>113</v>
      </c>
      <c r="AB2901">
        <v>68</v>
      </c>
      <c r="AC2901">
        <v>159</v>
      </c>
      <c r="AD2901">
        <v>40</v>
      </c>
      <c r="AE2901">
        <v>10</v>
      </c>
      <c r="AF2901">
        <v>0</v>
      </c>
      <c r="AG2901">
        <v>50000</v>
      </c>
      <c r="AH2901">
        <v>0</v>
      </c>
      <c r="AI2901">
        <v>-30586</v>
      </c>
      <c r="AJ2901">
        <v>100</v>
      </c>
      <c r="AK2901" t="s">
        <v>0</v>
      </c>
      <c r="AL2901">
        <v>0</v>
      </c>
      <c r="AM2901">
        <v>0</v>
      </c>
      <c r="AN2901">
        <v>0</v>
      </c>
      <c r="AO2901">
        <v>0</v>
      </c>
      <c r="AP2901">
        <v>0</v>
      </c>
      <c r="AQ2901">
        <v>0</v>
      </c>
      <c r="AR2901">
        <v>0</v>
      </c>
      <c r="AS2901">
        <v>0</v>
      </c>
      <c r="AT2901">
        <v>0</v>
      </c>
      <c r="AU2901">
        <v>0</v>
      </c>
      <c r="AV2901">
        <v>0</v>
      </c>
      <c r="AW2901">
        <v>0</v>
      </c>
      <c r="AX2901">
        <v>0</v>
      </c>
      <c r="AY2901">
        <v>3</v>
      </c>
      <c r="AZ2901">
        <v>5</v>
      </c>
      <c r="BA2901">
        <v>758</v>
      </c>
    </row>
    <row r="2902" spans="1:53" x14ac:dyDescent="0.4">
      <c r="A2902">
        <v>2946</v>
      </c>
      <c r="B2902" s="1">
        <v>43767</v>
      </c>
      <c r="C2902">
        <v>1</v>
      </c>
      <c r="D2902" s="1">
        <v>43767.291666666664</v>
      </c>
      <c r="E2902" s="1">
        <v>43767.445138888892</v>
      </c>
      <c r="F2902">
        <v>0</v>
      </c>
      <c r="G2902">
        <v>0</v>
      </c>
      <c r="H2902">
        <v>0</v>
      </c>
      <c r="I2902">
        <v>0</v>
      </c>
      <c r="J2902">
        <v>0</v>
      </c>
      <c r="K2902">
        <v>0</v>
      </c>
      <c r="L2902">
        <v>0</v>
      </c>
      <c r="M2902">
        <v>0</v>
      </c>
      <c r="N2902">
        <v>0</v>
      </c>
      <c r="O2902">
        <v>0</v>
      </c>
      <c r="P2902">
        <v>0</v>
      </c>
      <c r="Q2902">
        <v>0</v>
      </c>
      <c r="R2902">
        <v>0</v>
      </c>
      <c r="S2902">
        <v>0</v>
      </c>
      <c r="T2902">
        <v>0</v>
      </c>
      <c r="U2902">
        <v>0</v>
      </c>
      <c r="V2902">
        <v>0</v>
      </c>
      <c r="W2902">
        <v>0</v>
      </c>
      <c r="X2902">
        <v>0</v>
      </c>
      <c r="Y2902">
        <v>28</v>
      </c>
      <c r="Z2902">
        <v>11</v>
      </c>
      <c r="AA2902">
        <v>113</v>
      </c>
      <c r="AB2902">
        <v>68</v>
      </c>
      <c r="AC2902">
        <v>159</v>
      </c>
      <c r="AD2902">
        <v>40</v>
      </c>
      <c r="AE2902">
        <v>10</v>
      </c>
      <c r="AF2902">
        <v>0</v>
      </c>
      <c r="AG2902">
        <v>50000</v>
      </c>
      <c r="AH2902">
        <v>50000</v>
      </c>
      <c r="AI2902">
        <v>0</v>
      </c>
      <c r="AJ2902">
        <v>0</v>
      </c>
      <c r="AK2902" t="s">
        <v>6</v>
      </c>
      <c r="AL2902">
        <v>0</v>
      </c>
      <c r="AM2902">
        <v>0</v>
      </c>
      <c r="AN2902">
        <v>0</v>
      </c>
      <c r="AO2902">
        <v>0</v>
      </c>
      <c r="AP2902">
        <v>0</v>
      </c>
      <c r="AQ2902">
        <v>0</v>
      </c>
      <c r="AR2902">
        <v>0</v>
      </c>
      <c r="AS2902">
        <v>0</v>
      </c>
      <c r="AT2902">
        <v>0</v>
      </c>
      <c r="AU2902">
        <v>0</v>
      </c>
      <c r="AV2902">
        <v>0</v>
      </c>
      <c r="AW2902">
        <v>0</v>
      </c>
      <c r="AX2902">
        <v>0</v>
      </c>
      <c r="AY2902">
        <v>0</v>
      </c>
      <c r="AZ2902">
        <v>0</v>
      </c>
      <c r="BA2902">
        <v>0</v>
      </c>
    </row>
    <row r="2903" spans="1:53" x14ac:dyDescent="0.4">
      <c r="A2903">
        <v>2947</v>
      </c>
      <c r="B2903" s="1">
        <v>43767</v>
      </c>
      <c r="C2903">
        <v>2</v>
      </c>
      <c r="D2903" s="1">
        <v>43767.445138888892</v>
      </c>
      <c r="E2903" s="1">
        <v>43767.738194444442</v>
      </c>
      <c r="F2903">
        <v>8500</v>
      </c>
      <c r="G2903">
        <v>0</v>
      </c>
      <c r="H2903">
        <v>200</v>
      </c>
      <c r="I2903">
        <v>0</v>
      </c>
      <c r="J2903">
        <v>0</v>
      </c>
      <c r="K2903">
        <v>0</v>
      </c>
      <c r="L2903">
        <v>0</v>
      </c>
      <c r="M2903">
        <v>870</v>
      </c>
      <c r="N2903">
        <v>0</v>
      </c>
      <c r="O2903">
        <v>0</v>
      </c>
      <c r="P2903">
        <v>12100</v>
      </c>
      <c r="Q2903">
        <v>0</v>
      </c>
      <c r="R2903">
        <v>21670</v>
      </c>
      <c r="S2903">
        <v>0</v>
      </c>
      <c r="T2903">
        <v>0</v>
      </c>
      <c r="U2903">
        <v>0</v>
      </c>
      <c r="V2903">
        <v>0</v>
      </c>
      <c r="W2903">
        <v>1</v>
      </c>
      <c r="X2903">
        <v>0</v>
      </c>
      <c r="Y2903">
        <v>36</v>
      </c>
      <c r="Z2903">
        <v>20</v>
      </c>
      <c r="AA2903">
        <v>123</v>
      </c>
      <c r="AB2903">
        <v>71</v>
      </c>
      <c r="AC2903">
        <v>186</v>
      </c>
      <c r="AD2903">
        <v>40</v>
      </c>
      <c r="AE2903">
        <v>10</v>
      </c>
      <c r="AF2903">
        <v>2750</v>
      </c>
      <c r="AG2903">
        <v>71670</v>
      </c>
      <c r="AH2903">
        <v>50000</v>
      </c>
      <c r="AI2903">
        <v>0</v>
      </c>
      <c r="AJ2903">
        <v>97</v>
      </c>
      <c r="AK2903" t="s">
        <v>33</v>
      </c>
      <c r="AL2903">
        <v>0</v>
      </c>
      <c r="AM2903">
        <v>0</v>
      </c>
      <c r="AN2903">
        <v>0</v>
      </c>
      <c r="AO2903">
        <v>0</v>
      </c>
      <c r="AP2903">
        <v>0</v>
      </c>
      <c r="AQ2903">
        <v>0</v>
      </c>
      <c r="AR2903">
        <v>0</v>
      </c>
      <c r="AS2903">
        <v>0</v>
      </c>
      <c r="AT2903">
        <v>0</v>
      </c>
      <c r="AU2903">
        <v>0</v>
      </c>
      <c r="AV2903">
        <v>0</v>
      </c>
      <c r="AW2903">
        <v>0</v>
      </c>
      <c r="AX2903">
        <v>-506</v>
      </c>
      <c r="AY2903">
        <v>25</v>
      </c>
      <c r="AZ2903">
        <v>39</v>
      </c>
      <c r="BA2903">
        <v>3291</v>
      </c>
    </row>
    <row r="2904" spans="1:53" x14ac:dyDescent="0.4">
      <c r="A2904">
        <v>2948</v>
      </c>
      <c r="B2904" s="1">
        <v>43767</v>
      </c>
      <c r="C2904">
        <v>3</v>
      </c>
      <c r="D2904" s="1">
        <v>43767.738194444442</v>
      </c>
      <c r="E2904" s="1">
        <v>43767.951388888891</v>
      </c>
      <c r="F2904">
        <v>36250</v>
      </c>
      <c r="G2904">
        <v>1990</v>
      </c>
      <c r="H2904">
        <v>200</v>
      </c>
      <c r="I2904">
        <v>0</v>
      </c>
      <c r="J2904">
        <v>0</v>
      </c>
      <c r="K2904">
        <v>0</v>
      </c>
      <c r="L2904">
        <v>0</v>
      </c>
      <c r="M2904">
        <v>3844</v>
      </c>
      <c r="N2904">
        <v>0</v>
      </c>
      <c r="O2904">
        <v>0</v>
      </c>
      <c r="P2904">
        <v>-12100</v>
      </c>
      <c r="Q2904">
        <v>0</v>
      </c>
      <c r="R2904">
        <v>30184</v>
      </c>
      <c r="S2904">
        <v>0</v>
      </c>
      <c r="T2904">
        <v>0</v>
      </c>
      <c r="U2904">
        <v>0</v>
      </c>
      <c r="V2904">
        <v>1</v>
      </c>
      <c r="W2904">
        <v>1</v>
      </c>
      <c r="X2904">
        <v>0</v>
      </c>
      <c r="Y2904">
        <v>55</v>
      </c>
      <c r="Z2904">
        <v>19</v>
      </c>
      <c r="AA2904">
        <v>135</v>
      </c>
      <c r="AB2904">
        <v>69</v>
      </c>
      <c r="AC2904">
        <v>185</v>
      </c>
      <c r="AD2904">
        <v>40</v>
      </c>
      <c r="AE2904">
        <v>10</v>
      </c>
      <c r="AF2904">
        <v>3344</v>
      </c>
      <c r="AG2904">
        <v>101854</v>
      </c>
      <c r="AH2904">
        <v>50000</v>
      </c>
      <c r="AI2904">
        <v>0</v>
      </c>
      <c r="AJ2904">
        <v>98</v>
      </c>
      <c r="AK2904" t="s">
        <v>35</v>
      </c>
      <c r="AL2904">
        <v>0</v>
      </c>
      <c r="AM2904">
        <v>0</v>
      </c>
      <c r="AN2904">
        <v>0</v>
      </c>
      <c r="AO2904">
        <v>0</v>
      </c>
      <c r="AP2904">
        <v>0</v>
      </c>
      <c r="AQ2904">
        <v>0</v>
      </c>
      <c r="AR2904">
        <v>0</v>
      </c>
      <c r="AS2904">
        <v>0</v>
      </c>
      <c r="AT2904">
        <v>0</v>
      </c>
      <c r="AU2904">
        <v>0</v>
      </c>
      <c r="AV2904">
        <v>0</v>
      </c>
      <c r="AW2904">
        <v>0</v>
      </c>
      <c r="AX2904">
        <v>4411</v>
      </c>
      <c r="AY2904">
        <v>14</v>
      </c>
      <c r="AZ2904">
        <v>29</v>
      </c>
      <c r="BA2904">
        <v>2571</v>
      </c>
    </row>
    <row r="2905" spans="1:53" x14ac:dyDescent="0.4">
      <c r="A2905">
        <v>2949</v>
      </c>
      <c r="B2905" s="1">
        <v>43768</v>
      </c>
      <c r="C2905">
        <v>1</v>
      </c>
      <c r="D2905" s="1">
        <v>43768.291666666664</v>
      </c>
      <c r="E2905" s="1">
        <v>43768.45</v>
      </c>
      <c r="F2905">
        <v>0</v>
      </c>
      <c r="G2905">
        <v>0</v>
      </c>
      <c r="H2905">
        <v>0</v>
      </c>
      <c r="I2905">
        <v>0</v>
      </c>
      <c r="J2905">
        <v>0</v>
      </c>
      <c r="K2905">
        <v>0</v>
      </c>
      <c r="L2905">
        <v>0</v>
      </c>
      <c r="M2905">
        <v>0</v>
      </c>
      <c r="N2905">
        <v>0</v>
      </c>
      <c r="O2905">
        <v>0</v>
      </c>
      <c r="P2905">
        <v>0</v>
      </c>
      <c r="Q2905">
        <v>0</v>
      </c>
      <c r="R2905">
        <v>0</v>
      </c>
      <c r="S2905">
        <v>0</v>
      </c>
      <c r="T2905">
        <v>0</v>
      </c>
      <c r="U2905">
        <v>0</v>
      </c>
      <c r="V2905">
        <v>0</v>
      </c>
      <c r="W2905">
        <v>0</v>
      </c>
      <c r="X2905">
        <v>0</v>
      </c>
      <c r="Y2905">
        <v>23</v>
      </c>
      <c r="Z2905">
        <v>17</v>
      </c>
      <c r="AA2905">
        <v>131</v>
      </c>
      <c r="AB2905">
        <v>68</v>
      </c>
      <c r="AC2905">
        <v>181</v>
      </c>
      <c r="AD2905">
        <v>37</v>
      </c>
      <c r="AE2905">
        <v>5</v>
      </c>
      <c r="AF2905">
        <v>0</v>
      </c>
      <c r="AG2905">
        <v>50000</v>
      </c>
      <c r="AH2905">
        <v>50000</v>
      </c>
      <c r="AI2905">
        <v>0</v>
      </c>
      <c r="AJ2905">
        <v>0</v>
      </c>
      <c r="AK2905" t="s">
        <v>6</v>
      </c>
      <c r="AL2905">
        <v>0</v>
      </c>
      <c r="AM2905">
        <v>0</v>
      </c>
      <c r="AN2905">
        <v>0</v>
      </c>
      <c r="AO2905">
        <v>0</v>
      </c>
      <c r="AP2905">
        <v>0</v>
      </c>
      <c r="AQ2905">
        <v>0</v>
      </c>
      <c r="AR2905">
        <v>0</v>
      </c>
      <c r="AS2905">
        <v>0</v>
      </c>
      <c r="AT2905">
        <v>0</v>
      </c>
      <c r="AU2905">
        <v>0</v>
      </c>
      <c r="AV2905">
        <v>0</v>
      </c>
      <c r="AW2905">
        <v>0</v>
      </c>
      <c r="AX2905">
        <v>0</v>
      </c>
      <c r="AY2905">
        <v>0</v>
      </c>
      <c r="AZ2905">
        <v>0</v>
      </c>
      <c r="BA2905">
        <v>0</v>
      </c>
    </row>
    <row r="2906" spans="1:53" x14ac:dyDescent="0.4">
      <c r="A2906">
        <v>2950</v>
      </c>
      <c r="B2906" s="1">
        <v>43768</v>
      </c>
      <c r="C2906">
        <v>2</v>
      </c>
      <c r="D2906" s="1">
        <v>43768.45</v>
      </c>
      <c r="E2906" s="1">
        <v>43768.740972222222</v>
      </c>
      <c r="F2906">
        <v>19500</v>
      </c>
      <c r="G2906">
        <v>0</v>
      </c>
      <c r="H2906">
        <v>200</v>
      </c>
      <c r="I2906">
        <v>0</v>
      </c>
      <c r="J2906">
        <v>0</v>
      </c>
      <c r="K2906">
        <v>800</v>
      </c>
      <c r="L2906">
        <v>0</v>
      </c>
      <c r="M2906">
        <v>2050</v>
      </c>
      <c r="N2906">
        <v>0</v>
      </c>
      <c r="O2906">
        <v>0</v>
      </c>
      <c r="P2906">
        <v>12650</v>
      </c>
      <c r="Q2906">
        <v>0</v>
      </c>
      <c r="R2906">
        <v>35200</v>
      </c>
      <c r="S2906">
        <v>0</v>
      </c>
      <c r="T2906">
        <v>0</v>
      </c>
      <c r="U2906">
        <v>0</v>
      </c>
      <c r="V2906">
        <v>0</v>
      </c>
      <c r="W2906">
        <v>0</v>
      </c>
      <c r="X2906">
        <v>0</v>
      </c>
      <c r="Y2906">
        <v>52</v>
      </c>
      <c r="Z2906">
        <v>28</v>
      </c>
      <c r="AA2906">
        <v>135</v>
      </c>
      <c r="AB2906">
        <v>70</v>
      </c>
      <c r="AC2906">
        <v>201</v>
      </c>
      <c r="AD2906">
        <v>37</v>
      </c>
      <c r="AE2906">
        <v>5</v>
      </c>
      <c r="AF2906">
        <v>0</v>
      </c>
      <c r="AG2906">
        <v>85200</v>
      </c>
      <c r="AH2906">
        <v>50000</v>
      </c>
      <c r="AI2906">
        <v>0</v>
      </c>
      <c r="AJ2906">
        <v>97</v>
      </c>
      <c r="AK2906" t="s">
        <v>33</v>
      </c>
      <c r="AL2906">
        <v>0</v>
      </c>
      <c r="AM2906">
        <v>0</v>
      </c>
      <c r="AN2906">
        <v>0</v>
      </c>
      <c r="AO2906">
        <v>0</v>
      </c>
      <c r="AP2906">
        <v>0</v>
      </c>
      <c r="AQ2906">
        <v>0</v>
      </c>
      <c r="AR2906">
        <v>0</v>
      </c>
      <c r="AS2906">
        <v>0</v>
      </c>
      <c r="AT2906">
        <v>0</v>
      </c>
      <c r="AU2906">
        <v>0</v>
      </c>
      <c r="AV2906">
        <v>0</v>
      </c>
      <c r="AW2906">
        <v>0</v>
      </c>
      <c r="AX2906">
        <v>-660</v>
      </c>
      <c r="AY2906">
        <v>38</v>
      </c>
      <c r="AZ2906">
        <v>62</v>
      </c>
      <c r="BA2906">
        <v>5486</v>
      </c>
    </row>
    <row r="2907" spans="1:53" x14ac:dyDescent="0.4">
      <c r="A2907">
        <v>2951</v>
      </c>
      <c r="B2907" s="1">
        <v>43768</v>
      </c>
      <c r="C2907">
        <v>3</v>
      </c>
      <c r="D2907" s="1">
        <v>43768.740972222222</v>
      </c>
      <c r="E2907" s="1">
        <v>43768.946527777778</v>
      </c>
      <c r="F2907">
        <v>19890</v>
      </c>
      <c r="G2907">
        <v>1500</v>
      </c>
      <c r="H2907">
        <v>200</v>
      </c>
      <c r="I2907">
        <v>0</v>
      </c>
      <c r="J2907">
        <v>0</v>
      </c>
      <c r="K2907">
        <v>0</v>
      </c>
      <c r="L2907">
        <v>0</v>
      </c>
      <c r="M2907">
        <v>2159</v>
      </c>
      <c r="N2907">
        <v>0</v>
      </c>
      <c r="O2907">
        <v>0</v>
      </c>
      <c r="P2907">
        <v>-12650</v>
      </c>
      <c r="Q2907">
        <v>0</v>
      </c>
      <c r="R2907">
        <v>11099</v>
      </c>
      <c r="S2907">
        <v>0</v>
      </c>
      <c r="T2907">
        <v>0</v>
      </c>
      <c r="U2907">
        <v>0</v>
      </c>
      <c r="V2907">
        <v>1</v>
      </c>
      <c r="W2907">
        <v>0</v>
      </c>
      <c r="X2907">
        <v>0</v>
      </c>
      <c r="Y2907">
        <v>49</v>
      </c>
      <c r="Z2907">
        <v>32</v>
      </c>
      <c r="AA2907">
        <v>155</v>
      </c>
      <c r="AB2907">
        <v>71</v>
      </c>
      <c r="AC2907">
        <v>201</v>
      </c>
      <c r="AD2907">
        <v>36</v>
      </c>
      <c r="AE2907">
        <v>59</v>
      </c>
      <c r="AF2907">
        <v>0</v>
      </c>
      <c r="AG2907">
        <v>96299</v>
      </c>
      <c r="AH2907">
        <v>50000</v>
      </c>
      <c r="AI2907">
        <v>0</v>
      </c>
      <c r="AJ2907">
        <v>70</v>
      </c>
      <c r="AK2907" t="s">
        <v>45</v>
      </c>
      <c r="AL2907">
        <v>0</v>
      </c>
      <c r="AM2907">
        <v>0</v>
      </c>
      <c r="AN2907">
        <v>0</v>
      </c>
      <c r="AO2907">
        <v>0</v>
      </c>
      <c r="AP2907">
        <v>0</v>
      </c>
      <c r="AQ2907">
        <v>0</v>
      </c>
      <c r="AR2907">
        <v>0</v>
      </c>
      <c r="AS2907">
        <v>0</v>
      </c>
      <c r="AT2907">
        <v>0</v>
      </c>
      <c r="AU2907">
        <v>0</v>
      </c>
      <c r="AV2907">
        <v>0</v>
      </c>
      <c r="AW2907">
        <v>0</v>
      </c>
      <c r="AX2907">
        <v>24398</v>
      </c>
      <c r="AY2907">
        <v>12</v>
      </c>
      <c r="AZ2907">
        <v>30</v>
      </c>
      <c r="BA2907">
        <v>2355</v>
      </c>
    </row>
    <row r="2908" spans="1:53" x14ac:dyDescent="0.4">
      <c r="A2908">
        <v>2952</v>
      </c>
      <c r="B2908" s="1">
        <v>43769</v>
      </c>
      <c r="C2908">
        <v>1</v>
      </c>
      <c r="D2908" s="1">
        <v>43769.291666666664</v>
      </c>
      <c r="E2908" s="1">
        <v>43769.447916666664</v>
      </c>
      <c r="F2908">
        <v>0</v>
      </c>
      <c r="G2908">
        <v>0</v>
      </c>
      <c r="H2908">
        <v>0</v>
      </c>
      <c r="I2908">
        <v>0</v>
      </c>
      <c r="J2908">
        <v>0</v>
      </c>
      <c r="K2908">
        <v>0</v>
      </c>
      <c r="L2908">
        <v>0</v>
      </c>
      <c r="M2908">
        <v>0</v>
      </c>
      <c r="N2908">
        <v>0</v>
      </c>
      <c r="O2908">
        <v>0</v>
      </c>
      <c r="P2908">
        <v>0</v>
      </c>
      <c r="Q2908">
        <v>0</v>
      </c>
      <c r="R2908">
        <v>0</v>
      </c>
      <c r="S2908">
        <v>0</v>
      </c>
      <c r="T2908">
        <v>0</v>
      </c>
      <c r="U2908">
        <v>0</v>
      </c>
      <c r="V2908">
        <v>0</v>
      </c>
      <c r="W2908">
        <v>0</v>
      </c>
      <c r="X2908">
        <v>0</v>
      </c>
      <c r="Y2908">
        <v>22</v>
      </c>
      <c r="Z2908">
        <v>16</v>
      </c>
      <c r="AA2908">
        <v>147</v>
      </c>
      <c r="AB2908">
        <v>70</v>
      </c>
      <c r="AC2908">
        <v>155</v>
      </c>
      <c r="AD2908">
        <v>38</v>
      </c>
      <c r="AE2908">
        <v>60</v>
      </c>
      <c r="AF2908">
        <v>0</v>
      </c>
      <c r="AG2908">
        <v>50000</v>
      </c>
      <c r="AH2908">
        <v>0</v>
      </c>
      <c r="AI2908">
        <v>50000</v>
      </c>
      <c r="AJ2908">
        <v>0</v>
      </c>
      <c r="AK2908" t="s">
        <v>6</v>
      </c>
      <c r="AL2908">
        <v>0</v>
      </c>
      <c r="AM2908">
        <v>0</v>
      </c>
      <c r="AN2908">
        <v>0</v>
      </c>
      <c r="AO2908">
        <v>0</v>
      </c>
      <c r="AP2908">
        <v>0</v>
      </c>
      <c r="AQ2908">
        <v>0</v>
      </c>
      <c r="AR2908">
        <v>0</v>
      </c>
      <c r="AS2908">
        <v>0</v>
      </c>
      <c r="AT2908">
        <v>0</v>
      </c>
      <c r="AU2908">
        <v>0</v>
      </c>
      <c r="AV2908">
        <v>0</v>
      </c>
      <c r="AW2908">
        <v>0</v>
      </c>
      <c r="AX2908">
        <v>0</v>
      </c>
      <c r="AY2908">
        <v>0</v>
      </c>
      <c r="AZ2908">
        <v>0</v>
      </c>
      <c r="BA2908">
        <v>0</v>
      </c>
    </row>
    <row r="2909" spans="1:53" x14ac:dyDescent="0.4">
      <c r="A2909">
        <v>2953</v>
      </c>
      <c r="B2909" s="1">
        <v>43769</v>
      </c>
      <c r="C2909">
        <v>2</v>
      </c>
      <c r="D2909" s="1">
        <v>43769.447916666664</v>
      </c>
      <c r="E2909" s="1">
        <v>43769.734722222223</v>
      </c>
      <c r="F2909">
        <v>13000</v>
      </c>
      <c r="G2909">
        <v>0</v>
      </c>
      <c r="H2909">
        <v>200</v>
      </c>
      <c r="I2909">
        <v>0</v>
      </c>
      <c r="J2909">
        <v>0</v>
      </c>
      <c r="K2909">
        <v>0</v>
      </c>
      <c r="L2909">
        <v>0</v>
      </c>
      <c r="M2909">
        <v>1320</v>
      </c>
      <c r="N2909">
        <v>0</v>
      </c>
      <c r="O2909">
        <v>0</v>
      </c>
      <c r="P2909">
        <v>11440</v>
      </c>
      <c r="Q2909">
        <v>0</v>
      </c>
      <c r="R2909">
        <v>25960</v>
      </c>
      <c r="S2909">
        <v>0</v>
      </c>
      <c r="T2909">
        <v>0</v>
      </c>
      <c r="U2909">
        <v>0</v>
      </c>
      <c r="V2909">
        <v>0</v>
      </c>
      <c r="W2909">
        <v>1</v>
      </c>
      <c r="X2909">
        <v>0</v>
      </c>
      <c r="Y2909">
        <v>42</v>
      </c>
      <c r="Z2909">
        <v>19</v>
      </c>
      <c r="AA2909">
        <v>139</v>
      </c>
      <c r="AB2909">
        <v>69</v>
      </c>
      <c r="AC2909">
        <v>185</v>
      </c>
      <c r="AD2909">
        <v>39</v>
      </c>
      <c r="AE2909">
        <v>65</v>
      </c>
      <c r="AF2909">
        <v>0</v>
      </c>
      <c r="AG2909">
        <v>75960</v>
      </c>
      <c r="AH2909">
        <v>50000</v>
      </c>
      <c r="AI2909">
        <v>0</v>
      </c>
      <c r="AJ2909">
        <v>96</v>
      </c>
      <c r="AK2909" t="s">
        <v>4</v>
      </c>
      <c r="AL2909">
        <v>0</v>
      </c>
      <c r="AM2909">
        <v>0</v>
      </c>
      <c r="AN2909">
        <v>0</v>
      </c>
      <c r="AO2909">
        <v>0</v>
      </c>
      <c r="AP2909">
        <v>0</v>
      </c>
      <c r="AQ2909">
        <v>0</v>
      </c>
      <c r="AR2909">
        <v>0</v>
      </c>
      <c r="AS2909">
        <v>0</v>
      </c>
      <c r="AT2909">
        <v>0</v>
      </c>
      <c r="AU2909">
        <v>0</v>
      </c>
      <c r="AV2909">
        <v>0</v>
      </c>
      <c r="AW2909">
        <v>0</v>
      </c>
      <c r="AX2909">
        <v>-792</v>
      </c>
      <c r="AY2909">
        <v>31</v>
      </c>
      <c r="AZ2909">
        <v>46</v>
      </c>
      <c r="BA2909">
        <v>4073</v>
      </c>
    </row>
    <row r="2910" spans="1:53" x14ac:dyDescent="0.4">
      <c r="A2910">
        <v>2954</v>
      </c>
      <c r="B2910" s="1">
        <v>43769</v>
      </c>
      <c r="C2910">
        <v>3</v>
      </c>
      <c r="D2910" s="1">
        <v>43769.734722222223</v>
      </c>
      <c r="E2910" s="1">
        <v>43769.963194444441</v>
      </c>
      <c r="F2910">
        <v>36000</v>
      </c>
      <c r="G2910">
        <v>280</v>
      </c>
      <c r="H2910">
        <v>200</v>
      </c>
      <c r="I2910">
        <v>0</v>
      </c>
      <c r="J2910">
        <v>100</v>
      </c>
      <c r="K2910">
        <v>0</v>
      </c>
      <c r="L2910">
        <v>0</v>
      </c>
      <c r="M2910">
        <v>3638</v>
      </c>
      <c r="N2910">
        <v>0</v>
      </c>
      <c r="O2910">
        <v>0</v>
      </c>
      <c r="P2910">
        <v>-11440</v>
      </c>
      <c r="Q2910">
        <v>0</v>
      </c>
      <c r="R2910">
        <v>28578</v>
      </c>
      <c r="S2910">
        <v>0</v>
      </c>
      <c r="T2910">
        <v>0</v>
      </c>
      <c r="U2910">
        <v>0</v>
      </c>
      <c r="V2910">
        <v>1</v>
      </c>
      <c r="W2910">
        <v>1</v>
      </c>
      <c r="X2910">
        <v>0</v>
      </c>
      <c r="Y2910">
        <v>42</v>
      </c>
      <c r="Z2910">
        <v>18</v>
      </c>
      <c r="AA2910">
        <v>139</v>
      </c>
      <c r="AB2910">
        <v>69</v>
      </c>
      <c r="AC2910">
        <v>195</v>
      </c>
      <c r="AD2910">
        <v>40</v>
      </c>
      <c r="AE2910">
        <v>68</v>
      </c>
      <c r="AF2910">
        <v>18970</v>
      </c>
      <c r="AG2910">
        <v>104538</v>
      </c>
      <c r="AH2910">
        <v>50000</v>
      </c>
      <c r="AI2910">
        <v>0</v>
      </c>
      <c r="AJ2910">
        <v>70</v>
      </c>
      <c r="AK2910" t="s">
        <v>45</v>
      </c>
      <c r="AL2910">
        <v>0</v>
      </c>
      <c r="AM2910">
        <v>0</v>
      </c>
      <c r="AN2910">
        <v>0</v>
      </c>
      <c r="AO2910">
        <v>0</v>
      </c>
      <c r="AP2910">
        <v>0</v>
      </c>
      <c r="AQ2910">
        <v>0</v>
      </c>
      <c r="AR2910">
        <v>0</v>
      </c>
      <c r="AS2910">
        <v>0</v>
      </c>
      <c r="AT2910">
        <v>0</v>
      </c>
      <c r="AU2910">
        <v>0</v>
      </c>
      <c r="AV2910">
        <v>0</v>
      </c>
      <c r="AW2910">
        <v>0</v>
      </c>
      <c r="AX2910">
        <v>1650</v>
      </c>
      <c r="AY2910">
        <v>13</v>
      </c>
      <c r="AZ2910">
        <v>27</v>
      </c>
      <c r="BA2910">
        <v>2464</v>
      </c>
    </row>
    <row r="2911" spans="1:53" x14ac:dyDescent="0.4">
      <c r="A2911">
        <v>2955</v>
      </c>
      <c r="B2911" s="1">
        <v>43770</v>
      </c>
      <c r="C2911">
        <v>1</v>
      </c>
      <c r="D2911" s="1">
        <v>43770.291666666664</v>
      </c>
      <c r="E2911" s="1">
        <v>43770.45</v>
      </c>
      <c r="F2911">
        <v>0</v>
      </c>
      <c r="G2911">
        <v>0</v>
      </c>
      <c r="H2911">
        <v>0</v>
      </c>
      <c r="I2911">
        <v>0</v>
      </c>
      <c r="J2911">
        <v>0</v>
      </c>
      <c r="K2911">
        <v>0</v>
      </c>
      <c r="L2911">
        <v>0</v>
      </c>
      <c r="M2911">
        <v>0</v>
      </c>
      <c r="N2911">
        <v>0</v>
      </c>
      <c r="O2911">
        <v>0</v>
      </c>
      <c r="P2911">
        <v>0</v>
      </c>
      <c r="Q2911">
        <v>0</v>
      </c>
      <c r="R2911">
        <v>0</v>
      </c>
      <c r="S2911">
        <v>0</v>
      </c>
      <c r="T2911">
        <v>0</v>
      </c>
      <c r="U2911">
        <v>0</v>
      </c>
      <c r="V2911">
        <v>0</v>
      </c>
      <c r="W2911">
        <v>0</v>
      </c>
      <c r="X2911">
        <v>0</v>
      </c>
      <c r="Y2911">
        <v>22</v>
      </c>
      <c r="Z2911">
        <v>19</v>
      </c>
      <c r="AA2911">
        <v>129</v>
      </c>
      <c r="AB2911">
        <v>69</v>
      </c>
      <c r="AC2911">
        <v>190</v>
      </c>
      <c r="AD2911">
        <v>37</v>
      </c>
      <c r="AE2911">
        <v>65</v>
      </c>
      <c r="AF2911">
        <v>0</v>
      </c>
      <c r="AG2911">
        <v>50000</v>
      </c>
      <c r="AH2911">
        <v>0</v>
      </c>
      <c r="AI2911">
        <v>50000</v>
      </c>
      <c r="AJ2911">
        <v>0</v>
      </c>
      <c r="AK2911" t="s">
        <v>6</v>
      </c>
      <c r="AL2911">
        <v>0</v>
      </c>
      <c r="AM2911">
        <v>0</v>
      </c>
      <c r="AN2911">
        <v>0</v>
      </c>
      <c r="AO2911">
        <v>0</v>
      </c>
      <c r="AP2911">
        <v>0</v>
      </c>
      <c r="AQ2911">
        <v>0</v>
      </c>
      <c r="AR2911">
        <v>0</v>
      </c>
      <c r="AS2911">
        <v>0</v>
      </c>
      <c r="AT2911">
        <v>0</v>
      </c>
      <c r="AU2911">
        <v>0</v>
      </c>
      <c r="AV2911">
        <v>0</v>
      </c>
      <c r="AW2911">
        <v>0</v>
      </c>
      <c r="AX2911">
        <v>0</v>
      </c>
      <c r="AY2911">
        <v>0</v>
      </c>
      <c r="AZ2911">
        <v>0</v>
      </c>
      <c r="BA2911">
        <v>0</v>
      </c>
    </row>
    <row r="2912" spans="1:53" x14ac:dyDescent="0.4">
      <c r="A2912">
        <v>2956</v>
      </c>
      <c r="B2912" s="1">
        <v>43770</v>
      </c>
      <c r="C2912">
        <v>2</v>
      </c>
      <c r="D2912" s="1">
        <v>43770.45</v>
      </c>
      <c r="E2912" s="1">
        <v>43770.726388888892</v>
      </c>
      <c r="F2912">
        <v>12000</v>
      </c>
      <c r="G2912">
        <v>0</v>
      </c>
      <c r="H2912">
        <v>0</v>
      </c>
      <c r="I2912">
        <v>0</v>
      </c>
      <c r="J2912">
        <v>300</v>
      </c>
      <c r="K2912">
        <v>0</v>
      </c>
      <c r="L2912">
        <v>0</v>
      </c>
      <c r="M2912">
        <v>1170</v>
      </c>
      <c r="N2912">
        <v>0</v>
      </c>
      <c r="O2912">
        <v>0</v>
      </c>
      <c r="P2912">
        <v>19690</v>
      </c>
      <c r="Q2912">
        <v>0</v>
      </c>
      <c r="R2912">
        <v>32560</v>
      </c>
      <c r="S2912">
        <v>0</v>
      </c>
      <c r="T2912">
        <v>0</v>
      </c>
      <c r="U2912">
        <v>0</v>
      </c>
      <c r="V2912">
        <v>0</v>
      </c>
      <c r="W2912">
        <v>2</v>
      </c>
      <c r="X2912">
        <v>0</v>
      </c>
      <c r="Y2912">
        <v>40</v>
      </c>
      <c r="Z2912">
        <v>27</v>
      </c>
      <c r="AA2912">
        <v>122</v>
      </c>
      <c r="AB2912">
        <v>70</v>
      </c>
      <c r="AC2912">
        <v>201</v>
      </c>
      <c r="AD2912">
        <v>37</v>
      </c>
      <c r="AE2912">
        <v>65</v>
      </c>
      <c r="AF2912">
        <v>1100</v>
      </c>
      <c r="AG2912">
        <v>82560</v>
      </c>
      <c r="AH2912">
        <v>50000</v>
      </c>
      <c r="AI2912">
        <v>0</v>
      </c>
      <c r="AJ2912">
        <v>96</v>
      </c>
      <c r="AK2912" t="s">
        <v>4</v>
      </c>
      <c r="AL2912">
        <v>0</v>
      </c>
      <c r="AM2912">
        <v>0</v>
      </c>
      <c r="AN2912">
        <v>0</v>
      </c>
      <c r="AO2912">
        <v>0</v>
      </c>
      <c r="AP2912">
        <v>0</v>
      </c>
      <c r="AQ2912">
        <v>0</v>
      </c>
      <c r="AR2912">
        <v>0</v>
      </c>
      <c r="AS2912">
        <v>0</v>
      </c>
      <c r="AT2912">
        <v>0</v>
      </c>
      <c r="AU2912">
        <v>0</v>
      </c>
      <c r="AV2912">
        <v>0</v>
      </c>
      <c r="AW2912">
        <v>0</v>
      </c>
      <c r="AX2912">
        <v>1100</v>
      </c>
      <c r="AY2912">
        <v>37</v>
      </c>
      <c r="AZ2912">
        <v>59</v>
      </c>
      <c r="BA2912">
        <v>4834</v>
      </c>
    </row>
    <row r="2913" spans="1:53" x14ac:dyDescent="0.4">
      <c r="A2913">
        <v>2957</v>
      </c>
      <c r="B2913" s="1">
        <v>43770</v>
      </c>
      <c r="C2913">
        <v>3</v>
      </c>
      <c r="D2913" s="1">
        <v>43770.726388888892</v>
      </c>
      <c r="E2913" s="1">
        <v>43770.978472222225</v>
      </c>
      <c r="F2913">
        <v>84200</v>
      </c>
      <c r="G2913">
        <v>4060</v>
      </c>
      <c r="H2913">
        <v>200</v>
      </c>
      <c r="I2913">
        <v>0</v>
      </c>
      <c r="J2913">
        <v>600</v>
      </c>
      <c r="K2913">
        <v>0</v>
      </c>
      <c r="L2913">
        <v>0</v>
      </c>
      <c r="M2913">
        <v>8786</v>
      </c>
      <c r="N2913">
        <v>0</v>
      </c>
      <c r="O2913">
        <v>0</v>
      </c>
      <c r="P2913">
        <v>-3850</v>
      </c>
      <c r="Q2913">
        <v>0</v>
      </c>
      <c r="R2913">
        <v>92796</v>
      </c>
      <c r="S2913">
        <v>0</v>
      </c>
      <c r="T2913">
        <v>0</v>
      </c>
      <c r="U2913">
        <v>0</v>
      </c>
      <c r="V2913">
        <v>3</v>
      </c>
      <c r="W2913">
        <v>4</v>
      </c>
      <c r="X2913">
        <v>0</v>
      </c>
      <c r="Y2913">
        <v>88</v>
      </c>
      <c r="Z2913">
        <v>32</v>
      </c>
      <c r="AA2913">
        <v>117</v>
      </c>
      <c r="AB2913">
        <v>73</v>
      </c>
      <c r="AC2913">
        <v>201</v>
      </c>
      <c r="AD2913">
        <v>39</v>
      </c>
      <c r="AE2913">
        <v>61</v>
      </c>
      <c r="AF2913">
        <v>3740</v>
      </c>
      <c r="AG2913">
        <v>175356</v>
      </c>
      <c r="AH2913">
        <v>50000</v>
      </c>
      <c r="AI2913">
        <v>0</v>
      </c>
      <c r="AJ2913">
        <v>100</v>
      </c>
      <c r="AK2913" t="s">
        <v>0</v>
      </c>
      <c r="AL2913">
        <v>0</v>
      </c>
      <c r="AM2913">
        <v>0</v>
      </c>
      <c r="AN2913">
        <v>0</v>
      </c>
      <c r="AO2913">
        <v>0</v>
      </c>
      <c r="AP2913">
        <v>0</v>
      </c>
      <c r="AQ2913">
        <v>0</v>
      </c>
      <c r="AR2913">
        <v>0</v>
      </c>
      <c r="AS2913">
        <v>0</v>
      </c>
      <c r="AT2913">
        <v>0</v>
      </c>
      <c r="AU2913">
        <v>0</v>
      </c>
      <c r="AV2913">
        <v>0</v>
      </c>
      <c r="AW2913">
        <v>0</v>
      </c>
      <c r="AX2913">
        <v>27247</v>
      </c>
      <c r="AY2913">
        <v>27</v>
      </c>
      <c r="AZ2913">
        <v>83</v>
      </c>
      <c r="BA2913">
        <v>3735</v>
      </c>
    </row>
    <row r="2914" spans="1:53" x14ac:dyDescent="0.4">
      <c r="A2914">
        <v>2958</v>
      </c>
      <c r="B2914" s="1">
        <v>43770</v>
      </c>
      <c r="C2914">
        <v>4</v>
      </c>
      <c r="D2914" s="1">
        <v>43770.978472222225</v>
      </c>
      <c r="E2914" s="1">
        <v>43771.140972222223</v>
      </c>
      <c r="F2914">
        <v>83800</v>
      </c>
      <c r="G2914">
        <v>2720</v>
      </c>
      <c r="H2914">
        <v>400</v>
      </c>
      <c r="I2914">
        <v>0</v>
      </c>
      <c r="J2914">
        <v>250</v>
      </c>
      <c r="K2914">
        <v>0</v>
      </c>
      <c r="L2914">
        <v>0</v>
      </c>
      <c r="M2914">
        <v>8667</v>
      </c>
      <c r="N2914">
        <v>0</v>
      </c>
      <c r="O2914">
        <v>0</v>
      </c>
      <c r="P2914">
        <v>-7260</v>
      </c>
      <c r="Q2914">
        <v>0</v>
      </c>
      <c r="R2914">
        <v>88077</v>
      </c>
      <c r="S2914">
        <v>0</v>
      </c>
      <c r="T2914">
        <v>0</v>
      </c>
      <c r="U2914">
        <v>0</v>
      </c>
      <c r="V2914">
        <v>9</v>
      </c>
      <c r="W2914">
        <v>6</v>
      </c>
      <c r="X2914">
        <v>0</v>
      </c>
      <c r="Y2914">
        <v>105</v>
      </c>
      <c r="Z2914">
        <v>33</v>
      </c>
      <c r="AA2914">
        <v>135</v>
      </c>
      <c r="AB2914">
        <v>71</v>
      </c>
      <c r="AC2914">
        <v>188</v>
      </c>
      <c r="AD2914">
        <v>40</v>
      </c>
      <c r="AE2914">
        <v>63</v>
      </c>
      <c r="AF2914">
        <v>3740</v>
      </c>
      <c r="AG2914">
        <v>264433</v>
      </c>
      <c r="AH2914">
        <v>50000</v>
      </c>
      <c r="AI2914">
        <v>1000</v>
      </c>
      <c r="AJ2914">
        <v>108</v>
      </c>
      <c r="AK2914" t="s">
        <v>30</v>
      </c>
      <c r="AL2914">
        <v>0</v>
      </c>
      <c r="AM2914">
        <v>0</v>
      </c>
      <c r="AN2914">
        <v>0</v>
      </c>
      <c r="AO2914">
        <v>0</v>
      </c>
      <c r="AP2914">
        <v>0</v>
      </c>
      <c r="AQ2914">
        <v>0</v>
      </c>
      <c r="AR2914">
        <v>0</v>
      </c>
      <c r="AS2914">
        <v>0</v>
      </c>
      <c r="AT2914">
        <v>0</v>
      </c>
      <c r="AU2914">
        <v>0</v>
      </c>
      <c r="AV2914">
        <v>0</v>
      </c>
      <c r="AW2914">
        <v>0</v>
      </c>
      <c r="AX2914">
        <v>1243</v>
      </c>
      <c r="AY2914">
        <v>7</v>
      </c>
      <c r="AZ2914">
        <v>23</v>
      </c>
      <c r="BA2914">
        <v>1687</v>
      </c>
    </row>
    <row r="2915" spans="1:53" x14ac:dyDescent="0.4">
      <c r="A2915">
        <v>2959</v>
      </c>
      <c r="B2915" s="1">
        <v>43771</v>
      </c>
      <c r="C2915">
        <v>1</v>
      </c>
      <c r="D2915" s="1">
        <v>43771.291666666664</v>
      </c>
      <c r="E2915" s="1">
        <v>43771.40625</v>
      </c>
      <c r="F2915">
        <v>0</v>
      </c>
      <c r="G2915">
        <v>0</v>
      </c>
      <c r="H2915">
        <v>0</v>
      </c>
      <c r="I2915">
        <v>0</v>
      </c>
      <c r="J2915">
        <v>0</v>
      </c>
      <c r="K2915">
        <v>0</v>
      </c>
      <c r="L2915">
        <v>0</v>
      </c>
      <c r="M2915">
        <v>0</v>
      </c>
      <c r="N2915">
        <v>0</v>
      </c>
      <c r="O2915">
        <v>0</v>
      </c>
      <c r="P2915">
        <v>0</v>
      </c>
      <c r="Q2915">
        <v>0</v>
      </c>
      <c r="R2915">
        <v>0</v>
      </c>
      <c r="S2915">
        <v>0</v>
      </c>
      <c r="T2915">
        <v>0</v>
      </c>
      <c r="U2915">
        <v>0</v>
      </c>
      <c r="V2915">
        <v>0</v>
      </c>
      <c r="W2915">
        <v>0</v>
      </c>
      <c r="X2915">
        <v>0</v>
      </c>
      <c r="Y2915">
        <v>26</v>
      </c>
      <c r="Z2915">
        <v>10</v>
      </c>
      <c r="AA2915">
        <v>139</v>
      </c>
      <c r="AB2915">
        <v>70</v>
      </c>
      <c r="AC2915">
        <v>134</v>
      </c>
      <c r="AD2915">
        <v>40</v>
      </c>
      <c r="AE2915">
        <v>60</v>
      </c>
      <c r="AF2915">
        <v>0</v>
      </c>
      <c r="AG2915">
        <v>50000</v>
      </c>
      <c r="AH2915">
        <v>50000</v>
      </c>
      <c r="AI2915">
        <v>0</v>
      </c>
      <c r="AJ2915">
        <v>0</v>
      </c>
      <c r="AK2915" t="s">
        <v>6</v>
      </c>
      <c r="AL2915">
        <v>0</v>
      </c>
      <c r="AM2915">
        <v>0</v>
      </c>
      <c r="AN2915">
        <v>0</v>
      </c>
      <c r="AO2915">
        <v>0</v>
      </c>
      <c r="AP2915">
        <v>0</v>
      </c>
      <c r="AQ2915">
        <v>0</v>
      </c>
      <c r="AR2915">
        <v>0</v>
      </c>
      <c r="AS2915">
        <v>0</v>
      </c>
      <c r="AT2915">
        <v>0</v>
      </c>
      <c r="AU2915">
        <v>0</v>
      </c>
      <c r="AV2915">
        <v>0</v>
      </c>
      <c r="AW2915">
        <v>0</v>
      </c>
      <c r="AX2915">
        <v>0</v>
      </c>
      <c r="AY2915">
        <v>0</v>
      </c>
      <c r="AZ2915">
        <v>0</v>
      </c>
      <c r="BA2915">
        <v>0</v>
      </c>
    </row>
    <row r="2916" spans="1:53" x14ac:dyDescent="0.4">
      <c r="A2916">
        <v>2960</v>
      </c>
      <c r="B2916" s="1">
        <v>43771</v>
      </c>
      <c r="C2916">
        <v>2</v>
      </c>
      <c r="D2916" s="1">
        <v>43771.40625</v>
      </c>
      <c r="E2916" s="1">
        <v>43771.737500000003</v>
      </c>
      <c r="F2916">
        <v>36000</v>
      </c>
      <c r="G2916">
        <v>1620</v>
      </c>
      <c r="H2916">
        <v>0</v>
      </c>
      <c r="I2916">
        <v>0</v>
      </c>
      <c r="J2916">
        <v>0</v>
      </c>
      <c r="K2916">
        <v>0</v>
      </c>
      <c r="L2916">
        <v>0</v>
      </c>
      <c r="M2916">
        <v>3762</v>
      </c>
      <c r="N2916">
        <v>0</v>
      </c>
      <c r="O2916">
        <v>0</v>
      </c>
      <c r="P2916">
        <v>15950</v>
      </c>
      <c r="Q2916">
        <v>0</v>
      </c>
      <c r="R2916">
        <v>57332</v>
      </c>
      <c r="S2916">
        <v>0</v>
      </c>
      <c r="T2916">
        <v>0</v>
      </c>
      <c r="U2916">
        <v>0</v>
      </c>
      <c r="V2916">
        <v>4</v>
      </c>
      <c r="W2916">
        <v>1</v>
      </c>
      <c r="X2916">
        <v>0</v>
      </c>
      <c r="Y2916">
        <v>24</v>
      </c>
      <c r="Z2916">
        <v>32</v>
      </c>
      <c r="AA2916">
        <v>153</v>
      </c>
      <c r="AB2916">
        <v>78</v>
      </c>
      <c r="AC2916">
        <v>176</v>
      </c>
      <c r="AD2916">
        <v>42</v>
      </c>
      <c r="AE2916">
        <v>62</v>
      </c>
      <c r="AF2916">
        <v>1100</v>
      </c>
      <c r="AG2916">
        <v>107332</v>
      </c>
      <c r="AH2916">
        <v>50000</v>
      </c>
      <c r="AI2916">
        <v>0</v>
      </c>
      <c r="AJ2916">
        <v>101</v>
      </c>
      <c r="AK2916" t="s">
        <v>28</v>
      </c>
      <c r="AL2916">
        <v>0</v>
      </c>
      <c r="AM2916">
        <v>0</v>
      </c>
      <c r="AN2916">
        <v>0</v>
      </c>
      <c r="AO2916">
        <v>0</v>
      </c>
      <c r="AP2916">
        <v>0</v>
      </c>
      <c r="AQ2916">
        <v>0</v>
      </c>
      <c r="AR2916">
        <v>0</v>
      </c>
      <c r="AS2916">
        <v>0</v>
      </c>
      <c r="AT2916">
        <v>0</v>
      </c>
      <c r="AU2916">
        <v>0</v>
      </c>
      <c r="AV2916">
        <v>0</v>
      </c>
      <c r="AW2916">
        <v>0</v>
      </c>
      <c r="AX2916">
        <v>594</v>
      </c>
      <c r="AY2916">
        <v>48</v>
      </c>
      <c r="AZ2916">
        <v>97</v>
      </c>
      <c r="BA2916">
        <v>7426</v>
      </c>
    </row>
    <row r="2917" spans="1:53" x14ac:dyDescent="0.4">
      <c r="A2917">
        <v>2961</v>
      </c>
      <c r="B2917" s="1">
        <v>43772</v>
      </c>
      <c r="C2917">
        <v>1</v>
      </c>
      <c r="D2917" s="1">
        <v>43772.291666666664</v>
      </c>
      <c r="E2917" s="1">
        <v>43772.404166666667</v>
      </c>
      <c r="F2917">
        <v>0</v>
      </c>
      <c r="G2917">
        <v>0</v>
      </c>
      <c r="H2917">
        <v>0</v>
      </c>
      <c r="I2917">
        <v>0</v>
      </c>
      <c r="J2917">
        <v>0</v>
      </c>
      <c r="K2917">
        <v>0</v>
      </c>
      <c r="L2917">
        <v>0</v>
      </c>
      <c r="M2917">
        <v>0</v>
      </c>
      <c r="N2917">
        <v>0</v>
      </c>
      <c r="O2917">
        <v>0</v>
      </c>
      <c r="P2917">
        <v>0</v>
      </c>
      <c r="Q2917">
        <v>0</v>
      </c>
      <c r="R2917">
        <v>0</v>
      </c>
      <c r="S2917">
        <v>0</v>
      </c>
      <c r="T2917">
        <v>0</v>
      </c>
      <c r="U2917">
        <v>0</v>
      </c>
      <c r="V2917">
        <v>0</v>
      </c>
      <c r="W2917">
        <v>0</v>
      </c>
      <c r="X2917">
        <v>0</v>
      </c>
      <c r="Y2917">
        <v>30</v>
      </c>
      <c r="Z2917">
        <v>8</v>
      </c>
      <c r="AA2917">
        <v>108</v>
      </c>
      <c r="AB2917">
        <v>74</v>
      </c>
      <c r="AC2917">
        <v>125</v>
      </c>
      <c r="AD2917">
        <v>38</v>
      </c>
      <c r="AE2917">
        <v>60</v>
      </c>
      <c r="AF2917">
        <v>0</v>
      </c>
      <c r="AG2917">
        <v>50000</v>
      </c>
      <c r="AH2917">
        <v>50000</v>
      </c>
      <c r="AI2917">
        <v>0</v>
      </c>
      <c r="AJ2917">
        <v>0</v>
      </c>
      <c r="AK2917" t="s">
        <v>6</v>
      </c>
      <c r="AL2917">
        <v>0</v>
      </c>
      <c r="AM2917">
        <v>0</v>
      </c>
      <c r="AN2917">
        <v>0</v>
      </c>
      <c r="AO2917">
        <v>0</v>
      </c>
      <c r="AP2917">
        <v>0</v>
      </c>
      <c r="AQ2917">
        <v>0</v>
      </c>
      <c r="AR2917">
        <v>0</v>
      </c>
      <c r="AS2917">
        <v>0</v>
      </c>
      <c r="AT2917">
        <v>0</v>
      </c>
      <c r="AU2917">
        <v>0</v>
      </c>
      <c r="AV2917">
        <v>0</v>
      </c>
      <c r="AW2917">
        <v>0</v>
      </c>
      <c r="AX2917">
        <v>0</v>
      </c>
      <c r="AY2917">
        <v>0</v>
      </c>
      <c r="AZ2917">
        <v>0</v>
      </c>
      <c r="BA2917">
        <v>0</v>
      </c>
    </row>
    <row r="2918" spans="1:53" x14ac:dyDescent="0.4">
      <c r="A2918">
        <v>2962</v>
      </c>
      <c r="B2918" s="1">
        <v>43772</v>
      </c>
      <c r="C2918">
        <v>2</v>
      </c>
      <c r="D2918" s="1">
        <v>43772.404166666667</v>
      </c>
      <c r="E2918" s="1">
        <v>43772.730555555558</v>
      </c>
      <c r="F2918">
        <v>44000</v>
      </c>
      <c r="G2918">
        <v>1120</v>
      </c>
      <c r="H2918">
        <v>200</v>
      </c>
      <c r="I2918">
        <v>0</v>
      </c>
      <c r="J2918">
        <v>100</v>
      </c>
      <c r="K2918">
        <v>0</v>
      </c>
      <c r="L2918">
        <v>0</v>
      </c>
      <c r="M2918">
        <v>4522</v>
      </c>
      <c r="N2918">
        <v>0</v>
      </c>
      <c r="O2918">
        <v>0</v>
      </c>
      <c r="P2918">
        <v>22330</v>
      </c>
      <c r="Q2918">
        <v>0</v>
      </c>
      <c r="R2918">
        <v>72072</v>
      </c>
      <c r="S2918">
        <v>0</v>
      </c>
      <c r="T2918">
        <v>0</v>
      </c>
      <c r="U2918">
        <v>0</v>
      </c>
      <c r="V2918">
        <v>1</v>
      </c>
      <c r="W2918">
        <v>4</v>
      </c>
      <c r="X2918">
        <v>0</v>
      </c>
      <c r="Y2918">
        <v>59</v>
      </c>
      <c r="Z2918">
        <v>29</v>
      </c>
      <c r="AA2918">
        <v>128</v>
      </c>
      <c r="AB2918">
        <v>77</v>
      </c>
      <c r="AC2918">
        <v>167</v>
      </c>
      <c r="AD2918">
        <v>37</v>
      </c>
      <c r="AE2918">
        <v>67</v>
      </c>
      <c r="AF2918">
        <v>0</v>
      </c>
      <c r="AG2918">
        <v>122072</v>
      </c>
      <c r="AH2918">
        <v>50000</v>
      </c>
      <c r="AI2918">
        <v>0</v>
      </c>
      <c r="AJ2918">
        <v>101</v>
      </c>
      <c r="AK2918" t="s">
        <v>28</v>
      </c>
      <c r="AL2918">
        <v>0</v>
      </c>
      <c r="AM2918">
        <v>0</v>
      </c>
      <c r="AN2918">
        <v>0</v>
      </c>
      <c r="AO2918">
        <v>0</v>
      </c>
      <c r="AP2918">
        <v>0</v>
      </c>
      <c r="AQ2918">
        <v>0</v>
      </c>
      <c r="AR2918">
        <v>0</v>
      </c>
      <c r="AS2918">
        <v>0</v>
      </c>
      <c r="AT2918">
        <v>0</v>
      </c>
      <c r="AU2918">
        <v>0</v>
      </c>
      <c r="AV2918">
        <v>0</v>
      </c>
      <c r="AW2918">
        <v>0</v>
      </c>
      <c r="AX2918">
        <v>-3830</v>
      </c>
      <c r="AY2918">
        <v>52</v>
      </c>
      <c r="AZ2918">
        <v>126</v>
      </c>
      <c r="BA2918">
        <v>7078</v>
      </c>
    </row>
    <row r="2919" spans="1:53" x14ac:dyDescent="0.4">
      <c r="A2919">
        <v>2963</v>
      </c>
      <c r="B2919" s="1">
        <v>43772</v>
      </c>
      <c r="C2919">
        <v>3</v>
      </c>
      <c r="D2919" s="1">
        <v>43772.730555555558</v>
      </c>
      <c r="E2919" s="1">
        <v>43772.959722222222</v>
      </c>
      <c r="F2919">
        <v>43740</v>
      </c>
      <c r="G2919">
        <v>400</v>
      </c>
      <c r="H2919">
        <v>0</v>
      </c>
      <c r="I2919">
        <v>0</v>
      </c>
      <c r="J2919">
        <v>580</v>
      </c>
      <c r="K2919">
        <v>0</v>
      </c>
      <c r="L2919">
        <v>0</v>
      </c>
      <c r="M2919">
        <v>4356</v>
      </c>
      <c r="N2919">
        <v>0</v>
      </c>
      <c r="O2919">
        <v>0</v>
      </c>
      <c r="P2919">
        <v>26290</v>
      </c>
      <c r="Q2919">
        <v>0</v>
      </c>
      <c r="R2919">
        <v>74206</v>
      </c>
      <c r="S2919">
        <v>0</v>
      </c>
      <c r="T2919">
        <v>0</v>
      </c>
      <c r="U2919">
        <v>0</v>
      </c>
      <c r="V2919">
        <v>5</v>
      </c>
      <c r="W2919">
        <v>5</v>
      </c>
      <c r="X2919">
        <v>0</v>
      </c>
      <c r="Y2919">
        <v>87</v>
      </c>
      <c r="Z2919">
        <v>29</v>
      </c>
      <c r="AA2919">
        <v>130</v>
      </c>
      <c r="AB2919">
        <v>75</v>
      </c>
      <c r="AC2919">
        <v>169</v>
      </c>
      <c r="AD2919">
        <v>37</v>
      </c>
      <c r="AE2919">
        <v>75</v>
      </c>
      <c r="AF2919">
        <v>1078</v>
      </c>
      <c r="AG2919">
        <v>196278</v>
      </c>
      <c r="AH2919">
        <v>50000</v>
      </c>
      <c r="AI2919">
        <v>0</v>
      </c>
      <c r="AJ2919">
        <v>108</v>
      </c>
      <c r="AK2919" t="s">
        <v>30</v>
      </c>
      <c r="AL2919">
        <v>0</v>
      </c>
      <c r="AM2919">
        <v>0</v>
      </c>
      <c r="AN2919">
        <v>0</v>
      </c>
      <c r="AO2919">
        <v>0</v>
      </c>
      <c r="AP2919">
        <v>0</v>
      </c>
      <c r="AQ2919">
        <v>0</v>
      </c>
      <c r="AR2919">
        <v>0</v>
      </c>
      <c r="AS2919">
        <v>0</v>
      </c>
      <c r="AT2919">
        <v>0</v>
      </c>
      <c r="AU2919">
        <v>0</v>
      </c>
      <c r="AV2919">
        <v>0</v>
      </c>
      <c r="AW2919">
        <v>0</v>
      </c>
      <c r="AX2919">
        <v>-11118</v>
      </c>
      <c r="AY2919">
        <v>18</v>
      </c>
      <c r="AZ2919">
        <v>62</v>
      </c>
      <c r="BA2919">
        <v>3453</v>
      </c>
    </row>
    <row r="2920" spans="1:53" x14ac:dyDescent="0.4">
      <c r="A2920">
        <v>2964</v>
      </c>
      <c r="B2920" s="1">
        <v>43772</v>
      </c>
      <c r="C2920">
        <v>4</v>
      </c>
      <c r="D2920" s="1">
        <v>43772.959722222222</v>
      </c>
      <c r="E2920" s="1">
        <v>43773.079861111109</v>
      </c>
      <c r="F2920">
        <v>46500</v>
      </c>
      <c r="G2920">
        <v>1080</v>
      </c>
      <c r="H2920">
        <v>200</v>
      </c>
      <c r="I2920">
        <v>0</v>
      </c>
      <c r="J2920">
        <v>0</v>
      </c>
      <c r="K2920">
        <v>0</v>
      </c>
      <c r="L2920">
        <v>0</v>
      </c>
      <c r="M2920">
        <v>4778</v>
      </c>
      <c r="N2920">
        <v>0</v>
      </c>
      <c r="O2920">
        <v>0</v>
      </c>
      <c r="P2920">
        <v>16500</v>
      </c>
      <c r="Q2920">
        <v>0</v>
      </c>
      <c r="R2920">
        <v>69058</v>
      </c>
      <c r="S2920">
        <v>0</v>
      </c>
      <c r="T2920">
        <v>0</v>
      </c>
      <c r="U2920">
        <v>0</v>
      </c>
      <c r="V2920">
        <v>11</v>
      </c>
      <c r="W2920">
        <v>5</v>
      </c>
      <c r="X2920">
        <v>0</v>
      </c>
      <c r="Y2920">
        <v>90</v>
      </c>
      <c r="Z2920">
        <v>30</v>
      </c>
      <c r="AA2920">
        <v>136</v>
      </c>
      <c r="AB2920">
        <v>74</v>
      </c>
      <c r="AC2920">
        <v>169</v>
      </c>
      <c r="AD2920">
        <v>38</v>
      </c>
      <c r="AE2920">
        <v>73</v>
      </c>
      <c r="AF2920">
        <v>6083</v>
      </c>
      <c r="AG2920">
        <v>265336</v>
      </c>
      <c r="AH2920">
        <v>50000</v>
      </c>
      <c r="AI2920">
        <v>0</v>
      </c>
      <c r="AJ2920">
        <v>84</v>
      </c>
      <c r="AK2920" t="s">
        <v>16</v>
      </c>
      <c r="AL2920">
        <v>0</v>
      </c>
      <c r="AM2920">
        <v>0</v>
      </c>
      <c r="AN2920">
        <v>0</v>
      </c>
      <c r="AO2920">
        <v>0</v>
      </c>
      <c r="AP2920">
        <v>0</v>
      </c>
      <c r="AQ2920">
        <v>0</v>
      </c>
      <c r="AR2920">
        <v>0</v>
      </c>
      <c r="AS2920">
        <v>0</v>
      </c>
      <c r="AT2920">
        <v>0</v>
      </c>
      <c r="AU2920">
        <v>0</v>
      </c>
      <c r="AV2920">
        <v>0</v>
      </c>
      <c r="AW2920">
        <v>0</v>
      </c>
      <c r="AX2920">
        <v>1408</v>
      </c>
      <c r="AY2920">
        <v>7</v>
      </c>
      <c r="AZ2920">
        <v>20</v>
      </c>
      <c r="BA2920">
        <v>1205</v>
      </c>
    </row>
    <row r="2921" spans="1:53" x14ac:dyDescent="0.4">
      <c r="A2921">
        <v>2965</v>
      </c>
      <c r="B2921" s="1">
        <v>43773</v>
      </c>
      <c r="C2921">
        <v>1</v>
      </c>
      <c r="D2921" s="1">
        <v>43773.291666666664</v>
      </c>
      <c r="E2921" s="1">
        <v>43773.395833333336</v>
      </c>
      <c r="F2921">
        <v>0</v>
      </c>
      <c r="G2921">
        <v>0</v>
      </c>
      <c r="H2921">
        <v>0</v>
      </c>
      <c r="I2921">
        <v>0</v>
      </c>
      <c r="J2921">
        <v>0</v>
      </c>
      <c r="K2921">
        <v>0</v>
      </c>
      <c r="L2921">
        <v>0</v>
      </c>
      <c r="M2921">
        <v>0</v>
      </c>
      <c r="N2921">
        <v>0</v>
      </c>
      <c r="O2921">
        <v>0</v>
      </c>
      <c r="P2921">
        <v>0</v>
      </c>
      <c r="Q2921">
        <v>0</v>
      </c>
      <c r="R2921">
        <v>0</v>
      </c>
      <c r="S2921">
        <v>0</v>
      </c>
      <c r="T2921">
        <v>0</v>
      </c>
      <c r="U2921">
        <v>0</v>
      </c>
      <c r="V2921">
        <v>0</v>
      </c>
      <c r="W2921">
        <v>0</v>
      </c>
      <c r="X2921">
        <v>0</v>
      </c>
      <c r="Y2921">
        <v>27</v>
      </c>
      <c r="Z2921">
        <v>9</v>
      </c>
      <c r="AA2921">
        <v>133</v>
      </c>
      <c r="AB2921">
        <v>75</v>
      </c>
      <c r="AC2921">
        <v>120</v>
      </c>
      <c r="AD2921">
        <v>36</v>
      </c>
      <c r="AE2921">
        <v>70</v>
      </c>
      <c r="AF2921">
        <v>0</v>
      </c>
      <c r="AG2921">
        <v>50000</v>
      </c>
      <c r="AH2921">
        <v>50000</v>
      </c>
      <c r="AI2921">
        <v>0</v>
      </c>
      <c r="AJ2921">
        <v>0</v>
      </c>
      <c r="AK2921" t="s">
        <v>6</v>
      </c>
      <c r="AL2921">
        <v>0</v>
      </c>
      <c r="AM2921">
        <v>0</v>
      </c>
      <c r="AN2921">
        <v>0</v>
      </c>
      <c r="AO2921">
        <v>0</v>
      </c>
      <c r="AP2921">
        <v>0</v>
      </c>
      <c r="AQ2921">
        <v>0</v>
      </c>
      <c r="AR2921">
        <v>0</v>
      </c>
      <c r="AS2921">
        <v>0</v>
      </c>
      <c r="AT2921">
        <v>0</v>
      </c>
      <c r="AU2921">
        <v>0</v>
      </c>
      <c r="AV2921">
        <v>0</v>
      </c>
      <c r="AW2921">
        <v>0</v>
      </c>
      <c r="AX2921">
        <v>0</v>
      </c>
      <c r="AY2921">
        <v>0</v>
      </c>
      <c r="AZ2921">
        <v>0</v>
      </c>
      <c r="BA2921">
        <v>0</v>
      </c>
    </row>
    <row r="2922" spans="1:53" x14ac:dyDescent="0.4">
      <c r="A2922">
        <v>2966</v>
      </c>
      <c r="B2922" s="1">
        <v>43773</v>
      </c>
      <c r="C2922">
        <v>2</v>
      </c>
      <c r="D2922" s="1">
        <v>43773.395833333336</v>
      </c>
      <c r="E2922" s="1">
        <v>43773.752083333333</v>
      </c>
      <c r="F2922">
        <v>54250</v>
      </c>
      <c r="G2922">
        <v>2840</v>
      </c>
      <c r="H2922">
        <v>200</v>
      </c>
      <c r="I2922">
        <v>0</v>
      </c>
      <c r="J2922">
        <v>200</v>
      </c>
      <c r="K2922">
        <v>0</v>
      </c>
      <c r="L2922">
        <v>0</v>
      </c>
      <c r="M2922">
        <v>5709</v>
      </c>
      <c r="N2922">
        <v>0</v>
      </c>
      <c r="O2922">
        <v>0</v>
      </c>
      <c r="P2922">
        <v>25850</v>
      </c>
      <c r="Q2922">
        <v>0</v>
      </c>
      <c r="R2922">
        <v>88649</v>
      </c>
      <c r="S2922">
        <v>0</v>
      </c>
      <c r="T2922">
        <v>0</v>
      </c>
      <c r="U2922">
        <v>0</v>
      </c>
      <c r="V2922">
        <v>3</v>
      </c>
      <c r="W2922">
        <v>1</v>
      </c>
      <c r="X2922">
        <v>0</v>
      </c>
      <c r="Y2922">
        <v>56</v>
      </c>
      <c r="Z2922">
        <v>43</v>
      </c>
      <c r="AA2922">
        <v>194</v>
      </c>
      <c r="AB2922">
        <v>95</v>
      </c>
      <c r="AC2922">
        <v>173</v>
      </c>
      <c r="AD2922">
        <v>39</v>
      </c>
      <c r="AE2922">
        <v>74</v>
      </c>
      <c r="AF2922">
        <v>0</v>
      </c>
      <c r="AG2922">
        <v>138649</v>
      </c>
      <c r="AH2922">
        <v>50000</v>
      </c>
      <c r="AI2922">
        <v>0</v>
      </c>
      <c r="AJ2922">
        <v>101</v>
      </c>
      <c r="AK2922" t="s">
        <v>28</v>
      </c>
      <c r="AL2922">
        <v>0</v>
      </c>
      <c r="AM2922">
        <v>0</v>
      </c>
      <c r="AN2922">
        <v>0</v>
      </c>
      <c r="AO2922">
        <v>0</v>
      </c>
      <c r="AP2922">
        <v>0</v>
      </c>
      <c r="AQ2922">
        <v>0</v>
      </c>
      <c r="AR2922">
        <v>0</v>
      </c>
      <c r="AS2922">
        <v>0</v>
      </c>
      <c r="AT2922">
        <v>0</v>
      </c>
      <c r="AU2922">
        <v>0</v>
      </c>
      <c r="AV2922">
        <v>0</v>
      </c>
      <c r="AW2922">
        <v>0</v>
      </c>
      <c r="AX2922">
        <v>2090</v>
      </c>
      <c r="AY2922">
        <v>53</v>
      </c>
      <c r="AZ2922">
        <v>151</v>
      </c>
      <c r="BA2922">
        <v>7474</v>
      </c>
    </row>
    <row r="2923" spans="1:53" x14ac:dyDescent="0.4">
      <c r="A2923">
        <v>2967</v>
      </c>
      <c r="B2923" s="1">
        <v>43773</v>
      </c>
      <c r="C2923">
        <v>3</v>
      </c>
      <c r="D2923" s="1">
        <v>43773.752083333333</v>
      </c>
      <c r="E2923" s="1">
        <v>43773.95416666667</v>
      </c>
      <c r="F2923">
        <v>36000</v>
      </c>
      <c r="G2923">
        <v>2180</v>
      </c>
      <c r="H2923">
        <v>0</v>
      </c>
      <c r="I2923">
        <v>0</v>
      </c>
      <c r="J2923">
        <v>0</v>
      </c>
      <c r="K2923">
        <v>0</v>
      </c>
      <c r="L2923">
        <v>0</v>
      </c>
      <c r="M2923">
        <v>3818</v>
      </c>
      <c r="N2923">
        <v>0</v>
      </c>
      <c r="O2923">
        <v>0</v>
      </c>
      <c r="P2923">
        <v>-23210</v>
      </c>
      <c r="Q2923">
        <v>0</v>
      </c>
      <c r="R2923">
        <v>18788</v>
      </c>
      <c r="S2923">
        <v>0</v>
      </c>
      <c r="T2923">
        <v>0</v>
      </c>
      <c r="U2923">
        <v>0</v>
      </c>
      <c r="V2923">
        <v>3</v>
      </c>
      <c r="W2923">
        <v>2</v>
      </c>
      <c r="X2923">
        <v>0</v>
      </c>
      <c r="Y2923">
        <v>67</v>
      </c>
      <c r="Z2923">
        <v>48</v>
      </c>
      <c r="AA2923">
        <v>196</v>
      </c>
      <c r="AB2923">
        <v>96</v>
      </c>
      <c r="AC2923">
        <v>177</v>
      </c>
      <c r="AD2923">
        <v>38</v>
      </c>
      <c r="AE2923">
        <v>77</v>
      </c>
      <c r="AF2923">
        <v>0</v>
      </c>
      <c r="AG2923">
        <v>157437</v>
      </c>
      <c r="AH2923">
        <v>50000</v>
      </c>
      <c r="AI2923">
        <v>0</v>
      </c>
      <c r="AJ2923">
        <v>108</v>
      </c>
      <c r="AK2923" t="s">
        <v>30</v>
      </c>
      <c r="AL2923">
        <v>0</v>
      </c>
      <c r="AM2923">
        <v>0</v>
      </c>
      <c r="AN2923">
        <v>0</v>
      </c>
      <c r="AO2923">
        <v>0</v>
      </c>
      <c r="AP2923">
        <v>0</v>
      </c>
      <c r="AQ2923">
        <v>0</v>
      </c>
      <c r="AR2923">
        <v>0</v>
      </c>
      <c r="AS2923">
        <v>0</v>
      </c>
      <c r="AT2923">
        <v>0</v>
      </c>
      <c r="AU2923">
        <v>0</v>
      </c>
      <c r="AV2923">
        <v>0</v>
      </c>
      <c r="AW2923">
        <v>0</v>
      </c>
      <c r="AX2923">
        <v>9383</v>
      </c>
      <c r="AY2923">
        <v>12</v>
      </c>
      <c r="AZ2923">
        <v>24</v>
      </c>
      <c r="BA2923">
        <v>2948</v>
      </c>
    </row>
    <row r="2924" spans="1:53" x14ac:dyDescent="0.4">
      <c r="A2924">
        <v>2968</v>
      </c>
      <c r="B2924" s="1">
        <v>43774</v>
      </c>
      <c r="C2924">
        <v>1</v>
      </c>
      <c r="D2924" s="1">
        <v>43774.291666666664</v>
      </c>
      <c r="E2924" s="1">
        <v>43774.45</v>
      </c>
      <c r="F2924">
        <v>0</v>
      </c>
      <c r="G2924">
        <v>0</v>
      </c>
      <c r="H2924">
        <v>0</v>
      </c>
      <c r="I2924">
        <v>0</v>
      </c>
      <c r="J2924">
        <v>0</v>
      </c>
      <c r="K2924">
        <v>0</v>
      </c>
      <c r="L2924">
        <v>0</v>
      </c>
      <c r="M2924">
        <v>0</v>
      </c>
      <c r="N2924">
        <v>0</v>
      </c>
      <c r="O2924">
        <v>0</v>
      </c>
      <c r="P2924">
        <v>0</v>
      </c>
      <c r="Q2924">
        <v>0</v>
      </c>
      <c r="R2924">
        <v>0</v>
      </c>
      <c r="S2924">
        <v>0</v>
      </c>
      <c r="T2924">
        <v>0</v>
      </c>
      <c r="U2924">
        <v>0</v>
      </c>
      <c r="V2924">
        <v>0</v>
      </c>
      <c r="W2924">
        <v>0</v>
      </c>
      <c r="X2924">
        <v>0</v>
      </c>
      <c r="Y2924">
        <v>29</v>
      </c>
      <c r="Z2924">
        <v>9</v>
      </c>
      <c r="AA2924">
        <v>130</v>
      </c>
      <c r="AB2924">
        <v>42</v>
      </c>
      <c r="AC2924">
        <v>120</v>
      </c>
      <c r="AD2924">
        <v>35</v>
      </c>
      <c r="AE2924">
        <v>25</v>
      </c>
      <c r="AF2924">
        <v>0</v>
      </c>
      <c r="AG2924">
        <v>50000</v>
      </c>
      <c r="AH2924">
        <v>50000</v>
      </c>
      <c r="AI2924">
        <v>0</v>
      </c>
      <c r="AJ2924">
        <v>0</v>
      </c>
      <c r="AK2924" t="s">
        <v>6</v>
      </c>
      <c r="AL2924">
        <v>0</v>
      </c>
      <c r="AM2924">
        <v>0</v>
      </c>
      <c r="AN2924">
        <v>0</v>
      </c>
      <c r="AO2924">
        <v>0</v>
      </c>
      <c r="AP2924">
        <v>0</v>
      </c>
      <c r="AQ2924">
        <v>0</v>
      </c>
      <c r="AR2924">
        <v>0</v>
      </c>
      <c r="AS2924">
        <v>0</v>
      </c>
      <c r="AT2924">
        <v>0</v>
      </c>
      <c r="AU2924">
        <v>0</v>
      </c>
      <c r="AV2924">
        <v>0</v>
      </c>
      <c r="AW2924">
        <v>0</v>
      </c>
      <c r="AX2924">
        <v>0</v>
      </c>
      <c r="AY2924">
        <v>0</v>
      </c>
      <c r="AZ2924">
        <v>0</v>
      </c>
      <c r="BA2924">
        <v>0</v>
      </c>
    </row>
    <row r="2925" spans="1:53" x14ac:dyDescent="0.4">
      <c r="A2925">
        <v>2969</v>
      </c>
      <c r="B2925" s="1">
        <v>43774</v>
      </c>
      <c r="C2925">
        <v>2</v>
      </c>
      <c r="D2925" s="1">
        <v>43774.45</v>
      </c>
      <c r="E2925" s="1">
        <v>43774.746527777781</v>
      </c>
      <c r="F2925">
        <v>20500</v>
      </c>
      <c r="G2925">
        <v>1220</v>
      </c>
      <c r="H2925">
        <v>200</v>
      </c>
      <c r="I2925">
        <v>0</v>
      </c>
      <c r="J2925">
        <v>100</v>
      </c>
      <c r="K2925">
        <v>0</v>
      </c>
      <c r="L2925">
        <v>0</v>
      </c>
      <c r="M2925">
        <v>2182</v>
      </c>
      <c r="N2925">
        <v>0</v>
      </c>
      <c r="O2925">
        <v>0</v>
      </c>
      <c r="P2925">
        <v>15950</v>
      </c>
      <c r="Q2925">
        <v>0</v>
      </c>
      <c r="R2925">
        <v>39952</v>
      </c>
      <c r="S2925">
        <v>0</v>
      </c>
      <c r="T2925">
        <v>0</v>
      </c>
      <c r="U2925">
        <v>0</v>
      </c>
      <c r="V2925">
        <v>2</v>
      </c>
      <c r="W2925">
        <v>2</v>
      </c>
      <c r="X2925">
        <v>0</v>
      </c>
      <c r="Y2925">
        <v>34</v>
      </c>
      <c r="Z2925">
        <v>13</v>
      </c>
      <c r="AA2925">
        <v>146</v>
      </c>
      <c r="AB2925">
        <v>52</v>
      </c>
      <c r="AC2925">
        <v>151</v>
      </c>
      <c r="AD2925">
        <v>35</v>
      </c>
      <c r="AE2925">
        <v>27</v>
      </c>
      <c r="AF2925">
        <v>0</v>
      </c>
      <c r="AG2925">
        <v>89412</v>
      </c>
      <c r="AH2925">
        <v>50000</v>
      </c>
      <c r="AI2925">
        <v>-540</v>
      </c>
      <c r="AJ2925">
        <v>97</v>
      </c>
      <c r="AK2925" t="s">
        <v>33</v>
      </c>
      <c r="AL2925">
        <v>0</v>
      </c>
      <c r="AM2925">
        <v>0</v>
      </c>
      <c r="AN2925">
        <v>0</v>
      </c>
      <c r="AO2925">
        <v>0</v>
      </c>
      <c r="AP2925">
        <v>0</v>
      </c>
      <c r="AQ2925">
        <v>0</v>
      </c>
      <c r="AR2925">
        <v>0</v>
      </c>
      <c r="AS2925">
        <v>0</v>
      </c>
      <c r="AT2925">
        <v>0</v>
      </c>
      <c r="AU2925">
        <v>0</v>
      </c>
      <c r="AV2925">
        <v>0</v>
      </c>
      <c r="AW2925">
        <v>0</v>
      </c>
      <c r="AX2925">
        <v>-3300</v>
      </c>
      <c r="AY2925">
        <v>39</v>
      </c>
      <c r="AZ2925">
        <v>70</v>
      </c>
      <c r="BA2925">
        <v>4737</v>
      </c>
    </row>
    <row r="2926" spans="1:53" x14ac:dyDescent="0.4">
      <c r="A2926">
        <v>2970</v>
      </c>
      <c r="B2926" s="1">
        <v>43774</v>
      </c>
      <c r="C2926">
        <v>3</v>
      </c>
      <c r="D2926" s="1">
        <v>43774.746527777781</v>
      </c>
      <c r="E2926" s="1">
        <v>43774.952777777777</v>
      </c>
      <c r="F2926">
        <v>22500</v>
      </c>
      <c r="G2926">
        <v>1200</v>
      </c>
      <c r="H2926">
        <v>0</v>
      </c>
      <c r="I2926">
        <v>0</v>
      </c>
      <c r="J2926">
        <v>0</v>
      </c>
      <c r="K2926">
        <v>0</v>
      </c>
      <c r="L2926">
        <v>0</v>
      </c>
      <c r="M2926">
        <v>2370</v>
      </c>
      <c r="N2926">
        <v>0</v>
      </c>
      <c r="O2926">
        <v>0</v>
      </c>
      <c r="P2926">
        <v>-3630</v>
      </c>
      <c r="Q2926">
        <v>0</v>
      </c>
      <c r="R2926">
        <v>22440</v>
      </c>
      <c r="S2926">
        <v>0</v>
      </c>
      <c r="T2926">
        <v>0</v>
      </c>
      <c r="U2926">
        <v>0</v>
      </c>
      <c r="V2926">
        <v>3</v>
      </c>
      <c r="W2926">
        <v>3</v>
      </c>
      <c r="X2926">
        <v>0</v>
      </c>
      <c r="Y2926">
        <v>41</v>
      </c>
      <c r="Z2926">
        <v>16</v>
      </c>
      <c r="AA2926">
        <v>139</v>
      </c>
      <c r="AB2926">
        <v>54</v>
      </c>
      <c r="AC2926">
        <v>160</v>
      </c>
      <c r="AD2926">
        <v>35</v>
      </c>
      <c r="AE2926">
        <v>27</v>
      </c>
      <c r="AF2926">
        <v>0</v>
      </c>
      <c r="AG2926">
        <v>112402</v>
      </c>
      <c r="AH2926">
        <v>50000</v>
      </c>
      <c r="AI2926">
        <v>10</v>
      </c>
      <c r="AJ2926">
        <v>101</v>
      </c>
      <c r="AK2926" t="s">
        <v>28</v>
      </c>
      <c r="AL2926">
        <v>0</v>
      </c>
      <c r="AM2926">
        <v>0</v>
      </c>
      <c r="AN2926">
        <v>0</v>
      </c>
      <c r="AO2926">
        <v>0</v>
      </c>
      <c r="AP2926">
        <v>0</v>
      </c>
      <c r="AQ2926">
        <v>0</v>
      </c>
      <c r="AR2926">
        <v>0</v>
      </c>
      <c r="AS2926">
        <v>0</v>
      </c>
      <c r="AT2926">
        <v>0</v>
      </c>
      <c r="AU2926">
        <v>0</v>
      </c>
      <c r="AV2926">
        <v>0</v>
      </c>
      <c r="AW2926">
        <v>0</v>
      </c>
      <c r="AX2926">
        <v>12485</v>
      </c>
      <c r="AY2926">
        <v>9</v>
      </c>
      <c r="AZ2926">
        <v>21</v>
      </c>
      <c r="BA2926">
        <v>2420</v>
      </c>
    </row>
    <row r="2927" spans="1:53" x14ac:dyDescent="0.4">
      <c r="A2927">
        <v>2971</v>
      </c>
      <c r="B2927" s="1">
        <v>43775</v>
      </c>
      <c r="C2927">
        <v>1</v>
      </c>
      <c r="D2927" s="1">
        <v>43775.291666666664</v>
      </c>
      <c r="E2927" s="1">
        <v>43775.451388888891</v>
      </c>
      <c r="F2927">
        <v>0</v>
      </c>
      <c r="G2927">
        <v>0</v>
      </c>
      <c r="H2927">
        <v>0</v>
      </c>
      <c r="I2927">
        <v>0</v>
      </c>
      <c r="J2927">
        <v>0</v>
      </c>
      <c r="K2927">
        <v>0</v>
      </c>
      <c r="L2927">
        <v>0</v>
      </c>
      <c r="M2927">
        <v>0</v>
      </c>
      <c r="N2927">
        <v>0</v>
      </c>
      <c r="O2927">
        <v>0</v>
      </c>
      <c r="P2927">
        <v>0</v>
      </c>
      <c r="Q2927">
        <v>0</v>
      </c>
      <c r="R2927">
        <v>0</v>
      </c>
      <c r="S2927">
        <v>0</v>
      </c>
      <c r="T2927">
        <v>0</v>
      </c>
      <c r="U2927">
        <v>0</v>
      </c>
      <c r="V2927">
        <v>0</v>
      </c>
      <c r="W2927">
        <v>0</v>
      </c>
      <c r="X2927">
        <v>0</v>
      </c>
      <c r="Y2927">
        <v>26</v>
      </c>
      <c r="Z2927">
        <v>10</v>
      </c>
      <c r="AA2927">
        <v>150</v>
      </c>
      <c r="AB2927">
        <v>54</v>
      </c>
      <c r="AC2927">
        <v>111</v>
      </c>
      <c r="AD2927">
        <v>33</v>
      </c>
      <c r="AE2927">
        <v>25</v>
      </c>
      <c r="AF2927">
        <v>0</v>
      </c>
      <c r="AG2927">
        <v>50000</v>
      </c>
      <c r="AH2927">
        <v>50000</v>
      </c>
      <c r="AI2927">
        <v>0</v>
      </c>
      <c r="AJ2927">
        <v>0</v>
      </c>
      <c r="AK2927" t="s">
        <v>6</v>
      </c>
      <c r="AL2927">
        <v>0</v>
      </c>
      <c r="AM2927">
        <v>0</v>
      </c>
      <c r="AN2927">
        <v>0</v>
      </c>
      <c r="AO2927">
        <v>0</v>
      </c>
      <c r="AP2927">
        <v>0</v>
      </c>
      <c r="AQ2927">
        <v>0</v>
      </c>
      <c r="AR2927">
        <v>0</v>
      </c>
      <c r="AS2927">
        <v>0</v>
      </c>
      <c r="AT2927">
        <v>0</v>
      </c>
      <c r="AU2927">
        <v>0</v>
      </c>
      <c r="AV2927">
        <v>0</v>
      </c>
      <c r="AW2927">
        <v>0</v>
      </c>
      <c r="AX2927">
        <v>0</v>
      </c>
      <c r="AY2927">
        <v>0</v>
      </c>
      <c r="AZ2927">
        <v>0</v>
      </c>
      <c r="BA2927">
        <v>0</v>
      </c>
    </row>
    <row r="2928" spans="1:53" x14ac:dyDescent="0.4">
      <c r="A2928">
        <v>2972</v>
      </c>
      <c r="B2928" s="1">
        <v>43775</v>
      </c>
      <c r="C2928">
        <v>2</v>
      </c>
      <c r="D2928" s="1">
        <v>43775.451388888891</v>
      </c>
      <c r="E2928" s="1">
        <v>43775.730555555558</v>
      </c>
      <c r="F2928">
        <v>14000</v>
      </c>
      <c r="G2928">
        <v>0</v>
      </c>
      <c r="H2928">
        <v>200</v>
      </c>
      <c r="I2928">
        <v>0</v>
      </c>
      <c r="J2928">
        <v>0</v>
      </c>
      <c r="K2928">
        <v>0</v>
      </c>
      <c r="L2928">
        <v>0</v>
      </c>
      <c r="M2928">
        <v>1420</v>
      </c>
      <c r="N2928">
        <v>0</v>
      </c>
      <c r="O2928">
        <v>0</v>
      </c>
      <c r="P2928">
        <v>19800</v>
      </c>
      <c r="Q2928">
        <v>0</v>
      </c>
      <c r="R2928">
        <v>35420</v>
      </c>
      <c r="S2928">
        <v>0</v>
      </c>
      <c r="T2928">
        <v>0</v>
      </c>
      <c r="U2928">
        <v>0</v>
      </c>
      <c r="V2928">
        <v>0</v>
      </c>
      <c r="W2928">
        <v>1</v>
      </c>
      <c r="X2928">
        <v>0</v>
      </c>
      <c r="Y2928">
        <v>54</v>
      </c>
      <c r="Z2928">
        <v>14</v>
      </c>
      <c r="AA2928">
        <v>147</v>
      </c>
      <c r="AB2928">
        <v>51</v>
      </c>
      <c r="AC2928">
        <v>143</v>
      </c>
      <c r="AD2928">
        <v>33</v>
      </c>
      <c r="AE2928">
        <v>25</v>
      </c>
      <c r="AF2928">
        <v>550</v>
      </c>
      <c r="AG2928">
        <v>85420</v>
      </c>
      <c r="AH2928">
        <v>50000</v>
      </c>
      <c r="AI2928">
        <v>0</v>
      </c>
      <c r="AJ2928">
        <v>97</v>
      </c>
      <c r="AK2928" t="s">
        <v>33</v>
      </c>
      <c r="AL2928">
        <v>0</v>
      </c>
      <c r="AM2928">
        <v>0</v>
      </c>
      <c r="AN2928">
        <v>0</v>
      </c>
      <c r="AO2928">
        <v>0</v>
      </c>
      <c r="AP2928">
        <v>0</v>
      </c>
      <c r="AQ2928">
        <v>0</v>
      </c>
      <c r="AR2928">
        <v>0</v>
      </c>
      <c r="AS2928">
        <v>0</v>
      </c>
      <c r="AT2928">
        <v>0</v>
      </c>
      <c r="AU2928">
        <v>0</v>
      </c>
      <c r="AV2928">
        <v>0</v>
      </c>
      <c r="AW2928">
        <v>0</v>
      </c>
      <c r="AX2928">
        <v>220</v>
      </c>
      <c r="AY2928">
        <v>35</v>
      </c>
      <c r="AZ2928">
        <v>62</v>
      </c>
      <c r="BA2928">
        <v>4436</v>
      </c>
    </row>
    <row r="2929" spans="1:53" x14ac:dyDescent="0.4">
      <c r="A2929">
        <v>2973</v>
      </c>
      <c r="B2929" s="1">
        <v>43775</v>
      </c>
      <c r="C2929">
        <v>3</v>
      </c>
      <c r="D2929" s="1">
        <v>43775.730555555558</v>
      </c>
      <c r="E2929" s="1">
        <v>43775.957638888889</v>
      </c>
      <c r="F2929">
        <v>29900</v>
      </c>
      <c r="G2929">
        <v>660</v>
      </c>
      <c r="H2929">
        <v>0</v>
      </c>
      <c r="I2929">
        <v>0</v>
      </c>
      <c r="J2929">
        <v>200</v>
      </c>
      <c r="K2929">
        <v>200</v>
      </c>
      <c r="L2929">
        <v>0</v>
      </c>
      <c r="M2929">
        <v>3056</v>
      </c>
      <c r="N2929">
        <v>0</v>
      </c>
      <c r="O2929">
        <v>0</v>
      </c>
      <c r="P2929">
        <v>-19800</v>
      </c>
      <c r="Q2929">
        <v>0</v>
      </c>
      <c r="R2929">
        <v>13816</v>
      </c>
      <c r="S2929">
        <v>0</v>
      </c>
      <c r="T2929">
        <v>0</v>
      </c>
      <c r="U2929">
        <v>0</v>
      </c>
      <c r="V2929">
        <v>1</v>
      </c>
      <c r="W2929">
        <v>1</v>
      </c>
      <c r="X2929">
        <v>0</v>
      </c>
      <c r="Y2929">
        <v>56</v>
      </c>
      <c r="Z2929">
        <v>15</v>
      </c>
      <c r="AA2929">
        <v>161</v>
      </c>
      <c r="AB2929">
        <v>49</v>
      </c>
      <c r="AC2929">
        <v>145</v>
      </c>
      <c r="AD2929">
        <v>33</v>
      </c>
      <c r="AE2929">
        <v>21</v>
      </c>
      <c r="AF2929">
        <v>550</v>
      </c>
      <c r="AG2929">
        <v>99236</v>
      </c>
      <c r="AH2929">
        <v>50000</v>
      </c>
      <c r="AI2929">
        <v>0</v>
      </c>
      <c r="AJ2929">
        <v>100</v>
      </c>
      <c r="AK2929" t="s">
        <v>0</v>
      </c>
      <c r="AL2929">
        <v>0</v>
      </c>
      <c r="AM2929">
        <v>0</v>
      </c>
      <c r="AN2929">
        <v>0</v>
      </c>
      <c r="AO2929">
        <v>0</v>
      </c>
      <c r="AP2929">
        <v>0</v>
      </c>
      <c r="AQ2929">
        <v>0</v>
      </c>
      <c r="AR2929">
        <v>0</v>
      </c>
      <c r="AS2929">
        <v>0</v>
      </c>
      <c r="AT2929">
        <v>0</v>
      </c>
      <c r="AU2929">
        <v>0</v>
      </c>
      <c r="AV2929">
        <v>0</v>
      </c>
      <c r="AW2929">
        <v>0</v>
      </c>
      <c r="AX2929">
        <v>6336</v>
      </c>
      <c r="AY2929">
        <v>10</v>
      </c>
      <c r="AZ2929">
        <v>20</v>
      </c>
      <c r="BA2929">
        <v>2645</v>
      </c>
    </row>
    <row r="2930" spans="1:53" x14ac:dyDescent="0.4">
      <c r="A2930">
        <v>2974</v>
      </c>
      <c r="B2930" s="1">
        <v>43776</v>
      </c>
      <c r="C2930">
        <v>1</v>
      </c>
      <c r="D2930" s="1">
        <v>43776.291666666664</v>
      </c>
      <c r="E2930" s="1">
        <v>43776.453472222223</v>
      </c>
      <c r="F2930">
        <v>0</v>
      </c>
      <c r="G2930">
        <v>0</v>
      </c>
      <c r="H2930">
        <v>0</v>
      </c>
      <c r="I2930">
        <v>0</v>
      </c>
      <c r="J2930">
        <v>0</v>
      </c>
      <c r="K2930">
        <v>0</v>
      </c>
      <c r="L2930">
        <v>0</v>
      </c>
      <c r="M2930">
        <v>0</v>
      </c>
      <c r="N2930">
        <v>0</v>
      </c>
      <c r="O2930">
        <v>0</v>
      </c>
      <c r="P2930">
        <v>0</v>
      </c>
      <c r="Q2930">
        <v>0</v>
      </c>
      <c r="R2930">
        <v>0</v>
      </c>
      <c r="S2930">
        <v>0</v>
      </c>
      <c r="T2930">
        <v>0</v>
      </c>
      <c r="U2930">
        <v>0</v>
      </c>
      <c r="V2930">
        <v>0</v>
      </c>
      <c r="W2930">
        <v>0</v>
      </c>
      <c r="X2930">
        <v>0</v>
      </c>
      <c r="Y2930">
        <v>31</v>
      </c>
      <c r="Z2930">
        <v>9</v>
      </c>
      <c r="AA2930">
        <v>105</v>
      </c>
      <c r="AB2930">
        <v>48</v>
      </c>
      <c r="AC2930">
        <v>141</v>
      </c>
      <c r="AD2930">
        <v>33</v>
      </c>
      <c r="AE2930">
        <v>25</v>
      </c>
      <c r="AF2930">
        <v>0</v>
      </c>
      <c r="AG2930">
        <v>50000</v>
      </c>
      <c r="AH2930">
        <v>0</v>
      </c>
      <c r="AI2930">
        <v>50000</v>
      </c>
      <c r="AJ2930">
        <v>0</v>
      </c>
      <c r="AK2930" t="s">
        <v>6</v>
      </c>
      <c r="AL2930">
        <v>0</v>
      </c>
      <c r="AM2930">
        <v>0</v>
      </c>
      <c r="AN2930">
        <v>0</v>
      </c>
      <c r="AO2930">
        <v>0</v>
      </c>
      <c r="AP2930">
        <v>0</v>
      </c>
      <c r="AQ2930">
        <v>0</v>
      </c>
      <c r="AR2930">
        <v>0</v>
      </c>
      <c r="AS2930">
        <v>0</v>
      </c>
      <c r="AT2930">
        <v>0</v>
      </c>
      <c r="AU2930">
        <v>0</v>
      </c>
      <c r="AV2930">
        <v>0</v>
      </c>
      <c r="AW2930">
        <v>0</v>
      </c>
      <c r="AX2930">
        <v>0</v>
      </c>
      <c r="AY2930">
        <v>0</v>
      </c>
      <c r="AZ2930">
        <v>0</v>
      </c>
      <c r="BA2930">
        <v>0</v>
      </c>
    </row>
    <row r="2931" spans="1:53" x14ac:dyDescent="0.4">
      <c r="A2931">
        <v>2975</v>
      </c>
      <c r="B2931" s="1">
        <v>43776</v>
      </c>
      <c r="C2931">
        <v>2</v>
      </c>
      <c r="D2931" s="1">
        <v>43776.453472222223</v>
      </c>
      <c r="E2931" s="1">
        <v>43776.736111111109</v>
      </c>
      <c r="F2931">
        <v>5500</v>
      </c>
      <c r="G2931">
        <v>0</v>
      </c>
      <c r="H2931">
        <v>0</v>
      </c>
      <c r="I2931">
        <v>0</v>
      </c>
      <c r="J2931">
        <v>0</v>
      </c>
      <c r="K2931">
        <v>0</v>
      </c>
      <c r="L2931">
        <v>0</v>
      </c>
      <c r="M2931">
        <v>550</v>
      </c>
      <c r="N2931">
        <v>0</v>
      </c>
      <c r="O2931">
        <v>0</v>
      </c>
      <c r="P2931">
        <v>14520</v>
      </c>
      <c r="Q2931">
        <v>0</v>
      </c>
      <c r="R2931">
        <v>20570</v>
      </c>
      <c r="S2931">
        <v>0</v>
      </c>
      <c r="T2931">
        <v>0</v>
      </c>
      <c r="U2931">
        <v>0</v>
      </c>
      <c r="V2931">
        <v>2</v>
      </c>
      <c r="W2931">
        <v>0</v>
      </c>
      <c r="X2931">
        <v>0</v>
      </c>
      <c r="Y2931">
        <v>30</v>
      </c>
      <c r="Z2931">
        <v>10</v>
      </c>
      <c r="AA2931">
        <v>103</v>
      </c>
      <c r="AB2931">
        <v>45</v>
      </c>
      <c r="AC2931">
        <v>172</v>
      </c>
      <c r="AD2931">
        <v>34</v>
      </c>
      <c r="AE2931">
        <v>30</v>
      </c>
      <c r="AF2931">
        <v>1100</v>
      </c>
      <c r="AG2931">
        <v>70570</v>
      </c>
      <c r="AH2931">
        <v>50000</v>
      </c>
      <c r="AI2931">
        <v>0</v>
      </c>
      <c r="AJ2931">
        <v>96</v>
      </c>
      <c r="AK2931" t="s">
        <v>4</v>
      </c>
      <c r="AL2931">
        <v>0</v>
      </c>
      <c r="AM2931">
        <v>0</v>
      </c>
      <c r="AN2931">
        <v>0</v>
      </c>
      <c r="AO2931">
        <v>0</v>
      </c>
      <c r="AP2931">
        <v>0</v>
      </c>
      <c r="AQ2931">
        <v>0</v>
      </c>
      <c r="AR2931">
        <v>0</v>
      </c>
      <c r="AS2931">
        <v>0</v>
      </c>
      <c r="AT2931">
        <v>0</v>
      </c>
      <c r="AU2931">
        <v>0</v>
      </c>
      <c r="AV2931">
        <v>0</v>
      </c>
      <c r="AW2931">
        <v>0</v>
      </c>
      <c r="AX2931">
        <v>-1650</v>
      </c>
      <c r="AY2931">
        <v>19</v>
      </c>
      <c r="AZ2931">
        <v>36</v>
      </c>
      <c r="BA2931">
        <v>2427</v>
      </c>
    </row>
    <row r="2932" spans="1:53" x14ac:dyDescent="0.4">
      <c r="A2932">
        <v>2976</v>
      </c>
      <c r="B2932" s="1">
        <v>43776</v>
      </c>
      <c r="C2932">
        <v>3</v>
      </c>
      <c r="D2932" s="1">
        <v>43776.736111111109</v>
      </c>
      <c r="E2932" s="1">
        <v>43776.95</v>
      </c>
      <c r="F2932">
        <v>31260</v>
      </c>
      <c r="G2932">
        <v>820</v>
      </c>
      <c r="H2932">
        <v>0</v>
      </c>
      <c r="I2932">
        <v>0</v>
      </c>
      <c r="J2932">
        <v>300</v>
      </c>
      <c r="K2932">
        <v>0</v>
      </c>
      <c r="L2932">
        <v>0</v>
      </c>
      <c r="M2932">
        <v>3178</v>
      </c>
      <c r="N2932">
        <v>0</v>
      </c>
      <c r="O2932">
        <v>0</v>
      </c>
      <c r="P2932">
        <v>-14520</v>
      </c>
      <c r="Q2932">
        <v>0</v>
      </c>
      <c r="R2932">
        <v>20438</v>
      </c>
      <c r="S2932">
        <v>0</v>
      </c>
      <c r="T2932">
        <v>0</v>
      </c>
      <c r="U2932">
        <v>0</v>
      </c>
      <c r="V2932">
        <v>2</v>
      </c>
      <c r="W2932">
        <v>1</v>
      </c>
      <c r="X2932">
        <v>0</v>
      </c>
      <c r="Y2932">
        <v>39</v>
      </c>
      <c r="Z2932">
        <v>10</v>
      </c>
      <c r="AA2932">
        <v>109</v>
      </c>
      <c r="AB2932">
        <v>50</v>
      </c>
      <c r="AC2932">
        <v>176</v>
      </c>
      <c r="AD2932">
        <v>35</v>
      </c>
      <c r="AE2932">
        <v>29</v>
      </c>
      <c r="AF2932">
        <v>6644</v>
      </c>
      <c r="AG2932">
        <v>91008</v>
      </c>
      <c r="AH2932">
        <v>50000</v>
      </c>
      <c r="AI2932">
        <v>0</v>
      </c>
      <c r="AJ2932">
        <v>84</v>
      </c>
      <c r="AK2932" t="s">
        <v>16</v>
      </c>
      <c r="AL2932">
        <v>0</v>
      </c>
      <c r="AM2932">
        <v>0</v>
      </c>
      <c r="AN2932">
        <v>0</v>
      </c>
      <c r="AO2932">
        <v>0</v>
      </c>
      <c r="AP2932">
        <v>0</v>
      </c>
      <c r="AQ2932">
        <v>0</v>
      </c>
      <c r="AR2932">
        <v>0</v>
      </c>
      <c r="AS2932">
        <v>0</v>
      </c>
      <c r="AT2932">
        <v>0</v>
      </c>
      <c r="AU2932">
        <v>0</v>
      </c>
      <c r="AV2932">
        <v>0</v>
      </c>
      <c r="AW2932">
        <v>0</v>
      </c>
      <c r="AX2932">
        <v>9735</v>
      </c>
      <c r="AY2932">
        <v>16</v>
      </c>
      <c r="AZ2932">
        <v>31</v>
      </c>
      <c r="BA2932">
        <v>2783</v>
      </c>
    </row>
    <row r="2933" spans="1:53" x14ac:dyDescent="0.4">
      <c r="A2933">
        <v>2977</v>
      </c>
      <c r="B2933" s="1">
        <v>43777</v>
      </c>
      <c r="C2933">
        <v>1</v>
      </c>
      <c r="D2933" s="1">
        <v>43777.291666666664</v>
      </c>
      <c r="E2933" s="1">
        <v>43777.45416666667</v>
      </c>
      <c r="F2933">
        <v>0</v>
      </c>
      <c r="G2933">
        <v>0</v>
      </c>
      <c r="H2933">
        <v>0</v>
      </c>
      <c r="I2933">
        <v>0</v>
      </c>
      <c r="J2933">
        <v>0</v>
      </c>
      <c r="K2933">
        <v>0</v>
      </c>
      <c r="L2933">
        <v>0</v>
      </c>
      <c r="M2933">
        <v>0</v>
      </c>
      <c r="N2933">
        <v>0</v>
      </c>
      <c r="O2933">
        <v>0</v>
      </c>
      <c r="P2933">
        <v>0</v>
      </c>
      <c r="Q2933">
        <v>0</v>
      </c>
      <c r="R2933">
        <v>0</v>
      </c>
      <c r="S2933">
        <v>0</v>
      </c>
      <c r="T2933">
        <v>0</v>
      </c>
      <c r="U2933">
        <v>0</v>
      </c>
      <c r="V2933">
        <v>0</v>
      </c>
      <c r="W2933">
        <v>0</v>
      </c>
      <c r="X2933">
        <v>0</v>
      </c>
      <c r="Y2933">
        <v>31</v>
      </c>
      <c r="Z2933">
        <v>8</v>
      </c>
      <c r="AA2933">
        <v>110</v>
      </c>
      <c r="AB2933">
        <v>53</v>
      </c>
      <c r="AC2933">
        <v>116</v>
      </c>
      <c r="AD2933">
        <v>33</v>
      </c>
      <c r="AE2933">
        <v>25</v>
      </c>
      <c r="AF2933">
        <v>0</v>
      </c>
      <c r="AG2933">
        <v>50000</v>
      </c>
      <c r="AH2933">
        <v>0</v>
      </c>
      <c r="AI2933">
        <v>50000</v>
      </c>
      <c r="AJ2933">
        <v>0</v>
      </c>
      <c r="AK2933" t="s">
        <v>6</v>
      </c>
      <c r="AL2933">
        <v>0</v>
      </c>
      <c r="AM2933">
        <v>0</v>
      </c>
      <c r="AN2933">
        <v>0</v>
      </c>
      <c r="AO2933">
        <v>0</v>
      </c>
      <c r="AP2933">
        <v>0</v>
      </c>
      <c r="AQ2933">
        <v>0</v>
      </c>
      <c r="AR2933">
        <v>0</v>
      </c>
      <c r="AS2933">
        <v>0</v>
      </c>
      <c r="AT2933">
        <v>0</v>
      </c>
      <c r="AU2933">
        <v>0</v>
      </c>
      <c r="AV2933">
        <v>0</v>
      </c>
      <c r="AW2933">
        <v>0</v>
      </c>
      <c r="AX2933">
        <v>0</v>
      </c>
      <c r="AY2933">
        <v>0</v>
      </c>
      <c r="AZ2933">
        <v>0</v>
      </c>
      <c r="BA2933">
        <v>0</v>
      </c>
    </row>
    <row r="2934" spans="1:53" x14ac:dyDescent="0.4">
      <c r="A2934">
        <v>2978</v>
      </c>
      <c r="B2934" s="1">
        <v>43777</v>
      </c>
      <c r="C2934">
        <v>2</v>
      </c>
      <c r="D2934" s="1">
        <v>43777.45416666667</v>
      </c>
      <c r="E2934" s="1">
        <v>43777.752083333333</v>
      </c>
      <c r="F2934">
        <v>14500</v>
      </c>
      <c r="G2934">
        <v>380</v>
      </c>
      <c r="H2934">
        <v>200</v>
      </c>
      <c r="I2934">
        <v>0</v>
      </c>
      <c r="J2934">
        <v>0</v>
      </c>
      <c r="K2934">
        <v>0</v>
      </c>
      <c r="L2934">
        <v>0</v>
      </c>
      <c r="M2934">
        <v>1508</v>
      </c>
      <c r="N2934">
        <v>0</v>
      </c>
      <c r="O2934">
        <v>0</v>
      </c>
      <c r="P2934">
        <v>20350</v>
      </c>
      <c r="Q2934">
        <v>0</v>
      </c>
      <c r="R2934">
        <v>36938</v>
      </c>
      <c r="S2934">
        <v>0</v>
      </c>
      <c r="T2934">
        <v>0</v>
      </c>
      <c r="U2934">
        <v>0</v>
      </c>
      <c r="V2934">
        <v>1</v>
      </c>
      <c r="W2934">
        <v>0</v>
      </c>
      <c r="X2934">
        <v>0</v>
      </c>
      <c r="Y2934">
        <v>38</v>
      </c>
      <c r="Z2934">
        <v>18</v>
      </c>
      <c r="AA2934">
        <v>132</v>
      </c>
      <c r="AB2934">
        <v>60</v>
      </c>
      <c r="AC2934">
        <v>189</v>
      </c>
      <c r="AD2934">
        <v>34</v>
      </c>
      <c r="AE2934">
        <v>28</v>
      </c>
      <c r="AF2934">
        <v>11650</v>
      </c>
      <c r="AG2934">
        <v>86938</v>
      </c>
      <c r="AH2934">
        <v>50000</v>
      </c>
      <c r="AI2934">
        <v>0</v>
      </c>
      <c r="AJ2934">
        <v>96</v>
      </c>
      <c r="AK2934" t="s">
        <v>4</v>
      </c>
      <c r="AL2934">
        <v>0</v>
      </c>
      <c r="AM2934">
        <v>0</v>
      </c>
      <c r="AN2934">
        <v>0</v>
      </c>
      <c r="AO2934">
        <v>0</v>
      </c>
      <c r="AP2934">
        <v>0</v>
      </c>
      <c r="AQ2934">
        <v>0</v>
      </c>
      <c r="AR2934">
        <v>0</v>
      </c>
      <c r="AS2934">
        <v>0</v>
      </c>
      <c r="AT2934">
        <v>0</v>
      </c>
      <c r="AU2934">
        <v>0</v>
      </c>
      <c r="AV2934">
        <v>0</v>
      </c>
      <c r="AW2934">
        <v>0</v>
      </c>
      <c r="AX2934">
        <v>-550</v>
      </c>
      <c r="AY2934">
        <v>36</v>
      </c>
      <c r="AZ2934">
        <v>64</v>
      </c>
      <c r="BA2934">
        <v>4872</v>
      </c>
    </row>
    <row r="2935" spans="1:53" x14ac:dyDescent="0.4">
      <c r="A2935">
        <v>2979</v>
      </c>
      <c r="B2935" s="1">
        <v>43778</v>
      </c>
      <c r="C2935">
        <v>1</v>
      </c>
      <c r="D2935" s="1">
        <v>43778.291666666664</v>
      </c>
      <c r="E2935" s="1">
        <v>43778.405555555553</v>
      </c>
      <c r="F2935">
        <v>0</v>
      </c>
      <c r="G2935">
        <v>0</v>
      </c>
      <c r="H2935">
        <v>0</v>
      </c>
      <c r="I2935">
        <v>0</v>
      </c>
      <c r="J2935">
        <v>0</v>
      </c>
      <c r="K2935">
        <v>0</v>
      </c>
      <c r="L2935">
        <v>0</v>
      </c>
      <c r="M2935">
        <v>0</v>
      </c>
      <c r="N2935">
        <v>0</v>
      </c>
      <c r="O2935">
        <v>0</v>
      </c>
      <c r="P2935">
        <v>0</v>
      </c>
      <c r="Q2935">
        <v>0</v>
      </c>
      <c r="R2935">
        <v>0</v>
      </c>
      <c r="S2935">
        <v>0</v>
      </c>
      <c r="T2935">
        <v>0</v>
      </c>
      <c r="U2935">
        <v>0</v>
      </c>
      <c r="V2935">
        <v>0</v>
      </c>
      <c r="W2935">
        <v>0</v>
      </c>
      <c r="X2935">
        <v>0</v>
      </c>
      <c r="Y2935">
        <v>30</v>
      </c>
      <c r="Z2935">
        <v>9</v>
      </c>
      <c r="AA2935">
        <v>111</v>
      </c>
      <c r="AB2935">
        <v>57</v>
      </c>
      <c r="AC2935">
        <v>137</v>
      </c>
      <c r="AD2935">
        <v>30</v>
      </c>
      <c r="AE2935">
        <v>30</v>
      </c>
      <c r="AF2935">
        <v>0</v>
      </c>
      <c r="AG2935">
        <v>50000</v>
      </c>
      <c r="AH2935">
        <v>50000</v>
      </c>
      <c r="AI2935">
        <v>0</v>
      </c>
      <c r="AJ2935">
        <v>0</v>
      </c>
      <c r="AK2935" t="s">
        <v>6</v>
      </c>
      <c r="AL2935">
        <v>0</v>
      </c>
      <c r="AM2935">
        <v>0</v>
      </c>
      <c r="AN2935">
        <v>0</v>
      </c>
      <c r="AO2935">
        <v>0</v>
      </c>
      <c r="AP2935">
        <v>0</v>
      </c>
      <c r="AQ2935">
        <v>0</v>
      </c>
      <c r="AR2935">
        <v>0</v>
      </c>
      <c r="AS2935">
        <v>0</v>
      </c>
      <c r="AT2935">
        <v>0</v>
      </c>
      <c r="AU2935">
        <v>0</v>
      </c>
      <c r="AV2935">
        <v>0</v>
      </c>
      <c r="AW2935">
        <v>0</v>
      </c>
      <c r="AX2935">
        <v>0</v>
      </c>
      <c r="AY2935">
        <v>0</v>
      </c>
      <c r="AZ2935">
        <v>0</v>
      </c>
      <c r="BA2935">
        <v>0</v>
      </c>
    </row>
    <row r="2936" spans="1:53" x14ac:dyDescent="0.4">
      <c r="A2936">
        <v>2980</v>
      </c>
      <c r="B2936" s="1">
        <v>43778</v>
      </c>
      <c r="C2936">
        <v>2</v>
      </c>
      <c r="D2936" s="1">
        <v>43778.405555555553</v>
      </c>
      <c r="E2936" s="1">
        <v>43778.740972222222</v>
      </c>
      <c r="F2936">
        <v>39000</v>
      </c>
      <c r="G2936">
        <v>2720</v>
      </c>
      <c r="H2936">
        <v>400</v>
      </c>
      <c r="I2936">
        <v>0</v>
      </c>
      <c r="J2936">
        <v>100</v>
      </c>
      <c r="K2936">
        <v>0</v>
      </c>
      <c r="L2936">
        <v>0</v>
      </c>
      <c r="M2936">
        <v>4202</v>
      </c>
      <c r="N2936">
        <v>0</v>
      </c>
      <c r="O2936">
        <v>0</v>
      </c>
      <c r="P2936">
        <v>16500</v>
      </c>
      <c r="Q2936">
        <v>0</v>
      </c>
      <c r="R2936">
        <v>62722</v>
      </c>
      <c r="S2936">
        <v>0</v>
      </c>
      <c r="T2936">
        <v>0</v>
      </c>
      <c r="U2936">
        <v>0</v>
      </c>
      <c r="V2936">
        <v>1</v>
      </c>
      <c r="W2936">
        <v>0</v>
      </c>
      <c r="X2936">
        <v>0</v>
      </c>
      <c r="Y2936">
        <v>73</v>
      </c>
      <c r="Z2936">
        <v>21</v>
      </c>
      <c r="AA2936">
        <v>157</v>
      </c>
      <c r="AB2936">
        <v>67</v>
      </c>
      <c r="AC2936">
        <v>161</v>
      </c>
      <c r="AD2936">
        <v>28</v>
      </c>
      <c r="AE2936">
        <v>22</v>
      </c>
      <c r="AF2936">
        <v>0</v>
      </c>
      <c r="AG2936">
        <v>114322</v>
      </c>
      <c r="AH2936">
        <v>50000</v>
      </c>
      <c r="AI2936">
        <v>1600</v>
      </c>
      <c r="AJ2936">
        <v>93</v>
      </c>
      <c r="AK2936" t="s">
        <v>20</v>
      </c>
      <c r="AL2936">
        <v>0</v>
      </c>
      <c r="AM2936">
        <v>0</v>
      </c>
      <c r="AN2936">
        <v>0</v>
      </c>
      <c r="AO2936">
        <v>0</v>
      </c>
      <c r="AP2936">
        <v>0</v>
      </c>
      <c r="AQ2936">
        <v>0</v>
      </c>
      <c r="AR2936">
        <v>0</v>
      </c>
      <c r="AS2936">
        <v>0</v>
      </c>
      <c r="AT2936">
        <v>0</v>
      </c>
      <c r="AU2936">
        <v>0</v>
      </c>
      <c r="AV2936">
        <v>0</v>
      </c>
      <c r="AW2936">
        <v>0</v>
      </c>
      <c r="AX2936">
        <v>1276</v>
      </c>
      <c r="AY2936">
        <v>49</v>
      </c>
      <c r="AZ2936">
        <v>102</v>
      </c>
      <c r="BA2936">
        <v>7718</v>
      </c>
    </row>
    <row r="2937" spans="1:53" x14ac:dyDescent="0.4">
      <c r="A2937">
        <v>2981</v>
      </c>
      <c r="B2937" s="1">
        <v>43779</v>
      </c>
      <c r="C2937">
        <v>1</v>
      </c>
      <c r="D2937" s="1">
        <v>43779.291666666664</v>
      </c>
      <c r="E2937" s="1">
        <v>43779.411805555559</v>
      </c>
      <c r="F2937">
        <v>0</v>
      </c>
      <c r="G2937">
        <v>0</v>
      </c>
      <c r="H2937">
        <v>0</v>
      </c>
      <c r="I2937">
        <v>0</v>
      </c>
      <c r="J2937">
        <v>0</v>
      </c>
      <c r="K2937">
        <v>0</v>
      </c>
      <c r="L2937">
        <v>0</v>
      </c>
      <c r="M2937">
        <v>0</v>
      </c>
      <c r="N2937">
        <v>0</v>
      </c>
      <c r="O2937">
        <v>0</v>
      </c>
      <c r="P2937">
        <v>0</v>
      </c>
      <c r="Q2937">
        <v>0</v>
      </c>
      <c r="R2937">
        <v>0</v>
      </c>
      <c r="S2937">
        <v>0</v>
      </c>
      <c r="T2937">
        <v>0</v>
      </c>
      <c r="U2937">
        <v>0</v>
      </c>
      <c r="V2937">
        <v>0</v>
      </c>
      <c r="W2937">
        <v>0</v>
      </c>
      <c r="X2937">
        <v>0</v>
      </c>
      <c r="Y2937">
        <v>31</v>
      </c>
      <c r="Z2937">
        <v>7</v>
      </c>
      <c r="AA2937">
        <v>108</v>
      </c>
      <c r="AB2937">
        <v>67</v>
      </c>
      <c r="AC2937">
        <v>116</v>
      </c>
      <c r="AD2937">
        <v>33</v>
      </c>
      <c r="AE2937">
        <v>25</v>
      </c>
      <c r="AF2937">
        <v>0</v>
      </c>
      <c r="AG2937">
        <v>50000</v>
      </c>
      <c r="AH2937">
        <v>50000</v>
      </c>
      <c r="AI2937">
        <v>0</v>
      </c>
      <c r="AJ2937">
        <v>0</v>
      </c>
      <c r="AK2937" t="s">
        <v>6</v>
      </c>
      <c r="AL2937">
        <v>0</v>
      </c>
      <c r="AM2937">
        <v>0</v>
      </c>
      <c r="AN2937">
        <v>0</v>
      </c>
      <c r="AO2937">
        <v>0</v>
      </c>
      <c r="AP2937">
        <v>0</v>
      </c>
      <c r="AQ2937">
        <v>0</v>
      </c>
      <c r="AR2937">
        <v>0</v>
      </c>
      <c r="AS2937">
        <v>0</v>
      </c>
      <c r="AT2937">
        <v>0</v>
      </c>
      <c r="AU2937">
        <v>0</v>
      </c>
      <c r="AV2937">
        <v>0</v>
      </c>
      <c r="AW2937">
        <v>0</v>
      </c>
      <c r="AX2937">
        <v>0</v>
      </c>
      <c r="AY2937">
        <v>0</v>
      </c>
      <c r="AZ2937">
        <v>0</v>
      </c>
      <c r="BA2937">
        <v>0</v>
      </c>
    </row>
    <row r="2938" spans="1:53" x14ac:dyDescent="0.4">
      <c r="A2938">
        <v>2982</v>
      </c>
      <c r="B2938" s="1">
        <v>43779</v>
      </c>
      <c r="C2938">
        <v>2</v>
      </c>
      <c r="D2938" s="1">
        <v>43779.411805555559</v>
      </c>
      <c r="E2938" s="1">
        <v>43779.744444444441</v>
      </c>
      <c r="F2938">
        <v>38000</v>
      </c>
      <c r="G2938">
        <v>2160</v>
      </c>
      <c r="H2938">
        <v>0</v>
      </c>
      <c r="I2938">
        <v>0</v>
      </c>
      <c r="J2938">
        <v>100</v>
      </c>
      <c r="K2938">
        <v>0</v>
      </c>
      <c r="L2938">
        <v>0</v>
      </c>
      <c r="M2938">
        <v>4006</v>
      </c>
      <c r="N2938">
        <v>0</v>
      </c>
      <c r="O2938">
        <v>0</v>
      </c>
      <c r="P2938">
        <v>20350</v>
      </c>
      <c r="Q2938">
        <v>0</v>
      </c>
      <c r="R2938">
        <v>64416</v>
      </c>
      <c r="S2938">
        <v>0</v>
      </c>
      <c r="T2938">
        <v>0</v>
      </c>
      <c r="U2938">
        <v>0</v>
      </c>
      <c r="V2938">
        <v>2</v>
      </c>
      <c r="W2938">
        <v>0</v>
      </c>
      <c r="X2938">
        <v>0</v>
      </c>
      <c r="Y2938">
        <v>59</v>
      </c>
      <c r="Z2938">
        <v>29</v>
      </c>
      <c r="AA2938">
        <v>140</v>
      </c>
      <c r="AB2938">
        <v>82</v>
      </c>
      <c r="AC2938">
        <v>152</v>
      </c>
      <c r="AD2938">
        <v>34</v>
      </c>
      <c r="AE2938">
        <v>26</v>
      </c>
      <c r="AF2938">
        <v>1100</v>
      </c>
      <c r="AG2938">
        <v>114416</v>
      </c>
      <c r="AH2938">
        <v>50000</v>
      </c>
      <c r="AI2938">
        <v>0</v>
      </c>
      <c r="AJ2938">
        <v>82</v>
      </c>
      <c r="AK2938" t="s">
        <v>41</v>
      </c>
      <c r="AL2938">
        <v>0</v>
      </c>
      <c r="AM2938">
        <v>0</v>
      </c>
      <c r="AN2938">
        <v>0</v>
      </c>
      <c r="AO2938">
        <v>0</v>
      </c>
      <c r="AP2938">
        <v>0</v>
      </c>
      <c r="AQ2938">
        <v>0</v>
      </c>
      <c r="AR2938">
        <v>0</v>
      </c>
      <c r="AS2938">
        <v>0</v>
      </c>
      <c r="AT2938">
        <v>0</v>
      </c>
      <c r="AU2938">
        <v>0</v>
      </c>
      <c r="AV2938">
        <v>0</v>
      </c>
      <c r="AW2938">
        <v>0</v>
      </c>
      <c r="AX2938">
        <v>594</v>
      </c>
      <c r="AY2938">
        <v>54</v>
      </c>
      <c r="AZ2938">
        <v>111</v>
      </c>
      <c r="BA2938">
        <v>8121</v>
      </c>
    </row>
    <row r="2939" spans="1:53" x14ac:dyDescent="0.4">
      <c r="A2939">
        <v>2983</v>
      </c>
      <c r="B2939" s="1">
        <v>43779</v>
      </c>
      <c r="C2939">
        <v>3</v>
      </c>
      <c r="D2939" s="1">
        <v>43779.744444444441</v>
      </c>
      <c r="E2939" s="1">
        <v>43779.950694444444</v>
      </c>
      <c r="F2939">
        <v>40750</v>
      </c>
      <c r="G2939">
        <v>3720</v>
      </c>
      <c r="H2939">
        <v>0</v>
      </c>
      <c r="I2939">
        <v>0</v>
      </c>
      <c r="J2939">
        <v>0</v>
      </c>
      <c r="K2939">
        <v>0</v>
      </c>
      <c r="L2939">
        <v>0</v>
      </c>
      <c r="M2939">
        <v>4447</v>
      </c>
      <c r="N2939">
        <v>0</v>
      </c>
      <c r="O2939">
        <v>0</v>
      </c>
      <c r="P2939">
        <v>-16390</v>
      </c>
      <c r="Q2939">
        <v>0</v>
      </c>
      <c r="R2939">
        <v>32527</v>
      </c>
      <c r="S2939">
        <v>0</v>
      </c>
      <c r="T2939">
        <v>0</v>
      </c>
      <c r="U2939">
        <v>0</v>
      </c>
      <c r="V2939">
        <v>5</v>
      </c>
      <c r="W2939">
        <v>0</v>
      </c>
      <c r="X2939">
        <v>0</v>
      </c>
      <c r="Y2939">
        <v>57</v>
      </c>
      <c r="Z2939">
        <v>28</v>
      </c>
      <c r="AA2939">
        <v>143</v>
      </c>
      <c r="AB2939">
        <v>82</v>
      </c>
      <c r="AC2939">
        <v>155</v>
      </c>
      <c r="AD2939">
        <v>34</v>
      </c>
      <c r="AE2939">
        <v>26</v>
      </c>
      <c r="AF2939">
        <v>5797</v>
      </c>
      <c r="AG2939">
        <v>146943</v>
      </c>
      <c r="AH2939">
        <v>50000</v>
      </c>
      <c r="AI2939">
        <v>0</v>
      </c>
      <c r="AJ2939">
        <v>84</v>
      </c>
      <c r="AK2939" t="s">
        <v>16</v>
      </c>
      <c r="AL2939">
        <v>0</v>
      </c>
      <c r="AM2939">
        <v>0</v>
      </c>
      <c r="AN2939">
        <v>0</v>
      </c>
      <c r="AO2939">
        <v>0</v>
      </c>
      <c r="AP2939">
        <v>0</v>
      </c>
      <c r="AQ2939">
        <v>0</v>
      </c>
      <c r="AR2939">
        <v>0</v>
      </c>
      <c r="AS2939">
        <v>0</v>
      </c>
      <c r="AT2939">
        <v>0</v>
      </c>
      <c r="AU2939">
        <v>0</v>
      </c>
      <c r="AV2939">
        <v>0</v>
      </c>
      <c r="AW2939">
        <v>0</v>
      </c>
      <c r="AX2939">
        <v>20020</v>
      </c>
      <c r="AY2939">
        <v>15</v>
      </c>
      <c r="AZ2939">
        <v>42</v>
      </c>
      <c r="BA2939">
        <v>2917</v>
      </c>
    </row>
    <row r="2940" spans="1:53" x14ac:dyDescent="0.4">
      <c r="A2940">
        <v>2984</v>
      </c>
      <c r="B2940" s="1">
        <v>43780</v>
      </c>
      <c r="C2940">
        <v>1</v>
      </c>
      <c r="D2940" s="1">
        <v>43780.291666666664</v>
      </c>
      <c r="E2940" s="1">
        <v>43780.456250000003</v>
      </c>
      <c r="F2940">
        <v>0</v>
      </c>
      <c r="G2940">
        <v>0</v>
      </c>
      <c r="H2940">
        <v>0</v>
      </c>
      <c r="I2940">
        <v>0</v>
      </c>
      <c r="J2940">
        <v>0</v>
      </c>
      <c r="K2940">
        <v>0</v>
      </c>
      <c r="L2940">
        <v>0</v>
      </c>
      <c r="M2940">
        <v>0</v>
      </c>
      <c r="N2940">
        <v>0</v>
      </c>
      <c r="O2940">
        <v>0</v>
      </c>
      <c r="P2940">
        <v>0</v>
      </c>
      <c r="Q2940">
        <v>0</v>
      </c>
      <c r="R2940">
        <v>0</v>
      </c>
      <c r="S2940">
        <v>0</v>
      </c>
      <c r="T2940">
        <v>0</v>
      </c>
      <c r="U2940">
        <v>0</v>
      </c>
      <c r="V2940">
        <v>0</v>
      </c>
      <c r="W2940">
        <v>0</v>
      </c>
      <c r="X2940">
        <v>0</v>
      </c>
      <c r="Y2940">
        <v>28</v>
      </c>
      <c r="Z2940">
        <v>10</v>
      </c>
      <c r="AA2940">
        <v>138</v>
      </c>
      <c r="AB2940">
        <v>32</v>
      </c>
      <c r="AC2940">
        <v>141</v>
      </c>
      <c r="AD2940">
        <v>33</v>
      </c>
      <c r="AE2940">
        <v>25</v>
      </c>
      <c r="AF2940">
        <v>0</v>
      </c>
      <c r="AG2940">
        <v>50000</v>
      </c>
      <c r="AH2940">
        <v>0</v>
      </c>
      <c r="AI2940">
        <v>50000</v>
      </c>
      <c r="AJ2940">
        <v>0</v>
      </c>
      <c r="AK2940" t="s">
        <v>6</v>
      </c>
      <c r="AL2940">
        <v>0</v>
      </c>
      <c r="AM2940">
        <v>0</v>
      </c>
      <c r="AN2940">
        <v>0</v>
      </c>
      <c r="AO2940">
        <v>0</v>
      </c>
      <c r="AP2940">
        <v>0</v>
      </c>
      <c r="AQ2940">
        <v>0</v>
      </c>
      <c r="AR2940">
        <v>0</v>
      </c>
      <c r="AS2940">
        <v>0</v>
      </c>
      <c r="AT2940">
        <v>0</v>
      </c>
      <c r="AU2940">
        <v>0</v>
      </c>
      <c r="AV2940">
        <v>0</v>
      </c>
      <c r="AW2940">
        <v>0</v>
      </c>
      <c r="AX2940">
        <v>0</v>
      </c>
      <c r="AY2940">
        <v>0</v>
      </c>
      <c r="AZ2940">
        <v>0</v>
      </c>
      <c r="BA2940">
        <v>0</v>
      </c>
    </row>
    <row r="2941" spans="1:53" x14ac:dyDescent="0.4">
      <c r="A2941">
        <v>2985</v>
      </c>
      <c r="B2941" s="1">
        <v>43780</v>
      </c>
      <c r="C2941">
        <v>2</v>
      </c>
      <c r="D2941" s="1">
        <v>43780.456250000003</v>
      </c>
      <c r="E2941" s="1">
        <v>43780.738888888889</v>
      </c>
      <c r="F2941">
        <v>22000</v>
      </c>
      <c r="G2941">
        <v>2100</v>
      </c>
      <c r="H2941">
        <v>200</v>
      </c>
      <c r="I2941">
        <v>0</v>
      </c>
      <c r="J2941">
        <v>0</v>
      </c>
      <c r="K2941">
        <v>0</v>
      </c>
      <c r="L2941">
        <v>0</v>
      </c>
      <c r="M2941">
        <v>2430</v>
      </c>
      <c r="N2941">
        <v>0</v>
      </c>
      <c r="O2941">
        <v>0</v>
      </c>
      <c r="P2941">
        <v>18590</v>
      </c>
      <c r="Q2941">
        <v>0</v>
      </c>
      <c r="R2941">
        <v>45320</v>
      </c>
      <c r="S2941">
        <v>0</v>
      </c>
      <c r="T2941">
        <v>0</v>
      </c>
      <c r="U2941">
        <v>0</v>
      </c>
      <c r="V2941">
        <v>0</v>
      </c>
      <c r="W2941">
        <v>4</v>
      </c>
      <c r="X2941">
        <v>0</v>
      </c>
      <c r="Y2941">
        <v>48</v>
      </c>
      <c r="Z2941">
        <v>19</v>
      </c>
      <c r="AA2941">
        <v>130</v>
      </c>
      <c r="AB2941">
        <v>29</v>
      </c>
      <c r="AC2941">
        <v>188</v>
      </c>
      <c r="AD2941">
        <v>33</v>
      </c>
      <c r="AE2941">
        <v>35</v>
      </c>
      <c r="AF2941">
        <v>1290</v>
      </c>
      <c r="AG2941">
        <v>95320</v>
      </c>
      <c r="AH2941">
        <v>50000</v>
      </c>
      <c r="AI2941">
        <v>0</v>
      </c>
      <c r="AJ2941">
        <v>96</v>
      </c>
      <c r="AK2941" t="s">
        <v>4</v>
      </c>
      <c r="AL2941">
        <v>0</v>
      </c>
      <c r="AM2941">
        <v>0</v>
      </c>
      <c r="AN2941">
        <v>0</v>
      </c>
      <c r="AO2941">
        <v>0</v>
      </c>
      <c r="AP2941">
        <v>0</v>
      </c>
      <c r="AQ2941">
        <v>0</v>
      </c>
      <c r="AR2941">
        <v>0</v>
      </c>
      <c r="AS2941">
        <v>0</v>
      </c>
      <c r="AT2941">
        <v>0</v>
      </c>
      <c r="AU2941">
        <v>0</v>
      </c>
      <c r="AV2941">
        <v>0</v>
      </c>
      <c r="AW2941">
        <v>0</v>
      </c>
      <c r="AX2941">
        <v>-3850</v>
      </c>
      <c r="AY2941">
        <v>40</v>
      </c>
      <c r="AZ2941">
        <v>79</v>
      </c>
      <c r="BA2941">
        <v>4414</v>
      </c>
    </row>
    <row r="2942" spans="1:53" x14ac:dyDescent="0.4">
      <c r="A2942">
        <v>2986</v>
      </c>
      <c r="B2942" s="1">
        <v>43781</v>
      </c>
      <c r="C2942">
        <v>1</v>
      </c>
      <c r="D2942" s="1">
        <v>43781.291666666664</v>
      </c>
      <c r="E2942" s="1">
        <v>43781.446527777778</v>
      </c>
      <c r="F2942">
        <v>0</v>
      </c>
      <c r="G2942">
        <v>0</v>
      </c>
      <c r="H2942">
        <v>0</v>
      </c>
      <c r="I2942">
        <v>0</v>
      </c>
      <c r="J2942">
        <v>0</v>
      </c>
      <c r="K2942">
        <v>0</v>
      </c>
      <c r="L2942">
        <v>0</v>
      </c>
      <c r="M2942">
        <v>0</v>
      </c>
      <c r="N2942">
        <v>0</v>
      </c>
      <c r="O2942">
        <v>0</v>
      </c>
      <c r="P2942">
        <v>0</v>
      </c>
      <c r="Q2942">
        <v>0</v>
      </c>
      <c r="R2942">
        <v>0</v>
      </c>
      <c r="S2942">
        <v>0</v>
      </c>
      <c r="T2942">
        <v>0</v>
      </c>
      <c r="U2942">
        <v>0</v>
      </c>
      <c r="V2942">
        <v>0</v>
      </c>
      <c r="W2942">
        <v>0</v>
      </c>
      <c r="X2942">
        <v>0</v>
      </c>
      <c r="Y2942">
        <v>27</v>
      </c>
      <c r="Z2942">
        <v>12</v>
      </c>
      <c r="AA2942">
        <v>134</v>
      </c>
      <c r="AB2942">
        <v>29</v>
      </c>
      <c r="AC2942">
        <v>194</v>
      </c>
      <c r="AD2942">
        <v>34</v>
      </c>
      <c r="AE2942">
        <v>40</v>
      </c>
      <c r="AF2942">
        <v>0</v>
      </c>
      <c r="AG2942">
        <v>50000</v>
      </c>
      <c r="AH2942">
        <v>50000</v>
      </c>
      <c r="AI2942">
        <v>0</v>
      </c>
      <c r="AJ2942">
        <v>0</v>
      </c>
      <c r="AK2942" t="s">
        <v>6</v>
      </c>
      <c r="AL2942">
        <v>0</v>
      </c>
      <c r="AM2942">
        <v>0</v>
      </c>
      <c r="AN2942">
        <v>0</v>
      </c>
      <c r="AO2942">
        <v>0</v>
      </c>
      <c r="AP2942">
        <v>0</v>
      </c>
      <c r="AQ2942">
        <v>0</v>
      </c>
      <c r="AR2942">
        <v>0</v>
      </c>
      <c r="AS2942">
        <v>0</v>
      </c>
      <c r="AT2942">
        <v>0</v>
      </c>
      <c r="AU2942">
        <v>0</v>
      </c>
      <c r="AV2942">
        <v>0</v>
      </c>
      <c r="AW2942">
        <v>0</v>
      </c>
      <c r="AX2942">
        <v>0</v>
      </c>
      <c r="AY2942">
        <v>0</v>
      </c>
      <c r="AZ2942">
        <v>0</v>
      </c>
      <c r="BA2942">
        <v>0</v>
      </c>
    </row>
    <row r="2943" spans="1:53" x14ac:dyDescent="0.4">
      <c r="A2943">
        <v>2987</v>
      </c>
      <c r="B2943" s="1">
        <v>43781</v>
      </c>
      <c r="C2943">
        <v>2</v>
      </c>
      <c r="D2943" s="1">
        <v>43781.446527777778</v>
      </c>
      <c r="E2943" s="1">
        <v>43781.746527777781</v>
      </c>
      <c r="F2943">
        <v>12000</v>
      </c>
      <c r="G2943">
        <v>0</v>
      </c>
      <c r="H2943">
        <v>0</v>
      </c>
      <c r="I2943">
        <v>0</v>
      </c>
      <c r="J2943">
        <v>0</v>
      </c>
      <c r="K2943">
        <v>0</v>
      </c>
      <c r="L2943">
        <v>0</v>
      </c>
      <c r="M2943">
        <v>1200</v>
      </c>
      <c r="N2943">
        <v>0</v>
      </c>
      <c r="O2943">
        <v>0</v>
      </c>
      <c r="P2943">
        <v>7150</v>
      </c>
      <c r="Q2943">
        <v>0</v>
      </c>
      <c r="R2943">
        <v>20350</v>
      </c>
      <c r="S2943">
        <v>0</v>
      </c>
      <c r="T2943">
        <v>0</v>
      </c>
      <c r="U2943">
        <v>0</v>
      </c>
      <c r="V2943">
        <v>1</v>
      </c>
      <c r="W2943">
        <v>0</v>
      </c>
      <c r="X2943">
        <v>0</v>
      </c>
      <c r="Y2943">
        <v>41</v>
      </c>
      <c r="Z2943">
        <v>10</v>
      </c>
      <c r="AA2943">
        <v>96</v>
      </c>
      <c r="AB2943">
        <v>27</v>
      </c>
      <c r="AC2943">
        <v>209</v>
      </c>
      <c r="AD2943">
        <v>34</v>
      </c>
      <c r="AE2943">
        <v>40</v>
      </c>
      <c r="AF2943">
        <v>1100</v>
      </c>
      <c r="AG2943">
        <v>70350</v>
      </c>
      <c r="AH2943">
        <v>50000</v>
      </c>
      <c r="AI2943">
        <v>0</v>
      </c>
      <c r="AJ2943">
        <v>97</v>
      </c>
      <c r="AK2943" t="s">
        <v>33</v>
      </c>
      <c r="AL2943">
        <v>0</v>
      </c>
      <c r="AM2943">
        <v>0</v>
      </c>
      <c r="AN2943">
        <v>0</v>
      </c>
      <c r="AO2943">
        <v>0</v>
      </c>
      <c r="AP2943">
        <v>0</v>
      </c>
      <c r="AQ2943">
        <v>0</v>
      </c>
      <c r="AR2943">
        <v>0</v>
      </c>
      <c r="AS2943">
        <v>0</v>
      </c>
      <c r="AT2943">
        <v>0</v>
      </c>
      <c r="AU2943">
        <v>0</v>
      </c>
      <c r="AV2943">
        <v>0</v>
      </c>
      <c r="AW2943">
        <v>0</v>
      </c>
      <c r="AX2943">
        <v>-506</v>
      </c>
      <c r="AY2943">
        <v>28</v>
      </c>
      <c r="AZ2943">
        <v>37</v>
      </c>
      <c r="BA2943">
        <v>3469</v>
      </c>
    </row>
    <row r="2944" spans="1:53" x14ac:dyDescent="0.4">
      <c r="A2944">
        <v>2988</v>
      </c>
      <c r="B2944" s="1">
        <v>43781</v>
      </c>
      <c r="C2944">
        <v>3</v>
      </c>
      <c r="D2944" s="1">
        <v>43781.746527777781</v>
      </c>
      <c r="E2944" s="1">
        <v>43781.95416666667</v>
      </c>
      <c r="F2944">
        <v>20060</v>
      </c>
      <c r="G2944">
        <v>1620</v>
      </c>
      <c r="H2944">
        <v>0</v>
      </c>
      <c r="I2944">
        <v>0</v>
      </c>
      <c r="J2944">
        <v>200</v>
      </c>
      <c r="K2944">
        <v>0</v>
      </c>
      <c r="L2944">
        <v>0</v>
      </c>
      <c r="M2944">
        <v>2148</v>
      </c>
      <c r="N2944">
        <v>0</v>
      </c>
      <c r="O2944">
        <v>0</v>
      </c>
      <c r="P2944">
        <v>-4510</v>
      </c>
      <c r="Q2944">
        <v>0</v>
      </c>
      <c r="R2944">
        <v>19118</v>
      </c>
      <c r="S2944">
        <v>0</v>
      </c>
      <c r="T2944">
        <v>0</v>
      </c>
      <c r="U2944">
        <v>0</v>
      </c>
      <c r="V2944">
        <v>1</v>
      </c>
      <c r="W2944">
        <v>2</v>
      </c>
      <c r="X2944">
        <v>0</v>
      </c>
      <c r="Y2944">
        <v>48</v>
      </c>
      <c r="Z2944">
        <v>11</v>
      </c>
      <c r="AA2944">
        <v>103</v>
      </c>
      <c r="AB2944">
        <v>24</v>
      </c>
      <c r="AC2944">
        <v>206</v>
      </c>
      <c r="AD2944">
        <v>34</v>
      </c>
      <c r="AE2944">
        <v>38</v>
      </c>
      <c r="AF2944">
        <v>2200</v>
      </c>
      <c r="AG2944">
        <v>89468</v>
      </c>
      <c r="AH2944">
        <v>50000</v>
      </c>
      <c r="AI2944">
        <v>0</v>
      </c>
      <c r="AJ2944">
        <v>98</v>
      </c>
      <c r="AK2944" t="s">
        <v>35</v>
      </c>
      <c r="AL2944">
        <v>0</v>
      </c>
      <c r="AM2944">
        <v>0</v>
      </c>
      <c r="AN2944">
        <v>0</v>
      </c>
      <c r="AO2944">
        <v>0</v>
      </c>
      <c r="AP2944">
        <v>0</v>
      </c>
      <c r="AQ2944">
        <v>0</v>
      </c>
      <c r="AR2944">
        <v>0</v>
      </c>
      <c r="AS2944">
        <v>0</v>
      </c>
      <c r="AT2944">
        <v>0</v>
      </c>
      <c r="AU2944">
        <v>0</v>
      </c>
      <c r="AV2944">
        <v>0</v>
      </c>
      <c r="AW2944">
        <v>0</v>
      </c>
      <c r="AX2944">
        <v>5093</v>
      </c>
      <c r="AY2944">
        <v>11</v>
      </c>
      <c r="AZ2944">
        <v>22</v>
      </c>
      <c r="BA2944">
        <v>2054</v>
      </c>
    </row>
    <row r="2945" spans="1:53" x14ac:dyDescent="0.4">
      <c r="A2945">
        <v>2989</v>
      </c>
      <c r="B2945" s="1">
        <v>43781</v>
      </c>
      <c r="C2945">
        <v>4</v>
      </c>
      <c r="D2945" s="1">
        <v>43781.95416666667</v>
      </c>
      <c r="E2945" s="1">
        <v>43782.22152777778</v>
      </c>
      <c r="F2945">
        <v>8000</v>
      </c>
      <c r="G2945">
        <v>630</v>
      </c>
      <c r="H2945">
        <v>200</v>
      </c>
      <c r="I2945">
        <v>0</v>
      </c>
      <c r="J2945">
        <v>0</v>
      </c>
      <c r="K2945">
        <v>0</v>
      </c>
      <c r="L2945">
        <v>0</v>
      </c>
      <c r="M2945">
        <v>883</v>
      </c>
      <c r="N2945">
        <v>0</v>
      </c>
      <c r="O2945">
        <v>0</v>
      </c>
      <c r="P2945">
        <v>-220</v>
      </c>
      <c r="Q2945">
        <v>0</v>
      </c>
      <c r="R2945">
        <v>9493</v>
      </c>
      <c r="S2945">
        <v>0</v>
      </c>
      <c r="T2945">
        <v>0</v>
      </c>
      <c r="U2945">
        <v>0</v>
      </c>
      <c r="V2945">
        <v>0</v>
      </c>
      <c r="W2945">
        <v>0</v>
      </c>
      <c r="X2945">
        <v>0</v>
      </c>
      <c r="Y2945">
        <v>32</v>
      </c>
      <c r="Z2945">
        <v>10</v>
      </c>
      <c r="AA2945">
        <v>100</v>
      </c>
      <c r="AB2945">
        <v>24</v>
      </c>
      <c r="AC2945">
        <v>160</v>
      </c>
      <c r="AD2945">
        <v>33</v>
      </c>
      <c r="AE2945">
        <v>35</v>
      </c>
      <c r="AF2945">
        <v>0</v>
      </c>
      <c r="AG2945">
        <v>50000</v>
      </c>
      <c r="AH2945">
        <v>0</v>
      </c>
      <c r="AI2945">
        <v>1039</v>
      </c>
      <c r="AJ2945">
        <v>100</v>
      </c>
      <c r="AK2945" t="s">
        <v>0</v>
      </c>
      <c r="AL2945">
        <v>0</v>
      </c>
      <c r="AM2945">
        <v>0</v>
      </c>
      <c r="AN2945">
        <v>0</v>
      </c>
      <c r="AO2945">
        <v>0</v>
      </c>
      <c r="AP2945">
        <v>0</v>
      </c>
      <c r="AQ2945">
        <v>0</v>
      </c>
      <c r="AR2945">
        <v>0</v>
      </c>
      <c r="AS2945">
        <v>0</v>
      </c>
      <c r="AT2945">
        <v>0</v>
      </c>
      <c r="AU2945">
        <v>0</v>
      </c>
      <c r="AV2945">
        <v>0</v>
      </c>
      <c r="AW2945">
        <v>0</v>
      </c>
      <c r="AX2945">
        <v>0</v>
      </c>
      <c r="AY2945">
        <v>2</v>
      </c>
      <c r="AZ2945">
        <v>3</v>
      </c>
      <c r="BA2945">
        <v>657</v>
      </c>
    </row>
    <row r="2946" spans="1:53" x14ac:dyDescent="0.4">
      <c r="A2946">
        <v>2990</v>
      </c>
      <c r="B2946" s="1">
        <v>43782</v>
      </c>
      <c r="C2946">
        <v>1</v>
      </c>
      <c r="D2946" s="1">
        <v>43782.291666666664</v>
      </c>
      <c r="E2946" s="1">
        <v>43782.450694444444</v>
      </c>
      <c r="F2946">
        <v>0</v>
      </c>
      <c r="G2946">
        <v>0</v>
      </c>
      <c r="H2946">
        <v>0</v>
      </c>
      <c r="I2946">
        <v>0</v>
      </c>
      <c r="J2946">
        <v>0</v>
      </c>
      <c r="K2946">
        <v>0</v>
      </c>
      <c r="L2946">
        <v>0</v>
      </c>
      <c r="M2946">
        <v>0</v>
      </c>
      <c r="N2946">
        <v>0</v>
      </c>
      <c r="O2946">
        <v>0</v>
      </c>
      <c r="P2946">
        <v>0</v>
      </c>
      <c r="Q2946">
        <v>0</v>
      </c>
      <c r="R2946">
        <v>0</v>
      </c>
      <c r="S2946">
        <v>0</v>
      </c>
      <c r="T2946">
        <v>0</v>
      </c>
      <c r="U2946">
        <v>0</v>
      </c>
      <c r="V2946">
        <v>0</v>
      </c>
      <c r="W2946">
        <v>0</v>
      </c>
      <c r="X2946">
        <v>0</v>
      </c>
      <c r="Y2946">
        <v>32</v>
      </c>
      <c r="Z2946">
        <v>10</v>
      </c>
      <c r="AA2946">
        <v>100</v>
      </c>
      <c r="AB2946">
        <v>24</v>
      </c>
      <c r="AC2946">
        <v>160</v>
      </c>
      <c r="AD2946">
        <v>33</v>
      </c>
      <c r="AE2946">
        <v>35</v>
      </c>
      <c r="AF2946">
        <v>0</v>
      </c>
      <c r="AG2946">
        <v>50000</v>
      </c>
      <c r="AH2946">
        <v>50000</v>
      </c>
      <c r="AI2946">
        <v>0</v>
      </c>
      <c r="AJ2946">
        <v>0</v>
      </c>
      <c r="AK2946" t="s">
        <v>6</v>
      </c>
      <c r="AL2946">
        <v>0</v>
      </c>
      <c r="AM2946">
        <v>0</v>
      </c>
      <c r="AN2946">
        <v>0</v>
      </c>
      <c r="AO2946">
        <v>0</v>
      </c>
      <c r="AP2946">
        <v>0</v>
      </c>
      <c r="AQ2946">
        <v>0</v>
      </c>
      <c r="AR2946">
        <v>0</v>
      </c>
      <c r="AS2946">
        <v>0</v>
      </c>
      <c r="AT2946">
        <v>0</v>
      </c>
      <c r="AU2946">
        <v>0</v>
      </c>
      <c r="AV2946">
        <v>0</v>
      </c>
      <c r="AW2946">
        <v>0</v>
      </c>
      <c r="AX2946">
        <v>0</v>
      </c>
      <c r="AY2946">
        <v>0</v>
      </c>
      <c r="AZ2946">
        <v>0</v>
      </c>
      <c r="BA2946">
        <v>0</v>
      </c>
    </row>
    <row r="2947" spans="1:53" x14ac:dyDescent="0.4">
      <c r="A2947">
        <v>2991</v>
      </c>
      <c r="B2947" s="1">
        <v>43782</v>
      </c>
      <c r="C2947">
        <v>2</v>
      </c>
      <c r="D2947" s="1">
        <v>43782.450694444444</v>
      </c>
      <c r="E2947" s="1">
        <v>43782.738194444442</v>
      </c>
      <c r="F2947">
        <v>14500</v>
      </c>
      <c r="G2947">
        <v>0</v>
      </c>
      <c r="H2947">
        <v>0</v>
      </c>
      <c r="I2947">
        <v>0</v>
      </c>
      <c r="J2947">
        <v>0</v>
      </c>
      <c r="K2947">
        <v>0</v>
      </c>
      <c r="L2947">
        <v>0</v>
      </c>
      <c r="M2947">
        <v>1450</v>
      </c>
      <c r="N2947">
        <v>0</v>
      </c>
      <c r="O2947">
        <v>0</v>
      </c>
      <c r="P2947">
        <v>17490</v>
      </c>
      <c r="Q2947">
        <v>0</v>
      </c>
      <c r="R2947">
        <v>33440</v>
      </c>
      <c r="S2947">
        <v>0</v>
      </c>
      <c r="T2947">
        <v>0</v>
      </c>
      <c r="U2947">
        <v>0</v>
      </c>
      <c r="V2947">
        <v>1</v>
      </c>
      <c r="W2947">
        <v>2</v>
      </c>
      <c r="X2947">
        <v>0</v>
      </c>
      <c r="Y2947">
        <v>43</v>
      </c>
      <c r="Z2947">
        <v>13</v>
      </c>
      <c r="AA2947">
        <v>109</v>
      </c>
      <c r="AB2947">
        <v>21</v>
      </c>
      <c r="AC2947">
        <v>179</v>
      </c>
      <c r="AD2947">
        <v>33</v>
      </c>
      <c r="AE2947">
        <v>35</v>
      </c>
      <c r="AF2947">
        <v>0</v>
      </c>
      <c r="AG2947">
        <v>83440</v>
      </c>
      <c r="AH2947">
        <v>50000</v>
      </c>
      <c r="AI2947">
        <v>0</v>
      </c>
      <c r="AJ2947">
        <v>107</v>
      </c>
      <c r="AK2947" t="s">
        <v>40</v>
      </c>
      <c r="AL2947">
        <v>0</v>
      </c>
      <c r="AM2947">
        <v>0</v>
      </c>
      <c r="AN2947">
        <v>0</v>
      </c>
      <c r="AO2947">
        <v>0</v>
      </c>
      <c r="AP2947">
        <v>0</v>
      </c>
      <c r="AQ2947">
        <v>0</v>
      </c>
      <c r="AR2947">
        <v>0</v>
      </c>
      <c r="AS2947">
        <v>0</v>
      </c>
      <c r="AT2947">
        <v>0</v>
      </c>
      <c r="AU2947">
        <v>0</v>
      </c>
      <c r="AV2947">
        <v>0</v>
      </c>
      <c r="AW2947">
        <v>0</v>
      </c>
      <c r="AX2947">
        <v>-770</v>
      </c>
      <c r="AY2947">
        <v>36</v>
      </c>
      <c r="AZ2947">
        <v>59</v>
      </c>
      <c r="BA2947">
        <v>4843</v>
      </c>
    </row>
    <row r="2948" spans="1:53" x14ac:dyDescent="0.4">
      <c r="A2948">
        <v>2992</v>
      </c>
      <c r="B2948" s="1">
        <v>43782</v>
      </c>
      <c r="C2948">
        <v>3</v>
      </c>
      <c r="D2948" s="1">
        <v>43782.738194444442</v>
      </c>
      <c r="E2948" s="1">
        <v>43782.952777777777</v>
      </c>
      <c r="F2948">
        <v>25020</v>
      </c>
      <c r="G2948">
        <v>800</v>
      </c>
      <c r="H2948">
        <v>200</v>
      </c>
      <c r="I2948">
        <v>0</v>
      </c>
      <c r="J2948">
        <v>100</v>
      </c>
      <c r="K2948">
        <v>0</v>
      </c>
      <c r="L2948">
        <v>0</v>
      </c>
      <c r="M2948">
        <v>2592</v>
      </c>
      <c r="N2948">
        <v>0</v>
      </c>
      <c r="O2948">
        <v>0</v>
      </c>
      <c r="P2948">
        <v>-17490</v>
      </c>
      <c r="Q2948">
        <v>0</v>
      </c>
      <c r="R2948">
        <v>11022</v>
      </c>
      <c r="S2948">
        <v>0</v>
      </c>
      <c r="T2948">
        <v>0</v>
      </c>
      <c r="U2948">
        <v>0</v>
      </c>
      <c r="V2948">
        <v>1</v>
      </c>
      <c r="W2948">
        <v>3</v>
      </c>
      <c r="X2948">
        <v>0</v>
      </c>
      <c r="Y2948">
        <v>50</v>
      </c>
      <c r="Z2948">
        <v>11</v>
      </c>
      <c r="AA2948">
        <v>99</v>
      </c>
      <c r="AB2948">
        <v>21</v>
      </c>
      <c r="AC2948">
        <v>172</v>
      </c>
      <c r="AD2948">
        <v>32</v>
      </c>
      <c r="AE2948">
        <v>32</v>
      </c>
      <c r="AF2948">
        <v>1100</v>
      </c>
      <c r="AG2948">
        <v>94462</v>
      </c>
      <c r="AH2948">
        <v>50000</v>
      </c>
      <c r="AI2948">
        <v>0</v>
      </c>
      <c r="AJ2948">
        <v>107</v>
      </c>
      <c r="AK2948" t="s">
        <v>40</v>
      </c>
      <c r="AL2948">
        <v>0</v>
      </c>
      <c r="AM2948">
        <v>0</v>
      </c>
      <c r="AN2948">
        <v>0</v>
      </c>
      <c r="AO2948">
        <v>0</v>
      </c>
      <c r="AP2948">
        <v>0</v>
      </c>
      <c r="AQ2948">
        <v>0</v>
      </c>
      <c r="AR2948">
        <v>0</v>
      </c>
      <c r="AS2948">
        <v>0</v>
      </c>
      <c r="AT2948">
        <v>0</v>
      </c>
      <c r="AU2948">
        <v>0</v>
      </c>
      <c r="AV2948">
        <v>0</v>
      </c>
      <c r="AW2948">
        <v>0</v>
      </c>
      <c r="AX2948">
        <v>14432</v>
      </c>
      <c r="AY2948">
        <v>10</v>
      </c>
      <c r="AZ2948">
        <v>25</v>
      </c>
      <c r="BA2948">
        <v>2310</v>
      </c>
    </row>
    <row r="2949" spans="1:53" x14ac:dyDescent="0.4">
      <c r="A2949">
        <v>2993</v>
      </c>
      <c r="B2949" s="1">
        <v>43783</v>
      </c>
      <c r="C2949">
        <v>1</v>
      </c>
      <c r="D2949" s="1">
        <v>43783.291666666664</v>
      </c>
      <c r="E2949" s="1">
        <v>43783.45208333333</v>
      </c>
      <c r="F2949">
        <v>0</v>
      </c>
      <c r="G2949">
        <v>0</v>
      </c>
      <c r="H2949">
        <v>0</v>
      </c>
      <c r="I2949">
        <v>0</v>
      </c>
      <c r="J2949">
        <v>0</v>
      </c>
      <c r="K2949">
        <v>0</v>
      </c>
      <c r="L2949">
        <v>0</v>
      </c>
      <c r="M2949">
        <v>0</v>
      </c>
      <c r="N2949">
        <v>0</v>
      </c>
      <c r="O2949">
        <v>0</v>
      </c>
      <c r="P2949">
        <v>0</v>
      </c>
      <c r="Q2949">
        <v>0</v>
      </c>
      <c r="R2949">
        <v>0</v>
      </c>
      <c r="S2949">
        <v>0</v>
      </c>
      <c r="T2949">
        <v>0</v>
      </c>
      <c r="U2949">
        <v>0</v>
      </c>
      <c r="V2949">
        <v>0</v>
      </c>
      <c r="W2949">
        <v>0</v>
      </c>
      <c r="X2949">
        <v>0</v>
      </c>
      <c r="Y2949">
        <v>32</v>
      </c>
      <c r="Z2949">
        <v>11</v>
      </c>
      <c r="AA2949">
        <v>101</v>
      </c>
      <c r="AB2949">
        <v>21</v>
      </c>
      <c r="AC2949">
        <v>117</v>
      </c>
      <c r="AD2949">
        <v>30</v>
      </c>
      <c r="AE2949">
        <v>30</v>
      </c>
      <c r="AF2949">
        <v>0</v>
      </c>
      <c r="AG2949">
        <v>50000</v>
      </c>
      <c r="AH2949">
        <v>0</v>
      </c>
      <c r="AI2949">
        <v>50000</v>
      </c>
      <c r="AJ2949">
        <v>0</v>
      </c>
      <c r="AK2949" t="s">
        <v>6</v>
      </c>
      <c r="AL2949">
        <v>0</v>
      </c>
      <c r="AM2949">
        <v>0</v>
      </c>
      <c r="AN2949">
        <v>0</v>
      </c>
      <c r="AO2949">
        <v>0</v>
      </c>
      <c r="AP2949">
        <v>0</v>
      </c>
      <c r="AQ2949">
        <v>0</v>
      </c>
      <c r="AR2949">
        <v>0</v>
      </c>
      <c r="AS2949">
        <v>0</v>
      </c>
      <c r="AT2949">
        <v>0</v>
      </c>
      <c r="AU2949">
        <v>0</v>
      </c>
      <c r="AV2949">
        <v>0</v>
      </c>
      <c r="AW2949">
        <v>0</v>
      </c>
      <c r="AX2949">
        <v>0</v>
      </c>
      <c r="AY2949">
        <v>0</v>
      </c>
      <c r="AZ2949">
        <v>0</v>
      </c>
      <c r="BA2949">
        <v>0</v>
      </c>
    </row>
    <row r="2950" spans="1:53" x14ac:dyDescent="0.4">
      <c r="A2950">
        <v>2994</v>
      </c>
      <c r="B2950" s="1">
        <v>43783</v>
      </c>
      <c r="C2950">
        <v>2</v>
      </c>
      <c r="D2950" s="1">
        <v>43783.45208333333</v>
      </c>
      <c r="E2950" s="1">
        <v>43783.734722222223</v>
      </c>
      <c r="F2950">
        <v>12100</v>
      </c>
      <c r="G2950">
        <v>0</v>
      </c>
      <c r="H2950">
        <v>0</v>
      </c>
      <c r="I2950">
        <v>0</v>
      </c>
      <c r="J2950">
        <v>300</v>
      </c>
      <c r="K2950">
        <v>0</v>
      </c>
      <c r="L2950">
        <v>0</v>
      </c>
      <c r="M2950">
        <v>1180</v>
      </c>
      <c r="N2950">
        <v>0</v>
      </c>
      <c r="O2950">
        <v>0</v>
      </c>
      <c r="P2950">
        <v>11530</v>
      </c>
      <c r="Q2950">
        <v>0</v>
      </c>
      <c r="R2950">
        <v>24510</v>
      </c>
      <c r="S2950">
        <v>0</v>
      </c>
      <c r="T2950">
        <v>0</v>
      </c>
      <c r="U2950">
        <v>0</v>
      </c>
      <c r="V2950">
        <v>0</v>
      </c>
      <c r="W2950">
        <v>2</v>
      </c>
      <c r="X2950">
        <v>0</v>
      </c>
      <c r="Y2950">
        <v>44</v>
      </c>
      <c r="Z2950">
        <v>17</v>
      </c>
      <c r="AA2950">
        <v>96</v>
      </c>
      <c r="AB2950">
        <v>20</v>
      </c>
      <c r="AC2950">
        <v>122</v>
      </c>
      <c r="AD2950">
        <v>29</v>
      </c>
      <c r="AE2950">
        <v>45</v>
      </c>
      <c r="AF2950">
        <v>0</v>
      </c>
      <c r="AG2950">
        <v>74510</v>
      </c>
      <c r="AH2950">
        <v>50000</v>
      </c>
      <c r="AI2950">
        <v>0</v>
      </c>
      <c r="AJ2950">
        <v>96</v>
      </c>
      <c r="AK2950" t="s">
        <v>4</v>
      </c>
      <c r="AL2950">
        <v>0</v>
      </c>
      <c r="AM2950">
        <v>0</v>
      </c>
      <c r="AN2950">
        <v>0</v>
      </c>
      <c r="AO2950">
        <v>0</v>
      </c>
      <c r="AP2950">
        <v>0</v>
      </c>
      <c r="AQ2950">
        <v>0</v>
      </c>
      <c r="AR2950">
        <v>0</v>
      </c>
      <c r="AS2950">
        <v>0</v>
      </c>
      <c r="AT2950">
        <v>0</v>
      </c>
      <c r="AU2950">
        <v>0</v>
      </c>
      <c r="AV2950">
        <v>0</v>
      </c>
      <c r="AW2950">
        <v>0</v>
      </c>
      <c r="AX2950">
        <v>-35</v>
      </c>
      <c r="AY2950">
        <v>24</v>
      </c>
      <c r="AZ2950">
        <v>38</v>
      </c>
      <c r="BA2950">
        <v>3203</v>
      </c>
    </row>
    <row r="2951" spans="1:53" x14ac:dyDescent="0.4">
      <c r="A2951">
        <v>2995</v>
      </c>
      <c r="B2951" s="1">
        <v>43784</v>
      </c>
      <c r="C2951">
        <v>1</v>
      </c>
      <c r="D2951" s="1">
        <v>43784.291666666664</v>
      </c>
      <c r="E2951" s="1">
        <v>43784.448611111111</v>
      </c>
      <c r="F2951">
        <v>0</v>
      </c>
      <c r="G2951">
        <v>0</v>
      </c>
      <c r="H2951">
        <v>0</v>
      </c>
      <c r="I2951">
        <v>0</v>
      </c>
      <c r="J2951">
        <v>0</v>
      </c>
      <c r="K2951">
        <v>0</v>
      </c>
      <c r="L2951">
        <v>0</v>
      </c>
      <c r="M2951">
        <v>0</v>
      </c>
      <c r="N2951">
        <v>0</v>
      </c>
      <c r="O2951">
        <v>0</v>
      </c>
      <c r="P2951">
        <v>0</v>
      </c>
      <c r="Q2951">
        <v>0</v>
      </c>
      <c r="R2951">
        <v>0</v>
      </c>
      <c r="S2951">
        <v>0</v>
      </c>
      <c r="T2951">
        <v>0</v>
      </c>
      <c r="U2951">
        <v>0</v>
      </c>
      <c r="V2951">
        <v>0</v>
      </c>
      <c r="W2951">
        <v>0</v>
      </c>
      <c r="X2951">
        <v>0</v>
      </c>
      <c r="Y2951">
        <v>33</v>
      </c>
      <c r="Z2951">
        <v>10</v>
      </c>
      <c r="AA2951">
        <v>100</v>
      </c>
      <c r="AB2951">
        <v>16</v>
      </c>
      <c r="AC2951">
        <v>103</v>
      </c>
      <c r="AD2951">
        <v>25</v>
      </c>
      <c r="AE2951">
        <v>45</v>
      </c>
      <c r="AF2951">
        <v>0</v>
      </c>
      <c r="AG2951">
        <v>50000</v>
      </c>
      <c r="AH2951">
        <v>0</v>
      </c>
      <c r="AI2951">
        <v>50000</v>
      </c>
      <c r="AJ2951">
        <v>0</v>
      </c>
      <c r="AK2951" t="s">
        <v>6</v>
      </c>
      <c r="AL2951">
        <v>0</v>
      </c>
      <c r="AM2951">
        <v>0</v>
      </c>
      <c r="AN2951">
        <v>0</v>
      </c>
      <c r="AO2951">
        <v>0</v>
      </c>
      <c r="AP2951">
        <v>0</v>
      </c>
      <c r="AQ2951">
        <v>0</v>
      </c>
      <c r="AR2951">
        <v>0</v>
      </c>
      <c r="AS2951">
        <v>0</v>
      </c>
      <c r="AT2951">
        <v>0</v>
      </c>
      <c r="AU2951">
        <v>0</v>
      </c>
      <c r="AV2951">
        <v>0</v>
      </c>
      <c r="AW2951">
        <v>0</v>
      </c>
      <c r="AX2951">
        <v>0</v>
      </c>
      <c r="AY2951">
        <v>0</v>
      </c>
      <c r="AZ2951">
        <v>0</v>
      </c>
      <c r="BA2951">
        <v>0</v>
      </c>
    </row>
    <row r="2952" spans="1:53" x14ac:dyDescent="0.4">
      <c r="A2952">
        <v>2996</v>
      </c>
      <c r="B2952" s="1">
        <v>43784</v>
      </c>
      <c r="C2952">
        <v>2</v>
      </c>
      <c r="D2952" s="1">
        <v>43784.448611111111</v>
      </c>
      <c r="E2952" s="1">
        <v>43784.74722222222</v>
      </c>
      <c r="F2952">
        <v>14850</v>
      </c>
      <c r="G2952">
        <v>720</v>
      </c>
      <c r="H2952">
        <v>0</v>
      </c>
      <c r="I2952">
        <v>0</v>
      </c>
      <c r="J2952">
        <v>0</v>
      </c>
      <c r="K2952">
        <v>0</v>
      </c>
      <c r="L2952">
        <v>0</v>
      </c>
      <c r="M2952">
        <v>1557</v>
      </c>
      <c r="N2952">
        <v>0</v>
      </c>
      <c r="O2952">
        <v>0</v>
      </c>
      <c r="P2952">
        <v>14300</v>
      </c>
      <c r="Q2952">
        <v>0</v>
      </c>
      <c r="R2952">
        <v>31427</v>
      </c>
      <c r="S2952">
        <v>0</v>
      </c>
      <c r="T2952">
        <v>0</v>
      </c>
      <c r="U2952">
        <v>0</v>
      </c>
      <c r="V2952">
        <v>0</v>
      </c>
      <c r="W2952">
        <v>2</v>
      </c>
      <c r="X2952">
        <v>0</v>
      </c>
      <c r="Y2952">
        <v>44</v>
      </c>
      <c r="Z2952">
        <v>10</v>
      </c>
      <c r="AA2952">
        <v>80</v>
      </c>
      <c r="AB2952">
        <v>18</v>
      </c>
      <c r="AC2952">
        <v>111</v>
      </c>
      <c r="AD2952">
        <v>26</v>
      </c>
      <c r="AE2952">
        <v>64</v>
      </c>
      <c r="AF2952">
        <v>12223</v>
      </c>
      <c r="AG2952">
        <v>81427</v>
      </c>
      <c r="AH2952">
        <v>50000</v>
      </c>
      <c r="AI2952">
        <v>0</v>
      </c>
      <c r="AJ2952">
        <v>96</v>
      </c>
      <c r="AK2952" t="s">
        <v>4</v>
      </c>
      <c r="AL2952">
        <v>0</v>
      </c>
      <c r="AM2952">
        <v>0</v>
      </c>
      <c r="AN2952">
        <v>0</v>
      </c>
      <c r="AO2952">
        <v>0</v>
      </c>
      <c r="AP2952">
        <v>0</v>
      </c>
      <c r="AQ2952">
        <v>0</v>
      </c>
      <c r="AR2952">
        <v>0</v>
      </c>
      <c r="AS2952">
        <v>0</v>
      </c>
      <c r="AT2952">
        <v>0</v>
      </c>
      <c r="AU2952">
        <v>0</v>
      </c>
      <c r="AV2952">
        <v>0</v>
      </c>
      <c r="AW2952">
        <v>0</v>
      </c>
      <c r="AX2952">
        <v>-1430</v>
      </c>
      <c r="AY2952">
        <v>27</v>
      </c>
      <c r="AZ2952">
        <v>51</v>
      </c>
      <c r="BA2952">
        <v>3297</v>
      </c>
    </row>
    <row r="2953" spans="1:53" x14ac:dyDescent="0.4">
      <c r="A2953">
        <v>2997</v>
      </c>
      <c r="B2953" s="1">
        <v>43785</v>
      </c>
      <c r="C2953">
        <v>1</v>
      </c>
      <c r="D2953" s="1">
        <v>43785.291666666664</v>
      </c>
      <c r="E2953" s="1">
        <v>43785.405555555553</v>
      </c>
      <c r="F2953">
        <v>0</v>
      </c>
      <c r="G2953">
        <v>0</v>
      </c>
      <c r="H2953">
        <v>0</v>
      </c>
      <c r="I2953">
        <v>0</v>
      </c>
      <c r="J2953">
        <v>0</v>
      </c>
      <c r="K2953">
        <v>0</v>
      </c>
      <c r="L2953">
        <v>0</v>
      </c>
      <c r="M2953">
        <v>0</v>
      </c>
      <c r="N2953">
        <v>0</v>
      </c>
      <c r="O2953">
        <v>0</v>
      </c>
      <c r="P2953">
        <v>0</v>
      </c>
      <c r="Q2953">
        <v>0</v>
      </c>
      <c r="R2953">
        <v>0</v>
      </c>
      <c r="S2953">
        <v>0</v>
      </c>
      <c r="T2953">
        <v>0</v>
      </c>
      <c r="U2953">
        <v>0</v>
      </c>
      <c r="V2953">
        <v>0</v>
      </c>
      <c r="W2953">
        <v>0</v>
      </c>
      <c r="X2953">
        <v>0</v>
      </c>
      <c r="Y2953">
        <v>35</v>
      </c>
      <c r="Z2953">
        <v>11</v>
      </c>
      <c r="AA2953">
        <v>78</v>
      </c>
      <c r="AB2953">
        <v>8</v>
      </c>
      <c r="AC2953">
        <v>110</v>
      </c>
      <c r="AD2953">
        <v>29</v>
      </c>
      <c r="AE2953">
        <v>55</v>
      </c>
      <c r="AF2953">
        <v>0</v>
      </c>
      <c r="AG2953">
        <v>50000</v>
      </c>
      <c r="AH2953">
        <v>50000</v>
      </c>
      <c r="AI2953">
        <v>0</v>
      </c>
      <c r="AJ2953">
        <v>0</v>
      </c>
      <c r="AK2953" t="s">
        <v>6</v>
      </c>
      <c r="AL2953">
        <v>0</v>
      </c>
      <c r="AM2953">
        <v>0</v>
      </c>
      <c r="AN2953">
        <v>0</v>
      </c>
      <c r="AO2953">
        <v>0</v>
      </c>
      <c r="AP2953">
        <v>0</v>
      </c>
      <c r="AQ2953">
        <v>0</v>
      </c>
      <c r="AR2953">
        <v>0</v>
      </c>
      <c r="AS2953">
        <v>0</v>
      </c>
      <c r="AT2953">
        <v>0</v>
      </c>
      <c r="AU2953">
        <v>0</v>
      </c>
      <c r="AV2953">
        <v>0</v>
      </c>
      <c r="AW2953">
        <v>0</v>
      </c>
      <c r="AX2953">
        <v>0</v>
      </c>
      <c r="AY2953">
        <v>0</v>
      </c>
      <c r="AZ2953">
        <v>0</v>
      </c>
      <c r="BA2953">
        <v>0</v>
      </c>
    </row>
    <row r="2954" spans="1:53" x14ac:dyDescent="0.4">
      <c r="A2954">
        <v>2998</v>
      </c>
      <c r="B2954" s="1">
        <v>43785</v>
      </c>
      <c r="C2954">
        <v>2</v>
      </c>
      <c r="D2954" s="1">
        <v>43785.405555555553</v>
      </c>
      <c r="E2954" s="1">
        <v>43785.741666666669</v>
      </c>
      <c r="F2954">
        <v>32350</v>
      </c>
      <c r="G2954">
        <v>1480</v>
      </c>
      <c r="H2954">
        <v>400</v>
      </c>
      <c r="I2954">
        <v>0</v>
      </c>
      <c r="J2954">
        <v>0</v>
      </c>
      <c r="K2954">
        <v>100</v>
      </c>
      <c r="L2954">
        <v>0</v>
      </c>
      <c r="M2954">
        <v>3433</v>
      </c>
      <c r="N2954">
        <v>0</v>
      </c>
      <c r="O2954">
        <v>0</v>
      </c>
      <c r="P2954">
        <v>22082</v>
      </c>
      <c r="Q2954">
        <v>0</v>
      </c>
      <c r="R2954">
        <v>59845</v>
      </c>
      <c r="S2954">
        <v>0</v>
      </c>
      <c r="T2954">
        <v>0</v>
      </c>
      <c r="U2954">
        <v>0</v>
      </c>
      <c r="V2954">
        <v>2</v>
      </c>
      <c r="W2954">
        <v>0</v>
      </c>
      <c r="X2954">
        <v>0</v>
      </c>
      <c r="Y2954">
        <v>60</v>
      </c>
      <c r="Z2954">
        <v>31</v>
      </c>
      <c r="AA2954">
        <v>117</v>
      </c>
      <c r="AB2954">
        <v>11</v>
      </c>
      <c r="AC2954">
        <v>125</v>
      </c>
      <c r="AD2954">
        <v>32</v>
      </c>
      <c r="AE2954">
        <v>80</v>
      </c>
      <c r="AF2954">
        <v>605</v>
      </c>
      <c r="AG2954">
        <v>109845</v>
      </c>
      <c r="AH2954">
        <v>50000</v>
      </c>
      <c r="AI2954">
        <v>0</v>
      </c>
      <c r="AJ2954">
        <v>93</v>
      </c>
      <c r="AK2954" t="s">
        <v>20</v>
      </c>
      <c r="AL2954">
        <v>0</v>
      </c>
      <c r="AM2954">
        <v>0</v>
      </c>
      <c r="AN2954">
        <v>0</v>
      </c>
      <c r="AO2954">
        <v>0</v>
      </c>
      <c r="AP2954">
        <v>0</v>
      </c>
      <c r="AQ2954">
        <v>0</v>
      </c>
      <c r="AR2954">
        <v>0</v>
      </c>
      <c r="AS2954">
        <v>0</v>
      </c>
      <c r="AT2954">
        <v>0</v>
      </c>
      <c r="AU2954">
        <v>0</v>
      </c>
      <c r="AV2954">
        <v>0</v>
      </c>
      <c r="AW2954">
        <v>0</v>
      </c>
      <c r="AX2954">
        <v>1518</v>
      </c>
      <c r="AY2954">
        <v>44</v>
      </c>
      <c r="AZ2954">
        <v>94</v>
      </c>
      <c r="BA2954">
        <v>6524</v>
      </c>
    </row>
    <row r="2955" spans="1:53" x14ac:dyDescent="0.4">
      <c r="A2955">
        <v>2999</v>
      </c>
      <c r="B2955" s="1">
        <v>43785</v>
      </c>
      <c r="C2955">
        <v>3</v>
      </c>
      <c r="D2955" s="1">
        <v>43785.741666666669</v>
      </c>
      <c r="E2955" s="1">
        <v>43786.09652777778</v>
      </c>
      <c r="F2955">
        <v>311275</v>
      </c>
      <c r="G2955">
        <v>9220</v>
      </c>
      <c r="H2955">
        <v>0</v>
      </c>
      <c r="I2955">
        <v>0</v>
      </c>
      <c r="J2955">
        <v>900</v>
      </c>
      <c r="K2955">
        <v>1500</v>
      </c>
      <c r="L2955">
        <v>0</v>
      </c>
      <c r="M2955">
        <v>32109</v>
      </c>
      <c r="N2955">
        <v>0</v>
      </c>
      <c r="O2955">
        <v>0</v>
      </c>
      <c r="P2955">
        <v>27528</v>
      </c>
      <c r="Q2955">
        <v>0</v>
      </c>
      <c r="R2955">
        <v>380732</v>
      </c>
      <c r="S2955">
        <v>0</v>
      </c>
      <c r="T2955">
        <v>0</v>
      </c>
      <c r="U2955">
        <v>0</v>
      </c>
      <c r="V2955">
        <v>27</v>
      </c>
      <c r="W2955">
        <v>1</v>
      </c>
      <c r="X2955">
        <v>0</v>
      </c>
      <c r="Y2955">
        <v>92</v>
      </c>
      <c r="Z2955">
        <v>35</v>
      </c>
      <c r="AA2955">
        <v>79</v>
      </c>
      <c r="AB2955">
        <v>7</v>
      </c>
      <c r="AC2955">
        <v>126</v>
      </c>
      <c r="AD2955">
        <v>30</v>
      </c>
      <c r="AE2955">
        <v>90</v>
      </c>
      <c r="AF2955">
        <v>96327</v>
      </c>
      <c r="AG2955">
        <v>490577</v>
      </c>
      <c r="AH2955">
        <v>50000</v>
      </c>
      <c r="AI2955">
        <v>0</v>
      </c>
      <c r="AJ2955">
        <v>84</v>
      </c>
      <c r="AK2955" t="s">
        <v>16</v>
      </c>
      <c r="AL2955">
        <v>0</v>
      </c>
      <c r="AM2955">
        <v>0</v>
      </c>
      <c r="AN2955">
        <v>0</v>
      </c>
      <c r="AO2955">
        <v>0</v>
      </c>
      <c r="AP2955">
        <v>0</v>
      </c>
      <c r="AQ2955">
        <v>0</v>
      </c>
      <c r="AR2955">
        <v>0</v>
      </c>
      <c r="AS2955">
        <v>0</v>
      </c>
      <c r="AT2955">
        <v>0</v>
      </c>
      <c r="AU2955">
        <v>0</v>
      </c>
      <c r="AV2955">
        <v>0</v>
      </c>
      <c r="AW2955">
        <v>0</v>
      </c>
      <c r="AX2955">
        <v>11264</v>
      </c>
      <c r="AY2955">
        <v>40</v>
      </c>
      <c r="AZ2955">
        <v>161</v>
      </c>
      <c r="BA2955">
        <v>5966</v>
      </c>
    </row>
    <row r="2956" spans="1:53" x14ac:dyDescent="0.4">
      <c r="A2956">
        <v>3000</v>
      </c>
      <c r="B2956" s="1">
        <v>43786</v>
      </c>
      <c r="C2956">
        <v>1</v>
      </c>
      <c r="D2956" s="1">
        <v>43786.291666666664</v>
      </c>
      <c r="E2956" s="1">
        <v>43786.400694444441</v>
      </c>
      <c r="F2956">
        <v>0</v>
      </c>
      <c r="G2956">
        <v>0</v>
      </c>
      <c r="H2956">
        <v>0</v>
      </c>
      <c r="I2956">
        <v>0</v>
      </c>
      <c r="J2956">
        <v>0</v>
      </c>
      <c r="K2956">
        <v>0</v>
      </c>
      <c r="L2956">
        <v>0</v>
      </c>
      <c r="M2956">
        <v>0</v>
      </c>
      <c r="N2956">
        <v>0</v>
      </c>
      <c r="O2956">
        <v>0</v>
      </c>
      <c r="P2956">
        <v>0</v>
      </c>
      <c r="Q2956">
        <v>0</v>
      </c>
      <c r="R2956">
        <v>0</v>
      </c>
      <c r="S2956">
        <v>0</v>
      </c>
      <c r="T2956">
        <v>0</v>
      </c>
      <c r="U2956">
        <v>0</v>
      </c>
      <c r="V2956">
        <v>0</v>
      </c>
      <c r="W2956">
        <v>0</v>
      </c>
      <c r="X2956">
        <v>0</v>
      </c>
      <c r="Y2956">
        <v>37</v>
      </c>
      <c r="Z2956">
        <v>10</v>
      </c>
      <c r="AA2956">
        <v>65</v>
      </c>
      <c r="AB2956">
        <v>3</v>
      </c>
      <c r="AC2956">
        <v>116</v>
      </c>
      <c r="AD2956">
        <v>28</v>
      </c>
      <c r="AE2956">
        <v>50</v>
      </c>
      <c r="AF2956">
        <v>0</v>
      </c>
      <c r="AG2956">
        <v>50000</v>
      </c>
      <c r="AH2956">
        <v>50000</v>
      </c>
      <c r="AI2956">
        <v>0</v>
      </c>
      <c r="AJ2956">
        <v>0</v>
      </c>
      <c r="AK2956" t="s">
        <v>6</v>
      </c>
      <c r="AL2956">
        <v>0</v>
      </c>
      <c r="AM2956">
        <v>0</v>
      </c>
      <c r="AN2956">
        <v>0</v>
      </c>
      <c r="AO2956">
        <v>0</v>
      </c>
      <c r="AP2956">
        <v>0</v>
      </c>
      <c r="AQ2956">
        <v>0</v>
      </c>
      <c r="AR2956">
        <v>0</v>
      </c>
      <c r="AS2956">
        <v>0</v>
      </c>
      <c r="AT2956">
        <v>0</v>
      </c>
      <c r="AU2956">
        <v>0</v>
      </c>
      <c r="AV2956">
        <v>0</v>
      </c>
      <c r="AW2956">
        <v>0</v>
      </c>
      <c r="AX2956">
        <v>0</v>
      </c>
      <c r="AY2956">
        <v>0</v>
      </c>
      <c r="AZ2956">
        <v>0</v>
      </c>
      <c r="BA2956">
        <v>0</v>
      </c>
    </row>
    <row r="2957" spans="1:53" x14ac:dyDescent="0.4">
      <c r="A2957">
        <v>3001</v>
      </c>
      <c r="B2957" s="1">
        <v>43786</v>
      </c>
      <c r="C2957">
        <v>2</v>
      </c>
      <c r="D2957" s="1">
        <v>43786.400694444441</v>
      </c>
      <c r="E2957" s="1">
        <v>43786.736111111109</v>
      </c>
      <c r="F2957">
        <v>49100</v>
      </c>
      <c r="G2957">
        <v>2220</v>
      </c>
      <c r="H2957">
        <v>200</v>
      </c>
      <c r="I2957">
        <v>0</v>
      </c>
      <c r="J2957">
        <v>100</v>
      </c>
      <c r="K2957">
        <v>400</v>
      </c>
      <c r="L2957">
        <v>0</v>
      </c>
      <c r="M2957">
        <v>5182</v>
      </c>
      <c r="N2957">
        <v>0</v>
      </c>
      <c r="O2957">
        <v>0</v>
      </c>
      <c r="P2957">
        <v>20570</v>
      </c>
      <c r="Q2957">
        <v>0</v>
      </c>
      <c r="R2957">
        <v>77572</v>
      </c>
      <c r="S2957">
        <v>0</v>
      </c>
      <c r="T2957">
        <v>0</v>
      </c>
      <c r="U2957">
        <v>0</v>
      </c>
      <c r="V2957">
        <v>0</v>
      </c>
      <c r="W2957">
        <v>0</v>
      </c>
      <c r="X2957">
        <v>0</v>
      </c>
      <c r="Y2957">
        <v>92</v>
      </c>
      <c r="Z2957">
        <v>43</v>
      </c>
      <c r="AA2957">
        <v>115</v>
      </c>
      <c r="AB2957">
        <v>2</v>
      </c>
      <c r="AC2957">
        <v>114</v>
      </c>
      <c r="AD2957">
        <v>29</v>
      </c>
      <c r="AE2957">
        <v>82</v>
      </c>
      <c r="AF2957">
        <v>605</v>
      </c>
      <c r="AG2957">
        <v>127072</v>
      </c>
      <c r="AH2957">
        <v>50000</v>
      </c>
      <c r="AI2957">
        <v>-500</v>
      </c>
      <c r="AJ2957">
        <v>101</v>
      </c>
      <c r="AK2957" t="s">
        <v>28</v>
      </c>
      <c r="AL2957">
        <v>0</v>
      </c>
      <c r="AM2957">
        <v>0</v>
      </c>
      <c r="AN2957">
        <v>0</v>
      </c>
      <c r="AO2957">
        <v>0</v>
      </c>
      <c r="AP2957">
        <v>0</v>
      </c>
      <c r="AQ2957">
        <v>0</v>
      </c>
      <c r="AR2957">
        <v>0</v>
      </c>
      <c r="AS2957">
        <v>0</v>
      </c>
      <c r="AT2957">
        <v>0</v>
      </c>
      <c r="AU2957">
        <v>0</v>
      </c>
      <c r="AV2957">
        <v>0</v>
      </c>
      <c r="AW2957">
        <v>0</v>
      </c>
      <c r="AX2957">
        <v>-5137</v>
      </c>
      <c r="AY2957">
        <v>53</v>
      </c>
      <c r="AZ2957">
        <v>120</v>
      </c>
      <c r="BA2957">
        <v>7497</v>
      </c>
    </row>
    <row r="2958" spans="1:53" x14ac:dyDescent="0.4">
      <c r="A2958">
        <v>3002</v>
      </c>
      <c r="B2958" s="1">
        <v>43787</v>
      </c>
      <c r="C2958">
        <v>1</v>
      </c>
      <c r="D2958" s="1">
        <v>43787.291666666664</v>
      </c>
      <c r="E2958" s="1">
        <v>43787.447916666664</v>
      </c>
      <c r="F2958">
        <v>0</v>
      </c>
      <c r="G2958">
        <v>0</v>
      </c>
      <c r="H2958">
        <v>0</v>
      </c>
      <c r="I2958">
        <v>0</v>
      </c>
      <c r="J2958">
        <v>0</v>
      </c>
      <c r="K2958">
        <v>0</v>
      </c>
      <c r="L2958">
        <v>0</v>
      </c>
      <c r="M2958">
        <v>0</v>
      </c>
      <c r="N2958">
        <v>0</v>
      </c>
      <c r="O2958">
        <v>0</v>
      </c>
      <c r="P2958">
        <v>0</v>
      </c>
      <c r="Q2958">
        <v>0</v>
      </c>
      <c r="R2958">
        <v>0</v>
      </c>
      <c r="S2958">
        <v>0</v>
      </c>
      <c r="T2958">
        <v>0</v>
      </c>
      <c r="U2958">
        <v>0</v>
      </c>
      <c r="V2958">
        <v>0</v>
      </c>
      <c r="W2958">
        <v>0</v>
      </c>
      <c r="X2958">
        <v>0</v>
      </c>
      <c r="Y2958">
        <v>31</v>
      </c>
      <c r="Z2958">
        <v>9</v>
      </c>
      <c r="AA2958">
        <v>131</v>
      </c>
      <c r="AB2958">
        <v>2</v>
      </c>
      <c r="AC2958">
        <v>107</v>
      </c>
      <c r="AD2958">
        <v>29</v>
      </c>
      <c r="AE2958">
        <v>85</v>
      </c>
      <c r="AF2958">
        <v>0</v>
      </c>
      <c r="AG2958">
        <v>50000</v>
      </c>
      <c r="AH2958">
        <v>0</v>
      </c>
      <c r="AI2958">
        <v>50000</v>
      </c>
      <c r="AJ2958">
        <v>0</v>
      </c>
      <c r="AK2958" t="s">
        <v>6</v>
      </c>
      <c r="AL2958">
        <v>0</v>
      </c>
      <c r="AM2958">
        <v>0</v>
      </c>
      <c r="AN2958">
        <v>0</v>
      </c>
      <c r="AO2958">
        <v>0</v>
      </c>
      <c r="AP2958">
        <v>0</v>
      </c>
      <c r="AQ2958">
        <v>0</v>
      </c>
      <c r="AR2958">
        <v>0</v>
      </c>
      <c r="AS2958">
        <v>0</v>
      </c>
      <c r="AT2958">
        <v>0</v>
      </c>
      <c r="AU2958">
        <v>0</v>
      </c>
      <c r="AV2958">
        <v>0</v>
      </c>
      <c r="AW2958">
        <v>0</v>
      </c>
      <c r="AX2958">
        <v>0</v>
      </c>
      <c r="AY2958">
        <v>0</v>
      </c>
      <c r="AZ2958">
        <v>0</v>
      </c>
      <c r="BA2958">
        <v>0</v>
      </c>
    </row>
    <row r="2959" spans="1:53" x14ac:dyDescent="0.4">
      <c r="A2959">
        <v>3003</v>
      </c>
      <c r="B2959" s="1">
        <v>43787</v>
      </c>
      <c r="C2959">
        <v>2</v>
      </c>
      <c r="D2959" s="1">
        <v>43787.447916666664</v>
      </c>
      <c r="E2959" s="1">
        <v>43787.777777777781</v>
      </c>
      <c r="F2959">
        <v>23100</v>
      </c>
      <c r="G2959">
        <v>7440</v>
      </c>
      <c r="H2959">
        <v>200</v>
      </c>
      <c r="I2959">
        <v>0</v>
      </c>
      <c r="J2959">
        <v>0</v>
      </c>
      <c r="K2959">
        <v>0</v>
      </c>
      <c r="L2959">
        <v>0</v>
      </c>
      <c r="M2959">
        <v>3074</v>
      </c>
      <c r="N2959">
        <v>0</v>
      </c>
      <c r="O2959">
        <v>0</v>
      </c>
      <c r="P2959">
        <v>19360</v>
      </c>
      <c r="Q2959">
        <v>0</v>
      </c>
      <c r="R2959">
        <v>53174</v>
      </c>
      <c r="S2959">
        <v>0</v>
      </c>
      <c r="T2959">
        <v>0</v>
      </c>
      <c r="U2959">
        <v>0</v>
      </c>
      <c r="V2959">
        <v>2</v>
      </c>
      <c r="W2959">
        <v>1</v>
      </c>
      <c r="X2959">
        <v>0</v>
      </c>
      <c r="Y2959">
        <v>49</v>
      </c>
      <c r="Z2959">
        <v>26</v>
      </c>
      <c r="AA2959">
        <v>128</v>
      </c>
      <c r="AB2959">
        <v>7</v>
      </c>
      <c r="AC2959">
        <v>92</v>
      </c>
      <c r="AD2959">
        <v>33</v>
      </c>
      <c r="AE2959">
        <v>124</v>
      </c>
      <c r="AF2959">
        <v>1815</v>
      </c>
      <c r="AG2959">
        <v>103174</v>
      </c>
      <c r="AH2959">
        <v>50000</v>
      </c>
      <c r="AI2959">
        <v>0</v>
      </c>
      <c r="AJ2959">
        <v>96</v>
      </c>
      <c r="AK2959" t="s">
        <v>4</v>
      </c>
      <c r="AL2959">
        <v>0</v>
      </c>
      <c r="AM2959">
        <v>0</v>
      </c>
      <c r="AN2959">
        <v>0</v>
      </c>
      <c r="AO2959">
        <v>0</v>
      </c>
      <c r="AP2959">
        <v>0</v>
      </c>
      <c r="AQ2959">
        <v>0</v>
      </c>
      <c r="AR2959">
        <v>0</v>
      </c>
      <c r="AS2959">
        <v>0</v>
      </c>
      <c r="AT2959">
        <v>0</v>
      </c>
      <c r="AU2959">
        <v>0</v>
      </c>
      <c r="AV2959">
        <v>0</v>
      </c>
      <c r="AW2959">
        <v>0</v>
      </c>
      <c r="AX2959">
        <v>1474</v>
      </c>
      <c r="AY2959">
        <v>38</v>
      </c>
      <c r="AZ2959">
        <v>73</v>
      </c>
      <c r="BA2959">
        <v>5083</v>
      </c>
    </row>
    <row r="2960" spans="1:53" x14ac:dyDescent="0.4">
      <c r="A2960">
        <v>3004</v>
      </c>
      <c r="B2960" s="1">
        <v>43788</v>
      </c>
      <c r="C2960">
        <v>1</v>
      </c>
      <c r="D2960" s="1">
        <v>43788.291666666664</v>
      </c>
      <c r="E2960" s="1">
        <v>43788.45</v>
      </c>
      <c r="F2960">
        <v>0</v>
      </c>
      <c r="G2960">
        <v>0</v>
      </c>
      <c r="H2960">
        <v>0</v>
      </c>
      <c r="I2960">
        <v>0</v>
      </c>
      <c r="J2960">
        <v>0</v>
      </c>
      <c r="K2960">
        <v>0</v>
      </c>
      <c r="L2960">
        <v>0</v>
      </c>
      <c r="M2960">
        <v>0</v>
      </c>
      <c r="N2960">
        <v>0</v>
      </c>
      <c r="O2960">
        <v>0</v>
      </c>
      <c r="P2960">
        <v>0</v>
      </c>
      <c r="Q2960">
        <v>0</v>
      </c>
      <c r="R2960">
        <v>0</v>
      </c>
      <c r="S2960">
        <v>0</v>
      </c>
      <c r="T2960">
        <v>0</v>
      </c>
      <c r="U2960">
        <v>0</v>
      </c>
      <c r="V2960">
        <v>0</v>
      </c>
      <c r="W2960">
        <v>0</v>
      </c>
      <c r="X2960">
        <v>0</v>
      </c>
      <c r="Y2960">
        <v>31</v>
      </c>
      <c r="Z2960">
        <v>10</v>
      </c>
      <c r="AA2960">
        <v>127</v>
      </c>
      <c r="AB2960">
        <v>5</v>
      </c>
      <c r="AC2960">
        <v>83</v>
      </c>
      <c r="AD2960">
        <v>31</v>
      </c>
      <c r="AE2960">
        <v>65</v>
      </c>
      <c r="AF2960">
        <v>0</v>
      </c>
      <c r="AG2960">
        <v>50000</v>
      </c>
      <c r="AH2960">
        <v>50000</v>
      </c>
      <c r="AI2960">
        <v>0</v>
      </c>
      <c r="AJ2960">
        <v>0</v>
      </c>
      <c r="AK2960" t="s">
        <v>6</v>
      </c>
      <c r="AL2960">
        <v>0</v>
      </c>
      <c r="AM2960">
        <v>0</v>
      </c>
      <c r="AN2960">
        <v>0</v>
      </c>
      <c r="AO2960">
        <v>0</v>
      </c>
      <c r="AP2960">
        <v>0</v>
      </c>
      <c r="AQ2960">
        <v>0</v>
      </c>
      <c r="AR2960">
        <v>0</v>
      </c>
      <c r="AS2960">
        <v>0</v>
      </c>
      <c r="AT2960">
        <v>0</v>
      </c>
      <c r="AU2960">
        <v>0</v>
      </c>
      <c r="AV2960">
        <v>0</v>
      </c>
      <c r="AW2960">
        <v>0</v>
      </c>
      <c r="AX2960">
        <v>0</v>
      </c>
      <c r="AY2960">
        <v>0</v>
      </c>
      <c r="AZ2960">
        <v>0</v>
      </c>
      <c r="BA2960">
        <v>0</v>
      </c>
    </row>
    <row r="2961" spans="1:53" x14ac:dyDescent="0.4">
      <c r="A2961">
        <v>3005</v>
      </c>
      <c r="B2961" s="1">
        <v>43788</v>
      </c>
      <c r="C2961">
        <v>2</v>
      </c>
      <c r="D2961" s="1">
        <v>43788.45</v>
      </c>
      <c r="E2961" s="1">
        <v>43788.745138888888</v>
      </c>
      <c r="F2961">
        <v>8250</v>
      </c>
      <c r="G2961">
        <v>1050</v>
      </c>
      <c r="H2961">
        <v>0</v>
      </c>
      <c r="I2961">
        <v>0</v>
      </c>
      <c r="J2961">
        <v>0</v>
      </c>
      <c r="K2961">
        <v>0</v>
      </c>
      <c r="L2961">
        <v>0</v>
      </c>
      <c r="M2961">
        <v>930</v>
      </c>
      <c r="N2961">
        <v>0</v>
      </c>
      <c r="O2961">
        <v>0</v>
      </c>
      <c r="P2961">
        <v>10285</v>
      </c>
      <c r="Q2961">
        <v>0</v>
      </c>
      <c r="R2961">
        <v>20515</v>
      </c>
      <c r="S2961">
        <v>0</v>
      </c>
      <c r="T2961">
        <v>0</v>
      </c>
      <c r="U2961">
        <v>0</v>
      </c>
      <c r="V2961">
        <v>0</v>
      </c>
      <c r="W2961">
        <v>0</v>
      </c>
      <c r="X2961">
        <v>0</v>
      </c>
      <c r="Y2961">
        <v>50</v>
      </c>
      <c r="Z2961">
        <v>15</v>
      </c>
      <c r="AA2961">
        <v>118</v>
      </c>
      <c r="AB2961">
        <v>4</v>
      </c>
      <c r="AC2961">
        <v>79</v>
      </c>
      <c r="AD2961">
        <v>30</v>
      </c>
      <c r="AE2961">
        <v>75</v>
      </c>
      <c r="AF2961">
        <v>0</v>
      </c>
      <c r="AG2961">
        <v>70515</v>
      </c>
      <c r="AH2961">
        <v>50000</v>
      </c>
      <c r="AI2961">
        <v>0</v>
      </c>
      <c r="AJ2961">
        <v>97</v>
      </c>
      <c r="AK2961" t="s">
        <v>33</v>
      </c>
      <c r="AL2961">
        <v>0</v>
      </c>
      <c r="AM2961">
        <v>0</v>
      </c>
      <c r="AN2961">
        <v>0</v>
      </c>
      <c r="AO2961">
        <v>0</v>
      </c>
      <c r="AP2961">
        <v>0</v>
      </c>
      <c r="AQ2961">
        <v>0</v>
      </c>
      <c r="AR2961">
        <v>0</v>
      </c>
      <c r="AS2961">
        <v>0</v>
      </c>
      <c r="AT2961">
        <v>0</v>
      </c>
      <c r="AU2961">
        <v>0</v>
      </c>
      <c r="AV2961">
        <v>0</v>
      </c>
      <c r="AW2961">
        <v>0</v>
      </c>
      <c r="AX2961">
        <v>-1210</v>
      </c>
      <c r="AY2961">
        <v>23</v>
      </c>
      <c r="AZ2961">
        <v>32</v>
      </c>
      <c r="BA2961">
        <v>3082</v>
      </c>
    </row>
    <row r="2962" spans="1:53" x14ac:dyDescent="0.4">
      <c r="A2962">
        <v>3006</v>
      </c>
      <c r="B2962" s="1">
        <v>43788</v>
      </c>
      <c r="C2962">
        <v>3</v>
      </c>
      <c r="D2962" s="1">
        <v>43788.745138888888</v>
      </c>
      <c r="E2962" s="1">
        <v>43788.956944444442</v>
      </c>
      <c r="F2962">
        <v>25550</v>
      </c>
      <c r="G2962">
        <v>500</v>
      </c>
      <c r="H2962">
        <v>0</v>
      </c>
      <c r="I2962">
        <v>0</v>
      </c>
      <c r="J2962">
        <v>0</v>
      </c>
      <c r="K2962">
        <v>0</v>
      </c>
      <c r="L2962">
        <v>0</v>
      </c>
      <c r="M2962">
        <v>2605</v>
      </c>
      <c r="N2962">
        <v>0</v>
      </c>
      <c r="O2962">
        <v>0</v>
      </c>
      <c r="P2962">
        <v>-4125</v>
      </c>
      <c r="Q2962">
        <v>0</v>
      </c>
      <c r="R2962">
        <v>24530</v>
      </c>
      <c r="S2962">
        <v>0</v>
      </c>
      <c r="T2962">
        <v>0</v>
      </c>
      <c r="U2962">
        <v>0</v>
      </c>
      <c r="V2962">
        <v>0</v>
      </c>
      <c r="W2962">
        <v>2</v>
      </c>
      <c r="X2962">
        <v>0</v>
      </c>
      <c r="Y2962">
        <v>61</v>
      </c>
      <c r="Z2962">
        <v>16</v>
      </c>
      <c r="AA2962">
        <v>133</v>
      </c>
      <c r="AB2962">
        <v>7</v>
      </c>
      <c r="AC2962">
        <v>84</v>
      </c>
      <c r="AD2962">
        <v>32</v>
      </c>
      <c r="AE2962">
        <v>75</v>
      </c>
      <c r="AF2962">
        <v>1320</v>
      </c>
      <c r="AG2962">
        <v>95045</v>
      </c>
      <c r="AH2962">
        <v>50000</v>
      </c>
      <c r="AI2962">
        <v>0</v>
      </c>
      <c r="AJ2962">
        <v>94</v>
      </c>
      <c r="AK2962" t="s">
        <v>43</v>
      </c>
      <c r="AL2962">
        <v>0</v>
      </c>
      <c r="AM2962">
        <v>0</v>
      </c>
      <c r="AN2962">
        <v>0</v>
      </c>
      <c r="AO2962">
        <v>0</v>
      </c>
      <c r="AP2962">
        <v>0</v>
      </c>
      <c r="AQ2962">
        <v>0</v>
      </c>
      <c r="AR2962">
        <v>0</v>
      </c>
      <c r="AS2962">
        <v>0</v>
      </c>
      <c r="AT2962">
        <v>0</v>
      </c>
      <c r="AU2962">
        <v>0</v>
      </c>
      <c r="AV2962">
        <v>0</v>
      </c>
      <c r="AW2962">
        <v>0</v>
      </c>
      <c r="AX2962">
        <v>8938</v>
      </c>
      <c r="AY2962">
        <v>14</v>
      </c>
      <c r="AZ2962">
        <v>31</v>
      </c>
      <c r="BA2962">
        <v>2405</v>
      </c>
    </row>
    <row r="2963" spans="1:53" x14ac:dyDescent="0.4">
      <c r="A2963">
        <v>3007</v>
      </c>
      <c r="B2963" s="1">
        <v>43789</v>
      </c>
      <c r="C2963">
        <v>1</v>
      </c>
      <c r="D2963" s="1">
        <v>43789.291666666664</v>
      </c>
      <c r="E2963" s="1">
        <v>43789.431944444441</v>
      </c>
      <c r="F2963">
        <v>0</v>
      </c>
      <c r="G2963">
        <v>0</v>
      </c>
      <c r="H2963">
        <v>0</v>
      </c>
      <c r="I2963">
        <v>0</v>
      </c>
      <c r="J2963">
        <v>0</v>
      </c>
      <c r="K2963">
        <v>0</v>
      </c>
      <c r="L2963">
        <v>0</v>
      </c>
      <c r="M2963">
        <v>0</v>
      </c>
      <c r="N2963">
        <v>0</v>
      </c>
      <c r="O2963">
        <v>0</v>
      </c>
      <c r="P2963">
        <v>0</v>
      </c>
      <c r="Q2963">
        <v>0</v>
      </c>
      <c r="R2963">
        <v>0</v>
      </c>
      <c r="S2963">
        <v>0</v>
      </c>
      <c r="T2963">
        <v>0</v>
      </c>
      <c r="U2963">
        <v>0</v>
      </c>
      <c r="V2963">
        <v>0</v>
      </c>
      <c r="W2963">
        <v>0</v>
      </c>
      <c r="X2963">
        <v>0</v>
      </c>
      <c r="Y2963">
        <v>30</v>
      </c>
      <c r="Z2963">
        <v>13</v>
      </c>
      <c r="AA2963">
        <v>123</v>
      </c>
      <c r="AB2963">
        <v>3</v>
      </c>
      <c r="AC2963">
        <v>81</v>
      </c>
      <c r="AD2963">
        <v>33</v>
      </c>
      <c r="AE2963">
        <v>75</v>
      </c>
      <c r="AF2963">
        <v>0</v>
      </c>
      <c r="AG2963">
        <v>50000</v>
      </c>
      <c r="AH2963">
        <v>50000</v>
      </c>
      <c r="AI2963">
        <v>0</v>
      </c>
      <c r="AJ2963">
        <v>0</v>
      </c>
      <c r="AK2963" t="s">
        <v>6</v>
      </c>
      <c r="AL2963">
        <v>0</v>
      </c>
      <c r="AM2963">
        <v>0</v>
      </c>
      <c r="AN2963">
        <v>0</v>
      </c>
      <c r="AO2963">
        <v>0</v>
      </c>
      <c r="AP2963">
        <v>0</v>
      </c>
      <c r="AQ2963">
        <v>0</v>
      </c>
      <c r="AR2963">
        <v>0</v>
      </c>
      <c r="AS2963">
        <v>0</v>
      </c>
      <c r="AT2963">
        <v>0</v>
      </c>
      <c r="AU2963">
        <v>0</v>
      </c>
      <c r="AV2963">
        <v>0</v>
      </c>
      <c r="AW2963">
        <v>0</v>
      </c>
      <c r="AX2963">
        <v>0</v>
      </c>
      <c r="AY2963">
        <v>0</v>
      </c>
      <c r="AZ2963">
        <v>0</v>
      </c>
      <c r="BA2963">
        <v>0</v>
      </c>
    </row>
    <row r="2964" spans="1:53" x14ac:dyDescent="0.4">
      <c r="A2964">
        <v>3008</v>
      </c>
      <c r="B2964" s="1">
        <v>43789</v>
      </c>
      <c r="C2964">
        <v>2</v>
      </c>
      <c r="D2964" s="1">
        <v>43789.431944444441</v>
      </c>
      <c r="E2964" s="1">
        <v>43789.750694444447</v>
      </c>
      <c r="F2964">
        <v>18150</v>
      </c>
      <c r="G2964">
        <v>0</v>
      </c>
      <c r="H2964">
        <v>200</v>
      </c>
      <c r="I2964">
        <v>0</v>
      </c>
      <c r="J2964">
        <v>200</v>
      </c>
      <c r="K2964">
        <v>0</v>
      </c>
      <c r="L2964">
        <v>0</v>
      </c>
      <c r="M2964">
        <v>1815</v>
      </c>
      <c r="N2964">
        <v>0</v>
      </c>
      <c r="O2964">
        <v>0</v>
      </c>
      <c r="P2964">
        <v>16940</v>
      </c>
      <c r="Q2964">
        <v>0</v>
      </c>
      <c r="R2964">
        <v>36905</v>
      </c>
      <c r="S2964">
        <v>0</v>
      </c>
      <c r="T2964">
        <v>0</v>
      </c>
      <c r="U2964">
        <v>0</v>
      </c>
      <c r="V2964">
        <v>0</v>
      </c>
      <c r="W2964">
        <v>1</v>
      </c>
      <c r="X2964">
        <v>0</v>
      </c>
      <c r="Y2964">
        <v>54</v>
      </c>
      <c r="Z2964">
        <v>31</v>
      </c>
      <c r="AA2964">
        <v>108</v>
      </c>
      <c r="AB2964">
        <v>1</v>
      </c>
      <c r="AC2964">
        <v>73</v>
      </c>
      <c r="AD2964">
        <v>27</v>
      </c>
      <c r="AE2964">
        <v>85</v>
      </c>
      <c r="AF2964">
        <v>605</v>
      </c>
      <c r="AG2964">
        <v>86905</v>
      </c>
      <c r="AH2964">
        <v>50000</v>
      </c>
      <c r="AI2964">
        <v>0</v>
      </c>
      <c r="AJ2964">
        <v>99</v>
      </c>
      <c r="AK2964" t="s">
        <v>9</v>
      </c>
      <c r="AL2964">
        <v>0</v>
      </c>
      <c r="AM2964">
        <v>0</v>
      </c>
      <c r="AN2964">
        <v>0</v>
      </c>
      <c r="AO2964">
        <v>0</v>
      </c>
      <c r="AP2964">
        <v>0</v>
      </c>
      <c r="AQ2964">
        <v>0</v>
      </c>
      <c r="AR2964">
        <v>0</v>
      </c>
      <c r="AS2964">
        <v>0</v>
      </c>
      <c r="AT2964">
        <v>0</v>
      </c>
      <c r="AU2964">
        <v>0</v>
      </c>
      <c r="AV2964">
        <v>0</v>
      </c>
      <c r="AW2964">
        <v>0</v>
      </c>
      <c r="AX2964">
        <v>0</v>
      </c>
      <c r="AY2964">
        <v>38</v>
      </c>
      <c r="AZ2964">
        <v>61</v>
      </c>
      <c r="BA2964">
        <v>4620</v>
      </c>
    </row>
    <row r="2965" spans="1:53" x14ac:dyDescent="0.4">
      <c r="A2965">
        <v>3009</v>
      </c>
      <c r="B2965" s="1">
        <v>43789</v>
      </c>
      <c r="C2965">
        <v>3</v>
      </c>
      <c r="D2965" s="1">
        <v>43789.750694444447</v>
      </c>
      <c r="E2965" s="1">
        <v>43789.952777777777</v>
      </c>
      <c r="F2965">
        <v>16500</v>
      </c>
      <c r="G2965">
        <v>1080</v>
      </c>
      <c r="H2965">
        <v>0</v>
      </c>
      <c r="I2965">
        <v>0</v>
      </c>
      <c r="J2965">
        <v>0</v>
      </c>
      <c r="K2965">
        <v>0</v>
      </c>
      <c r="L2965">
        <v>0</v>
      </c>
      <c r="M2965">
        <v>1758</v>
      </c>
      <c r="N2965">
        <v>0</v>
      </c>
      <c r="O2965">
        <v>0</v>
      </c>
      <c r="P2965">
        <v>-16940</v>
      </c>
      <c r="Q2965">
        <v>0</v>
      </c>
      <c r="R2965">
        <v>2398</v>
      </c>
      <c r="S2965">
        <v>0</v>
      </c>
      <c r="T2965">
        <v>0</v>
      </c>
      <c r="U2965">
        <v>0</v>
      </c>
      <c r="V2965">
        <v>0</v>
      </c>
      <c r="W2965">
        <v>1</v>
      </c>
      <c r="X2965">
        <v>0</v>
      </c>
      <c r="Y2965">
        <v>56</v>
      </c>
      <c r="Z2965">
        <v>30</v>
      </c>
      <c r="AA2965">
        <v>108</v>
      </c>
      <c r="AB2965">
        <v>1</v>
      </c>
      <c r="AC2965">
        <v>73</v>
      </c>
      <c r="AD2965">
        <v>25</v>
      </c>
      <c r="AE2965">
        <v>88</v>
      </c>
      <c r="AF2965">
        <v>1210</v>
      </c>
      <c r="AG2965">
        <v>89003</v>
      </c>
      <c r="AH2965">
        <v>50000</v>
      </c>
      <c r="AI2965">
        <v>-300</v>
      </c>
      <c r="AJ2965">
        <v>108</v>
      </c>
      <c r="AK2965" t="s">
        <v>30</v>
      </c>
      <c r="AL2965">
        <v>0</v>
      </c>
      <c r="AM2965">
        <v>0</v>
      </c>
      <c r="AN2965">
        <v>0</v>
      </c>
      <c r="AO2965">
        <v>0</v>
      </c>
      <c r="AP2965">
        <v>0</v>
      </c>
      <c r="AQ2965">
        <v>0</v>
      </c>
      <c r="AR2965">
        <v>0</v>
      </c>
      <c r="AS2965">
        <v>0</v>
      </c>
      <c r="AT2965">
        <v>0</v>
      </c>
      <c r="AU2965">
        <v>0</v>
      </c>
      <c r="AV2965">
        <v>0</v>
      </c>
      <c r="AW2965">
        <v>0</v>
      </c>
      <c r="AX2965">
        <v>5115</v>
      </c>
      <c r="AY2965">
        <v>4</v>
      </c>
      <c r="AZ2965">
        <v>7</v>
      </c>
      <c r="BA2965">
        <v>1805</v>
      </c>
    </row>
    <row r="2966" spans="1:53" x14ac:dyDescent="0.4">
      <c r="A2966">
        <v>3010</v>
      </c>
      <c r="B2966" s="1">
        <v>43790</v>
      </c>
      <c r="C2966">
        <v>1</v>
      </c>
      <c r="D2966" s="1">
        <v>43790.291666666664</v>
      </c>
      <c r="E2966" s="1">
        <v>43790.454861111109</v>
      </c>
      <c r="F2966">
        <v>0</v>
      </c>
      <c r="G2966">
        <v>0</v>
      </c>
      <c r="H2966">
        <v>0</v>
      </c>
      <c r="I2966">
        <v>0</v>
      </c>
      <c r="J2966">
        <v>0</v>
      </c>
      <c r="K2966">
        <v>0</v>
      </c>
      <c r="L2966">
        <v>0</v>
      </c>
      <c r="M2966">
        <v>0</v>
      </c>
      <c r="N2966">
        <v>0</v>
      </c>
      <c r="O2966">
        <v>0</v>
      </c>
      <c r="P2966">
        <v>0</v>
      </c>
      <c r="Q2966">
        <v>0</v>
      </c>
      <c r="R2966">
        <v>0</v>
      </c>
      <c r="S2966">
        <v>0</v>
      </c>
      <c r="T2966">
        <v>0</v>
      </c>
      <c r="U2966">
        <v>0</v>
      </c>
      <c r="V2966">
        <v>0</v>
      </c>
      <c r="W2966">
        <v>0</v>
      </c>
      <c r="X2966">
        <v>0</v>
      </c>
      <c r="Y2966">
        <v>33</v>
      </c>
      <c r="Z2966">
        <v>10</v>
      </c>
      <c r="AA2966">
        <v>109</v>
      </c>
      <c r="AB2966">
        <v>4</v>
      </c>
      <c r="AC2966">
        <v>69</v>
      </c>
      <c r="AD2966">
        <v>23</v>
      </c>
      <c r="AE2966">
        <v>95</v>
      </c>
      <c r="AF2966">
        <v>0</v>
      </c>
      <c r="AG2966">
        <v>50000</v>
      </c>
      <c r="AH2966">
        <v>0</v>
      </c>
      <c r="AI2966">
        <v>50000</v>
      </c>
      <c r="AJ2966">
        <v>0</v>
      </c>
      <c r="AK2966" t="s">
        <v>6</v>
      </c>
      <c r="AL2966">
        <v>0</v>
      </c>
      <c r="AM2966">
        <v>0</v>
      </c>
      <c r="AN2966">
        <v>0</v>
      </c>
      <c r="AO2966">
        <v>0</v>
      </c>
      <c r="AP2966">
        <v>0</v>
      </c>
      <c r="AQ2966">
        <v>0</v>
      </c>
      <c r="AR2966">
        <v>0</v>
      </c>
      <c r="AS2966">
        <v>0</v>
      </c>
      <c r="AT2966">
        <v>0</v>
      </c>
      <c r="AU2966">
        <v>0</v>
      </c>
      <c r="AV2966">
        <v>0</v>
      </c>
      <c r="AW2966">
        <v>0</v>
      </c>
      <c r="AX2966">
        <v>0</v>
      </c>
      <c r="AY2966">
        <v>0</v>
      </c>
      <c r="AZ2966">
        <v>0</v>
      </c>
      <c r="BA2966">
        <v>0</v>
      </c>
    </row>
    <row r="2967" spans="1:53" x14ac:dyDescent="0.4">
      <c r="A2967">
        <v>3011</v>
      </c>
      <c r="B2967" s="1">
        <v>43790</v>
      </c>
      <c r="C2967">
        <v>2</v>
      </c>
      <c r="D2967" s="1">
        <v>43790.454861111109</v>
      </c>
      <c r="E2967" s="1">
        <v>43790.742361111108</v>
      </c>
      <c r="F2967">
        <v>15400</v>
      </c>
      <c r="G2967">
        <v>0</v>
      </c>
      <c r="H2967">
        <v>0</v>
      </c>
      <c r="I2967">
        <v>0</v>
      </c>
      <c r="J2967">
        <v>0</v>
      </c>
      <c r="K2967">
        <v>0</v>
      </c>
      <c r="L2967">
        <v>0</v>
      </c>
      <c r="M2967">
        <v>1540</v>
      </c>
      <c r="N2967">
        <v>0</v>
      </c>
      <c r="O2967">
        <v>0</v>
      </c>
      <c r="P2967">
        <v>9680</v>
      </c>
      <c r="Q2967">
        <v>0</v>
      </c>
      <c r="R2967">
        <v>26620</v>
      </c>
      <c r="S2967">
        <v>0</v>
      </c>
      <c r="T2967">
        <v>0</v>
      </c>
      <c r="U2967">
        <v>0</v>
      </c>
      <c r="V2967">
        <v>1</v>
      </c>
      <c r="W2967">
        <v>1</v>
      </c>
      <c r="X2967">
        <v>0</v>
      </c>
      <c r="Y2967">
        <v>41</v>
      </c>
      <c r="Z2967">
        <v>18</v>
      </c>
      <c r="AA2967">
        <v>104</v>
      </c>
      <c r="AB2967">
        <v>5</v>
      </c>
      <c r="AC2967">
        <v>77</v>
      </c>
      <c r="AD2967">
        <v>19</v>
      </c>
      <c r="AE2967">
        <v>105</v>
      </c>
      <c r="AF2967">
        <v>0</v>
      </c>
      <c r="AG2967">
        <v>76620</v>
      </c>
      <c r="AH2967">
        <v>50000</v>
      </c>
      <c r="AI2967">
        <v>0</v>
      </c>
      <c r="AJ2967">
        <v>96</v>
      </c>
      <c r="AK2967" t="s">
        <v>4</v>
      </c>
      <c r="AL2967">
        <v>0</v>
      </c>
      <c r="AM2967">
        <v>0</v>
      </c>
      <c r="AN2967">
        <v>0</v>
      </c>
      <c r="AO2967">
        <v>0</v>
      </c>
      <c r="AP2967">
        <v>0</v>
      </c>
      <c r="AQ2967">
        <v>0</v>
      </c>
      <c r="AR2967">
        <v>0</v>
      </c>
      <c r="AS2967">
        <v>0</v>
      </c>
      <c r="AT2967">
        <v>0</v>
      </c>
      <c r="AU2967">
        <v>0</v>
      </c>
      <c r="AV2967">
        <v>0</v>
      </c>
      <c r="AW2967">
        <v>0</v>
      </c>
      <c r="AX2967">
        <v>0</v>
      </c>
      <c r="AY2967">
        <v>25</v>
      </c>
      <c r="AZ2967">
        <v>44</v>
      </c>
      <c r="BA2967">
        <v>3428</v>
      </c>
    </row>
    <row r="2968" spans="1:53" x14ac:dyDescent="0.4">
      <c r="A2968">
        <v>3012</v>
      </c>
      <c r="B2968" s="1">
        <v>43791</v>
      </c>
      <c r="C2968">
        <v>1</v>
      </c>
      <c r="D2968" s="1">
        <v>43791.291666666664</v>
      </c>
      <c r="E2968" s="1">
        <v>43791.446527777778</v>
      </c>
      <c r="F2968">
        <v>0</v>
      </c>
      <c r="G2968">
        <v>0</v>
      </c>
      <c r="H2968">
        <v>0</v>
      </c>
      <c r="I2968">
        <v>0</v>
      </c>
      <c r="J2968">
        <v>0</v>
      </c>
      <c r="K2968">
        <v>0</v>
      </c>
      <c r="L2968">
        <v>0</v>
      </c>
      <c r="M2968">
        <v>0</v>
      </c>
      <c r="N2968">
        <v>0</v>
      </c>
      <c r="O2968">
        <v>0</v>
      </c>
      <c r="P2968">
        <v>0</v>
      </c>
      <c r="Q2968">
        <v>0</v>
      </c>
      <c r="R2968">
        <v>0</v>
      </c>
      <c r="S2968">
        <v>0</v>
      </c>
      <c r="T2968">
        <v>0</v>
      </c>
      <c r="U2968">
        <v>0</v>
      </c>
      <c r="V2968">
        <v>0</v>
      </c>
      <c r="W2968">
        <v>0</v>
      </c>
      <c r="X2968">
        <v>0</v>
      </c>
      <c r="Y2968">
        <v>34</v>
      </c>
      <c r="Z2968">
        <v>11</v>
      </c>
      <c r="AA2968">
        <v>94</v>
      </c>
      <c r="AB2968">
        <v>2</v>
      </c>
      <c r="AC2968">
        <v>55</v>
      </c>
      <c r="AD2968">
        <v>68</v>
      </c>
      <c r="AE2968">
        <v>110</v>
      </c>
      <c r="AF2968">
        <v>0</v>
      </c>
      <c r="AG2968">
        <v>50000</v>
      </c>
      <c r="AH2968">
        <v>50000</v>
      </c>
      <c r="AI2968">
        <v>0</v>
      </c>
      <c r="AJ2968">
        <v>0</v>
      </c>
      <c r="AK2968" t="s">
        <v>6</v>
      </c>
      <c r="AL2968">
        <v>0</v>
      </c>
      <c r="AM2968">
        <v>0</v>
      </c>
      <c r="AN2968">
        <v>0</v>
      </c>
      <c r="AO2968">
        <v>0</v>
      </c>
      <c r="AP2968">
        <v>0</v>
      </c>
      <c r="AQ2968">
        <v>0</v>
      </c>
      <c r="AR2968">
        <v>0</v>
      </c>
      <c r="AS2968">
        <v>0</v>
      </c>
      <c r="AT2968">
        <v>0</v>
      </c>
      <c r="AU2968">
        <v>0</v>
      </c>
      <c r="AV2968">
        <v>0</v>
      </c>
      <c r="AW2968">
        <v>0</v>
      </c>
      <c r="AX2968">
        <v>0</v>
      </c>
      <c r="AY2968">
        <v>0</v>
      </c>
      <c r="AZ2968">
        <v>0</v>
      </c>
      <c r="BA2968">
        <v>0</v>
      </c>
    </row>
    <row r="2969" spans="1:53" x14ac:dyDescent="0.4">
      <c r="A2969">
        <v>3013</v>
      </c>
      <c r="B2969" s="1">
        <v>43791</v>
      </c>
      <c r="C2969">
        <v>2</v>
      </c>
      <c r="D2969" s="1">
        <v>43791.446527777778</v>
      </c>
      <c r="E2969" s="1">
        <v>43791.740277777775</v>
      </c>
      <c r="F2969">
        <v>19600</v>
      </c>
      <c r="G2969">
        <v>280</v>
      </c>
      <c r="H2969">
        <v>0</v>
      </c>
      <c r="I2969">
        <v>0</v>
      </c>
      <c r="J2969">
        <v>0</v>
      </c>
      <c r="K2969">
        <v>400</v>
      </c>
      <c r="L2969">
        <v>0</v>
      </c>
      <c r="M2969">
        <v>2028</v>
      </c>
      <c r="N2969">
        <v>0</v>
      </c>
      <c r="O2969">
        <v>0</v>
      </c>
      <c r="P2969">
        <v>8470</v>
      </c>
      <c r="Q2969">
        <v>0</v>
      </c>
      <c r="R2969">
        <v>30778</v>
      </c>
      <c r="S2969">
        <v>0</v>
      </c>
      <c r="T2969">
        <v>0</v>
      </c>
      <c r="U2969">
        <v>0</v>
      </c>
      <c r="V2969">
        <v>4</v>
      </c>
      <c r="W2969">
        <v>0</v>
      </c>
      <c r="X2969">
        <v>0</v>
      </c>
      <c r="Y2969">
        <v>23</v>
      </c>
      <c r="Z2969">
        <v>18</v>
      </c>
      <c r="AA2969">
        <v>70</v>
      </c>
      <c r="AB2969">
        <v>1</v>
      </c>
      <c r="AC2969">
        <v>27</v>
      </c>
      <c r="AD2969">
        <v>67</v>
      </c>
      <c r="AE2969">
        <v>133</v>
      </c>
      <c r="AF2969">
        <v>1210</v>
      </c>
      <c r="AG2969">
        <v>80998</v>
      </c>
      <c r="AH2969">
        <v>50000</v>
      </c>
      <c r="AI2969">
        <v>220</v>
      </c>
      <c r="AJ2969">
        <v>97</v>
      </c>
      <c r="AK2969" t="s">
        <v>33</v>
      </c>
      <c r="AL2969">
        <v>0</v>
      </c>
      <c r="AM2969">
        <v>0</v>
      </c>
      <c r="AN2969">
        <v>0</v>
      </c>
      <c r="AO2969">
        <v>0</v>
      </c>
      <c r="AP2969">
        <v>0</v>
      </c>
      <c r="AQ2969">
        <v>0</v>
      </c>
      <c r="AR2969">
        <v>0</v>
      </c>
      <c r="AS2969">
        <v>0</v>
      </c>
      <c r="AT2969">
        <v>0</v>
      </c>
      <c r="AU2969">
        <v>0</v>
      </c>
      <c r="AV2969">
        <v>0</v>
      </c>
      <c r="AW2969">
        <v>0</v>
      </c>
      <c r="AX2969">
        <v>0</v>
      </c>
      <c r="AY2969">
        <v>31</v>
      </c>
      <c r="AZ2969">
        <v>48</v>
      </c>
      <c r="BA2969">
        <v>4650</v>
      </c>
    </row>
    <row r="2970" spans="1:53" x14ac:dyDescent="0.4">
      <c r="A2970">
        <v>3014</v>
      </c>
      <c r="B2970" s="1">
        <v>43791</v>
      </c>
      <c r="C2970">
        <v>3</v>
      </c>
      <c r="D2970" s="1">
        <v>43791.740277777775</v>
      </c>
      <c r="E2970" s="1">
        <v>43791.948611111111</v>
      </c>
      <c r="F2970">
        <v>32200</v>
      </c>
      <c r="G2970">
        <v>1870</v>
      </c>
      <c r="H2970">
        <v>0</v>
      </c>
      <c r="I2970">
        <v>0</v>
      </c>
      <c r="J2970">
        <v>0</v>
      </c>
      <c r="K2970">
        <v>0</v>
      </c>
      <c r="L2970">
        <v>0</v>
      </c>
      <c r="M2970">
        <v>3407</v>
      </c>
      <c r="N2970">
        <v>0</v>
      </c>
      <c r="O2970">
        <v>0</v>
      </c>
      <c r="P2970">
        <v>-7040</v>
      </c>
      <c r="Q2970">
        <v>0</v>
      </c>
      <c r="R2970">
        <v>30437</v>
      </c>
      <c r="S2970">
        <v>0</v>
      </c>
      <c r="T2970">
        <v>0</v>
      </c>
      <c r="U2970">
        <v>0</v>
      </c>
      <c r="V2970">
        <v>5</v>
      </c>
      <c r="W2970">
        <v>0</v>
      </c>
      <c r="X2970">
        <v>0</v>
      </c>
      <c r="Y2970">
        <v>33</v>
      </c>
      <c r="Z2970">
        <v>17</v>
      </c>
      <c r="AA2970">
        <v>85</v>
      </c>
      <c r="AB2970">
        <v>4</v>
      </c>
      <c r="AC2970">
        <v>52</v>
      </c>
      <c r="AD2970">
        <v>66</v>
      </c>
      <c r="AE2970">
        <v>133</v>
      </c>
      <c r="AF2970">
        <v>10032</v>
      </c>
      <c r="AG2970">
        <v>111215</v>
      </c>
      <c r="AH2970">
        <v>50000</v>
      </c>
      <c r="AI2970">
        <v>0</v>
      </c>
      <c r="AJ2970">
        <v>108</v>
      </c>
      <c r="AK2970" t="s">
        <v>30</v>
      </c>
      <c r="AL2970">
        <v>0</v>
      </c>
      <c r="AM2970">
        <v>0</v>
      </c>
      <c r="AN2970">
        <v>0</v>
      </c>
      <c r="AO2970">
        <v>0</v>
      </c>
      <c r="AP2970">
        <v>0</v>
      </c>
      <c r="AQ2970">
        <v>0</v>
      </c>
      <c r="AR2970">
        <v>0</v>
      </c>
      <c r="AS2970">
        <v>0</v>
      </c>
      <c r="AT2970">
        <v>0</v>
      </c>
      <c r="AU2970">
        <v>0</v>
      </c>
      <c r="AV2970">
        <v>0</v>
      </c>
      <c r="AW2970">
        <v>0</v>
      </c>
      <c r="AX2970">
        <v>120813</v>
      </c>
      <c r="AY2970">
        <v>24</v>
      </c>
      <c r="AZ2970">
        <v>101</v>
      </c>
      <c r="BA2970">
        <v>2565</v>
      </c>
    </row>
    <row r="2971" spans="1:53" x14ac:dyDescent="0.4">
      <c r="A2971">
        <v>3015</v>
      </c>
      <c r="B2971" s="1">
        <v>43792</v>
      </c>
      <c r="C2971">
        <v>1</v>
      </c>
      <c r="D2971" s="1">
        <v>43792.291666666664</v>
      </c>
      <c r="E2971" s="1">
        <v>43792.40625</v>
      </c>
      <c r="F2971">
        <v>0</v>
      </c>
      <c r="G2971">
        <v>0</v>
      </c>
      <c r="H2971">
        <v>0</v>
      </c>
      <c r="I2971">
        <v>0</v>
      </c>
      <c r="J2971">
        <v>0</v>
      </c>
      <c r="K2971">
        <v>0</v>
      </c>
      <c r="L2971">
        <v>0</v>
      </c>
      <c r="M2971">
        <v>0</v>
      </c>
      <c r="N2971">
        <v>0</v>
      </c>
      <c r="O2971">
        <v>0</v>
      </c>
      <c r="P2971">
        <v>0</v>
      </c>
      <c r="Q2971">
        <v>0</v>
      </c>
      <c r="R2971">
        <v>0</v>
      </c>
      <c r="S2971">
        <v>0</v>
      </c>
      <c r="T2971">
        <v>0</v>
      </c>
      <c r="U2971">
        <v>0</v>
      </c>
      <c r="V2971">
        <v>0</v>
      </c>
      <c r="W2971">
        <v>0</v>
      </c>
      <c r="X2971">
        <v>0</v>
      </c>
      <c r="Y2971">
        <v>34</v>
      </c>
      <c r="Z2971">
        <v>9</v>
      </c>
      <c r="AA2971">
        <v>99</v>
      </c>
      <c r="AB2971">
        <v>13</v>
      </c>
      <c r="AC2971">
        <v>50</v>
      </c>
      <c r="AD2971">
        <v>63</v>
      </c>
      <c r="AE2971">
        <v>135</v>
      </c>
      <c r="AF2971">
        <v>0</v>
      </c>
      <c r="AG2971">
        <v>50000</v>
      </c>
      <c r="AH2971">
        <v>50000</v>
      </c>
      <c r="AI2971">
        <v>0</v>
      </c>
      <c r="AJ2971">
        <v>0</v>
      </c>
      <c r="AK2971" t="s">
        <v>6</v>
      </c>
      <c r="AL2971">
        <v>0</v>
      </c>
      <c r="AM2971">
        <v>0</v>
      </c>
      <c r="AN2971">
        <v>0</v>
      </c>
      <c r="AO2971">
        <v>0</v>
      </c>
      <c r="AP2971">
        <v>0</v>
      </c>
      <c r="AQ2971">
        <v>0</v>
      </c>
      <c r="AR2971">
        <v>0</v>
      </c>
      <c r="AS2971">
        <v>0</v>
      </c>
      <c r="AT2971">
        <v>0</v>
      </c>
      <c r="AU2971">
        <v>0</v>
      </c>
      <c r="AV2971">
        <v>0</v>
      </c>
      <c r="AW2971">
        <v>0</v>
      </c>
      <c r="AX2971">
        <v>0</v>
      </c>
      <c r="AY2971">
        <v>0</v>
      </c>
      <c r="AZ2971">
        <v>0</v>
      </c>
      <c r="BA2971">
        <v>0</v>
      </c>
    </row>
    <row r="2972" spans="1:53" x14ac:dyDescent="0.4">
      <c r="A2972">
        <v>3016</v>
      </c>
      <c r="B2972" s="1">
        <v>43792</v>
      </c>
      <c r="C2972">
        <v>2</v>
      </c>
      <c r="D2972" s="1">
        <v>43792.40625</v>
      </c>
      <c r="E2972" s="1">
        <v>43792.744444444441</v>
      </c>
      <c r="F2972">
        <v>45250</v>
      </c>
      <c r="G2972">
        <v>4980</v>
      </c>
      <c r="H2972">
        <v>200</v>
      </c>
      <c r="I2972">
        <v>0</v>
      </c>
      <c r="J2972">
        <v>0</v>
      </c>
      <c r="K2972">
        <v>0</v>
      </c>
      <c r="L2972">
        <v>0</v>
      </c>
      <c r="M2972">
        <v>5043</v>
      </c>
      <c r="N2972">
        <v>0</v>
      </c>
      <c r="O2972">
        <v>0</v>
      </c>
      <c r="P2972">
        <v>18755</v>
      </c>
      <c r="Q2972">
        <v>0</v>
      </c>
      <c r="R2972">
        <v>74228</v>
      </c>
      <c r="S2972">
        <v>0</v>
      </c>
      <c r="T2972">
        <v>0</v>
      </c>
      <c r="U2972">
        <v>0</v>
      </c>
      <c r="V2972">
        <v>2</v>
      </c>
      <c r="W2972">
        <v>0</v>
      </c>
      <c r="X2972">
        <v>0</v>
      </c>
      <c r="Y2972">
        <v>77</v>
      </c>
      <c r="Z2972">
        <v>22</v>
      </c>
      <c r="AA2972">
        <v>52</v>
      </c>
      <c r="AB2972">
        <v>10</v>
      </c>
      <c r="AC2972">
        <v>43</v>
      </c>
      <c r="AD2972">
        <v>70</v>
      </c>
      <c r="AE2972">
        <v>178</v>
      </c>
      <c r="AF2972">
        <v>9570</v>
      </c>
      <c r="AG2972">
        <v>124228</v>
      </c>
      <c r="AH2972">
        <v>50000</v>
      </c>
      <c r="AI2972">
        <v>0</v>
      </c>
      <c r="AJ2972">
        <v>90</v>
      </c>
      <c r="AK2972" t="s">
        <v>38</v>
      </c>
      <c r="AL2972">
        <v>0</v>
      </c>
      <c r="AM2972">
        <v>0</v>
      </c>
      <c r="AN2972">
        <v>0</v>
      </c>
      <c r="AO2972">
        <v>0</v>
      </c>
      <c r="AP2972">
        <v>0</v>
      </c>
      <c r="AQ2972">
        <v>0</v>
      </c>
      <c r="AR2972">
        <v>0</v>
      </c>
      <c r="AS2972">
        <v>0</v>
      </c>
      <c r="AT2972">
        <v>0</v>
      </c>
      <c r="AU2972">
        <v>0</v>
      </c>
      <c r="AV2972">
        <v>0</v>
      </c>
      <c r="AW2972">
        <v>0</v>
      </c>
      <c r="AX2972">
        <v>836</v>
      </c>
      <c r="AY2972">
        <v>47</v>
      </c>
      <c r="AZ2972">
        <v>110</v>
      </c>
      <c r="BA2972">
        <v>7352</v>
      </c>
    </row>
    <row r="2973" spans="1:53" x14ac:dyDescent="0.4">
      <c r="A2973">
        <v>3017</v>
      </c>
      <c r="B2973" s="1">
        <v>43792</v>
      </c>
      <c r="C2973">
        <v>3</v>
      </c>
      <c r="D2973" s="1">
        <v>43792.744444444441</v>
      </c>
      <c r="E2973" s="1">
        <v>43793.140277777777</v>
      </c>
      <c r="F2973">
        <v>374450</v>
      </c>
      <c r="G2973">
        <v>19840</v>
      </c>
      <c r="H2973">
        <v>200</v>
      </c>
      <c r="I2973">
        <v>0</v>
      </c>
      <c r="J2973">
        <v>2450</v>
      </c>
      <c r="K2973">
        <v>20250</v>
      </c>
      <c r="L2973">
        <v>0</v>
      </c>
      <c r="M2973">
        <v>41229</v>
      </c>
      <c r="N2973">
        <v>0</v>
      </c>
      <c r="O2973">
        <v>0</v>
      </c>
      <c r="P2973">
        <v>25575</v>
      </c>
      <c r="Q2973">
        <v>0</v>
      </c>
      <c r="R2973">
        <v>479094</v>
      </c>
      <c r="S2973">
        <v>0</v>
      </c>
      <c r="T2973">
        <v>0</v>
      </c>
      <c r="U2973">
        <v>0</v>
      </c>
      <c r="V2973">
        <v>22</v>
      </c>
      <c r="W2973">
        <v>15</v>
      </c>
      <c r="X2973">
        <v>0</v>
      </c>
      <c r="Y2973">
        <v>172</v>
      </c>
      <c r="Z2973">
        <v>17</v>
      </c>
      <c r="AA2973">
        <v>57</v>
      </c>
      <c r="AB2973">
        <v>107</v>
      </c>
      <c r="AC2973">
        <v>119</v>
      </c>
      <c r="AD2973">
        <v>71</v>
      </c>
      <c r="AE2973">
        <v>132</v>
      </c>
      <c r="AF2973">
        <v>114445</v>
      </c>
      <c r="AG2973">
        <v>602672</v>
      </c>
      <c r="AH2973">
        <v>50000</v>
      </c>
      <c r="AI2973">
        <v>-650</v>
      </c>
      <c r="AJ2973">
        <v>100</v>
      </c>
      <c r="AK2973" t="s">
        <v>0</v>
      </c>
      <c r="AL2973">
        <v>0</v>
      </c>
      <c r="AM2973">
        <v>0</v>
      </c>
      <c r="AN2973">
        <v>0</v>
      </c>
      <c r="AO2973">
        <v>0</v>
      </c>
      <c r="AP2973">
        <v>0</v>
      </c>
      <c r="AQ2973">
        <v>0</v>
      </c>
      <c r="AR2973">
        <v>0</v>
      </c>
      <c r="AS2973">
        <v>0</v>
      </c>
      <c r="AT2973">
        <v>0</v>
      </c>
      <c r="AU2973">
        <v>0</v>
      </c>
      <c r="AV2973">
        <v>0</v>
      </c>
      <c r="AW2973">
        <v>0</v>
      </c>
      <c r="AX2973">
        <v>32626</v>
      </c>
      <c r="AY2973">
        <v>44</v>
      </c>
      <c r="AZ2973">
        <v>221</v>
      </c>
      <c r="BA2973">
        <v>7129</v>
      </c>
    </row>
    <row r="2974" spans="1:53" x14ac:dyDescent="0.4">
      <c r="A2974">
        <v>3018</v>
      </c>
      <c r="B2974" s="1">
        <v>43793</v>
      </c>
      <c r="C2974">
        <v>1</v>
      </c>
      <c r="D2974" s="1">
        <v>43793.291666666664</v>
      </c>
      <c r="E2974" s="1">
        <v>43793.409722222219</v>
      </c>
      <c r="F2974">
        <v>0</v>
      </c>
      <c r="G2974">
        <v>0</v>
      </c>
      <c r="H2974">
        <v>0</v>
      </c>
      <c r="I2974">
        <v>0</v>
      </c>
      <c r="J2974">
        <v>0</v>
      </c>
      <c r="K2974">
        <v>0</v>
      </c>
      <c r="L2974">
        <v>0</v>
      </c>
      <c r="M2974">
        <v>0</v>
      </c>
      <c r="N2974">
        <v>0</v>
      </c>
      <c r="O2974">
        <v>0</v>
      </c>
      <c r="P2974">
        <v>0</v>
      </c>
      <c r="Q2974">
        <v>0</v>
      </c>
      <c r="R2974">
        <v>0</v>
      </c>
      <c r="S2974">
        <v>0</v>
      </c>
      <c r="T2974">
        <v>0</v>
      </c>
      <c r="U2974">
        <v>0</v>
      </c>
      <c r="V2974">
        <v>0</v>
      </c>
      <c r="W2974">
        <v>0</v>
      </c>
      <c r="X2974">
        <v>0</v>
      </c>
      <c r="Y2974">
        <v>33</v>
      </c>
      <c r="Z2974">
        <v>10</v>
      </c>
      <c r="AA2974">
        <v>56</v>
      </c>
      <c r="AB2974">
        <v>96</v>
      </c>
      <c r="AC2974">
        <v>112</v>
      </c>
      <c r="AD2974">
        <v>71</v>
      </c>
      <c r="AE2974">
        <v>125</v>
      </c>
      <c r="AF2974">
        <v>0</v>
      </c>
      <c r="AG2974">
        <v>50000</v>
      </c>
      <c r="AH2974">
        <v>50000</v>
      </c>
      <c r="AI2974">
        <v>0</v>
      </c>
      <c r="AJ2974">
        <v>0</v>
      </c>
      <c r="AK2974" t="s">
        <v>6</v>
      </c>
      <c r="AL2974">
        <v>0</v>
      </c>
      <c r="AM2974">
        <v>0</v>
      </c>
      <c r="AN2974">
        <v>0</v>
      </c>
      <c r="AO2974">
        <v>0</v>
      </c>
      <c r="AP2974">
        <v>0</v>
      </c>
      <c r="AQ2974">
        <v>0</v>
      </c>
      <c r="AR2974">
        <v>0</v>
      </c>
      <c r="AS2974">
        <v>0</v>
      </c>
      <c r="AT2974">
        <v>0</v>
      </c>
      <c r="AU2974">
        <v>0</v>
      </c>
      <c r="AV2974">
        <v>0</v>
      </c>
      <c r="AW2974">
        <v>0</v>
      </c>
      <c r="AX2974">
        <v>0</v>
      </c>
      <c r="AY2974">
        <v>0</v>
      </c>
      <c r="AZ2974">
        <v>0</v>
      </c>
      <c r="BA2974">
        <v>0</v>
      </c>
    </row>
    <row r="2975" spans="1:53" x14ac:dyDescent="0.4">
      <c r="A2975">
        <v>3019</v>
      </c>
      <c r="B2975" s="1">
        <v>43793</v>
      </c>
      <c r="C2975">
        <v>2</v>
      </c>
      <c r="D2975" s="1">
        <v>43793.409722222219</v>
      </c>
      <c r="E2975" s="1">
        <v>43793.740277777775</v>
      </c>
      <c r="F2975">
        <v>44900</v>
      </c>
      <c r="G2975">
        <v>3620</v>
      </c>
      <c r="H2975">
        <v>200</v>
      </c>
      <c r="I2975">
        <v>0</v>
      </c>
      <c r="J2975">
        <v>100</v>
      </c>
      <c r="K2975">
        <v>0</v>
      </c>
      <c r="L2975">
        <v>0</v>
      </c>
      <c r="M2975">
        <v>4862</v>
      </c>
      <c r="N2975">
        <v>0</v>
      </c>
      <c r="O2975">
        <v>0</v>
      </c>
      <c r="P2975">
        <v>24805</v>
      </c>
      <c r="Q2975">
        <v>0</v>
      </c>
      <c r="R2975">
        <v>78287</v>
      </c>
      <c r="S2975">
        <v>0</v>
      </c>
      <c r="T2975">
        <v>0</v>
      </c>
      <c r="U2975">
        <v>0</v>
      </c>
      <c r="V2975">
        <v>2</v>
      </c>
      <c r="W2975">
        <v>0</v>
      </c>
      <c r="X2975">
        <v>0</v>
      </c>
      <c r="Y2975">
        <v>82</v>
      </c>
      <c r="Z2975">
        <v>24</v>
      </c>
      <c r="AA2975">
        <v>75</v>
      </c>
      <c r="AB2975">
        <v>91</v>
      </c>
      <c r="AC2975">
        <v>115</v>
      </c>
      <c r="AD2975">
        <v>67</v>
      </c>
      <c r="AE2975">
        <v>152</v>
      </c>
      <c r="AF2975">
        <v>605</v>
      </c>
      <c r="AG2975">
        <v>128292</v>
      </c>
      <c r="AH2975">
        <v>50000</v>
      </c>
      <c r="AI2975">
        <v>5</v>
      </c>
      <c r="AJ2975">
        <v>82</v>
      </c>
      <c r="AK2975" t="s">
        <v>41</v>
      </c>
      <c r="AL2975">
        <v>0</v>
      </c>
      <c r="AM2975">
        <v>0</v>
      </c>
      <c r="AN2975">
        <v>0</v>
      </c>
      <c r="AO2975">
        <v>0</v>
      </c>
      <c r="AP2975">
        <v>0</v>
      </c>
      <c r="AQ2975">
        <v>0</v>
      </c>
      <c r="AR2975">
        <v>0</v>
      </c>
      <c r="AS2975">
        <v>0</v>
      </c>
      <c r="AT2975">
        <v>0</v>
      </c>
      <c r="AU2975">
        <v>0</v>
      </c>
      <c r="AV2975">
        <v>0</v>
      </c>
      <c r="AW2975">
        <v>0</v>
      </c>
      <c r="AX2975">
        <v>-3025</v>
      </c>
      <c r="AY2975">
        <v>52</v>
      </c>
      <c r="AZ2975">
        <v>118</v>
      </c>
      <c r="BA2975">
        <v>7478</v>
      </c>
    </row>
    <row r="2976" spans="1:53" x14ac:dyDescent="0.4">
      <c r="A2976">
        <v>3020</v>
      </c>
      <c r="B2976" s="1">
        <v>43793</v>
      </c>
      <c r="C2976">
        <v>3</v>
      </c>
      <c r="D2976" s="1">
        <v>43793.740277777775</v>
      </c>
      <c r="E2976" s="1">
        <v>43793.945138888892</v>
      </c>
      <c r="F2976">
        <v>33850</v>
      </c>
      <c r="G2976">
        <v>0</v>
      </c>
      <c r="H2976">
        <v>0</v>
      </c>
      <c r="I2976">
        <v>0</v>
      </c>
      <c r="J2976">
        <v>0</v>
      </c>
      <c r="K2976">
        <v>0</v>
      </c>
      <c r="L2976">
        <v>0</v>
      </c>
      <c r="M2976">
        <v>3385</v>
      </c>
      <c r="N2976">
        <v>0</v>
      </c>
      <c r="O2976">
        <v>0</v>
      </c>
      <c r="P2976">
        <v>-20845</v>
      </c>
      <c r="Q2976">
        <v>0</v>
      </c>
      <c r="R2976">
        <v>16390</v>
      </c>
      <c r="S2976">
        <v>0</v>
      </c>
      <c r="T2976">
        <v>0</v>
      </c>
      <c r="U2976">
        <v>0</v>
      </c>
      <c r="V2976">
        <v>3</v>
      </c>
      <c r="W2976">
        <v>1</v>
      </c>
      <c r="X2976">
        <v>0</v>
      </c>
      <c r="Y2976">
        <v>84</v>
      </c>
      <c r="Z2976">
        <v>19</v>
      </c>
      <c r="AA2976">
        <v>74</v>
      </c>
      <c r="AB2976">
        <v>91</v>
      </c>
      <c r="AC2976">
        <v>115</v>
      </c>
      <c r="AD2976">
        <v>68</v>
      </c>
      <c r="AE2976">
        <v>152</v>
      </c>
      <c r="AF2976">
        <v>2585</v>
      </c>
      <c r="AG2976">
        <v>144677</v>
      </c>
      <c r="AH2976">
        <v>50000</v>
      </c>
      <c r="AI2976">
        <v>0</v>
      </c>
      <c r="AJ2976">
        <v>99</v>
      </c>
      <c r="AK2976" t="s">
        <v>9</v>
      </c>
      <c r="AL2976">
        <v>0</v>
      </c>
      <c r="AM2976">
        <v>0</v>
      </c>
      <c r="AN2976">
        <v>0</v>
      </c>
      <c r="AO2976">
        <v>0</v>
      </c>
      <c r="AP2976">
        <v>0</v>
      </c>
      <c r="AQ2976">
        <v>0</v>
      </c>
      <c r="AR2976">
        <v>0</v>
      </c>
      <c r="AS2976">
        <v>0</v>
      </c>
      <c r="AT2976">
        <v>0</v>
      </c>
      <c r="AU2976">
        <v>0</v>
      </c>
      <c r="AV2976">
        <v>0</v>
      </c>
      <c r="AW2976">
        <v>0</v>
      </c>
      <c r="AX2976">
        <v>0</v>
      </c>
      <c r="AY2976">
        <v>3</v>
      </c>
      <c r="AZ2976">
        <v>18</v>
      </c>
      <c r="BA2976">
        <v>1628</v>
      </c>
    </row>
    <row r="2977" spans="1:53" x14ac:dyDescent="0.4">
      <c r="A2977">
        <v>3021</v>
      </c>
      <c r="B2977" s="1">
        <v>43794</v>
      </c>
      <c r="C2977">
        <v>1</v>
      </c>
      <c r="D2977" s="1">
        <v>43794.291666666664</v>
      </c>
      <c r="E2977" s="1">
        <v>43794.45208333333</v>
      </c>
      <c r="F2977">
        <v>0</v>
      </c>
      <c r="G2977">
        <v>0</v>
      </c>
      <c r="H2977">
        <v>0</v>
      </c>
      <c r="I2977">
        <v>0</v>
      </c>
      <c r="J2977">
        <v>0</v>
      </c>
      <c r="K2977">
        <v>0</v>
      </c>
      <c r="L2977">
        <v>0</v>
      </c>
      <c r="M2977">
        <v>0</v>
      </c>
      <c r="N2977">
        <v>0</v>
      </c>
      <c r="O2977">
        <v>0</v>
      </c>
      <c r="P2977">
        <v>0</v>
      </c>
      <c r="Q2977">
        <v>0</v>
      </c>
      <c r="R2977">
        <v>0</v>
      </c>
      <c r="S2977">
        <v>0</v>
      </c>
      <c r="T2977">
        <v>0</v>
      </c>
      <c r="U2977">
        <v>0</v>
      </c>
      <c r="V2977">
        <v>0</v>
      </c>
      <c r="W2977">
        <v>0</v>
      </c>
      <c r="X2977">
        <v>0</v>
      </c>
      <c r="Y2977">
        <v>31</v>
      </c>
      <c r="Z2977">
        <v>11</v>
      </c>
      <c r="AA2977">
        <v>75</v>
      </c>
      <c r="AB2977">
        <v>89</v>
      </c>
      <c r="AC2977">
        <v>112</v>
      </c>
      <c r="AD2977">
        <v>66</v>
      </c>
      <c r="AE2977">
        <v>100</v>
      </c>
      <c r="AF2977">
        <v>0</v>
      </c>
      <c r="AG2977">
        <v>50000</v>
      </c>
      <c r="AH2977">
        <v>0</v>
      </c>
      <c r="AI2977">
        <v>50000</v>
      </c>
      <c r="AJ2977">
        <v>0</v>
      </c>
      <c r="AK2977" t="s">
        <v>6</v>
      </c>
      <c r="AL2977">
        <v>0</v>
      </c>
      <c r="AM2977">
        <v>0</v>
      </c>
      <c r="AN2977">
        <v>0</v>
      </c>
      <c r="AO2977">
        <v>0</v>
      </c>
      <c r="AP2977">
        <v>0</v>
      </c>
      <c r="AQ2977">
        <v>0</v>
      </c>
      <c r="AR2977">
        <v>0</v>
      </c>
      <c r="AS2977">
        <v>0</v>
      </c>
      <c r="AT2977">
        <v>0</v>
      </c>
      <c r="AU2977">
        <v>0</v>
      </c>
      <c r="AV2977">
        <v>0</v>
      </c>
      <c r="AW2977">
        <v>0</v>
      </c>
      <c r="AX2977">
        <v>0</v>
      </c>
      <c r="AY2977">
        <v>0</v>
      </c>
      <c r="AZ2977">
        <v>0</v>
      </c>
      <c r="BA2977">
        <v>0</v>
      </c>
    </row>
    <row r="2978" spans="1:53" x14ac:dyDescent="0.4">
      <c r="A2978">
        <v>3022</v>
      </c>
      <c r="B2978" s="1">
        <v>43794</v>
      </c>
      <c r="C2978">
        <v>2</v>
      </c>
      <c r="D2978" s="1">
        <v>43794.45208333333</v>
      </c>
      <c r="E2978" s="1">
        <v>43794.745138888888</v>
      </c>
      <c r="F2978">
        <v>24200</v>
      </c>
      <c r="G2978">
        <v>2100</v>
      </c>
      <c r="H2978">
        <v>0</v>
      </c>
      <c r="I2978">
        <v>0</v>
      </c>
      <c r="J2978">
        <v>600</v>
      </c>
      <c r="K2978">
        <v>0</v>
      </c>
      <c r="L2978">
        <v>0</v>
      </c>
      <c r="M2978">
        <v>2570</v>
      </c>
      <c r="N2978">
        <v>0</v>
      </c>
      <c r="O2978">
        <v>0</v>
      </c>
      <c r="P2978">
        <v>12705</v>
      </c>
      <c r="Q2978">
        <v>0</v>
      </c>
      <c r="R2978">
        <v>40975</v>
      </c>
      <c r="S2978">
        <v>0</v>
      </c>
      <c r="T2978">
        <v>0</v>
      </c>
      <c r="U2978">
        <v>0</v>
      </c>
      <c r="V2978">
        <v>1</v>
      </c>
      <c r="W2978">
        <v>3</v>
      </c>
      <c r="X2978">
        <v>0</v>
      </c>
      <c r="Y2978">
        <v>43</v>
      </c>
      <c r="Z2978">
        <v>23</v>
      </c>
      <c r="AA2978">
        <v>37</v>
      </c>
      <c r="AB2978">
        <v>95</v>
      </c>
      <c r="AC2978">
        <v>134</v>
      </c>
      <c r="AD2978">
        <v>68</v>
      </c>
      <c r="AE2978">
        <v>135</v>
      </c>
      <c r="AF2978">
        <v>1210</v>
      </c>
      <c r="AG2978">
        <v>90975</v>
      </c>
      <c r="AH2978">
        <v>50000</v>
      </c>
      <c r="AI2978">
        <v>0</v>
      </c>
      <c r="AJ2978">
        <v>96</v>
      </c>
      <c r="AK2978" t="s">
        <v>4</v>
      </c>
      <c r="AL2978">
        <v>0</v>
      </c>
      <c r="AM2978">
        <v>0</v>
      </c>
      <c r="AN2978">
        <v>0</v>
      </c>
      <c r="AO2978">
        <v>0</v>
      </c>
      <c r="AP2978">
        <v>0</v>
      </c>
      <c r="AQ2978">
        <v>0</v>
      </c>
      <c r="AR2978">
        <v>0</v>
      </c>
      <c r="AS2978">
        <v>0</v>
      </c>
      <c r="AT2978">
        <v>0</v>
      </c>
      <c r="AU2978">
        <v>0</v>
      </c>
      <c r="AV2978">
        <v>0</v>
      </c>
      <c r="AW2978">
        <v>0</v>
      </c>
      <c r="AX2978">
        <v>0</v>
      </c>
      <c r="AY2978">
        <v>35</v>
      </c>
      <c r="AZ2978">
        <v>65</v>
      </c>
      <c r="BA2978">
        <v>4898</v>
      </c>
    </row>
    <row r="2979" spans="1:53" x14ac:dyDescent="0.4">
      <c r="A2979">
        <v>3023</v>
      </c>
      <c r="B2979" s="1">
        <v>43794</v>
      </c>
      <c r="C2979">
        <v>3</v>
      </c>
      <c r="D2979" s="1">
        <v>43794.745138888888</v>
      </c>
      <c r="E2979" s="1">
        <v>43794.947916666664</v>
      </c>
      <c r="F2979">
        <v>19800</v>
      </c>
      <c r="G2979">
        <v>320</v>
      </c>
      <c r="H2979">
        <v>0</v>
      </c>
      <c r="I2979">
        <v>0</v>
      </c>
      <c r="J2979">
        <v>0</v>
      </c>
      <c r="K2979">
        <v>0</v>
      </c>
      <c r="L2979">
        <v>0</v>
      </c>
      <c r="M2979">
        <v>2012</v>
      </c>
      <c r="N2979">
        <v>0</v>
      </c>
      <c r="O2979">
        <v>0</v>
      </c>
      <c r="P2979">
        <v>-7865</v>
      </c>
      <c r="Q2979">
        <v>0</v>
      </c>
      <c r="R2979">
        <v>14267</v>
      </c>
      <c r="S2979">
        <v>0</v>
      </c>
      <c r="T2979">
        <v>0</v>
      </c>
      <c r="U2979">
        <v>0</v>
      </c>
      <c r="V2979">
        <v>1</v>
      </c>
      <c r="W2979">
        <v>4</v>
      </c>
      <c r="X2979">
        <v>0</v>
      </c>
      <c r="Y2979">
        <v>46</v>
      </c>
      <c r="Z2979">
        <v>22</v>
      </c>
      <c r="AA2979">
        <v>29</v>
      </c>
      <c r="AB2979">
        <v>94</v>
      </c>
      <c r="AC2979">
        <v>134</v>
      </c>
      <c r="AD2979">
        <v>68</v>
      </c>
      <c r="AE2979">
        <v>140</v>
      </c>
      <c r="AF2979">
        <v>8822</v>
      </c>
      <c r="AG2979">
        <v>105242</v>
      </c>
      <c r="AH2979">
        <v>50000</v>
      </c>
      <c r="AI2979">
        <v>0</v>
      </c>
      <c r="AJ2979">
        <v>98</v>
      </c>
      <c r="AK2979" t="s">
        <v>35</v>
      </c>
      <c r="AL2979">
        <v>0</v>
      </c>
      <c r="AM2979">
        <v>0</v>
      </c>
      <c r="AN2979">
        <v>0</v>
      </c>
      <c r="AO2979">
        <v>0</v>
      </c>
      <c r="AP2979">
        <v>0</v>
      </c>
      <c r="AQ2979">
        <v>0</v>
      </c>
      <c r="AR2979">
        <v>0</v>
      </c>
      <c r="AS2979">
        <v>0</v>
      </c>
      <c r="AT2979">
        <v>0</v>
      </c>
      <c r="AU2979">
        <v>0</v>
      </c>
      <c r="AV2979">
        <v>0</v>
      </c>
      <c r="AW2979">
        <v>0</v>
      </c>
      <c r="AX2979">
        <v>0</v>
      </c>
      <c r="AY2979">
        <v>4</v>
      </c>
      <c r="AZ2979">
        <v>11</v>
      </c>
      <c r="BA2979">
        <v>984</v>
      </c>
    </row>
    <row r="2980" spans="1:53" x14ac:dyDescent="0.4">
      <c r="A2980">
        <v>3024</v>
      </c>
      <c r="B2980" s="1">
        <v>43795</v>
      </c>
      <c r="C2980">
        <v>1</v>
      </c>
      <c r="D2980" s="1">
        <v>43795.291666666664</v>
      </c>
      <c r="E2980" s="1">
        <v>43795.505555555559</v>
      </c>
      <c r="F2980">
        <v>0</v>
      </c>
      <c r="G2980">
        <v>0</v>
      </c>
      <c r="H2980">
        <v>0</v>
      </c>
      <c r="I2980">
        <v>0</v>
      </c>
      <c r="J2980">
        <v>0</v>
      </c>
      <c r="K2980">
        <v>0</v>
      </c>
      <c r="L2980">
        <v>0</v>
      </c>
      <c r="M2980">
        <v>0</v>
      </c>
      <c r="N2980">
        <v>0</v>
      </c>
      <c r="O2980">
        <v>0</v>
      </c>
      <c r="P2980">
        <v>5445</v>
      </c>
      <c r="Q2980">
        <v>0</v>
      </c>
      <c r="R2980">
        <v>5445</v>
      </c>
      <c r="S2980">
        <v>0</v>
      </c>
      <c r="T2980">
        <v>0</v>
      </c>
      <c r="U2980">
        <v>0</v>
      </c>
      <c r="V2980">
        <v>0</v>
      </c>
      <c r="W2980">
        <v>1</v>
      </c>
      <c r="X2980">
        <v>0</v>
      </c>
      <c r="Y2980">
        <v>29</v>
      </c>
      <c r="Z2980">
        <v>24</v>
      </c>
      <c r="AA2980">
        <v>25</v>
      </c>
      <c r="AB2980">
        <v>92</v>
      </c>
      <c r="AC2980">
        <v>127</v>
      </c>
      <c r="AD2980">
        <v>67</v>
      </c>
      <c r="AE2980">
        <v>135</v>
      </c>
      <c r="AF2980">
        <v>605</v>
      </c>
      <c r="AG2980">
        <v>55445</v>
      </c>
      <c r="AH2980">
        <v>50000</v>
      </c>
      <c r="AI2980">
        <v>0</v>
      </c>
      <c r="AJ2980">
        <v>97</v>
      </c>
      <c r="AK2980" t="s">
        <v>33</v>
      </c>
      <c r="AL2980">
        <v>0</v>
      </c>
      <c r="AM2980">
        <v>0</v>
      </c>
      <c r="AN2980">
        <v>0</v>
      </c>
      <c r="AO2980">
        <v>0</v>
      </c>
      <c r="AP2980">
        <v>0</v>
      </c>
      <c r="AQ2980">
        <v>0</v>
      </c>
      <c r="AR2980">
        <v>0</v>
      </c>
      <c r="AS2980">
        <v>0</v>
      </c>
      <c r="AT2980">
        <v>0</v>
      </c>
      <c r="AU2980">
        <v>0</v>
      </c>
      <c r="AV2980">
        <v>0</v>
      </c>
      <c r="AW2980">
        <v>0</v>
      </c>
      <c r="AX2980">
        <v>-1815</v>
      </c>
      <c r="AY2980">
        <v>7</v>
      </c>
      <c r="AZ2980">
        <v>9</v>
      </c>
      <c r="BA2980">
        <v>211</v>
      </c>
    </row>
    <row r="2981" spans="1:53" x14ac:dyDescent="0.4">
      <c r="A2981">
        <v>3025</v>
      </c>
      <c r="B2981" s="1">
        <v>43795</v>
      </c>
      <c r="C2981">
        <v>2</v>
      </c>
      <c r="D2981" s="1">
        <v>43795.505555555559</v>
      </c>
      <c r="E2981" s="1">
        <v>43795.738888888889</v>
      </c>
      <c r="F2981">
        <v>18150</v>
      </c>
      <c r="G2981">
        <v>540</v>
      </c>
      <c r="H2981">
        <v>0</v>
      </c>
      <c r="I2981">
        <v>0</v>
      </c>
      <c r="J2981">
        <v>101</v>
      </c>
      <c r="K2981">
        <v>0</v>
      </c>
      <c r="L2981">
        <v>0</v>
      </c>
      <c r="M2981">
        <v>1859</v>
      </c>
      <c r="N2981">
        <v>0</v>
      </c>
      <c r="O2981">
        <v>0</v>
      </c>
      <c r="P2981">
        <v>6050</v>
      </c>
      <c r="Q2981">
        <v>0</v>
      </c>
      <c r="R2981">
        <v>26498</v>
      </c>
      <c r="S2981">
        <v>0</v>
      </c>
      <c r="T2981">
        <v>0</v>
      </c>
      <c r="U2981">
        <v>0</v>
      </c>
      <c r="V2981">
        <v>1</v>
      </c>
      <c r="W2981">
        <v>0</v>
      </c>
      <c r="X2981">
        <v>0</v>
      </c>
      <c r="Y2981">
        <v>49</v>
      </c>
      <c r="Z2981">
        <v>29</v>
      </c>
      <c r="AA2981">
        <v>17</v>
      </c>
      <c r="AB2981">
        <v>89</v>
      </c>
      <c r="AC2981">
        <v>119</v>
      </c>
      <c r="AD2981">
        <v>66</v>
      </c>
      <c r="AE2981">
        <v>168</v>
      </c>
      <c r="AF2981">
        <v>605</v>
      </c>
      <c r="AG2981">
        <v>81943</v>
      </c>
      <c r="AH2981">
        <v>50000</v>
      </c>
      <c r="AI2981">
        <v>0</v>
      </c>
      <c r="AJ2981">
        <v>97</v>
      </c>
      <c r="AK2981" t="s">
        <v>33</v>
      </c>
      <c r="AL2981">
        <v>0</v>
      </c>
      <c r="AM2981">
        <v>0</v>
      </c>
      <c r="AN2981">
        <v>0</v>
      </c>
      <c r="AO2981">
        <v>0</v>
      </c>
      <c r="AP2981">
        <v>0</v>
      </c>
      <c r="AQ2981">
        <v>0</v>
      </c>
      <c r="AR2981">
        <v>0</v>
      </c>
      <c r="AS2981">
        <v>0</v>
      </c>
      <c r="AT2981">
        <v>0</v>
      </c>
      <c r="AU2981">
        <v>0</v>
      </c>
      <c r="AV2981">
        <v>0</v>
      </c>
      <c r="AW2981">
        <v>0</v>
      </c>
      <c r="AX2981">
        <v>-1210</v>
      </c>
      <c r="AY2981">
        <v>21</v>
      </c>
      <c r="AZ2981">
        <v>43</v>
      </c>
      <c r="BA2981">
        <v>3603</v>
      </c>
    </row>
    <row r="2982" spans="1:53" x14ac:dyDescent="0.4">
      <c r="A2982">
        <v>3026</v>
      </c>
      <c r="B2982" s="1">
        <v>43795</v>
      </c>
      <c r="C2982">
        <v>3</v>
      </c>
      <c r="D2982" s="1">
        <v>43795.738888888889</v>
      </c>
      <c r="E2982" s="1">
        <v>43795.95208333333</v>
      </c>
      <c r="F2982">
        <v>23300</v>
      </c>
      <c r="G2982">
        <v>280</v>
      </c>
      <c r="H2982">
        <v>0</v>
      </c>
      <c r="I2982">
        <v>0</v>
      </c>
      <c r="J2982">
        <v>0</v>
      </c>
      <c r="K2982">
        <v>0</v>
      </c>
      <c r="L2982">
        <v>0</v>
      </c>
      <c r="M2982">
        <v>2358</v>
      </c>
      <c r="N2982">
        <v>0</v>
      </c>
      <c r="O2982">
        <v>0</v>
      </c>
      <c r="P2982">
        <v>-8855</v>
      </c>
      <c r="Q2982">
        <v>0</v>
      </c>
      <c r="R2982">
        <v>17083</v>
      </c>
      <c r="S2982">
        <v>0</v>
      </c>
      <c r="T2982">
        <v>0</v>
      </c>
      <c r="U2982">
        <v>0</v>
      </c>
      <c r="V2982">
        <v>3</v>
      </c>
      <c r="W2982">
        <v>0</v>
      </c>
      <c r="X2982">
        <v>0</v>
      </c>
      <c r="Y2982">
        <v>43</v>
      </c>
      <c r="Z2982">
        <v>30</v>
      </c>
      <c r="AA2982">
        <v>30</v>
      </c>
      <c r="AB2982">
        <v>86</v>
      </c>
      <c r="AC2982">
        <v>111</v>
      </c>
      <c r="AD2982">
        <v>65</v>
      </c>
      <c r="AE2982">
        <v>168</v>
      </c>
      <c r="AF2982">
        <v>2123</v>
      </c>
      <c r="AG2982">
        <v>99026</v>
      </c>
      <c r="AH2982">
        <v>50000</v>
      </c>
      <c r="AI2982">
        <v>0</v>
      </c>
      <c r="AJ2982">
        <v>98</v>
      </c>
      <c r="AK2982" t="s">
        <v>35</v>
      </c>
      <c r="AL2982">
        <v>0</v>
      </c>
      <c r="AM2982">
        <v>0</v>
      </c>
      <c r="AN2982">
        <v>0</v>
      </c>
      <c r="AO2982">
        <v>0</v>
      </c>
      <c r="AP2982">
        <v>0</v>
      </c>
      <c r="AQ2982">
        <v>0</v>
      </c>
      <c r="AR2982">
        <v>0</v>
      </c>
      <c r="AS2982">
        <v>0</v>
      </c>
      <c r="AT2982">
        <v>0</v>
      </c>
      <c r="AU2982">
        <v>0</v>
      </c>
      <c r="AV2982">
        <v>0</v>
      </c>
      <c r="AW2982">
        <v>0</v>
      </c>
      <c r="AX2982">
        <v>3960</v>
      </c>
      <c r="AY2982">
        <v>9</v>
      </c>
      <c r="AZ2982">
        <v>18</v>
      </c>
      <c r="BA2982">
        <v>1618</v>
      </c>
    </row>
    <row r="2983" spans="1:53" x14ac:dyDescent="0.4">
      <c r="A2983">
        <v>3027</v>
      </c>
      <c r="B2983" s="1">
        <v>43795</v>
      </c>
      <c r="C2983">
        <v>4</v>
      </c>
      <c r="D2983" s="1">
        <v>43795.95208333333</v>
      </c>
      <c r="E2983" s="1">
        <v>43796.244444444441</v>
      </c>
      <c r="F2983">
        <v>10850</v>
      </c>
      <c r="G2983">
        <v>850</v>
      </c>
      <c r="H2983">
        <v>0</v>
      </c>
      <c r="I2983">
        <v>0</v>
      </c>
      <c r="J2983">
        <v>0</v>
      </c>
      <c r="K2983">
        <v>0</v>
      </c>
      <c r="L2983">
        <v>0</v>
      </c>
      <c r="M2983">
        <v>1170</v>
      </c>
      <c r="N2983">
        <v>0</v>
      </c>
      <c r="O2983">
        <v>0</v>
      </c>
      <c r="P2983">
        <v>7370</v>
      </c>
      <c r="Q2983">
        <v>0</v>
      </c>
      <c r="R2983">
        <v>20240</v>
      </c>
      <c r="S2983">
        <v>0</v>
      </c>
      <c r="T2983">
        <v>0</v>
      </c>
      <c r="U2983">
        <v>0</v>
      </c>
      <c r="V2983">
        <v>0</v>
      </c>
      <c r="W2983">
        <v>0</v>
      </c>
      <c r="X2983">
        <v>0</v>
      </c>
      <c r="Y2983">
        <v>34</v>
      </c>
      <c r="Z2983">
        <v>13</v>
      </c>
      <c r="AA2983">
        <v>35</v>
      </c>
      <c r="AB2983">
        <v>87</v>
      </c>
      <c r="AC2983">
        <v>115</v>
      </c>
      <c r="AD2983">
        <v>66</v>
      </c>
      <c r="AE2983">
        <v>170</v>
      </c>
      <c r="AF2983">
        <v>0</v>
      </c>
      <c r="AG2983">
        <v>50000</v>
      </c>
      <c r="AH2983">
        <v>0</v>
      </c>
      <c r="AI2983">
        <v>-19266</v>
      </c>
      <c r="AJ2983">
        <v>107</v>
      </c>
      <c r="AK2983" t="s">
        <v>40</v>
      </c>
      <c r="AL2983">
        <v>0</v>
      </c>
      <c r="AM2983">
        <v>0</v>
      </c>
      <c r="AN2983">
        <v>0</v>
      </c>
      <c r="AO2983">
        <v>0</v>
      </c>
      <c r="AP2983">
        <v>0</v>
      </c>
      <c r="AQ2983">
        <v>0</v>
      </c>
      <c r="AR2983">
        <v>0</v>
      </c>
      <c r="AS2983">
        <v>0</v>
      </c>
      <c r="AT2983">
        <v>0</v>
      </c>
      <c r="AU2983">
        <v>0</v>
      </c>
      <c r="AV2983">
        <v>0</v>
      </c>
      <c r="AW2983">
        <v>0</v>
      </c>
      <c r="AX2983">
        <v>0</v>
      </c>
      <c r="AY2983">
        <v>5</v>
      </c>
      <c r="AZ2983">
        <v>12</v>
      </c>
      <c r="BA2983">
        <v>839</v>
      </c>
    </row>
    <row r="2984" spans="1:53" x14ac:dyDescent="0.4">
      <c r="A2984">
        <v>3028</v>
      </c>
      <c r="B2984" s="1">
        <v>43796</v>
      </c>
      <c r="C2984">
        <v>1</v>
      </c>
      <c r="D2984" s="1">
        <v>43796.291666666664</v>
      </c>
      <c r="E2984" s="1">
        <v>43796.447916666664</v>
      </c>
      <c r="F2984">
        <v>0</v>
      </c>
      <c r="G2984">
        <v>0</v>
      </c>
      <c r="H2984">
        <v>0</v>
      </c>
      <c r="I2984">
        <v>0</v>
      </c>
      <c r="J2984">
        <v>0</v>
      </c>
      <c r="K2984">
        <v>0</v>
      </c>
      <c r="L2984">
        <v>0</v>
      </c>
      <c r="M2984">
        <v>0</v>
      </c>
      <c r="N2984">
        <v>0</v>
      </c>
      <c r="O2984">
        <v>0</v>
      </c>
      <c r="P2984">
        <v>0</v>
      </c>
      <c r="Q2984">
        <v>0</v>
      </c>
      <c r="R2984">
        <v>0</v>
      </c>
      <c r="S2984">
        <v>0</v>
      </c>
      <c r="T2984">
        <v>0</v>
      </c>
      <c r="U2984">
        <v>0</v>
      </c>
      <c r="V2984">
        <v>0</v>
      </c>
      <c r="W2984">
        <v>0</v>
      </c>
      <c r="X2984">
        <v>0</v>
      </c>
      <c r="Y2984">
        <v>34</v>
      </c>
      <c r="Z2984">
        <v>13</v>
      </c>
      <c r="AA2984">
        <v>35</v>
      </c>
      <c r="AB2984">
        <v>87</v>
      </c>
      <c r="AC2984">
        <v>115</v>
      </c>
      <c r="AD2984">
        <v>66</v>
      </c>
      <c r="AE2984">
        <v>170</v>
      </c>
      <c r="AF2984">
        <v>0</v>
      </c>
      <c r="AG2984">
        <v>50000</v>
      </c>
      <c r="AH2984">
        <v>50000</v>
      </c>
      <c r="AI2984">
        <v>0</v>
      </c>
      <c r="AJ2984">
        <v>0</v>
      </c>
      <c r="AK2984" t="s">
        <v>6</v>
      </c>
      <c r="AL2984">
        <v>0</v>
      </c>
      <c r="AM2984">
        <v>0</v>
      </c>
      <c r="AN2984">
        <v>0</v>
      </c>
      <c r="AO2984">
        <v>0</v>
      </c>
      <c r="AP2984">
        <v>0</v>
      </c>
      <c r="AQ2984">
        <v>0</v>
      </c>
      <c r="AR2984">
        <v>0</v>
      </c>
      <c r="AS2984">
        <v>0</v>
      </c>
      <c r="AT2984">
        <v>0</v>
      </c>
      <c r="AU2984">
        <v>0</v>
      </c>
      <c r="AV2984">
        <v>0</v>
      </c>
      <c r="AW2984">
        <v>0</v>
      </c>
      <c r="AX2984">
        <v>0</v>
      </c>
      <c r="AY2984">
        <v>0</v>
      </c>
      <c r="AZ2984">
        <v>0</v>
      </c>
      <c r="BA2984">
        <v>0</v>
      </c>
    </row>
    <row r="2985" spans="1:53" x14ac:dyDescent="0.4">
      <c r="A2985">
        <v>3029</v>
      </c>
      <c r="B2985" s="1">
        <v>43796</v>
      </c>
      <c r="C2985">
        <v>2</v>
      </c>
      <c r="D2985" s="1">
        <v>43796.447916666664</v>
      </c>
      <c r="E2985" s="1">
        <v>43796.756249999999</v>
      </c>
      <c r="F2985">
        <v>30600</v>
      </c>
      <c r="G2985">
        <v>540</v>
      </c>
      <c r="H2985">
        <v>0</v>
      </c>
      <c r="I2985">
        <v>0</v>
      </c>
      <c r="J2985">
        <v>450</v>
      </c>
      <c r="K2985">
        <v>0</v>
      </c>
      <c r="L2985">
        <v>0</v>
      </c>
      <c r="M2985">
        <v>3069</v>
      </c>
      <c r="N2985">
        <v>0</v>
      </c>
      <c r="O2985">
        <v>0</v>
      </c>
      <c r="P2985">
        <v>14520</v>
      </c>
      <c r="Q2985">
        <v>0</v>
      </c>
      <c r="R2985">
        <v>48279</v>
      </c>
      <c r="S2985">
        <v>0</v>
      </c>
      <c r="T2985">
        <v>0</v>
      </c>
      <c r="U2985">
        <v>0</v>
      </c>
      <c r="V2985">
        <v>0</v>
      </c>
      <c r="W2985">
        <v>2</v>
      </c>
      <c r="X2985">
        <v>0</v>
      </c>
      <c r="Y2985">
        <v>63</v>
      </c>
      <c r="Z2985">
        <v>35</v>
      </c>
      <c r="AA2985">
        <v>19</v>
      </c>
      <c r="AB2985">
        <v>82</v>
      </c>
      <c r="AC2985">
        <v>70</v>
      </c>
      <c r="AD2985">
        <v>55</v>
      </c>
      <c r="AE2985">
        <v>219</v>
      </c>
      <c r="AF2985">
        <v>0</v>
      </c>
      <c r="AG2985">
        <v>97694</v>
      </c>
      <c r="AH2985">
        <v>50000</v>
      </c>
      <c r="AI2985">
        <v>-585</v>
      </c>
      <c r="AJ2985">
        <v>98</v>
      </c>
      <c r="AK2985" t="s">
        <v>35</v>
      </c>
      <c r="AL2985">
        <v>0</v>
      </c>
      <c r="AM2985">
        <v>0</v>
      </c>
      <c r="AN2985">
        <v>0</v>
      </c>
      <c r="AO2985">
        <v>0</v>
      </c>
      <c r="AP2985">
        <v>0</v>
      </c>
      <c r="AQ2985">
        <v>0</v>
      </c>
      <c r="AR2985">
        <v>0</v>
      </c>
      <c r="AS2985">
        <v>0</v>
      </c>
      <c r="AT2985">
        <v>0</v>
      </c>
      <c r="AU2985">
        <v>0</v>
      </c>
      <c r="AV2985">
        <v>0</v>
      </c>
      <c r="AW2985">
        <v>0</v>
      </c>
      <c r="AX2985">
        <v>902</v>
      </c>
      <c r="AY2985">
        <v>39</v>
      </c>
      <c r="AZ2985">
        <v>81</v>
      </c>
      <c r="BA2985">
        <v>5827</v>
      </c>
    </row>
    <row r="2986" spans="1:53" x14ac:dyDescent="0.4">
      <c r="A2986">
        <v>3030</v>
      </c>
      <c r="B2986" s="1">
        <v>43796</v>
      </c>
      <c r="C2986">
        <v>3</v>
      </c>
      <c r="D2986" s="1">
        <v>43796.756249999999</v>
      </c>
      <c r="E2986" s="1">
        <v>43796.955555555556</v>
      </c>
      <c r="F2986">
        <v>40650</v>
      </c>
      <c r="G2986">
        <v>1100</v>
      </c>
      <c r="H2986">
        <v>0</v>
      </c>
      <c r="I2986">
        <v>0</v>
      </c>
      <c r="J2986">
        <v>605</v>
      </c>
      <c r="K2986">
        <v>0</v>
      </c>
      <c r="L2986">
        <v>0</v>
      </c>
      <c r="M2986">
        <v>4115</v>
      </c>
      <c r="N2986">
        <v>0</v>
      </c>
      <c r="O2986">
        <v>0</v>
      </c>
      <c r="P2986">
        <v>-14520</v>
      </c>
      <c r="Q2986">
        <v>0</v>
      </c>
      <c r="R2986">
        <v>30740</v>
      </c>
      <c r="S2986">
        <v>0</v>
      </c>
      <c r="T2986">
        <v>0</v>
      </c>
      <c r="U2986">
        <v>0</v>
      </c>
      <c r="V2986">
        <v>3</v>
      </c>
      <c r="W2986">
        <v>0</v>
      </c>
      <c r="X2986">
        <v>0</v>
      </c>
      <c r="Y2986">
        <v>72</v>
      </c>
      <c r="Z2986">
        <v>38</v>
      </c>
      <c r="AA2986">
        <v>19</v>
      </c>
      <c r="AB2986">
        <v>83</v>
      </c>
      <c r="AC2986">
        <v>69</v>
      </c>
      <c r="AD2986">
        <v>52</v>
      </c>
      <c r="AE2986">
        <v>224</v>
      </c>
      <c r="AF2986">
        <v>1210</v>
      </c>
      <c r="AG2986">
        <v>129434</v>
      </c>
      <c r="AH2986">
        <v>50000</v>
      </c>
      <c r="AI2986">
        <v>415</v>
      </c>
      <c r="AJ2986">
        <v>101</v>
      </c>
      <c r="AK2986" t="s">
        <v>28</v>
      </c>
      <c r="AL2986">
        <v>0</v>
      </c>
      <c r="AM2986">
        <v>0</v>
      </c>
      <c r="AN2986">
        <v>0</v>
      </c>
      <c r="AO2986">
        <v>0</v>
      </c>
      <c r="AP2986">
        <v>0</v>
      </c>
      <c r="AQ2986">
        <v>0</v>
      </c>
      <c r="AR2986">
        <v>0</v>
      </c>
      <c r="AS2986">
        <v>0</v>
      </c>
      <c r="AT2986">
        <v>0</v>
      </c>
      <c r="AU2986">
        <v>0</v>
      </c>
      <c r="AV2986">
        <v>0</v>
      </c>
      <c r="AW2986">
        <v>0</v>
      </c>
      <c r="AX2986">
        <v>41998</v>
      </c>
      <c r="AY2986">
        <v>15</v>
      </c>
      <c r="AZ2986">
        <v>59</v>
      </c>
      <c r="BA2986">
        <v>2198</v>
      </c>
    </row>
    <row r="2987" spans="1:53" x14ac:dyDescent="0.4">
      <c r="A2987">
        <v>3031</v>
      </c>
      <c r="B2987" s="1">
        <v>43797</v>
      </c>
      <c r="C2987">
        <v>1</v>
      </c>
      <c r="D2987" s="1">
        <v>43797.291666666664</v>
      </c>
      <c r="E2987" s="1">
        <v>43797.454861111109</v>
      </c>
      <c r="F2987">
        <v>0</v>
      </c>
      <c r="G2987">
        <v>0</v>
      </c>
      <c r="H2987">
        <v>0</v>
      </c>
      <c r="I2987">
        <v>0</v>
      </c>
      <c r="J2987">
        <v>0</v>
      </c>
      <c r="K2987">
        <v>0</v>
      </c>
      <c r="L2987">
        <v>0</v>
      </c>
      <c r="M2987">
        <v>0</v>
      </c>
      <c r="N2987">
        <v>0</v>
      </c>
      <c r="O2987">
        <v>0</v>
      </c>
      <c r="P2987">
        <v>0</v>
      </c>
      <c r="Q2987">
        <v>0</v>
      </c>
      <c r="R2987">
        <v>0</v>
      </c>
      <c r="S2987">
        <v>0</v>
      </c>
      <c r="T2987">
        <v>0</v>
      </c>
      <c r="U2987">
        <v>0</v>
      </c>
      <c r="V2987">
        <v>0</v>
      </c>
      <c r="W2987">
        <v>0</v>
      </c>
      <c r="X2987">
        <v>0</v>
      </c>
      <c r="Y2987">
        <v>38</v>
      </c>
      <c r="Z2987">
        <v>11</v>
      </c>
      <c r="AA2987">
        <v>16</v>
      </c>
      <c r="AB2987">
        <v>79</v>
      </c>
      <c r="AC2987">
        <v>57</v>
      </c>
      <c r="AD2987">
        <v>52</v>
      </c>
      <c r="AE2987">
        <v>120</v>
      </c>
      <c r="AF2987">
        <v>0</v>
      </c>
      <c r="AG2987">
        <v>50000</v>
      </c>
      <c r="AH2987">
        <v>0</v>
      </c>
      <c r="AI2987">
        <v>50000</v>
      </c>
      <c r="AJ2987">
        <v>0</v>
      </c>
      <c r="AK2987" t="s">
        <v>6</v>
      </c>
      <c r="AL2987">
        <v>0</v>
      </c>
      <c r="AM2987">
        <v>0</v>
      </c>
      <c r="AN2987">
        <v>0</v>
      </c>
      <c r="AO2987">
        <v>0</v>
      </c>
      <c r="AP2987">
        <v>0</v>
      </c>
      <c r="AQ2987">
        <v>0</v>
      </c>
      <c r="AR2987">
        <v>0</v>
      </c>
      <c r="AS2987">
        <v>0</v>
      </c>
      <c r="AT2987">
        <v>0</v>
      </c>
      <c r="AU2987">
        <v>0</v>
      </c>
      <c r="AV2987">
        <v>0</v>
      </c>
      <c r="AW2987">
        <v>0</v>
      </c>
      <c r="AX2987">
        <v>0</v>
      </c>
      <c r="AY2987">
        <v>0</v>
      </c>
      <c r="AZ2987">
        <v>0</v>
      </c>
      <c r="BA2987">
        <v>0</v>
      </c>
    </row>
    <row r="2988" spans="1:53" x14ac:dyDescent="0.4">
      <c r="A2988">
        <v>3032</v>
      </c>
      <c r="B2988" s="1">
        <v>43797</v>
      </c>
      <c r="C2988">
        <v>2</v>
      </c>
      <c r="D2988" s="1">
        <v>43797.454861111109</v>
      </c>
      <c r="E2988" s="1">
        <v>43797.745138888888</v>
      </c>
      <c r="F2988">
        <v>25100</v>
      </c>
      <c r="G2988">
        <v>940</v>
      </c>
      <c r="H2988">
        <v>200</v>
      </c>
      <c r="I2988">
        <v>0</v>
      </c>
      <c r="J2988">
        <v>0</v>
      </c>
      <c r="K2988">
        <v>0</v>
      </c>
      <c r="L2988">
        <v>0</v>
      </c>
      <c r="M2988">
        <v>2624</v>
      </c>
      <c r="N2988">
        <v>0</v>
      </c>
      <c r="O2988">
        <v>0</v>
      </c>
      <c r="P2988">
        <v>19360</v>
      </c>
      <c r="Q2988">
        <v>0</v>
      </c>
      <c r="R2988">
        <v>48224</v>
      </c>
      <c r="S2988">
        <v>0</v>
      </c>
      <c r="T2988">
        <v>0</v>
      </c>
      <c r="U2988">
        <v>0</v>
      </c>
      <c r="V2988">
        <v>0</v>
      </c>
      <c r="W2988">
        <v>2</v>
      </c>
      <c r="X2988">
        <v>0</v>
      </c>
      <c r="Y2988">
        <v>55</v>
      </c>
      <c r="Z2988">
        <v>24</v>
      </c>
      <c r="AA2988">
        <v>34</v>
      </c>
      <c r="AB2988">
        <v>79</v>
      </c>
      <c r="AC2988">
        <v>80</v>
      </c>
      <c r="AD2988">
        <v>63</v>
      </c>
      <c r="AE2988">
        <v>137</v>
      </c>
      <c r="AF2988">
        <v>12622</v>
      </c>
      <c r="AG2988">
        <v>98224</v>
      </c>
      <c r="AH2988">
        <v>50000</v>
      </c>
      <c r="AI2988">
        <v>0</v>
      </c>
      <c r="AJ2988">
        <v>96</v>
      </c>
      <c r="AK2988" t="s">
        <v>4</v>
      </c>
      <c r="AL2988">
        <v>0</v>
      </c>
      <c r="AM2988">
        <v>0</v>
      </c>
      <c r="AN2988">
        <v>0</v>
      </c>
      <c r="AO2988">
        <v>0</v>
      </c>
      <c r="AP2988">
        <v>0</v>
      </c>
      <c r="AQ2988">
        <v>0</v>
      </c>
      <c r="AR2988">
        <v>0</v>
      </c>
      <c r="AS2988">
        <v>0</v>
      </c>
      <c r="AT2988">
        <v>0</v>
      </c>
      <c r="AU2988">
        <v>0</v>
      </c>
      <c r="AV2988">
        <v>0</v>
      </c>
      <c r="AW2988">
        <v>0</v>
      </c>
      <c r="AX2988">
        <v>-1375</v>
      </c>
      <c r="AY2988">
        <v>39</v>
      </c>
      <c r="AZ2988">
        <v>76</v>
      </c>
      <c r="BA2988">
        <v>5428</v>
      </c>
    </row>
    <row r="2989" spans="1:53" x14ac:dyDescent="0.4">
      <c r="A2989">
        <v>3033</v>
      </c>
      <c r="B2989" s="1">
        <v>43797</v>
      </c>
      <c r="C2989">
        <v>3</v>
      </c>
      <c r="D2989" s="1">
        <v>43797.745138888888</v>
      </c>
      <c r="E2989" s="1">
        <v>43797.95208333333</v>
      </c>
      <c r="F2989">
        <v>40250</v>
      </c>
      <c r="G2989">
        <v>940</v>
      </c>
      <c r="H2989">
        <v>200</v>
      </c>
      <c r="I2989">
        <v>0</v>
      </c>
      <c r="J2989">
        <v>2700</v>
      </c>
      <c r="K2989">
        <v>0</v>
      </c>
      <c r="L2989">
        <v>0</v>
      </c>
      <c r="M2989">
        <v>3869</v>
      </c>
      <c r="N2989">
        <v>0</v>
      </c>
      <c r="O2989">
        <v>0</v>
      </c>
      <c r="P2989">
        <v>-19360</v>
      </c>
      <c r="Q2989">
        <v>0</v>
      </c>
      <c r="R2989">
        <v>23199</v>
      </c>
      <c r="S2989">
        <v>0</v>
      </c>
      <c r="T2989">
        <v>0</v>
      </c>
      <c r="U2989">
        <v>0</v>
      </c>
      <c r="V2989">
        <v>3</v>
      </c>
      <c r="W2989">
        <v>2</v>
      </c>
      <c r="X2989">
        <v>0</v>
      </c>
      <c r="Y2989">
        <v>47</v>
      </c>
      <c r="Z2989">
        <v>25</v>
      </c>
      <c r="AA2989">
        <v>27</v>
      </c>
      <c r="AB2989">
        <v>77</v>
      </c>
      <c r="AC2989">
        <v>74</v>
      </c>
      <c r="AD2989">
        <v>62</v>
      </c>
      <c r="AE2989">
        <v>141</v>
      </c>
      <c r="AF2989">
        <v>14182</v>
      </c>
      <c r="AG2989">
        <v>121423</v>
      </c>
      <c r="AH2989">
        <v>50000</v>
      </c>
      <c r="AI2989">
        <v>0</v>
      </c>
      <c r="AJ2989">
        <v>107</v>
      </c>
      <c r="AK2989" t="s">
        <v>40</v>
      </c>
      <c r="AL2989">
        <v>0</v>
      </c>
      <c r="AM2989">
        <v>0</v>
      </c>
      <c r="AN2989">
        <v>0</v>
      </c>
      <c r="AO2989">
        <v>0</v>
      </c>
      <c r="AP2989">
        <v>0</v>
      </c>
      <c r="AQ2989">
        <v>0</v>
      </c>
      <c r="AR2989">
        <v>0</v>
      </c>
      <c r="AS2989">
        <v>0</v>
      </c>
      <c r="AT2989">
        <v>0</v>
      </c>
      <c r="AU2989">
        <v>0</v>
      </c>
      <c r="AV2989">
        <v>0</v>
      </c>
      <c r="AW2989">
        <v>0</v>
      </c>
      <c r="AX2989">
        <v>10725</v>
      </c>
      <c r="AY2989">
        <v>8</v>
      </c>
      <c r="AZ2989">
        <v>25</v>
      </c>
      <c r="BA2989">
        <v>1859</v>
      </c>
    </row>
    <row r="2990" spans="1:53" x14ac:dyDescent="0.4">
      <c r="A2990">
        <v>3034</v>
      </c>
      <c r="B2990" s="1">
        <v>43798</v>
      </c>
      <c r="C2990">
        <v>1</v>
      </c>
      <c r="D2990" s="1">
        <v>43798.291666666664</v>
      </c>
      <c r="E2990" s="1">
        <v>43798.452777777777</v>
      </c>
      <c r="F2990">
        <v>0</v>
      </c>
      <c r="G2990">
        <v>0</v>
      </c>
      <c r="H2990">
        <v>0</v>
      </c>
      <c r="I2990">
        <v>0</v>
      </c>
      <c r="J2990">
        <v>0</v>
      </c>
      <c r="K2990">
        <v>0</v>
      </c>
      <c r="L2990">
        <v>0</v>
      </c>
      <c r="M2990">
        <v>0</v>
      </c>
      <c r="N2990">
        <v>0</v>
      </c>
      <c r="O2990">
        <v>0</v>
      </c>
      <c r="P2990">
        <v>0</v>
      </c>
      <c r="Q2990">
        <v>0</v>
      </c>
      <c r="R2990">
        <v>0</v>
      </c>
      <c r="S2990">
        <v>0</v>
      </c>
      <c r="T2990">
        <v>0</v>
      </c>
      <c r="U2990">
        <v>0</v>
      </c>
      <c r="V2990">
        <v>0</v>
      </c>
      <c r="W2990">
        <v>1</v>
      </c>
      <c r="X2990">
        <v>0</v>
      </c>
      <c r="Y2990">
        <v>33</v>
      </c>
      <c r="Z2990">
        <v>11</v>
      </c>
      <c r="AA2990">
        <v>16</v>
      </c>
      <c r="AB2990">
        <v>75</v>
      </c>
      <c r="AC2990">
        <v>75</v>
      </c>
      <c r="AD2990">
        <v>53</v>
      </c>
      <c r="AE2990">
        <v>135</v>
      </c>
      <c r="AF2990">
        <v>0</v>
      </c>
      <c r="AG2990">
        <v>50000</v>
      </c>
      <c r="AH2990">
        <v>50000</v>
      </c>
      <c r="AI2990">
        <v>0</v>
      </c>
      <c r="AJ2990">
        <v>0</v>
      </c>
      <c r="AK2990" t="s">
        <v>6</v>
      </c>
      <c r="AL2990">
        <v>0</v>
      </c>
      <c r="AM2990">
        <v>0</v>
      </c>
      <c r="AN2990">
        <v>0</v>
      </c>
      <c r="AO2990">
        <v>0</v>
      </c>
      <c r="AP2990">
        <v>0</v>
      </c>
      <c r="AQ2990">
        <v>0</v>
      </c>
      <c r="AR2990">
        <v>0</v>
      </c>
      <c r="AS2990">
        <v>0</v>
      </c>
      <c r="AT2990">
        <v>0</v>
      </c>
      <c r="AU2990">
        <v>0</v>
      </c>
      <c r="AV2990">
        <v>0</v>
      </c>
      <c r="AW2990">
        <v>0</v>
      </c>
      <c r="AX2990">
        <v>0</v>
      </c>
      <c r="AY2990">
        <v>0</v>
      </c>
      <c r="AZ2990">
        <v>0</v>
      </c>
      <c r="BA2990">
        <v>0</v>
      </c>
    </row>
    <row r="2991" spans="1:53" x14ac:dyDescent="0.4">
      <c r="A2991">
        <v>3035</v>
      </c>
      <c r="B2991" s="1">
        <v>43798</v>
      </c>
      <c r="C2991">
        <v>2</v>
      </c>
      <c r="D2991" s="1">
        <v>43798.452777777777</v>
      </c>
      <c r="E2991" s="1">
        <v>43798.750694444447</v>
      </c>
      <c r="F2991">
        <v>41800</v>
      </c>
      <c r="G2991">
        <v>1700</v>
      </c>
      <c r="H2991">
        <v>0</v>
      </c>
      <c r="I2991">
        <v>0</v>
      </c>
      <c r="J2991">
        <v>200</v>
      </c>
      <c r="K2991">
        <v>0</v>
      </c>
      <c r="L2991">
        <v>0</v>
      </c>
      <c r="M2991">
        <v>4330</v>
      </c>
      <c r="N2991">
        <v>0</v>
      </c>
      <c r="O2991">
        <v>0</v>
      </c>
      <c r="P2991">
        <v>10890</v>
      </c>
      <c r="Q2991">
        <v>0</v>
      </c>
      <c r="R2991">
        <v>58520</v>
      </c>
      <c r="S2991">
        <v>0</v>
      </c>
      <c r="T2991">
        <v>0</v>
      </c>
      <c r="U2991">
        <v>0</v>
      </c>
      <c r="V2991">
        <v>0</v>
      </c>
      <c r="W2991">
        <v>1</v>
      </c>
      <c r="X2991">
        <v>0</v>
      </c>
      <c r="Y2991">
        <v>76</v>
      </c>
      <c r="Z2991">
        <v>47</v>
      </c>
      <c r="AA2991">
        <v>6</v>
      </c>
      <c r="AB2991">
        <v>47</v>
      </c>
      <c r="AC2991">
        <v>65</v>
      </c>
      <c r="AD2991">
        <v>52</v>
      </c>
      <c r="AE2991">
        <v>160</v>
      </c>
      <c r="AF2991">
        <v>0</v>
      </c>
      <c r="AG2991">
        <v>108520</v>
      </c>
      <c r="AH2991">
        <v>50000</v>
      </c>
      <c r="AI2991">
        <v>0</v>
      </c>
      <c r="AJ2991">
        <v>107</v>
      </c>
      <c r="AK2991" t="s">
        <v>40</v>
      </c>
      <c r="AL2991">
        <v>0</v>
      </c>
      <c r="AM2991">
        <v>0</v>
      </c>
      <c r="AN2991">
        <v>0</v>
      </c>
      <c r="AO2991">
        <v>0</v>
      </c>
      <c r="AP2991">
        <v>0</v>
      </c>
      <c r="AQ2991">
        <v>0</v>
      </c>
      <c r="AR2991">
        <v>0</v>
      </c>
      <c r="AS2991">
        <v>0</v>
      </c>
      <c r="AT2991">
        <v>0</v>
      </c>
      <c r="AU2991">
        <v>0</v>
      </c>
      <c r="AV2991">
        <v>0</v>
      </c>
      <c r="AW2991">
        <v>0</v>
      </c>
      <c r="AX2991">
        <v>-1210</v>
      </c>
      <c r="AY2991">
        <v>42</v>
      </c>
      <c r="AZ2991">
        <v>98</v>
      </c>
      <c r="BA2991">
        <v>6508</v>
      </c>
    </row>
    <row r="2992" spans="1:53" x14ac:dyDescent="0.4">
      <c r="A2992">
        <v>3036</v>
      </c>
      <c r="B2992" s="1">
        <v>43799</v>
      </c>
      <c r="C2992">
        <v>1</v>
      </c>
      <c r="D2992" s="1">
        <v>43799.291666666664</v>
      </c>
      <c r="E2992" s="1">
        <v>43799.402083333334</v>
      </c>
      <c r="F2992">
        <v>0</v>
      </c>
      <c r="G2992">
        <v>0</v>
      </c>
      <c r="H2992">
        <v>0</v>
      </c>
      <c r="I2992">
        <v>0</v>
      </c>
      <c r="J2992">
        <v>0</v>
      </c>
      <c r="K2992">
        <v>0</v>
      </c>
      <c r="L2992">
        <v>0</v>
      </c>
      <c r="M2992">
        <v>0</v>
      </c>
      <c r="N2992">
        <v>0</v>
      </c>
      <c r="O2992">
        <v>0</v>
      </c>
      <c r="P2992">
        <v>0</v>
      </c>
      <c r="Q2992">
        <v>0</v>
      </c>
      <c r="R2992">
        <v>0</v>
      </c>
      <c r="S2992">
        <v>0</v>
      </c>
      <c r="T2992">
        <v>0</v>
      </c>
      <c r="U2992">
        <v>0</v>
      </c>
      <c r="V2992">
        <v>0</v>
      </c>
      <c r="W2992">
        <v>0</v>
      </c>
      <c r="X2992">
        <v>0</v>
      </c>
      <c r="Y2992">
        <v>30</v>
      </c>
      <c r="Z2992">
        <v>10</v>
      </c>
      <c r="AA2992">
        <v>89</v>
      </c>
      <c r="AB2992">
        <v>93</v>
      </c>
      <c r="AC2992">
        <v>105</v>
      </c>
      <c r="AD2992">
        <v>50</v>
      </c>
      <c r="AE2992">
        <v>150</v>
      </c>
      <c r="AF2992">
        <v>0</v>
      </c>
      <c r="AG2992">
        <v>50000</v>
      </c>
      <c r="AH2992">
        <v>50000</v>
      </c>
      <c r="AI2992">
        <v>0</v>
      </c>
      <c r="AJ2992">
        <v>0</v>
      </c>
      <c r="AK2992" t="s">
        <v>6</v>
      </c>
      <c r="AL2992">
        <v>0</v>
      </c>
      <c r="AM2992">
        <v>0</v>
      </c>
      <c r="AN2992">
        <v>0</v>
      </c>
      <c r="AO2992">
        <v>0</v>
      </c>
      <c r="AP2992">
        <v>0</v>
      </c>
      <c r="AQ2992">
        <v>0</v>
      </c>
      <c r="AR2992">
        <v>0</v>
      </c>
      <c r="AS2992">
        <v>0</v>
      </c>
      <c r="AT2992">
        <v>0</v>
      </c>
      <c r="AU2992">
        <v>0</v>
      </c>
      <c r="AV2992">
        <v>0</v>
      </c>
      <c r="AW2992">
        <v>0</v>
      </c>
      <c r="AX2992">
        <v>0</v>
      </c>
      <c r="AY2992">
        <v>0</v>
      </c>
      <c r="AZ2992">
        <v>0</v>
      </c>
      <c r="BA2992">
        <v>0</v>
      </c>
    </row>
    <row r="2993" spans="1:53" x14ac:dyDescent="0.4">
      <c r="A2993">
        <v>3037</v>
      </c>
      <c r="B2993" s="1">
        <v>43799</v>
      </c>
      <c r="C2993">
        <v>2</v>
      </c>
      <c r="D2993" s="1">
        <v>43799.402083333334</v>
      </c>
      <c r="E2993" s="1">
        <v>43799.736805555556</v>
      </c>
      <c r="F2993">
        <v>48400</v>
      </c>
      <c r="G2993">
        <v>3100</v>
      </c>
      <c r="H2993">
        <v>200</v>
      </c>
      <c r="I2993">
        <v>0</v>
      </c>
      <c r="J2993">
        <v>100</v>
      </c>
      <c r="K2993">
        <v>0</v>
      </c>
      <c r="L2993">
        <v>0</v>
      </c>
      <c r="M2993">
        <v>5160</v>
      </c>
      <c r="N2993">
        <v>0</v>
      </c>
      <c r="O2993">
        <v>0</v>
      </c>
      <c r="P2993">
        <v>16940</v>
      </c>
      <c r="Q2993">
        <v>0</v>
      </c>
      <c r="R2993">
        <v>73700</v>
      </c>
      <c r="S2993">
        <v>0</v>
      </c>
      <c r="T2993">
        <v>0</v>
      </c>
      <c r="U2993">
        <v>0</v>
      </c>
      <c r="V2993">
        <v>1</v>
      </c>
      <c r="W2993">
        <v>1</v>
      </c>
      <c r="X2993">
        <v>0</v>
      </c>
      <c r="Y2993">
        <v>77</v>
      </c>
      <c r="Z2993">
        <v>41</v>
      </c>
      <c r="AA2993">
        <v>64</v>
      </c>
      <c r="AB2993">
        <v>78</v>
      </c>
      <c r="AC2993">
        <v>51</v>
      </c>
      <c r="AD2993">
        <v>51</v>
      </c>
      <c r="AE2993">
        <v>195</v>
      </c>
      <c r="AF2993">
        <v>0</v>
      </c>
      <c r="AG2993">
        <v>123760</v>
      </c>
      <c r="AH2993">
        <v>50000</v>
      </c>
      <c r="AI2993">
        <v>60</v>
      </c>
      <c r="AJ2993">
        <v>107</v>
      </c>
      <c r="AK2993" t="s">
        <v>40</v>
      </c>
      <c r="AL2993">
        <v>0</v>
      </c>
      <c r="AM2993">
        <v>0</v>
      </c>
      <c r="AN2993">
        <v>0</v>
      </c>
      <c r="AO2993">
        <v>0</v>
      </c>
      <c r="AP2993">
        <v>0</v>
      </c>
      <c r="AQ2993">
        <v>0</v>
      </c>
      <c r="AR2993">
        <v>0</v>
      </c>
      <c r="AS2993">
        <v>0</v>
      </c>
      <c r="AT2993">
        <v>0</v>
      </c>
      <c r="AU2993">
        <v>0</v>
      </c>
      <c r="AV2993">
        <v>0</v>
      </c>
      <c r="AW2993">
        <v>0</v>
      </c>
      <c r="AX2993">
        <v>308</v>
      </c>
      <c r="AY2993">
        <v>52</v>
      </c>
      <c r="AZ2993">
        <v>116</v>
      </c>
      <c r="BA2993">
        <v>7857</v>
      </c>
    </row>
    <row r="2994" spans="1:53" x14ac:dyDescent="0.4">
      <c r="A2994">
        <v>3038</v>
      </c>
      <c r="B2994" s="1">
        <v>43800</v>
      </c>
      <c r="C2994">
        <v>1</v>
      </c>
      <c r="D2994" s="1">
        <v>43800.291666666664</v>
      </c>
      <c r="E2994" s="1">
        <v>43800.746527777781</v>
      </c>
      <c r="F2994">
        <v>50400</v>
      </c>
      <c r="G2994">
        <v>4740</v>
      </c>
      <c r="H2994">
        <v>0</v>
      </c>
      <c r="I2994">
        <v>0</v>
      </c>
      <c r="J2994">
        <v>0</v>
      </c>
      <c r="K2994">
        <v>200</v>
      </c>
      <c r="L2994">
        <v>0</v>
      </c>
      <c r="M2994">
        <v>5534</v>
      </c>
      <c r="N2994">
        <v>0</v>
      </c>
      <c r="O2994">
        <v>0</v>
      </c>
      <c r="P2994">
        <v>10587</v>
      </c>
      <c r="Q2994">
        <v>0</v>
      </c>
      <c r="R2994">
        <v>71461</v>
      </c>
      <c r="S2994">
        <v>0</v>
      </c>
      <c r="T2994">
        <v>0</v>
      </c>
      <c r="U2994">
        <v>0</v>
      </c>
      <c r="V2994">
        <v>2</v>
      </c>
      <c r="W2994">
        <v>0</v>
      </c>
      <c r="X2994">
        <v>0</v>
      </c>
      <c r="Y2994">
        <v>73</v>
      </c>
      <c r="Z2994">
        <v>28</v>
      </c>
      <c r="AA2994">
        <v>58</v>
      </c>
      <c r="AB2994">
        <v>87</v>
      </c>
      <c r="AC2994">
        <v>61</v>
      </c>
      <c r="AD2994">
        <v>43</v>
      </c>
      <c r="AE2994">
        <v>159</v>
      </c>
      <c r="AF2994">
        <v>3327</v>
      </c>
      <c r="AG2994">
        <v>121461</v>
      </c>
      <c r="AH2994">
        <v>50000</v>
      </c>
      <c r="AI2994">
        <v>0</v>
      </c>
      <c r="AJ2994">
        <v>101</v>
      </c>
      <c r="AK2994" t="s">
        <v>28</v>
      </c>
      <c r="AL2994">
        <v>0</v>
      </c>
      <c r="AM2994">
        <v>0</v>
      </c>
      <c r="AN2994">
        <v>0</v>
      </c>
      <c r="AO2994">
        <v>0</v>
      </c>
      <c r="AP2994">
        <v>0</v>
      </c>
      <c r="AQ2994">
        <v>0</v>
      </c>
      <c r="AR2994">
        <v>0</v>
      </c>
      <c r="AS2994">
        <v>0</v>
      </c>
      <c r="AT2994">
        <v>0</v>
      </c>
      <c r="AU2994">
        <v>0</v>
      </c>
      <c r="AV2994">
        <v>0</v>
      </c>
      <c r="AW2994">
        <v>0</v>
      </c>
      <c r="AX2994">
        <v>1056</v>
      </c>
      <c r="AY2994">
        <v>46</v>
      </c>
      <c r="AZ2994">
        <v>109</v>
      </c>
      <c r="BA2994">
        <v>6897</v>
      </c>
    </row>
    <row r="2995" spans="1:53" x14ac:dyDescent="0.4">
      <c r="A2995">
        <v>3039</v>
      </c>
      <c r="B2995" s="1">
        <v>43801</v>
      </c>
      <c r="C2995">
        <v>1</v>
      </c>
      <c r="D2995" s="1">
        <v>43801.291666666664</v>
      </c>
      <c r="E2995" s="1">
        <v>43801.453472222223</v>
      </c>
      <c r="F2995">
        <v>0</v>
      </c>
      <c r="G2995">
        <v>0</v>
      </c>
      <c r="H2995">
        <v>0</v>
      </c>
      <c r="I2995">
        <v>0</v>
      </c>
      <c r="J2995">
        <v>0</v>
      </c>
      <c r="K2995">
        <v>0</v>
      </c>
      <c r="L2995">
        <v>0</v>
      </c>
      <c r="M2995">
        <v>0</v>
      </c>
      <c r="N2995">
        <v>0</v>
      </c>
      <c r="O2995">
        <v>0</v>
      </c>
      <c r="P2995">
        <v>0</v>
      </c>
      <c r="Q2995">
        <v>0</v>
      </c>
      <c r="R2995">
        <v>0</v>
      </c>
      <c r="S2995">
        <v>0</v>
      </c>
      <c r="T2995">
        <v>0</v>
      </c>
      <c r="U2995">
        <v>0</v>
      </c>
      <c r="V2995">
        <v>0</v>
      </c>
      <c r="W2995">
        <v>0</v>
      </c>
      <c r="X2995">
        <v>0</v>
      </c>
      <c r="Y2995">
        <v>33</v>
      </c>
      <c r="Z2995">
        <v>9</v>
      </c>
      <c r="AA2995">
        <v>71</v>
      </c>
      <c r="AB2995">
        <v>87</v>
      </c>
      <c r="AC2995">
        <v>74</v>
      </c>
      <c r="AD2995">
        <v>39</v>
      </c>
      <c r="AE2995">
        <v>115</v>
      </c>
      <c r="AF2995">
        <v>0</v>
      </c>
      <c r="AG2995">
        <v>50000</v>
      </c>
      <c r="AH2995">
        <v>0</v>
      </c>
      <c r="AI2995">
        <v>50000</v>
      </c>
      <c r="AJ2995">
        <v>0</v>
      </c>
      <c r="AK2995" t="s">
        <v>6</v>
      </c>
      <c r="AL2995">
        <v>0</v>
      </c>
      <c r="AM2995">
        <v>0</v>
      </c>
      <c r="AN2995">
        <v>0</v>
      </c>
      <c r="AO2995">
        <v>0</v>
      </c>
      <c r="AP2995">
        <v>0</v>
      </c>
      <c r="AQ2995">
        <v>0</v>
      </c>
      <c r="AR2995">
        <v>0</v>
      </c>
      <c r="AS2995">
        <v>0</v>
      </c>
      <c r="AT2995">
        <v>0</v>
      </c>
      <c r="AU2995">
        <v>0</v>
      </c>
      <c r="AV2995">
        <v>0</v>
      </c>
      <c r="AW2995">
        <v>0</v>
      </c>
      <c r="AX2995">
        <v>0</v>
      </c>
      <c r="AY2995">
        <v>0</v>
      </c>
      <c r="AZ2995">
        <v>0</v>
      </c>
      <c r="BA2995">
        <v>0</v>
      </c>
    </row>
    <row r="2996" spans="1:53" x14ac:dyDescent="0.4">
      <c r="A2996">
        <v>3040</v>
      </c>
      <c r="B2996" s="1">
        <v>43801</v>
      </c>
      <c r="C2996">
        <v>2</v>
      </c>
      <c r="D2996" s="1">
        <v>43801.453472222223</v>
      </c>
      <c r="E2996" s="1">
        <v>43801.750694444447</v>
      </c>
      <c r="F2996">
        <v>20350</v>
      </c>
      <c r="G2996">
        <v>380</v>
      </c>
      <c r="H2996">
        <v>0</v>
      </c>
      <c r="I2996">
        <v>0</v>
      </c>
      <c r="J2996">
        <v>100</v>
      </c>
      <c r="K2996">
        <v>0</v>
      </c>
      <c r="L2996">
        <v>0</v>
      </c>
      <c r="M2996">
        <v>2063</v>
      </c>
      <c r="N2996">
        <v>0</v>
      </c>
      <c r="O2996">
        <v>0</v>
      </c>
      <c r="P2996">
        <v>28435</v>
      </c>
      <c r="Q2996">
        <v>0</v>
      </c>
      <c r="R2996">
        <v>51128</v>
      </c>
      <c r="S2996">
        <v>0</v>
      </c>
      <c r="T2996">
        <v>0</v>
      </c>
      <c r="U2996">
        <v>0</v>
      </c>
      <c r="V2996">
        <v>1</v>
      </c>
      <c r="W2996">
        <v>5</v>
      </c>
      <c r="X2996">
        <v>0</v>
      </c>
      <c r="Y2996">
        <v>43</v>
      </c>
      <c r="Z2996">
        <v>19</v>
      </c>
      <c r="AA2996">
        <v>25</v>
      </c>
      <c r="AB2996">
        <v>90</v>
      </c>
      <c r="AC2996">
        <v>84</v>
      </c>
      <c r="AD2996">
        <v>48</v>
      </c>
      <c r="AE2996">
        <v>154</v>
      </c>
      <c r="AF2996">
        <v>5402</v>
      </c>
      <c r="AG2996">
        <v>101136</v>
      </c>
      <c r="AH2996">
        <v>50000</v>
      </c>
      <c r="AI2996">
        <v>8</v>
      </c>
      <c r="AJ2996">
        <v>96</v>
      </c>
      <c r="AK2996" t="s">
        <v>4</v>
      </c>
      <c r="AL2996">
        <v>0</v>
      </c>
      <c r="AM2996">
        <v>0</v>
      </c>
      <c r="AN2996">
        <v>0</v>
      </c>
      <c r="AO2996">
        <v>0</v>
      </c>
      <c r="AP2996">
        <v>0</v>
      </c>
      <c r="AQ2996">
        <v>0</v>
      </c>
      <c r="AR2996">
        <v>0</v>
      </c>
      <c r="AS2996">
        <v>0</v>
      </c>
      <c r="AT2996">
        <v>0</v>
      </c>
      <c r="AU2996">
        <v>0</v>
      </c>
      <c r="AV2996">
        <v>0</v>
      </c>
      <c r="AW2996">
        <v>0</v>
      </c>
      <c r="AX2996">
        <v>902</v>
      </c>
      <c r="AY2996">
        <v>42</v>
      </c>
      <c r="AZ2996">
        <v>81</v>
      </c>
      <c r="BA2996">
        <v>5901</v>
      </c>
    </row>
    <row r="2997" spans="1:53" x14ac:dyDescent="0.4">
      <c r="A2997">
        <v>3041</v>
      </c>
      <c r="B2997" s="1">
        <v>43801</v>
      </c>
      <c r="C2997">
        <v>3</v>
      </c>
      <c r="D2997" s="1">
        <v>43801.750694444447</v>
      </c>
      <c r="E2997" s="1">
        <v>43801.957638888889</v>
      </c>
      <c r="F2997">
        <v>34650</v>
      </c>
      <c r="G2997">
        <v>820</v>
      </c>
      <c r="H2997">
        <v>0</v>
      </c>
      <c r="I2997">
        <v>0</v>
      </c>
      <c r="J2997">
        <v>0</v>
      </c>
      <c r="K2997">
        <v>0</v>
      </c>
      <c r="L2997">
        <v>0</v>
      </c>
      <c r="M2997">
        <v>3547</v>
      </c>
      <c r="N2997">
        <v>0</v>
      </c>
      <c r="O2997">
        <v>0</v>
      </c>
      <c r="P2997">
        <v>-25795</v>
      </c>
      <c r="Q2997">
        <v>0</v>
      </c>
      <c r="R2997">
        <v>13222</v>
      </c>
      <c r="S2997">
        <v>0</v>
      </c>
      <c r="T2997">
        <v>0</v>
      </c>
      <c r="U2997">
        <v>0</v>
      </c>
      <c r="V2997">
        <v>2</v>
      </c>
      <c r="W2997">
        <v>5</v>
      </c>
      <c r="X2997">
        <v>0</v>
      </c>
      <c r="Y2997">
        <v>47</v>
      </c>
      <c r="Z2997">
        <v>21</v>
      </c>
      <c r="AA2997">
        <v>10</v>
      </c>
      <c r="AB2997">
        <v>86</v>
      </c>
      <c r="AC2997">
        <v>75</v>
      </c>
      <c r="AD2997">
        <v>50</v>
      </c>
      <c r="AE2997">
        <v>147</v>
      </c>
      <c r="AF2997">
        <v>5402</v>
      </c>
      <c r="AG2997">
        <v>114349</v>
      </c>
      <c r="AH2997">
        <v>50000</v>
      </c>
      <c r="AI2997">
        <v>-1</v>
      </c>
      <c r="AJ2997">
        <v>100</v>
      </c>
      <c r="AK2997" t="s">
        <v>0</v>
      </c>
      <c r="AL2997">
        <v>0</v>
      </c>
      <c r="AM2997">
        <v>0</v>
      </c>
      <c r="AN2997">
        <v>0</v>
      </c>
      <c r="AO2997">
        <v>0</v>
      </c>
      <c r="AP2997">
        <v>0</v>
      </c>
      <c r="AQ2997">
        <v>0</v>
      </c>
      <c r="AR2997">
        <v>0</v>
      </c>
      <c r="AS2997">
        <v>0</v>
      </c>
      <c r="AT2997">
        <v>0</v>
      </c>
      <c r="AU2997">
        <v>0</v>
      </c>
      <c r="AV2997">
        <v>0</v>
      </c>
      <c r="AW2997">
        <v>0</v>
      </c>
      <c r="AX2997">
        <v>0</v>
      </c>
      <c r="AY2997">
        <v>7</v>
      </c>
      <c r="AZ2997">
        <v>18</v>
      </c>
      <c r="BA2997">
        <v>1779</v>
      </c>
    </row>
    <row r="2998" spans="1:53" x14ac:dyDescent="0.4">
      <c r="A2998">
        <v>3042</v>
      </c>
      <c r="B2998" s="1">
        <v>43802</v>
      </c>
      <c r="C2998">
        <v>1</v>
      </c>
      <c r="D2998" s="1">
        <v>43802.291666666664</v>
      </c>
      <c r="E2998" s="1">
        <v>43802.442361111112</v>
      </c>
      <c r="F2998">
        <v>0</v>
      </c>
      <c r="G2998">
        <v>0</v>
      </c>
      <c r="H2998">
        <v>0</v>
      </c>
      <c r="I2998">
        <v>0</v>
      </c>
      <c r="J2998">
        <v>0</v>
      </c>
      <c r="K2998">
        <v>0</v>
      </c>
      <c r="L2998">
        <v>0</v>
      </c>
      <c r="M2998">
        <v>0</v>
      </c>
      <c r="N2998">
        <v>0</v>
      </c>
      <c r="O2998">
        <v>0</v>
      </c>
      <c r="P2998">
        <v>0</v>
      </c>
      <c r="Q2998">
        <v>0</v>
      </c>
      <c r="R2998">
        <v>0</v>
      </c>
      <c r="S2998">
        <v>0</v>
      </c>
      <c r="T2998">
        <v>0</v>
      </c>
      <c r="U2998">
        <v>0</v>
      </c>
      <c r="V2998">
        <v>0</v>
      </c>
      <c r="W2998">
        <v>0</v>
      </c>
      <c r="X2998">
        <v>0</v>
      </c>
      <c r="Y2998">
        <v>28</v>
      </c>
      <c r="Z2998">
        <v>27</v>
      </c>
      <c r="AA2998">
        <v>29</v>
      </c>
      <c r="AB2998">
        <v>88</v>
      </c>
      <c r="AC2998">
        <v>81</v>
      </c>
      <c r="AD2998">
        <v>50</v>
      </c>
      <c r="AE2998">
        <v>140</v>
      </c>
      <c r="AF2998">
        <v>0</v>
      </c>
      <c r="AG2998">
        <v>50000</v>
      </c>
      <c r="AH2998">
        <v>50000</v>
      </c>
      <c r="AI2998">
        <v>0</v>
      </c>
      <c r="AJ2998">
        <v>0</v>
      </c>
      <c r="AK2998" t="s">
        <v>6</v>
      </c>
      <c r="AL2998">
        <v>0</v>
      </c>
      <c r="AM2998">
        <v>0</v>
      </c>
      <c r="AN2998">
        <v>0</v>
      </c>
      <c r="AO2998">
        <v>0</v>
      </c>
      <c r="AP2998">
        <v>0</v>
      </c>
      <c r="AQ2998">
        <v>0</v>
      </c>
      <c r="AR2998">
        <v>0</v>
      </c>
      <c r="AS2998">
        <v>0</v>
      </c>
      <c r="AT2998">
        <v>0</v>
      </c>
      <c r="AU2998">
        <v>0</v>
      </c>
      <c r="AV2998">
        <v>0</v>
      </c>
      <c r="AW2998">
        <v>0</v>
      </c>
      <c r="AX2998">
        <v>0</v>
      </c>
      <c r="AY2998">
        <v>0</v>
      </c>
      <c r="AZ2998">
        <v>0</v>
      </c>
      <c r="BA2998">
        <v>0</v>
      </c>
    </row>
    <row r="2999" spans="1:53" x14ac:dyDescent="0.4">
      <c r="A2999">
        <v>3043</v>
      </c>
      <c r="B2999" s="1">
        <v>43802</v>
      </c>
      <c r="C2999">
        <v>2</v>
      </c>
      <c r="D2999" s="1">
        <v>43802.442361111112</v>
      </c>
      <c r="E2999" s="1">
        <v>43802.741666666669</v>
      </c>
      <c r="F2999">
        <v>21450</v>
      </c>
      <c r="G2999">
        <v>0</v>
      </c>
      <c r="H2999">
        <v>0</v>
      </c>
      <c r="I2999">
        <v>0</v>
      </c>
      <c r="J2999">
        <v>0</v>
      </c>
      <c r="K2999">
        <v>0</v>
      </c>
      <c r="L2999">
        <v>0</v>
      </c>
      <c r="M2999">
        <v>2145</v>
      </c>
      <c r="N2999">
        <v>0</v>
      </c>
      <c r="O2999">
        <v>0</v>
      </c>
      <c r="P2999">
        <v>19360</v>
      </c>
      <c r="Q2999">
        <v>0</v>
      </c>
      <c r="R2999">
        <v>42955</v>
      </c>
      <c r="S2999">
        <v>0</v>
      </c>
      <c r="T2999">
        <v>0</v>
      </c>
      <c r="U2999">
        <v>0</v>
      </c>
      <c r="V2999">
        <v>0</v>
      </c>
      <c r="W2999">
        <v>2</v>
      </c>
      <c r="X2999">
        <v>0</v>
      </c>
      <c r="Y2999">
        <v>55</v>
      </c>
      <c r="Z2999">
        <v>45</v>
      </c>
      <c r="AA2999">
        <v>8</v>
      </c>
      <c r="AB2999">
        <v>73</v>
      </c>
      <c r="AC2999">
        <v>54</v>
      </c>
      <c r="AD2999">
        <v>56</v>
      </c>
      <c r="AE2999">
        <v>185</v>
      </c>
      <c r="AF2999">
        <v>0</v>
      </c>
      <c r="AG2999">
        <v>92955</v>
      </c>
      <c r="AH2999">
        <v>50000</v>
      </c>
      <c r="AI2999">
        <v>0</v>
      </c>
      <c r="AJ2999">
        <v>97</v>
      </c>
      <c r="AK2999" t="s">
        <v>33</v>
      </c>
      <c r="AL2999">
        <v>0</v>
      </c>
      <c r="AM2999">
        <v>0</v>
      </c>
      <c r="AN2999">
        <v>0</v>
      </c>
      <c r="AO2999">
        <v>0</v>
      </c>
      <c r="AP2999">
        <v>0</v>
      </c>
      <c r="AQ2999">
        <v>0</v>
      </c>
      <c r="AR2999">
        <v>0</v>
      </c>
      <c r="AS2999">
        <v>0</v>
      </c>
      <c r="AT2999">
        <v>0</v>
      </c>
      <c r="AU2999">
        <v>0</v>
      </c>
      <c r="AV2999">
        <v>0</v>
      </c>
      <c r="AW2999">
        <v>0</v>
      </c>
      <c r="AX2999">
        <v>0</v>
      </c>
      <c r="AY2999">
        <v>38</v>
      </c>
      <c r="AZ2999">
        <v>71</v>
      </c>
      <c r="BA2999">
        <v>5646</v>
      </c>
    </row>
    <row r="3000" spans="1:53" x14ac:dyDescent="0.4">
      <c r="A3000">
        <v>3044</v>
      </c>
      <c r="B3000" s="1">
        <v>43802</v>
      </c>
      <c r="C3000">
        <v>3</v>
      </c>
      <c r="D3000" s="1">
        <v>43802.741666666669</v>
      </c>
      <c r="E3000" s="1">
        <v>43802.945833333331</v>
      </c>
      <c r="F3000">
        <v>41000</v>
      </c>
      <c r="G3000">
        <v>3090</v>
      </c>
      <c r="H3000">
        <v>0</v>
      </c>
      <c r="I3000">
        <v>0</v>
      </c>
      <c r="J3000">
        <v>0</v>
      </c>
      <c r="K3000">
        <v>0</v>
      </c>
      <c r="L3000">
        <v>0</v>
      </c>
      <c r="M3000">
        <v>4409</v>
      </c>
      <c r="N3000">
        <v>0</v>
      </c>
      <c r="O3000">
        <v>0</v>
      </c>
      <c r="P3000">
        <v>-19360</v>
      </c>
      <c r="Q3000">
        <v>0</v>
      </c>
      <c r="R3000">
        <v>29139</v>
      </c>
      <c r="S3000">
        <v>0</v>
      </c>
      <c r="T3000">
        <v>0</v>
      </c>
      <c r="U3000">
        <v>0</v>
      </c>
      <c r="V3000">
        <v>0</v>
      </c>
      <c r="W3000">
        <v>2</v>
      </c>
      <c r="X3000">
        <v>0</v>
      </c>
      <c r="Y3000">
        <v>69</v>
      </c>
      <c r="Z3000">
        <v>50</v>
      </c>
      <c r="AA3000">
        <v>21</v>
      </c>
      <c r="AB3000">
        <v>74</v>
      </c>
      <c r="AC3000">
        <v>52</v>
      </c>
      <c r="AD3000">
        <v>59</v>
      </c>
      <c r="AE3000">
        <v>182</v>
      </c>
      <c r="AF3000">
        <v>11297</v>
      </c>
      <c r="AG3000">
        <v>122094</v>
      </c>
      <c r="AH3000">
        <v>50000</v>
      </c>
      <c r="AI3000">
        <v>0</v>
      </c>
      <c r="AJ3000">
        <v>98</v>
      </c>
      <c r="AK3000" t="s">
        <v>35</v>
      </c>
      <c r="AL3000">
        <v>0</v>
      </c>
      <c r="AM3000">
        <v>0</v>
      </c>
      <c r="AN3000">
        <v>0</v>
      </c>
      <c r="AO3000">
        <v>0</v>
      </c>
      <c r="AP3000">
        <v>0</v>
      </c>
      <c r="AQ3000">
        <v>0</v>
      </c>
      <c r="AR3000">
        <v>0</v>
      </c>
      <c r="AS3000">
        <v>0</v>
      </c>
      <c r="AT3000">
        <v>0</v>
      </c>
      <c r="AU3000">
        <v>0</v>
      </c>
      <c r="AV3000">
        <v>0</v>
      </c>
      <c r="AW3000">
        <v>0</v>
      </c>
      <c r="AX3000">
        <v>4125</v>
      </c>
      <c r="AY3000">
        <v>10</v>
      </c>
      <c r="AZ3000">
        <v>23</v>
      </c>
      <c r="BA3000">
        <v>1871</v>
      </c>
    </row>
    <row r="3001" spans="1:53" x14ac:dyDescent="0.4">
      <c r="A3001">
        <v>3045</v>
      </c>
      <c r="B3001" s="1">
        <v>43803</v>
      </c>
      <c r="C3001">
        <v>1</v>
      </c>
      <c r="D3001" s="1">
        <v>43803.291666666664</v>
      </c>
      <c r="E3001" s="1">
        <v>43803.443749999999</v>
      </c>
      <c r="F3001">
        <v>0</v>
      </c>
      <c r="G3001">
        <v>0</v>
      </c>
      <c r="H3001">
        <v>0</v>
      </c>
      <c r="I3001">
        <v>0</v>
      </c>
      <c r="J3001">
        <v>0</v>
      </c>
      <c r="K3001">
        <v>0</v>
      </c>
      <c r="L3001">
        <v>0</v>
      </c>
      <c r="M3001">
        <v>0</v>
      </c>
      <c r="N3001">
        <v>0</v>
      </c>
      <c r="O3001">
        <v>0</v>
      </c>
      <c r="P3001">
        <v>0</v>
      </c>
      <c r="Q3001">
        <v>0</v>
      </c>
      <c r="R3001">
        <v>0</v>
      </c>
      <c r="S3001">
        <v>0</v>
      </c>
      <c r="T3001">
        <v>0</v>
      </c>
      <c r="U3001">
        <v>0</v>
      </c>
      <c r="V3001">
        <v>0</v>
      </c>
      <c r="W3001">
        <v>0</v>
      </c>
      <c r="X3001">
        <v>0</v>
      </c>
      <c r="Y3001">
        <v>34</v>
      </c>
      <c r="Z3001">
        <v>18</v>
      </c>
      <c r="AA3001">
        <v>23</v>
      </c>
      <c r="AB3001">
        <v>73</v>
      </c>
      <c r="AC3001">
        <v>57</v>
      </c>
      <c r="AD3001">
        <v>60</v>
      </c>
      <c r="AE3001">
        <v>181</v>
      </c>
      <c r="AF3001">
        <v>0</v>
      </c>
      <c r="AG3001">
        <v>50001</v>
      </c>
      <c r="AH3001">
        <v>50000</v>
      </c>
      <c r="AI3001">
        <v>1</v>
      </c>
      <c r="AJ3001">
        <v>0</v>
      </c>
      <c r="AK3001" t="s">
        <v>6</v>
      </c>
      <c r="AL3001">
        <v>0</v>
      </c>
      <c r="AM3001">
        <v>0</v>
      </c>
      <c r="AN3001">
        <v>0</v>
      </c>
      <c r="AO3001">
        <v>0</v>
      </c>
      <c r="AP3001">
        <v>0</v>
      </c>
      <c r="AQ3001">
        <v>0</v>
      </c>
      <c r="AR3001">
        <v>0</v>
      </c>
      <c r="AS3001">
        <v>0</v>
      </c>
      <c r="AT3001">
        <v>0</v>
      </c>
      <c r="AU3001">
        <v>0</v>
      </c>
      <c r="AV3001">
        <v>0</v>
      </c>
      <c r="AW3001">
        <v>0</v>
      </c>
      <c r="AX3001">
        <v>0</v>
      </c>
      <c r="AY3001">
        <v>0</v>
      </c>
      <c r="AZ3001">
        <v>0</v>
      </c>
      <c r="BA3001">
        <v>0</v>
      </c>
    </row>
    <row r="3002" spans="1:53" x14ac:dyDescent="0.4">
      <c r="A3002">
        <v>3046</v>
      </c>
      <c r="B3002" s="1">
        <v>43803</v>
      </c>
      <c r="C3002">
        <v>2</v>
      </c>
      <c r="D3002" s="1">
        <v>43803.443749999999</v>
      </c>
      <c r="E3002" s="1">
        <v>43803.75277777778</v>
      </c>
      <c r="F3002">
        <v>25100</v>
      </c>
      <c r="G3002">
        <v>560</v>
      </c>
      <c r="H3002">
        <v>0</v>
      </c>
      <c r="I3002">
        <v>0</v>
      </c>
      <c r="J3002">
        <v>200</v>
      </c>
      <c r="K3002">
        <v>400</v>
      </c>
      <c r="L3002">
        <v>0</v>
      </c>
      <c r="M3002">
        <v>2596</v>
      </c>
      <c r="N3002">
        <v>0</v>
      </c>
      <c r="O3002">
        <v>0</v>
      </c>
      <c r="P3002">
        <v>19745</v>
      </c>
      <c r="Q3002">
        <v>0</v>
      </c>
      <c r="R3002">
        <v>48201</v>
      </c>
      <c r="S3002">
        <v>0</v>
      </c>
      <c r="T3002">
        <v>0</v>
      </c>
      <c r="U3002">
        <v>0</v>
      </c>
      <c r="V3002">
        <v>2</v>
      </c>
      <c r="W3002">
        <v>2</v>
      </c>
      <c r="X3002">
        <v>0</v>
      </c>
      <c r="Y3002">
        <v>45</v>
      </c>
      <c r="Z3002">
        <v>37</v>
      </c>
      <c r="AA3002">
        <v>5</v>
      </c>
      <c r="AB3002">
        <v>42</v>
      </c>
      <c r="AC3002">
        <v>52</v>
      </c>
      <c r="AD3002">
        <v>70</v>
      </c>
      <c r="AE3002">
        <v>231</v>
      </c>
      <c r="AF3002">
        <v>495</v>
      </c>
      <c r="AG3002">
        <v>97696</v>
      </c>
      <c r="AH3002">
        <v>50000</v>
      </c>
      <c r="AI3002">
        <v>-505</v>
      </c>
      <c r="AJ3002">
        <v>100</v>
      </c>
      <c r="AK3002" t="s">
        <v>0</v>
      </c>
      <c r="AL3002">
        <v>0</v>
      </c>
      <c r="AM3002">
        <v>0</v>
      </c>
      <c r="AN3002">
        <v>0</v>
      </c>
      <c r="AO3002">
        <v>0</v>
      </c>
      <c r="AP3002">
        <v>0</v>
      </c>
      <c r="AQ3002">
        <v>0</v>
      </c>
      <c r="AR3002">
        <v>0</v>
      </c>
      <c r="AS3002">
        <v>0</v>
      </c>
      <c r="AT3002">
        <v>0</v>
      </c>
      <c r="AU3002">
        <v>0</v>
      </c>
      <c r="AV3002">
        <v>0</v>
      </c>
      <c r="AW3002">
        <v>0</v>
      </c>
      <c r="AX3002">
        <v>0</v>
      </c>
      <c r="AY3002">
        <v>43</v>
      </c>
      <c r="AZ3002">
        <v>77</v>
      </c>
      <c r="BA3002">
        <v>5667</v>
      </c>
    </row>
    <row r="3003" spans="1:53" x14ac:dyDescent="0.4">
      <c r="A3003">
        <v>3047</v>
      </c>
      <c r="B3003" s="1">
        <v>43804</v>
      </c>
      <c r="C3003">
        <v>1</v>
      </c>
      <c r="D3003" s="1">
        <v>43804.291666666664</v>
      </c>
      <c r="E3003" s="1">
        <v>43804.456250000003</v>
      </c>
      <c r="F3003">
        <v>0</v>
      </c>
      <c r="G3003">
        <v>0</v>
      </c>
      <c r="H3003">
        <v>0</v>
      </c>
      <c r="I3003">
        <v>0</v>
      </c>
      <c r="J3003">
        <v>0</v>
      </c>
      <c r="K3003">
        <v>0</v>
      </c>
      <c r="L3003">
        <v>0</v>
      </c>
      <c r="M3003">
        <v>0</v>
      </c>
      <c r="N3003">
        <v>0</v>
      </c>
      <c r="O3003">
        <v>0</v>
      </c>
      <c r="P3003">
        <v>0</v>
      </c>
      <c r="Q3003">
        <v>0</v>
      </c>
      <c r="R3003">
        <v>0</v>
      </c>
      <c r="S3003">
        <v>0</v>
      </c>
      <c r="T3003">
        <v>0</v>
      </c>
      <c r="U3003">
        <v>0</v>
      </c>
      <c r="V3003">
        <v>0</v>
      </c>
      <c r="W3003">
        <v>0</v>
      </c>
      <c r="X3003">
        <v>0</v>
      </c>
      <c r="Y3003">
        <v>40</v>
      </c>
      <c r="Z3003">
        <v>9</v>
      </c>
      <c r="AA3003">
        <v>27</v>
      </c>
      <c r="AB3003">
        <v>37</v>
      </c>
      <c r="AC3003">
        <v>49</v>
      </c>
      <c r="AD3003">
        <v>66</v>
      </c>
      <c r="AE3003">
        <v>130</v>
      </c>
      <c r="AF3003">
        <v>0</v>
      </c>
      <c r="AG3003">
        <v>50000</v>
      </c>
      <c r="AH3003">
        <v>0</v>
      </c>
      <c r="AI3003">
        <v>50000</v>
      </c>
      <c r="AJ3003">
        <v>0</v>
      </c>
      <c r="AK3003" t="s">
        <v>6</v>
      </c>
      <c r="AL3003">
        <v>0</v>
      </c>
      <c r="AM3003">
        <v>0</v>
      </c>
      <c r="AN3003">
        <v>0</v>
      </c>
      <c r="AO3003">
        <v>0</v>
      </c>
      <c r="AP3003">
        <v>0</v>
      </c>
      <c r="AQ3003">
        <v>0</v>
      </c>
      <c r="AR3003">
        <v>0</v>
      </c>
      <c r="AS3003">
        <v>0</v>
      </c>
      <c r="AT3003">
        <v>0</v>
      </c>
      <c r="AU3003">
        <v>0</v>
      </c>
      <c r="AV3003">
        <v>0</v>
      </c>
      <c r="AW3003">
        <v>0</v>
      </c>
      <c r="AX3003">
        <v>0</v>
      </c>
      <c r="AY3003">
        <v>0</v>
      </c>
      <c r="AZ3003">
        <v>0</v>
      </c>
      <c r="BA3003">
        <v>0</v>
      </c>
    </row>
    <row r="3004" spans="1:53" x14ac:dyDescent="0.4">
      <c r="A3004">
        <v>3048</v>
      </c>
      <c r="B3004" s="1">
        <v>43804</v>
      </c>
      <c r="C3004">
        <v>2</v>
      </c>
      <c r="D3004" s="1">
        <v>43804.456250000003</v>
      </c>
      <c r="E3004" s="1">
        <v>43804.75</v>
      </c>
      <c r="F3004">
        <v>15950</v>
      </c>
      <c r="G3004">
        <v>0</v>
      </c>
      <c r="H3004">
        <v>0</v>
      </c>
      <c r="I3004">
        <v>0</v>
      </c>
      <c r="J3004">
        <v>0</v>
      </c>
      <c r="K3004">
        <v>0</v>
      </c>
      <c r="L3004">
        <v>0</v>
      </c>
      <c r="M3004">
        <v>1595</v>
      </c>
      <c r="N3004">
        <v>0</v>
      </c>
      <c r="O3004">
        <v>0</v>
      </c>
      <c r="P3004">
        <v>11880</v>
      </c>
      <c r="Q3004">
        <v>0</v>
      </c>
      <c r="R3004">
        <v>29425</v>
      </c>
      <c r="S3004">
        <v>0</v>
      </c>
      <c r="T3004">
        <v>0</v>
      </c>
      <c r="U3004">
        <v>0</v>
      </c>
      <c r="V3004">
        <v>1</v>
      </c>
      <c r="W3004">
        <v>1</v>
      </c>
      <c r="X3004">
        <v>0</v>
      </c>
      <c r="Y3004">
        <v>46</v>
      </c>
      <c r="Z3004">
        <v>24</v>
      </c>
      <c r="AA3004">
        <v>28</v>
      </c>
      <c r="AB3004">
        <v>38</v>
      </c>
      <c r="AC3004">
        <v>61</v>
      </c>
      <c r="AD3004">
        <v>67</v>
      </c>
      <c r="AE3004">
        <v>175</v>
      </c>
      <c r="AF3004">
        <v>605</v>
      </c>
      <c r="AG3004">
        <v>79425</v>
      </c>
      <c r="AH3004">
        <v>50000</v>
      </c>
      <c r="AI3004">
        <v>0</v>
      </c>
      <c r="AJ3004">
        <v>99</v>
      </c>
      <c r="AK3004" t="s">
        <v>9</v>
      </c>
      <c r="AL3004">
        <v>0</v>
      </c>
      <c r="AM3004">
        <v>0</v>
      </c>
      <c r="AN3004">
        <v>0</v>
      </c>
      <c r="AO3004">
        <v>0</v>
      </c>
      <c r="AP3004">
        <v>0</v>
      </c>
      <c r="AQ3004">
        <v>0</v>
      </c>
      <c r="AR3004">
        <v>0</v>
      </c>
      <c r="AS3004">
        <v>0</v>
      </c>
      <c r="AT3004">
        <v>0</v>
      </c>
      <c r="AU3004">
        <v>0</v>
      </c>
      <c r="AV3004">
        <v>0</v>
      </c>
      <c r="AW3004">
        <v>0</v>
      </c>
      <c r="AX3004">
        <v>-2420</v>
      </c>
      <c r="AY3004">
        <v>34</v>
      </c>
      <c r="AZ3004">
        <v>47</v>
      </c>
      <c r="BA3004">
        <v>4388</v>
      </c>
    </row>
    <row r="3005" spans="1:53" x14ac:dyDescent="0.4">
      <c r="A3005">
        <v>3049</v>
      </c>
      <c r="B3005" s="1">
        <v>43804</v>
      </c>
      <c r="C3005">
        <v>3</v>
      </c>
      <c r="D3005" s="1">
        <v>43804.75</v>
      </c>
      <c r="E3005" s="1">
        <v>43804.938194444447</v>
      </c>
      <c r="F3005">
        <v>13750</v>
      </c>
      <c r="G3005">
        <v>0</v>
      </c>
      <c r="H3005">
        <v>0</v>
      </c>
      <c r="I3005">
        <v>0</v>
      </c>
      <c r="J3005">
        <v>200</v>
      </c>
      <c r="K3005">
        <v>0</v>
      </c>
      <c r="L3005">
        <v>0</v>
      </c>
      <c r="M3005">
        <v>1355</v>
      </c>
      <c r="N3005">
        <v>0</v>
      </c>
      <c r="O3005">
        <v>0</v>
      </c>
      <c r="P3005">
        <v>-11880</v>
      </c>
      <c r="Q3005">
        <v>0</v>
      </c>
      <c r="R3005">
        <v>3025</v>
      </c>
      <c r="S3005">
        <v>0</v>
      </c>
      <c r="T3005">
        <v>0</v>
      </c>
      <c r="U3005">
        <v>0</v>
      </c>
      <c r="V3005">
        <v>0</v>
      </c>
      <c r="W3005">
        <v>1</v>
      </c>
      <c r="X3005">
        <v>0</v>
      </c>
      <c r="Y3005">
        <v>48</v>
      </c>
      <c r="Z3005">
        <v>28</v>
      </c>
      <c r="AA3005">
        <v>89</v>
      </c>
      <c r="AB3005">
        <v>87</v>
      </c>
      <c r="AC3005">
        <v>108</v>
      </c>
      <c r="AD3005">
        <v>68</v>
      </c>
      <c r="AE3005">
        <v>175</v>
      </c>
      <c r="AF3005">
        <v>605</v>
      </c>
      <c r="AG3005">
        <v>82450</v>
      </c>
      <c r="AH3005">
        <v>50000</v>
      </c>
      <c r="AI3005">
        <v>0</v>
      </c>
      <c r="AJ3005">
        <v>99</v>
      </c>
      <c r="AK3005" t="s">
        <v>9</v>
      </c>
      <c r="AL3005">
        <v>0</v>
      </c>
      <c r="AM3005">
        <v>0</v>
      </c>
      <c r="AN3005">
        <v>0</v>
      </c>
      <c r="AO3005">
        <v>0</v>
      </c>
      <c r="AP3005">
        <v>0</v>
      </c>
      <c r="AQ3005">
        <v>0</v>
      </c>
      <c r="AR3005">
        <v>0</v>
      </c>
      <c r="AS3005">
        <v>0</v>
      </c>
      <c r="AT3005">
        <v>0</v>
      </c>
      <c r="AU3005">
        <v>0</v>
      </c>
      <c r="AV3005">
        <v>0</v>
      </c>
      <c r="AW3005">
        <v>0</v>
      </c>
      <c r="AX3005">
        <v>8195</v>
      </c>
      <c r="AY3005">
        <v>5</v>
      </c>
      <c r="AZ3005">
        <v>15</v>
      </c>
      <c r="BA3005">
        <v>1494</v>
      </c>
    </row>
    <row r="3006" spans="1:53" x14ac:dyDescent="0.4">
      <c r="A3006">
        <v>3050</v>
      </c>
      <c r="B3006" s="1">
        <v>43804</v>
      </c>
      <c r="C3006">
        <v>4</v>
      </c>
      <c r="D3006" s="1">
        <v>43804.938194444447</v>
      </c>
      <c r="E3006" s="1">
        <v>43805.091666666667</v>
      </c>
      <c r="F3006">
        <v>14200</v>
      </c>
      <c r="G3006">
        <v>350</v>
      </c>
      <c r="H3006">
        <v>400</v>
      </c>
      <c r="I3006">
        <v>0</v>
      </c>
      <c r="J3006">
        <v>0</v>
      </c>
      <c r="K3006">
        <v>0</v>
      </c>
      <c r="L3006">
        <v>0</v>
      </c>
      <c r="M3006">
        <v>1495</v>
      </c>
      <c r="N3006">
        <v>0</v>
      </c>
      <c r="O3006">
        <v>0</v>
      </c>
      <c r="P3006">
        <v>0</v>
      </c>
      <c r="Q3006">
        <v>0</v>
      </c>
      <c r="R3006">
        <v>16445</v>
      </c>
      <c r="S3006">
        <v>0</v>
      </c>
      <c r="T3006">
        <v>0</v>
      </c>
      <c r="U3006">
        <v>0</v>
      </c>
      <c r="V3006">
        <v>3</v>
      </c>
      <c r="W3006">
        <v>0</v>
      </c>
      <c r="X3006">
        <v>0</v>
      </c>
      <c r="Y3006">
        <v>37</v>
      </c>
      <c r="Z3006">
        <v>30</v>
      </c>
      <c r="AA3006">
        <v>99</v>
      </c>
      <c r="AB3006">
        <v>88</v>
      </c>
      <c r="AC3006">
        <v>122</v>
      </c>
      <c r="AD3006">
        <v>72</v>
      </c>
      <c r="AE3006">
        <v>175</v>
      </c>
      <c r="AF3006">
        <v>840</v>
      </c>
      <c r="AG3006">
        <v>98895</v>
      </c>
      <c r="AH3006">
        <v>50000</v>
      </c>
      <c r="AI3006">
        <v>0</v>
      </c>
      <c r="AJ3006">
        <v>108</v>
      </c>
      <c r="AK3006" t="s">
        <v>30</v>
      </c>
      <c r="AL3006">
        <v>0</v>
      </c>
      <c r="AM3006">
        <v>0</v>
      </c>
      <c r="AN3006">
        <v>0</v>
      </c>
      <c r="AO3006">
        <v>0</v>
      </c>
      <c r="AP3006">
        <v>0</v>
      </c>
      <c r="AQ3006">
        <v>0</v>
      </c>
      <c r="AR3006">
        <v>0</v>
      </c>
      <c r="AS3006">
        <v>0</v>
      </c>
      <c r="AT3006">
        <v>0</v>
      </c>
      <c r="AU3006">
        <v>0</v>
      </c>
      <c r="AV3006">
        <v>0</v>
      </c>
      <c r="AW3006">
        <v>0</v>
      </c>
      <c r="AX3006">
        <v>4180</v>
      </c>
      <c r="AY3006">
        <v>2</v>
      </c>
      <c r="AZ3006">
        <v>3</v>
      </c>
      <c r="BA3006">
        <v>286</v>
      </c>
    </row>
    <row r="3007" spans="1:53" x14ac:dyDescent="0.4">
      <c r="A3007">
        <v>3051</v>
      </c>
      <c r="B3007" s="1">
        <v>43805</v>
      </c>
      <c r="C3007">
        <v>1</v>
      </c>
      <c r="D3007" s="1">
        <v>43805.291666666664</v>
      </c>
      <c r="E3007" s="1">
        <v>43805.44027777778</v>
      </c>
      <c r="F3007">
        <v>0</v>
      </c>
      <c r="G3007">
        <v>0</v>
      </c>
      <c r="H3007">
        <v>0</v>
      </c>
      <c r="I3007">
        <v>0</v>
      </c>
      <c r="J3007">
        <v>0</v>
      </c>
      <c r="K3007">
        <v>0</v>
      </c>
      <c r="L3007">
        <v>0</v>
      </c>
      <c r="M3007">
        <v>0</v>
      </c>
      <c r="N3007">
        <v>0</v>
      </c>
      <c r="O3007">
        <v>0</v>
      </c>
      <c r="P3007">
        <v>0</v>
      </c>
      <c r="Q3007">
        <v>0</v>
      </c>
      <c r="R3007">
        <v>0</v>
      </c>
      <c r="S3007">
        <v>0</v>
      </c>
      <c r="T3007">
        <v>0</v>
      </c>
      <c r="U3007">
        <v>0</v>
      </c>
      <c r="V3007">
        <v>0</v>
      </c>
      <c r="W3007">
        <v>0</v>
      </c>
      <c r="X3007">
        <v>0</v>
      </c>
      <c r="Y3007">
        <v>30</v>
      </c>
      <c r="Z3007">
        <v>9</v>
      </c>
      <c r="AA3007">
        <v>100</v>
      </c>
      <c r="AB3007">
        <v>78</v>
      </c>
      <c r="AC3007">
        <v>113</v>
      </c>
      <c r="AD3007">
        <v>70</v>
      </c>
      <c r="AE3007">
        <v>120</v>
      </c>
      <c r="AF3007">
        <v>0</v>
      </c>
      <c r="AG3007">
        <v>50000</v>
      </c>
      <c r="AH3007">
        <v>50000</v>
      </c>
      <c r="AI3007">
        <v>0</v>
      </c>
      <c r="AJ3007">
        <v>0</v>
      </c>
      <c r="AK3007" t="s">
        <v>6</v>
      </c>
      <c r="AL3007">
        <v>0</v>
      </c>
      <c r="AM3007">
        <v>0</v>
      </c>
      <c r="AN3007">
        <v>0</v>
      </c>
      <c r="AO3007">
        <v>0</v>
      </c>
      <c r="AP3007">
        <v>0</v>
      </c>
      <c r="AQ3007">
        <v>0</v>
      </c>
      <c r="AR3007">
        <v>0</v>
      </c>
      <c r="AS3007">
        <v>0</v>
      </c>
      <c r="AT3007">
        <v>0</v>
      </c>
      <c r="AU3007">
        <v>0</v>
      </c>
      <c r="AV3007">
        <v>0</v>
      </c>
      <c r="AW3007">
        <v>0</v>
      </c>
      <c r="AX3007">
        <v>0</v>
      </c>
      <c r="AY3007">
        <v>0</v>
      </c>
      <c r="AZ3007">
        <v>0</v>
      </c>
      <c r="BA3007">
        <v>0</v>
      </c>
    </row>
    <row r="3008" spans="1:53" x14ac:dyDescent="0.4">
      <c r="A3008">
        <v>3052</v>
      </c>
      <c r="B3008" s="1">
        <v>43805</v>
      </c>
      <c r="C3008">
        <v>2</v>
      </c>
      <c r="D3008" s="1">
        <v>43805.44027777778</v>
      </c>
      <c r="E3008" s="1">
        <v>43805.745138888888</v>
      </c>
      <c r="F3008">
        <v>14100</v>
      </c>
      <c r="G3008">
        <v>280</v>
      </c>
      <c r="H3008">
        <v>200</v>
      </c>
      <c r="I3008">
        <v>0</v>
      </c>
      <c r="J3008">
        <v>0</v>
      </c>
      <c r="K3008">
        <v>200</v>
      </c>
      <c r="L3008">
        <v>0</v>
      </c>
      <c r="M3008">
        <v>1478</v>
      </c>
      <c r="N3008">
        <v>0</v>
      </c>
      <c r="O3008">
        <v>0</v>
      </c>
      <c r="P3008">
        <v>17545</v>
      </c>
      <c r="Q3008">
        <v>0</v>
      </c>
      <c r="R3008">
        <v>33803</v>
      </c>
      <c r="S3008">
        <v>0</v>
      </c>
      <c r="T3008">
        <v>0</v>
      </c>
      <c r="U3008">
        <v>0</v>
      </c>
      <c r="V3008">
        <v>0</v>
      </c>
      <c r="W3008">
        <v>2</v>
      </c>
      <c r="X3008">
        <v>0</v>
      </c>
      <c r="Y3008">
        <v>52</v>
      </c>
      <c r="Z3008">
        <v>11</v>
      </c>
      <c r="AA3008">
        <v>102</v>
      </c>
      <c r="AB3008">
        <v>86</v>
      </c>
      <c r="AC3008">
        <v>132</v>
      </c>
      <c r="AD3008">
        <v>71</v>
      </c>
      <c r="AE3008">
        <v>128</v>
      </c>
      <c r="AF3008">
        <v>0</v>
      </c>
      <c r="AG3008">
        <v>83803</v>
      </c>
      <c r="AH3008">
        <v>50000</v>
      </c>
      <c r="AI3008">
        <v>0</v>
      </c>
      <c r="AJ3008">
        <v>93</v>
      </c>
      <c r="AK3008" t="s">
        <v>20</v>
      </c>
      <c r="AL3008">
        <v>0</v>
      </c>
      <c r="AM3008">
        <v>0</v>
      </c>
      <c r="AN3008">
        <v>0</v>
      </c>
      <c r="AO3008">
        <v>0</v>
      </c>
      <c r="AP3008">
        <v>0</v>
      </c>
      <c r="AQ3008">
        <v>0</v>
      </c>
      <c r="AR3008">
        <v>0</v>
      </c>
      <c r="AS3008">
        <v>0</v>
      </c>
      <c r="AT3008">
        <v>0</v>
      </c>
      <c r="AU3008">
        <v>0</v>
      </c>
      <c r="AV3008">
        <v>0</v>
      </c>
      <c r="AW3008">
        <v>0</v>
      </c>
      <c r="AX3008">
        <v>-1210</v>
      </c>
      <c r="AY3008">
        <v>27</v>
      </c>
      <c r="AZ3008">
        <v>53</v>
      </c>
      <c r="BA3008">
        <v>3177</v>
      </c>
    </row>
    <row r="3009" spans="1:53" x14ac:dyDescent="0.4">
      <c r="A3009">
        <v>3053</v>
      </c>
      <c r="B3009" s="1">
        <v>43806</v>
      </c>
      <c r="C3009">
        <v>1</v>
      </c>
      <c r="D3009" s="1">
        <v>43806.291666666664</v>
      </c>
      <c r="E3009" s="1">
        <v>43806.406944444447</v>
      </c>
      <c r="F3009">
        <v>0</v>
      </c>
      <c r="G3009">
        <v>0</v>
      </c>
      <c r="H3009">
        <v>0</v>
      </c>
      <c r="I3009">
        <v>0</v>
      </c>
      <c r="J3009">
        <v>0</v>
      </c>
      <c r="K3009">
        <v>0</v>
      </c>
      <c r="L3009">
        <v>0</v>
      </c>
      <c r="M3009">
        <v>0</v>
      </c>
      <c r="N3009">
        <v>0</v>
      </c>
      <c r="O3009">
        <v>0</v>
      </c>
      <c r="P3009">
        <v>0</v>
      </c>
      <c r="Q3009">
        <v>0</v>
      </c>
      <c r="R3009">
        <v>0</v>
      </c>
      <c r="S3009">
        <v>0</v>
      </c>
      <c r="T3009">
        <v>0</v>
      </c>
      <c r="U3009">
        <v>0</v>
      </c>
      <c r="V3009">
        <v>0</v>
      </c>
      <c r="W3009">
        <v>0</v>
      </c>
      <c r="X3009">
        <v>0</v>
      </c>
      <c r="Y3009">
        <v>37</v>
      </c>
      <c r="Z3009">
        <v>1</v>
      </c>
      <c r="AA3009">
        <v>74</v>
      </c>
      <c r="AB3009">
        <v>72</v>
      </c>
      <c r="AC3009">
        <v>105</v>
      </c>
      <c r="AD3009">
        <v>66</v>
      </c>
      <c r="AE3009">
        <v>120</v>
      </c>
      <c r="AF3009">
        <v>0</v>
      </c>
      <c r="AG3009">
        <v>50000</v>
      </c>
      <c r="AH3009">
        <v>50000</v>
      </c>
      <c r="AI3009">
        <v>0</v>
      </c>
      <c r="AJ3009">
        <v>0</v>
      </c>
      <c r="AK3009" t="s">
        <v>6</v>
      </c>
      <c r="AL3009">
        <v>0</v>
      </c>
      <c r="AM3009">
        <v>0</v>
      </c>
      <c r="AN3009">
        <v>0</v>
      </c>
      <c r="AO3009">
        <v>0</v>
      </c>
      <c r="AP3009">
        <v>0</v>
      </c>
      <c r="AQ3009">
        <v>0</v>
      </c>
      <c r="AR3009">
        <v>0</v>
      </c>
      <c r="AS3009">
        <v>0</v>
      </c>
      <c r="AT3009">
        <v>0</v>
      </c>
      <c r="AU3009">
        <v>0</v>
      </c>
      <c r="AV3009">
        <v>0</v>
      </c>
      <c r="AW3009">
        <v>0</v>
      </c>
      <c r="AX3009">
        <v>0</v>
      </c>
      <c r="AY3009">
        <v>0</v>
      </c>
      <c r="AZ3009">
        <v>0</v>
      </c>
      <c r="BA3009">
        <v>0</v>
      </c>
    </row>
    <row r="3010" spans="1:53" x14ac:dyDescent="0.4">
      <c r="A3010">
        <v>3054</v>
      </c>
      <c r="B3010" s="1">
        <v>43806</v>
      </c>
      <c r="C3010">
        <v>2</v>
      </c>
      <c r="D3010" s="1">
        <v>43806.406944444447</v>
      </c>
      <c r="E3010" s="1">
        <v>43806.755555555559</v>
      </c>
      <c r="F3010">
        <v>47850</v>
      </c>
      <c r="G3010">
        <v>1880</v>
      </c>
      <c r="H3010">
        <v>200</v>
      </c>
      <c r="I3010">
        <v>0</v>
      </c>
      <c r="J3010">
        <v>200</v>
      </c>
      <c r="K3010">
        <v>0</v>
      </c>
      <c r="L3010">
        <v>0</v>
      </c>
      <c r="M3010">
        <v>4973</v>
      </c>
      <c r="N3010">
        <v>0</v>
      </c>
      <c r="O3010">
        <v>0</v>
      </c>
      <c r="P3010">
        <v>16940</v>
      </c>
      <c r="Q3010">
        <v>0</v>
      </c>
      <c r="R3010">
        <v>71643</v>
      </c>
      <c r="S3010">
        <v>0</v>
      </c>
      <c r="T3010">
        <v>0</v>
      </c>
      <c r="U3010">
        <v>0</v>
      </c>
      <c r="V3010">
        <v>2</v>
      </c>
      <c r="W3010">
        <v>0</v>
      </c>
      <c r="X3010">
        <v>0</v>
      </c>
      <c r="Y3010">
        <v>84</v>
      </c>
      <c r="Z3010">
        <v>10</v>
      </c>
      <c r="AA3010">
        <v>79</v>
      </c>
      <c r="AB3010">
        <v>69</v>
      </c>
      <c r="AC3010">
        <v>80</v>
      </c>
      <c r="AD3010">
        <v>69</v>
      </c>
      <c r="AE3010">
        <v>148</v>
      </c>
      <c r="AF3010">
        <v>0</v>
      </c>
      <c r="AG3010">
        <v>121643</v>
      </c>
      <c r="AH3010">
        <v>50000</v>
      </c>
      <c r="AI3010">
        <v>0</v>
      </c>
      <c r="AJ3010">
        <v>101</v>
      </c>
      <c r="AK3010" t="s">
        <v>28</v>
      </c>
      <c r="AL3010">
        <v>0</v>
      </c>
      <c r="AM3010">
        <v>0</v>
      </c>
      <c r="AN3010">
        <v>0</v>
      </c>
      <c r="AO3010">
        <v>0</v>
      </c>
      <c r="AP3010">
        <v>0</v>
      </c>
      <c r="AQ3010">
        <v>0</v>
      </c>
      <c r="AR3010">
        <v>0</v>
      </c>
      <c r="AS3010">
        <v>0</v>
      </c>
      <c r="AT3010">
        <v>0</v>
      </c>
      <c r="AU3010">
        <v>0</v>
      </c>
      <c r="AV3010">
        <v>0</v>
      </c>
      <c r="AW3010">
        <v>0</v>
      </c>
      <c r="AX3010">
        <v>1155</v>
      </c>
      <c r="AY3010">
        <v>48</v>
      </c>
      <c r="AZ3010">
        <v>115</v>
      </c>
      <c r="BA3010">
        <v>6867</v>
      </c>
    </row>
    <row r="3011" spans="1:53" x14ac:dyDescent="0.4">
      <c r="A3011">
        <v>3055</v>
      </c>
      <c r="B3011" s="1">
        <v>43806</v>
      </c>
      <c r="C3011">
        <v>3</v>
      </c>
      <c r="D3011" s="1">
        <v>43806.755555555559</v>
      </c>
      <c r="E3011" s="1">
        <v>43807.09652777778</v>
      </c>
      <c r="F3011">
        <v>477900</v>
      </c>
      <c r="G3011">
        <v>16600</v>
      </c>
      <c r="H3011">
        <v>200</v>
      </c>
      <c r="I3011">
        <v>0</v>
      </c>
      <c r="J3011">
        <v>0</v>
      </c>
      <c r="K3011">
        <v>3850</v>
      </c>
      <c r="L3011">
        <v>0</v>
      </c>
      <c r="M3011">
        <v>49855</v>
      </c>
      <c r="N3011">
        <v>0</v>
      </c>
      <c r="O3011">
        <v>0</v>
      </c>
      <c r="P3011">
        <v>6930</v>
      </c>
      <c r="Q3011">
        <v>0</v>
      </c>
      <c r="R3011">
        <v>555335</v>
      </c>
      <c r="S3011">
        <v>0</v>
      </c>
      <c r="T3011">
        <v>0</v>
      </c>
      <c r="U3011">
        <v>0</v>
      </c>
      <c r="V3011">
        <v>34</v>
      </c>
      <c r="W3011">
        <v>9</v>
      </c>
      <c r="X3011">
        <v>0</v>
      </c>
      <c r="Y3011">
        <v>165</v>
      </c>
      <c r="Z3011">
        <v>6</v>
      </c>
      <c r="AA3011">
        <v>66</v>
      </c>
      <c r="AB3011">
        <v>70</v>
      </c>
      <c r="AC3011">
        <v>89</v>
      </c>
      <c r="AD3011">
        <v>62</v>
      </c>
      <c r="AE3011">
        <v>136</v>
      </c>
      <c r="AF3011">
        <v>112542</v>
      </c>
      <c r="AG3011">
        <v>676978</v>
      </c>
      <c r="AH3011">
        <v>50000</v>
      </c>
      <c r="AI3011">
        <v>0</v>
      </c>
      <c r="AJ3011">
        <v>100</v>
      </c>
      <c r="AK3011" t="s">
        <v>0</v>
      </c>
      <c r="AL3011">
        <v>0</v>
      </c>
      <c r="AM3011">
        <v>0</v>
      </c>
      <c r="AN3011">
        <v>0</v>
      </c>
      <c r="AO3011">
        <v>0</v>
      </c>
      <c r="AP3011">
        <v>0</v>
      </c>
      <c r="AQ3011">
        <v>0</v>
      </c>
      <c r="AR3011">
        <v>0</v>
      </c>
      <c r="AS3011">
        <v>0</v>
      </c>
      <c r="AT3011">
        <v>0</v>
      </c>
      <c r="AU3011">
        <v>0</v>
      </c>
      <c r="AV3011">
        <v>0</v>
      </c>
      <c r="AW3011">
        <v>0</v>
      </c>
      <c r="AX3011">
        <v>37455</v>
      </c>
      <c r="AY3011">
        <v>42</v>
      </c>
      <c r="AZ3011">
        <v>236</v>
      </c>
      <c r="BA3011">
        <v>6458</v>
      </c>
    </row>
    <row r="3012" spans="1:53" x14ac:dyDescent="0.4">
      <c r="A3012">
        <v>3056</v>
      </c>
      <c r="B3012" s="1">
        <v>43806</v>
      </c>
      <c r="C3012">
        <v>4</v>
      </c>
      <c r="D3012" s="1">
        <v>43807.09652777778</v>
      </c>
      <c r="E3012" s="1">
        <v>43807.255555555559</v>
      </c>
      <c r="F3012">
        <v>46700</v>
      </c>
      <c r="G3012">
        <v>1200</v>
      </c>
      <c r="H3012">
        <v>200</v>
      </c>
      <c r="I3012">
        <v>0</v>
      </c>
      <c r="J3012">
        <v>100</v>
      </c>
      <c r="K3012">
        <v>9900</v>
      </c>
      <c r="L3012">
        <v>0</v>
      </c>
      <c r="M3012">
        <v>5790</v>
      </c>
      <c r="N3012">
        <v>0</v>
      </c>
      <c r="O3012">
        <v>0</v>
      </c>
      <c r="P3012">
        <v>-23870</v>
      </c>
      <c r="Q3012">
        <v>0</v>
      </c>
      <c r="R3012">
        <v>39820</v>
      </c>
      <c r="S3012">
        <v>0</v>
      </c>
      <c r="T3012">
        <v>0</v>
      </c>
      <c r="U3012">
        <v>0</v>
      </c>
      <c r="V3012">
        <v>0</v>
      </c>
      <c r="W3012">
        <v>0</v>
      </c>
      <c r="X3012">
        <v>0</v>
      </c>
      <c r="Y3012">
        <v>37</v>
      </c>
      <c r="Z3012">
        <v>4</v>
      </c>
      <c r="AA3012">
        <v>59</v>
      </c>
      <c r="AB3012">
        <v>68</v>
      </c>
      <c r="AC3012">
        <v>127</v>
      </c>
      <c r="AD3012">
        <v>60</v>
      </c>
      <c r="AE3012">
        <v>130</v>
      </c>
      <c r="AF3012">
        <v>0</v>
      </c>
      <c r="AG3012">
        <v>50000</v>
      </c>
      <c r="AH3012">
        <v>0</v>
      </c>
      <c r="AI3012">
        <v>-616798</v>
      </c>
      <c r="AJ3012">
        <v>94</v>
      </c>
      <c r="AK3012" t="s">
        <v>43</v>
      </c>
      <c r="AL3012">
        <v>0</v>
      </c>
      <c r="AM3012">
        <v>0</v>
      </c>
      <c r="AN3012">
        <v>0</v>
      </c>
      <c r="AO3012">
        <v>0</v>
      </c>
      <c r="AP3012">
        <v>0</v>
      </c>
      <c r="AQ3012">
        <v>0</v>
      </c>
      <c r="AR3012">
        <v>0</v>
      </c>
      <c r="AS3012">
        <v>0</v>
      </c>
      <c r="AT3012">
        <v>0</v>
      </c>
      <c r="AU3012">
        <v>0</v>
      </c>
      <c r="AV3012">
        <v>0</v>
      </c>
      <c r="AW3012">
        <v>0</v>
      </c>
      <c r="AX3012">
        <v>0</v>
      </c>
      <c r="AY3012">
        <v>0</v>
      </c>
      <c r="AZ3012">
        <v>0</v>
      </c>
      <c r="BA3012">
        <v>849</v>
      </c>
    </row>
    <row r="3013" spans="1:53" x14ac:dyDescent="0.4">
      <c r="A3013">
        <v>3057</v>
      </c>
      <c r="B3013" s="1">
        <v>43807</v>
      </c>
      <c r="C3013">
        <v>1</v>
      </c>
      <c r="D3013" s="1">
        <v>43807.291666666664</v>
      </c>
      <c r="E3013" s="1">
        <v>43807.408333333333</v>
      </c>
      <c r="F3013">
        <v>0</v>
      </c>
      <c r="G3013">
        <v>0</v>
      </c>
      <c r="H3013">
        <v>0</v>
      </c>
      <c r="I3013">
        <v>0</v>
      </c>
      <c r="J3013">
        <v>0</v>
      </c>
      <c r="K3013">
        <v>0</v>
      </c>
      <c r="L3013">
        <v>0</v>
      </c>
      <c r="M3013">
        <v>0</v>
      </c>
      <c r="N3013">
        <v>0</v>
      </c>
      <c r="O3013">
        <v>0</v>
      </c>
      <c r="P3013">
        <v>0</v>
      </c>
      <c r="Q3013">
        <v>0</v>
      </c>
      <c r="R3013">
        <v>0</v>
      </c>
      <c r="S3013">
        <v>0</v>
      </c>
      <c r="T3013">
        <v>0</v>
      </c>
      <c r="U3013">
        <v>0</v>
      </c>
      <c r="V3013">
        <v>0</v>
      </c>
      <c r="W3013">
        <v>0</v>
      </c>
      <c r="X3013">
        <v>0</v>
      </c>
      <c r="Y3013">
        <v>32</v>
      </c>
      <c r="Z3013">
        <v>4</v>
      </c>
      <c r="AA3013">
        <v>109</v>
      </c>
      <c r="AB3013">
        <v>68</v>
      </c>
      <c r="AC3013">
        <v>127</v>
      </c>
      <c r="AD3013">
        <v>60</v>
      </c>
      <c r="AE3013">
        <v>130</v>
      </c>
      <c r="AF3013">
        <v>0</v>
      </c>
      <c r="AG3013">
        <v>50000</v>
      </c>
      <c r="AH3013">
        <v>50000</v>
      </c>
      <c r="AI3013">
        <v>0</v>
      </c>
      <c r="AJ3013">
        <v>0</v>
      </c>
      <c r="AK3013" t="s">
        <v>6</v>
      </c>
      <c r="AL3013">
        <v>0</v>
      </c>
      <c r="AM3013">
        <v>0</v>
      </c>
      <c r="AN3013">
        <v>0</v>
      </c>
      <c r="AO3013">
        <v>0</v>
      </c>
      <c r="AP3013">
        <v>0</v>
      </c>
      <c r="AQ3013">
        <v>0</v>
      </c>
      <c r="AR3013">
        <v>0</v>
      </c>
      <c r="AS3013">
        <v>0</v>
      </c>
      <c r="AT3013">
        <v>0</v>
      </c>
      <c r="AU3013">
        <v>0</v>
      </c>
      <c r="AV3013">
        <v>0</v>
      </c>
      <c r="AW3013">
        <v>0</v>
      </c>
      <c r="AX3013">
        <v>0</v>
      </c>
      <c r="AY3013">
        <v>0</v>
      </c>
      <c r="AZ3013">
        <v>0</v>
      </c>
      <c r="BA3013">
        <v>0</v>
      </c>
    </row>
    <row r="3014" spans="1:53" x14ac:dyDescent="0.4">
      <c r="A3014">
        <v>3058</v>
      </c>
      <c r="B3014" s="1">
        <v>43807</v>
      </c>
      <c r="C3014">
        <v>2</v>
      </c>
      <c r="D3014" s="1">
        <v>43807.408333333333</v>
      </c>
      <c r="E3014" s="1">
        <v>43807.742361111108</v>
      </c>
      <c r="F3014">
        <v>47450</v>
      </c>
      <c r="G3014">
        <v>2480</v>
      </c>
      <c r="H3014">
        <v>0</v>
      </c>
      <c r="I3014">
        <v>0</v>
      </c>
      <c r="J3014">
        <v>200</v>
      </c>
      <c r="K3014">
        <v>400</v>
      </c>
      <c r="L3014">
        <v>0</v>
      </c>
      <c r="M3014">
        <v>5013</v>
      </c>
      <c r="N3014">
        <v>0</v>
      </c>
      <c r="O3014">
        <v>0</v>
      </c>
      <c r="P3014">
        <v>22082</v>
      </c>
      <c r="Q3014">
        <v>0</v>
      </c>
      <c r="R3014">
        <v>77225</v>
      </c>
      <c r="S3014">
        <v>0</v>
      </c>
      <c r="T3014">
        <v>0</v>
      </c>
      <c r="U3014">
        <v>0</v>
      </c>
      <c r="V3014">
        <v>1</v>
      </c>
      <c r="W3014">
        <v>1</v>
      </c>
      <c r="X3014">
        <v>0</v>
      </c>
      <c r="Y3014">
        <v>78</v>
      </c>
      <c r="Z3014">
        <v>30</v>
      </c>
      <c r="AA3014">
        <v>132</v>
      </c>
      <c r="AB3014">
        <v>58</v>
      </c>
      <c r="AC3014">
        <v>100</v>
      </c>
      <c r="AD3014">
        <v>57</v>
      </c>
      <c r="AE3014">
        <v>135</v>
      </c>
      <c r="AF3014">
        <v>1705</v>
      </c>
      <c r="AG3014">
        <v>127225</v>
      </c>
      <c r="AH3014">
        <v>50000</v>
      </c>
      <c r="AI3014">
        <v>0</v>
      </c>
      <c r="AJ3014">
        <v>101</v>
      </c>
      <c r="AK3014" t="s">
        <v>28</v>
      </c>
      <c r="AL3014">
        <v>0</v>
      </c>
      <c r="AM3014">
        <v>0</v>
      </c>
      <c r="AN3014">
        <v>0</v>
      </c>
      <c r="AO3014">
        <v>0</v>
      </c>
      <c r="AP3014">
        <v>0</v>
      </c>
      <c r="AQ3014">
        <v>0</v>
      </c>
      <c r="AR3014">
        <v>0</v>
      </c>
      <c r="AS3014">
        <v>0</v>
      </c>
      <c r="AT3014">
        <v>0</v>
      </c>
      <c r="AU3014">
        <v>0</v>
      </c>
      <c r="AV3014">
        <v>0</v>
      </c>
      <c r="AW3014">
        <v>0</v>
      </c>
      <c r="AX3014">
        <v>594</v>
      </c>
      <c r="AY3014">
        <v>50</v>
      </c>
      <c r="AZ3014">
        <v>121</v>
      </c>
      <c r="BA3014">
        <v>6801</v>
      </c>
    </row>
    <row r="3015" spans="1:53" x14ac:dyDescent="0.4">
      <c r="A3015">
        <v>3059</v>
      </c>
      <c r="B3015" s="1">
        <v>43807</v>
      </c>
      <c r="C3015">
        <v>3</v>
      </c>
      <c r="D3015" s="1">
        <v>43807.742361111108</v>
      </c>
      <c r="E3015" s="1">
        <v>43807.956250000003</v>
      </c>
      <c r="F3015">
        <v>36875</v>
      </c>
      <c r="G3015">
        <v>540</v>
      </c>
      <c r="H3015">
        <v>0</v>
      </c>
      <c r="I3015">
        <v>0</v>
      </c>
      <c r="J3015">
        <v>200</v>
      </c>
      <c r="K3015">
        <v>0</v>
      </c>
      <c r="L3015">
        <v>0</v>
      </c>
      <c r="M3015">
        <v>3721</v>
      </c>
      <c r="N3015">
        <v>0</v>
      </c>
      <c r="O3015">
        <v>0</v>
      </c>
      <c r="P3015">
        <v>-22082</v>
      </c>
      <c r="Q3015">
        <v>0</v>
      </c>
      <c r="R3015">
        <v>18854</v>
      </c>
      <c r="S3015">
        <v>0</v>
      </c>
      <c r="T3015">
        <v>0</v>
      </c>
      <c r="U3015">
        <v>0</v>
      </c>
      <c r="V3015">
        <v>2</v>
      </c>
      <c r="W3015">
        <v>0</v>
      </c>
      <c r="X3015">
        <v>0</v>
      </c>
      <c r="Y3015">
        <v>88</v>
      </c>
      <c r="Z3015">
        <v>28</v>
      </c>
      <c r="AA3015">
        <v>135</v>
      </c>
      <c r="AB3015">
        <v>59</v>
      </c>
      <c r="AC3015">
        <v>110</v>
      </c>
      <c r="AD3015">
        <v>58</v>
      </c>
      <c r="AE3015">
        <v>144</v>
      </c>
      <c r="AF3015">
        <v>6105</v>
      </c>
      <c r="AG3015">
        <v>146089</v>
      </c>
      <c r="AH3015">
        <v>50000</v>
      </c>
      <c r="AI3015">
        <v>10</v>
      </c>
      <c r="AJ3015">
        <v>100</v>
      </c>
      <c r="AK3015" t="s">
        <v>0</v>
      </c>
      <c r="AL3015">
        <v>0</v>
      </c>
      <c r="AM3015">
        <v>0</v>
      </c>
      <c r="AN3015">
        <v>0</v>
      </c>
      <c r="AO3015">
        <v>0</v>
      </c>
      <c r="AP3015">
        <v>0</v>
      </c>
      <c r="AQ3015">
        <v>0</v>
      </c>
      <c r="AR3015">
        <v>0</v>
      </c>
      <c r="AS3015">
        <v>0</v>
      </c>
      <c r="AT3015">
        <v>0</v>
      </c>
      <c r="AU3015">
        <v>0</v>
      </c>
      <c r="AV3015">
        <v>0</v>
      </c>
      <c r="AW3015">
        <v>0</v>
      </c>
      <c r="AX3015">
        <v>29161</v>
      </c>
      <c r="AY3015">
        <v>11</v>
      </c>
      <c r="AZ3015">
        <v>40</v>
      </c>
      <c r="BA3015">
        <v>3126</v>
      </c>
    </row>
    <row r="3016" spans="1:53" x14ac:dyDescent="0.4">
      <c r="A3016">
        <v>3060</v>
      </c>
      <c r="B3016" s="1">
        <v>43808</v>
      </c>
      <c r="C3016">
        <v>1</v>
      </c>
      <c r="D3016" s="1">
        <v>43808.291666666664</v>
      </c>
      <c r="E3016" s="1">
        <v>43808.456944444442</v>
      </c>
      <c r="F3016">
        <v>0</v>
      </c>
      <c r="G3016">
        <v>0</v>
      </c>
      <c r="H3016">
        <v>0</v>
      </c>
      <c r="I3016">
        <v>0</v>
      </c>
      <c r="J3016">
        <v>0</v>
      </c>
      <c r="K3016">
        <v>0</v>
      </c>
      <c r="L3016">
        <v>0</v>
      </c>
      <c r="M3016">
        <v>0</v>
      </c>
      <c r="N3016">
        <v>0</v>
      </c>
      <c r="O3016">
        <v>0</v>
      </c>
      <c r="P3016">
        <v>0</v>
      </c>
      <c r="Q3016">
        <v>0</v>
      </c>
      <c r="R3016">
        <v>0</v>
      </c>
      <c r="S3016">
        <v>0</v>
      </c>
      <c r="T3016">
        <v>0</v>
      </c>
      <c r="U3016">
        <v>0</v>
      </c>
      <c r="V3016">
        <v>0</v>
      </c>
      <c r="W3016">
        <v>0</v>
      </c>
      <c r="X3016">
        <v>0</v>
      </c>
      <c r="Y3016">
        <v>27</v>
      </c>
      <c r="Z3016">
        <v>10</v>
      </c>
      <c r="AA3016">
        <v>136</v>
      </c>
      <c r="AB3016">
        <v>57</v>
      </c>
      <c r="AC3016">
        <v>110</v>
      </c>
      <c r="AD3016">
        <v>61</v>
      </c>
      <c r="AE3016">
        <v>145</v>
      </c>
      <c r="AF3016">
        <v>0</v>
      </c>
      <c r="AG3016">
        <v>50000</v>
      </c>
      <c r="AH3016">
        <v>0</v>
      </c>
      <c r="AI3016">
        <v>50000</v>
      </c>
      <c r="AJ3016">
        <v>0</v>
      </c>
      <c r="AK3016" t="s">
        <v>6</v>
      </c>
      <c r="AL3016">
        <v>0</v>
      </c>
      <c r="AM3016">
        <v>0</v>
      </c>
      <c r="AN3016">
        <v>0</v>
      </c>
      <c r="AO3016">
        <v>0</v>
      </c>
      <c r="AP3016">
        <v>0</v>
      </c>
      <c r="AQ3016">
        <v>0</v>
      </c>
      <c r="AR3016">
        <v>0</v>
      </c>
      <c r="AS3016">
        <v>0</v>
      </c>
      <c r="AT3016">
        <v>0</v>
      </c>
      <c r="AU3016">
        <v>0</v>
      </c>
      <c r="AV3016">
        <v>0</v>
      </c>
      <c r="AW3016">
        <v>0</v>
      </c>
      <c r="AX3016">
        <v>0</v>
      </c>
      <c r="AY3016">
        <v>0</v>
      </c>
      <c r="AZ3016">
        <v>0</v>
      </c>
      <c r="BA3016">
        <v>0</v>
      </c>
    </row>
    <row r="3017" spans="1:53" x14ac:dyDescent="0.4">
      <c r="A3017">
        <v>3061</v>
      </c>
      <c r="B3017" s="1">
        <v>43808</v>
      </c>
      <c r="C3017">
        <v>2</v>
      </c>
      <c r="D3017" s="1">
        <v>43808.456944444442</v>
      </c>
      <c r="E3017" s="1">
        <v>43808.738888888889</v>
      </c>
      <c r="F3017">
        <v>23100</v>
      </c>
      <c r="G3017">
        <v>1340</v>
      </c>
      <c r="H3017">
        <v>200</v>
      </c>
      <c r="I3017">
        <v>0</v>
      </c>
      <c r="J3017">
        <v>0</v>
      </c>
      <c r="K3017">
        <v>0</v>
      </c>
      <c r="L3017">
        <v>0</v>
      </c>
      <c r="M3017">
        <v>2464</v>
      </c>
      <c r="N3017">
        <v>0</v>
      </c>
      <c r="O3017">
        <v>0</v>
      </c>
      <c r="P3017">
        <v>21065</v>
      </c>
      <c r="Q3017">
        <v>0</v>
      </c>
      <c r="R3017">
        <v>48169</v>
      </c>
      <c r="S3017">
        <v>0</v>
      </c>
      <c r="T3017">
        <v>0</v>
      </c>
      <c r="U3017">
        <v>0</v>
      </c>
      <c r="V3017">
        <v>1</v>
      </c>
      <c r="W3017">
        <v>1</v>
      </c>
      <c r="X3017">
        <v>0</v>
      </c>
      <c r="Y3017">
        <v>40</v>
      </c>
      <c r="Z3017">
        <v>29</v>
      </c>
      <c r="AA3017">
        <v>181</v>
      </c>
      <c r="AB3017">
        <v>61</v>
      </c>
      <c r="AC3017">
        <v>131</v>
      </c>
      <c r="AD3017">
        <v>64</v>
      </c>
      <c r="AE3017">
        <v>189</v>
      </c>
      <c r="AF3017">
        <v>5700</v>
      </c>
      <c r="AG3017">
        <v>98169</v>
      </c>
      <c r="AH3017">
        <v>50000</v>
      </c>
      <c r="AI3017">
        <v>0</v>
      </c>
      <c r="AJ3017">
        <v>96</v>
      </c>
      <c r="AK3017" t="s">
        <v>4</v>
      </c>
      <c r="AL3017">
        <v>0</v>
      </c>
      <c r="AM3017">
        <v>0</v>
      </c>
      <c r="AN3017">
        <v>0</v>
      </c>
      <c r="AO3017">
        <v>0</v>
      </c>
      <c r="AP3017">
        <v>0</v>
      </c>
      <c r="AQ3017">
        <v>0</v>
      </c>
      <c r="AR3017">
        <v>0</v>
      </c>
      <c r="AS3017">
        <v>0</v>
      </c>
      <c r="AT3017">
        <v>0</v>
      </c>
      <c r="AU3017">
        <v>0</v>
      </c>
      <c r="AV3017">
        <v>0</v>
      </c>
      <c r="AW3017">
        <v>0</v>
      </c>
      <c r="AX3017">
        <v>-1210</v>
      </c>
      <c r="AY3017">
        <v>38</v>
      </c>
      <c r="AZ3017">
        <v>77</v>
      </c>
      <c r="BA3017">
        <v>4850</v>
      </c>
    </row>
    <row r="3018" spans="1:53" x14ac:dyDescent="0.4">
      <c r="A3018">
        <v>3062</v>
      </c>
      <c r="B3018" s="1">
        <v>43808</v>
      </c>
      <c r="C3018">
        <v>3</v>
      </c>
      <c r="D3018" s="1">
        <v>43808.738888888889</v>
      </c>
      <c r="E3018" s="1">
        <v>43808.947222222225</v>
      </c>
      <c r="F3018">
        <v>31050</v>
      </c>
      <c r="G3018">
        <v>540</v>
      </c>
      <c r="H3018">
        <v>0</v>
      </c>
      <c r="I3018">
        <v>0</v>
      </c>
      <c r="J3018">
        <v>100</v>
      </c>
      <c r="K3018">
        <v>0</v>
      </c>
      <c r="L3018">
        <v>0</v>
      </c>
      <c r="M3018">
        <v>3149</v>
      </c>
      <c r="N3018">
        <v>0</v>
      </c>
      <c r="O3018">
        <v>0</v>
      </c>
      <c r="P3018">
        <v>-21065</v>
      </c>
      <c r="Q3018">
        <v>0</v>
      </c>
      <c r="R3018">
        <v>13574</v>
      </c>
      <c r="S3018">
        <v>0</v>
      </c>
      <c r="T3018">
        <v>0</v>
      </c>
      <c r="U3018">
        <v>0</v>
      </c>
      <c r="V3018">
        <v>1</v>
      </c>
      <c r="W3018">
        <v>2</v>
      </c>
      <c r="X3018">
        <v>0</v>
      </c>
      <c r="Y3018">
        <v>44</v>
      </c>
      <c r="Z3018">
        <v>34</v>
      </c>
      <c r="AA3018">
        <v>190</v>
      </c>
      <c r="AB3018">
        <v>60</v>
      </c>
      <c r="AC3018">
        <v>133</v>
      </c>
      <c r="AD3018">
        <v>63</v>
      </c>
      <c r="AE3018">
        <v>188</v>
      </c>
      <c r="AF3018">
        <v>6910</v>
      </c>
      <c r="AG3018">
        <v>111743</v>
      </c>
      <c r="AH3018">
        <v>50000</v>
      </c>
      <c r="AI3018">
        <v>0</v>
      </c>
      <c r="AJ3018">
        <v>95</v>
      </c>
      <c r="AK3018" t="s">
        <v>21</v>
      </c>
      <c r="AL3018">
        <v>0</v>
      </c>
      <c r="AM3018">
        <v>0</v>
      </c>
      <c r="AN3018">
        <v>0</v>
      </c>
      <c r="AO3018">
        <v>0</v>
      </c>
      <c r="AP3018">
        <v>0</v>
      </c>
      <c r="AQ3018">
        <v>0</v>
      </c>
      <c r="AR3018">
        <v>0</v>
      </c>
      <c r="AS3018">
        <v>0</v>
      </c>
      <c r="AT3018">
        <v>0</v>
      </c>
      <c r="AU3018">
        <v>0</v>
      </c>
      <c r="AV3018">
        <v>0</v>
      </c>
      <c r="AW3018">
        <v>0</v>
      </c>
      <c r="AX3018">
        <v>7700</v>
      </c>
      <c r="AY3018">
        <v>8</v>
      </c>
      <c r="AZ3018">
        <v>20</v>
      </c>
      <c r="BA3018">
        <v>2249</v>
      </c>
    </row>
    <row r="3019" spans="1:53" x14ac:dyDescent="0.4">
      <c r="A3019">
        <v>3063</v>
      </c>
      <c r="B3019" s="1">
        <v>43809</v>
      </c>
      <c r="C3019">
        <v>1</v>
      </c>
      <c r="D3019" s="1">
        <v>43809.291666666664</v>
      </c>
      <c r="E3019" s="1">
        <v>43809.453472222223</v>
      </c>
      <c r="F3019">
        <v>0</v>
      </c>
      <c r="G3019">
        <v>0</v>
      </c>
      <c r="H3019">
        <v>0</v>
      </c>
      <c r="I3019">
        <v>0</v>
      </c>
      <c r="J3019">
        <v>0</v>
      </c>
      <c r="K3019">
        <v>0</v>
      </c>
      <c r="L3019">
        <v>0</v>
      </c>
      <c r="M3019">
        <v>0</v>
      </c>
      <c r="N3019">
        <v>0</v>
      </c>
      <c r="O3019">
        <v>0</v>
      </c>
      <c r="P3019">
        <v>0</v>
      </c>
      <c r="Q3019">
        <v>0</v>
      </c>
      <c r="R3019">
        <v>0</v>
      </c>
      <c r="S3019">
        <v>0</v>
      </c>
      <c r="T3019">
        <v>0</v>
      </c>
      <c r="U3019">
        <v>0</v>
      </c>
      <c r="V3019">
        <v>0</v>
      </c>
      <c r="W3019">
        <v>0</v>
      </c>
      <c r="X3019">
        <v>0</v>
      </c>
      <c r="Y3019">
        <v>24</v>
      </c>
      <c r="Z3019">
        <v>16</v>
      </c>
      <c r="AA3019">
        <v>132</v>
      </c>
      <c r="AB3019">
        <v>60</v>
      </c>
      <c r="AC3019">
        <v>131</v>
      </c>
      <c r="AD3019">
        <v>61</v>
      </c>
      <c r="AE3019">
        <v>185</v>
      </c>
      <c r="AF3019">
        <v>0</v>
      </c>
      <c r="AG3019">
        <v>50000</v>
      </c>
      <c r="AH3019">
        <v>50000</v>
      </c>
      <c r="AI3019">
        <v>0</v>
      </c>
      <c r="AJ3019">
        <v>0</v>
      </c>
      <c r="AK3019" t="s">
        <v>6</v>
      </c>
      <c r="AL3019">
        <v>0</v>
      </c>
      <c r="AM3019">
        <v>0</v>
      </c>
      <c r="AN3019">
        <v>0</v>
      </c>
      <c r="AO3019">
        <v>0</v>
      </c>
      <c r="AP3019">
        <v>0</v>
      </c>
      <c r="AQ3019">
        <v>0</v>
      </c>
      <c r="AR3019">
        <v>0</v>
      </c>
      <c r="AS3019">
        <v>0</v>
      </c>
      <c r="AT3019">
        <v>0</v>
      </c>
      <c r="AU3019">
        <v>0</v>
      </c>
      <c r="AV3019">
        <v>0</v>
      </c>
      <c r="AW3019">
        <v>0</v>
      </c>
      <c r="AX3019">
        <v>0</v>
      </c>
      <c r="AY3019">
        <v>0</v>
      </c>
      <c r="AZ3019">
        <v>0</v>
      </c>
      <c r="BA3019">
        <v>0</v>
      </c>
    </row>
    <row r="3020" spans="1:53" x14ac:dyDescent="0.4">
      <c r="A3020">
        <v>3064</v>
      </c>
      <c r="B3020" s="1">
        <v>43809</v>
      </c>
      <c r="C3020">
        <v>2</v>
      </c>
      <c r="D3020" s="1">
        <v>43809.453472222223</v>
      </c>
      <c r="E3020" s="1">
        <v>43809.745138888888</v>
      </c>
      <c r="F3020">
        <v>19250</v>
      </c>
      <c r="G3020">
        <v>400</v>
      </c>
      <c r="H3020">
        <v>0</v>
      </c>
      <c r="I3020">
        <v>0</v>
      </c>
      <c r="J3020">
        <v>0</v>
      </c>
      <c r="K3020">
        <v>0</v>
      </c>
      <c r="L3020">
        <v>0</v>
      </c>
      <c r="M3020">
        <v>1965</v>
      </c>
      <c r="N3020">
        <v>0</v>
      </c>
      <c r="O3020">
        <v>0</v>
      </c>
      <c r="P3020">
        <v>25410</v>
      </c>
      <c r="Q3020">
        <v>0</v>
      </c>
      <c r="R3020">
        <v>47025</v>
      </c>
      <c r="S3020">
        <v>0</v>
      </c>
      <c r="T3020">
        <v>0</v>
      </c>
      <c r="U3020">
        <v>0</v>
      </c>
      <c r="V3020">
        <v>1</v>
      </c>
      <c r="W3020">
        <v>3</v>
      </c>
      <c r="X3020">
        <v>0</v>
      </c>
      <c r="Y3020">
        <v>40</v>
      </c>
      <c r="Z3020">
        <v>26</v>
      </c>
      <c r="AA3020">
        <v>147</v>
      </c>
      <c r="AB3020">
        <v>56</v>
      </c>
      <c r="AC3020">
        <v>101</v>
      </c>
      <c r="AD3020">
        <v>59</v>
      </c>
      <c r="AE3020">
        <v>220</v>
      </c>
      <c r="AF3020">
        <v>0</v>
      </c>
      <c r="AG3020">
        <v>97025</v>
      </c>
      <c r="AH3020">
        <v>50000</v>
      </c>
      <c r="AI3020">
        <v>0</v>
      </c>
      <c r="AJ3020">
        <v>97</v>
      </c>
      <c r="AK3020" t="s">
        <v>33</v>
      </c>
      <c r="AL3020">
        <v>0</v>
      </c>
      <c r="AM3020">
        <v>0</v>
      </c>
      <c r="AN3020">
        <v>0</v>
      </c>
      <c r="AO3020">
        <v>0</v>
      </c>
      <c r="AP3020">
        <v>0</v>
      </c>
      <c r="AQ3020">
        <v>0</v>
      </c>
      <c r="AR3020">
        <v>0</v>
      </c>
      <c r="AS3020">
        <v>0</v>
      </c>
      <c r="AT3020">
        <v>0</v>
      </c>
      <c r="AU3020">
        <v>0</v>
      </c>
      <c r="AV3020">
        <v>0</v>
      </c>
      <c r="AW3020">
        <v>0</v>
      </c>
      <c r="AX3020">
        <v>737</v>
      </c>
      <c r="AY3020">
        <v>40</v>
      </c>
      <c r="AZ3020">
        <v>77</v>
      </c>
      <c r="BA3020">
        <v>4656</v>
      </c>
    </row>
    <row r="3021" spans="1:53" x14ac:dyDescent="0.4">
      <c r="A3021">
        <v>3065</v>
      </c>
      <c r="B3021" s="1">
        <v>43809</v>
      </c>
      <c r="C3021">
        <v>3</v>
      </c>
      <c r="D3021" s="1">
        <v>43809.745138888888</v>
      </c>
      <c r="E3021" s="1">
        <v>43809.956250000003</v>
      </c>
      <c r="F3021">
        <v>61050</v>
      </c>
      <c r="G3021">
        <v>7040</v>
      </c>
      <c r="H3021">
        <v>0</v>
      </c>
      <c r="I3021">
        <v>0</v>
      </c>
      <c r="J3021">
        <v>0</v>
      </c>
      <c r="K3021">
        <v>0</v>
      </c>
      <c r="L3021">
        <v>0</v>
      </c>
      <c r="M3021">
        <v>6809</v>
      </c>
      <c r="N3021">
        <v>0</v>
      </c>
      <c r="O3021">
        <v>0</v>
      </c>
      <c r="P3021">
        <v>-25410</v>
      </c>
      <c r="Q3021">
        <v>0</v>
      </c>
      <c r="R3021">
        <v>49489</v>
      </c>
      <c r="S3021">
        <v>0</v>
      </c>
      <c r="T3021">
        <v>0</v>
      </c>
      <c r="U3021">
        <v>0</v>
      </c>
      <c r="V3021">
        <v>2</v>
      </c>
      <c r="W3021">
        <v>6</v>
      </c>
      <c r="X3021">
        <v>0</v>
      </c>
      <c r="Y3021">
        <v>57</v>
      </c>
      <c r="Z3021">
        <v>28</v>
      </c>
      <c r="AA3021">
        <v>137</v>
      </c>
      <c r="AB3021">
        <v>55</v>
      </c>
      <c r="AC3021">
        <v>104</v>
      </c>
      <c r="AD3021">
        <v>55</v>
      </c>
      <c r="AE3021">
        <v>214</v>
      </c>
      <c r="AF3021">
        <v>7535</v>
      </c>
      <c r="AG3021">
        <v>146514</v>
      </c>
      <c r="AH3021">
        <v>50000</v>
      </c>
      <c r="AI3021">
        <v>0</v>
      </c>
      <c r="AJ3021">
        <v>95</v>
      </c>
      <c r="AK3021" t="s">
        <v>21</v>
      </c>
      <c r="AL3021">
        <v>0</v>
      </c>
      <c r="AM3021">
        <v>0</v>
      </c>
      <c r="AN3021">
        <v>0</v>
      </c>
      <c r="AO3021">
        <v>0</v>
      </c>
      <c r="AP3021">
        <v>0</v>
      </c>
      <c r="AQ3021">
        <v>0</v>
      </c>
      <c r="AR3021">
        <v>0</v>
      </c>
      <c r="AS3021">
        <v>0</v>
      </c>
      <c r="AT3021">
        <v>0</v>
      </c>
      <c r="AU3021">
        <v>0</v>
      </c>
      <c r="AV3021">
        <v>0</v>
      </c>
      <c r="AW3021">
        <v>0</v>
      </c>
      <c r="AX3021">
        <v>18188</v>
      </c>
      <c r="AY3021">
        <v>14</v>
      </c>
      <c r="AZ3021">
        <v>37</v>
      </c>
      <c r="BA3021">
        <v>3165</v>
      </c>
    </row>
    <row r="3022" spans="1:53" x14ac:dyDescent="0.4">
      <c r="A3022">
        <v>3066</v>
      </c>
      <c r="B3022" s="1">
        <v>43809</v>
      </c>
      <c r="C3022">
        <v>4</v>
      </c>
      <c r="D3022" s="1">
        <v>43809.956250000003</v>
      </c>
      <c r="E3022" s="1">
        <v>43810.255555555559</v>
      </c>
      <c r="F3022">
        <v>34850</v>
      </c>
      <c r="G3022">
        <v>3680</v>
      </c>
      <c r="H3022">
        <v>0</v>
      </c>
      <c r="I3022">
        <v>0</v>
      </c>
      <c r="J3022">
        <v>0</v>
      </c>
      <c r="K3022">
        <v>0</v>
      </c>
      <c r="L3022">
        <v>0</v>
      </c>
      <c r="M3022">
        <v>3853</v>
      </c>
      <c r="N3022">
        <v>0</v>
      </c>
      <c r="O3022">
        <v>0</v>
      </c>
      <c r="P3022">
        <v>0</v>
      </c>
      <c r="Q3022">
        <v>0</v>
      </c>
      <c r="R3022">
        <v>42383</v>
      </c>
      <c r="S3022">
        <v>0</v>
      </c>
      <c r="T3022">
        <v>0</v>
      </c>
      <c r="U3022">
        <v>0</v>
      </c>
      <c r="V3022">
        <v>0</v>
      </c>
      <c r="W3022">
        <v>0</v>
      </c>
      <c r="X3022">
        <v>0</v>
      </c>
      <c r="Y3022">
        <v>24</v>
      </c>
      <c r="Z3022">
        <v>16</v>
      </c>
      <c r="AA3022">
        <v>138</v>
      </c>
      <c r="AB3022">
        <v>53</v>
      </c>
      <c r="AC3022">
        <v>106</v>
      </c>
      <c r="AD3022">
        <v>57</v>
      </c>
      <c r="AE3022">
        <v>205</v>
      </c>
      <c r="AF3022">
        <v>0</v>
      </c>
      <c r="AG3022">
        <v>50000</v>
      </c>
      <c r="AH3022">
        <v>0</v>
      </c>
      <c r="AI3022">
        <v>-88897</v>
      </c>
      <c r="AJ3022">
        <v>107</v>
      </c>
      <c r="AK3022" t="s">
        <v>40</v>
      </c>
      <c r="AL3022">
        <v>0</v>
      </c>
      <c r="AM3022">
        <v>0</v>
      </c>
      <c r="AN3022">
        <v>0</v>
      </c>
      <c r="AO3022">
        <v>0</v>
      </c>
      <c r="AP3022">
        <v>0</v>
      </c>
      <c r="AQ3022">
        <v>0</v>
      </c>
      <c r="AR3022">
        <v>0</v>
      </c>
      <c r="AS3022">
        <v>0</v>
      </c>
      <c r="AT3022">
        <v>0</v>
      </c>
      <c r="AU3022">
        <v>0</v>
      </c>
      <c r="AV3022">
        <v>0</v>
      </c>
      <c r="AW3022">
        <v>0</v>
      </c>
      <c r="AX3022">
        <v>0</v>
      </c>
      <c r="AY3022">
        <v>5</v>
      </c>
      <c r="AZ3022">
        <v>13</v>
      </c>
      <c r="BA3022">
        <v>1078</v>
      </c>
    </row>
    <row r="3023" spans="1:53" x14ac:dyDescent="0.4">
      <c r="A3023">
        <v>3067</v>
      </c>
      <c r="B3023" s="1">
        <v>43810</v>
      </c>
      <c r="C3023">
        <v>1</v>
      </c>
      <c r="D3023" s="1">
        <v>43810.291666666664</v>
      </c>
      <c r="E3023" s="1">
        <v>43810.445833333331</v>
      </c>
      <c r="F3023">
        <v>0</v>
      </c>
      <c r="G3023">
        <v>0</v>
      </c>
      <c r="H3023">
        <v>0</v>
      </c>
      <c r="I3023">
        <v>0</v>
      </c>
      <c r="J3023">
        <v>0</v>
      </c>
      <c r="K3023">
        <v>0</v>
      </c>
      <c r="L3023">
        <v>0</v>
      </c>
      <c r="M3023">
        <v>0</v>
      </c>
      <c r="N3023">
        <v>0</v>
      </c>
      <c r="O3023">
        <v>0</v>
      </c>
      <c r="P3023">
        <v>0</v>
      </c>
      <c r="Q3023">
        <v>0</v>
      </c>
      <c r="R3023">
        <v>0</v>
      </c>
      <c r="S3023">
        <v>0</v>
      </c>
      <c r="T3023">
        <v>0</v>
      </c>
      <c r="U3023">
        <v>0</v>
      </c>
      <c r="V3023">
        <v>0</v>
      </c>
      <c r="W3023">
        <v>0</v>
      </c>
      <c r="X3023">
        <v>0</v>
      </c>
      <c r="Y3023">
        <v>24</v>
      </c>
      <c r="Z3023">
        <v>16</v>
      </c>
      <c r="AA3023">
        <v>138</v>
      </c>
      <c r="AB3023">
        <v>53</v>
      </c>
      <c r="AC3023">
        <v>106</v>
      </c>
      <c r="AD3023">
        <v>57</v>
      </c>
      <c r="AE3023">
        <v>155</v>
      </c>
      <c r="AF3023">
        <v>0</v>
      </c>
      <c r="AG3023">
        <v>49950</v>
      </c>
      <c r="AH3023">
        <v>50000</v>
      </c>
      <c r="AI3023">
        <v>-50</v>
      </c>
      <c r="AJ3023">
        <v>0</v>
      </c>
      <c r="AK3023" t="s">
        <v>6</v>
      </c>
      <c r="AL3023">
        <v>0</v>
      </c>
      <c r="AM3023">
        <v>0</v>
      </c>
      <c r="AN3023">
        <v>0</v>
      </c>
      <c r="AO3023">
        <v>0</v>
      </c>
      <c r="AP3023">
        <v>0</v>
      </c>
      <c r="AQ3023">
        <v>0</v>
      </c>
      <c r="AR3023">
        <v>0</v>
      </c>
      <c r="AS3023">
        <v>0</v>
      </c>
      <c r="AT3023">
        <v>0</v>
      </c>
      <c r="AU3023">
        <v>0</v>
      </c>
      <c r="AV3023">
        <v>0</v>
      </c>
      <c r="AW3023">
        <v>0</v>
      </c>
      <c r="AX3023">
        <v>0</v>
      </c>
      <c r="AY3023">
        <v>0</v>
      </c>
      <c r="AZ3023">
        <v>0</v>
      </c>
      <c r="BA3023">
        <v>0</v>
      </c>
    </row>
    <row r="3024" spans="1:53" x14ac:dyDescent="0.4">
      <c r="A3024">
        <v>3068</v>
      </c>
      <c r="B3024" s="1">
        <v>43810</v>
      </c>
      <c r="C3024">
        <v>2</v>
      </c>
      <c r="D3024" s="1">
        <v>43810.445833333331</v>
      </c>
      <c r="E3024" s="1">
        <v>43810.734722222223</v>
      </c>
      <c r="F3024">
        <v>18700</v>
      </c>
      <c r="G3024">
        <v>0</v>
      </c>
      <c r="H3024">
        <v>0</v>
      </c>
      <c r="I3024">
        <v>0</v>
      </c>
      <c r="J3024">
        <v>0</v>
      </c>
      <c r="K3024">
        <v>0</v>
      </c>
      <c r="L3024">
        <v>0</v>
      </c>
      <c r="M3024">
        <v>1870</v>
      </c>
      <c r="N3024">
        <v>0</v>
      </c>
      <c r="O3024">
        <v>0</v>
      </c>
      <c r="P3024">
        <v>18755</v>
      </c>
      <c r="Q3024">
        <v>0</v>
      </c>
      <c r="R3024">
        <v>39325</v>
      </c>
      <c r="S3024">
        <v>0</v>
      </c>
      <c r="T3024">
        <v>0</v>
      </c>
      <c r="U3024">
        <v>0</v>
      </c>
      <c r="V3024">
        <v>0</v>
      </c>
      <c r="W3024">
        <v>0</v>
      </c>
      <c r="X3024">
        <v>0</v>
      </c>
      <c r="Y3024">
        <v>58</v>
      </c>
      <c r="Z3024">
        <v>35</v>
      </c>
      <c r="AA3024">
        <v>91</v>
      </c>
      <c r="AB3024">
        <v>53</v>
      </c>
      <c r="AC3024">
        <v>98</v>
      </c>
      <c r="AD3024">
        <v>49</v>
      </c>
      <c r="AE3024">
        <v>245</v>
      </c>
      <c r="AF3024">
        <v>605</v>
      </c>
      <c r="AG3024">
        <v>89325</v>
      </c>
      <c r="AH3024">
        <v>50000</v>
      </c>
      <c r="AI3024">
        <v>0</v>
      </c>
      <c r="AJ3024">
        <v>97</v>
      </c>
      <c r="AK3024" t="s">
        <v>33</v>
      </c>
      <c r="AL3024">
        <v>0</v>
      </c>
      <c r="AM3024">
        <v>0</v>
      </c>
      <c r="AN3024">
        <v>0</v>
      </c>
      <c r="AO3024">
        <v>0</v>
      </c>
      <c r="AP3024">
        <v>0</v>
      </c>
      <c r="AQ3024">
        <v>0</v>
      </c>
      <c r="AR3024">
        <v>0</v>
      </c>
      <c r="AS3024">
        <v>0</v>
      </c>
      <c r="AT3024">
        <v>0</v>
      </c>
      <c r="AU3024">
        <v>0</v>
      </c>
      <c r="AV3024">
        <v>0</v>
      </c>
      <c r="AW3024">
        <v>0</v>
      </c>
      <c r="AX3024">
        <v>363</v>
      </c>
      <c r="AY3024">
        <v>37</v>
      </c>
      <c r="AZ3024">
        <v>65</v>
      </c>
      <c r="BA3024">
        <v>5204</v>
      </c>
    </row>
    <row r="3025" spans="1:53" x14ac:dyDescent="0.4">
      <c r="A3025">
        <v>3069</v>
      </c>
      <c r="B3025" s="1">
        <v>43811</v>
      </c>
      <c r="C3025">
        <v>1</v>
      </c>
      <c r="D3025" s="1">
        <v>43811.291666666664</v>
      </c>
      <c r="E3025" s="1">
        <v>43811.459027777775</v>
      </c>
      <c r="F3025">
        <v>0</v>
      </c>
      <c r="G3025">
        <v>0</v>
      </c>
      <c r="H3025">
        <v>0</v>
      </c>
      <c r="I3025">
        <v>0</v>
      </c>
      <c r="J3025">
        <v>0</v>
      </c>
      <c r="K3025">
        <v>0</v>
      </c>
      <c r="L3025">
        <v>0</v>
      </c>
      <c r="M3025">
        <v>0</v>
      </c>
      <c r="N3025">
        <v>0</v>
      </c>
      <c r="O3025">
        <v>0</v>
      </c>
      <c r="P3025">
        <v>0</v>
      </c>
      <c r="Q3025">
        <v>0</v>
      </c>
      <c r="R3025">
        <v>0</v>
      </c>
      <c r="S3025">
        <v>0</v>
      </c>
      <c r="T3025">
        <v>0</v>
      </c>
      <c r="U3025">
        <v>0</v>
      </c>
      <c r="V3025">
        <v>0</v>
      </c>
      <c r="W3025">
        <v>0</v>
      </c>
      <c r="X3025">
        <v>0</v>
      </c>
      <c r="Y3025">
        <v>30</v>
      </c>
      <c r="Z3025">
        <v>11</v>
      </c>
      <c r="AA3025">
        <v>82</v>
      </c>
      <c r="AB3025">
        <v>100</v>
      </c>
      <c r="AC3025">
        <v>90</v>
      </c>
      <c r="AD3025">
        <v>49</v>
      </c>
      <c r="AE3025">
        <v>155</v>
      </c>
      <c r="AF3025">
        <v>0</v>
      </c>
      <c r="AG3025">
        <v>50000</v>
      </c>
      <c r="AH3025">
        <v>0</v>
      </c>
      <c r="AI3025">
        <v>50000</v>
      </c>
      <c r="AJ3025">
        <v>0</v>
      </c>
      <c r="AK3025" t="s">
        <v>6</v>
      </c>
      <c r="AL3025">
        <v>0</v>
      </c>
      <c r="AM3025">
        <v>0</v>
      </c>
      <c r="AN3025">
        <v>0</v>
      </c>
      <c r="AO3025">
        <v>0</v>
      </c>
      <c r="AP3025">
        <v>0</v>
      </c>
      <c r="AQ3025">
        <v>0</v>
      </c>
      <c r="AR3025">
        <v>0</v>
      </c>
      <c r="AS3025">
        <v>0</v>
      </c>
      <c r="AT3025">
        <v>0</v>
      </c>
      <c r="AU3025">
        <v>0</v>
      </c>
      <c r="AV3025">
        <v>0</v>
      </c>
      <c r="AW3025">
        <v>0</v>
      </c>
      <c r="AX3025">
        <v>0</v>
      </c>
      <c r="AY3025">
        <v>0</v>
      </c>
      <c r="AZ3025">
        <v>0</v>
      </c>
      <c r="BA3025">
        <v>0</v>
      </c>
    </row>
    <row r="3026" spans="1:53" x14ac:dyDescent="0.4">
      <c r="A3026">
        <v>3070</v>
      </c>
      <c r="B3026" s="1">
        <v>43811</v>
      </c>
      <c r="C3026">
        <v>2</v>
      </c>
      <c r="D3026" s="1">
        <v>43811.459027777775</v>
      </c>
      <c r="E3026" s="1">
        <v>43811.751388888886</v>
      </c>
      <c r="F3026">
        <v>18700</v>
      </c>
      <c r="G3026">
        <v>0</v>
      </c>
      <c r="H3026">
        <v>0</v>
      </c>
      <c r="I3026">
        <v>0</v>
      </c>
      <c r="J3026">
        <v>400</v>
      </c>
      <c r="K3026">
        <v>0</v>
      </c>
      <c r="L3026">
        <v>0</v>
      </c>
      <c r="M3026">
        <v>1830</v>
      </c>
      <c r="N3026">
        <v>0</v>
      </c>
      <c r="O3026">
        <v>0</v>
      </c>
      <c r="P3026">
        <v>26400</v>
      </c>
      <c r="Q3026">
        <v>0</v>
      </c>
      <c r="R3026">
        <v>46530</v>
      </c>
      <c r="S3026">
        <v>0</v>
      </c>
      <c r="T3026">
        <v>0</v>
      </c>
      <c r="U3026">
        <v>0</v>
      </c>
      <c r="V3026">
        <v>2</v>
      </c>
      <c r="W3026">
        <v>1</v>
      </c>
      <c r="X3026">
        <v>0</v>
      </c>
      <c r="Y3026">
        <v>40</v>
      </c>
      <c r="Z3026">
        <v>35</v>
      </c>
      <c r="AA3026">
        <v>68</v>
      </c>
      <c r="AB3026">
        <v>105</v>
      </c>
      <c r="AC3026">
        <v>94</v>
      </c>
      <c r="AD3026">
        <v>45</v>
      </c>
      <c r="AE3026">
        <v>210</v>
      </c>
      <c r="AF3026">
        <v>605</v>
      </c>
      <c r="AG3026">
        <v>96530</v>
      </c>
      <c r="AH3026">
        <v>50000</v>
      </c>
      <c r="AI3026">
        <v>0</v>
      </c>
      <c r="AJ3026">
        <v>92</v>
      </c>
      <c r="AL3026">
        <v>0</v>
      </c>
      <c r="AM3026">
        <v>0</v>
      </c>
      <c r="AN3026">
        <v>0</v>
      </c>
      <c r="AO3026">
        <v>0</v>
      </c>
      <c r="AP3026">
        <v>0</v>
      </c>
      <c r="AQ3026">
        <v>0</v>
      </c>
      <c r="AR3026">
        <v>0</v>
      </c>
      <c r="AS3026">
        <v>0</v>
      </c>
      <c r="AT3026">
        <v>0</v>
      </c>
      <c r="AU3026">
        <v>0</v>
      </c>
      <c r="AV3026">
        <v>0</v>
      </c>
      <c r="AW3026">
        <v>0</v>
      </c>
      <c r="AX3026">
        <v>-4235</v>
      </c>
      <c r="AY3026">
        <v>37</v>
      </c>
      <c r="AZ3026">
        <v>78</v>
      </c>
      <c r="BA3026">
        <v>5211</v>
      </c>
    </row>
    <row r="3027" spans="1:53" x14ac:dyDescent="0.4">
      <c r="A3027">
        <v>3071</v>
      </c>
      <c r="B3027" s="1">
        <v>43811</v>
      </c>
      <c r="C3027">
        <v>3</v>
      </c>
      <c r="D3027" s="1">
        <v>43811.751388888886</v>
      </c>
      <c r="E3027" s="1">
        <v>43811.95416666667</v>
      </c>
      <c r="F3027">
        <v>61575</v>
      </c>
      <c r="G3027">
        <v>2320</v>
      </c>
      <c r="H3027">
        <v>0</v>
      </c>
      <c r="I3027">
        <v>0</v>
      </c>
      <c r="J3027">
        <v>650</v>
      </c>
      <c r="K3027">
        <v>0</v>
      </c>
      <c r="L3027">
        <v>0</v>
      </c>
      <c r="M3027">
        <v>6325</v>
      </c>
      <c r="N3027">
        <v>0</v>
      </c>
      <c r="O3027">
        <v>0</v>
      </c>
      <c r="P3027">
        <v>-26400</v>
      </c>
      <c r="Q3027">
        <v>0</v>
      </c>
      <c r="R3027">
        <v>43170</v>
      </c>
      <c r="S3027">
        <v>0</v>
      </c>
      <c r="T3027">
        <v>0</v>
      </c>
      <c r="U3027">
        <v>0</v>
      </c>
      <c r="V3027">
        <v>3</v>
      </c>
      <c r="W3027">
        <v>4</v>
      </c>
      <c r="X3027">
        <v>0</v>
      </c>
      <c r="Y3027">
        <v>59</v>
      </c>
      <c r="Z3027">
        <v>34</v>
      </c>
      <c r="AA3027">
        <v>65</v>
      </c>
      <c r="AB3027">
        <v>104</v>
      </c>
      <c r="AC3027">
        <v>96</v>
      </c>
      <c r="AD3027">
        <v>45</v>
      </c>
      <c r="AE3027">
        <v>210</v>
      </c>
      <c r="AF3027">
        <v>605</v>
      </c>
      <c r="AG3027">
        <v>139700</v>
      </c>
      <c r="AH3027">
        <v>50000</v>
      </c>
      <c r="AI3027">
        <v>0</v>
      </c>
      <c r="AJ3027">
        <v>84</v>
      </c>
      <c r="AK3027" t="s">
        <v>16</v>
      </c>
      <c r="AL3027">
        <v>0</v>
      </c>
      <c r="AM3027">
        <v>0</v>
      </c>
      <c r="AN3027">
        <v>0</v>
      </c>
      <c r="AO3027">
        <v>0</v>
      </c>
      <c r="AP3027">
        <v>0</v>
      </c>
      <c r="AQ3027">
        <v>0</v>
      </c>
      <c r="AR3027">
        <v>0</v>
      </c>
      <c r="AS3027">
        <v>0</v>
      </c>
      <c r="AT3027">
        <v>0</v>
      </c>
      <c r="AU3027">
        <v>0</v>
      </c>
      <c r="AV3027">
        <v>0</v>
      </c>
      <c r="AW3027">
        <v>0</v>
      </c>
      <c r="AX3027">
        <v>11275</v>
      </c>
      <c r="AY3027">
        <v>11</v>
      </c>
      <c r="AZ3027">
        <v>38</v>
      </c>
      <c r="BA3027">
        <v>2134</v>
      </c>
    </row>
    <row r="3028" spans="1:53" x14ac:dyDescent="0.4">
      <c r="A3028">
        <v>3072</v>
      </c>
      <c r="B3028" s="1">
        <v>43812</v>
      </c>
      <c r="C3028">
        <v>1</v>
      </c>
      <c r="D3028" s="1">
        <v>43812.291666666664</v>
      </c>
      <c r="E3028" s="1">
        <v>43812.443055555559</v>
      </c>
      <c r="F3028">
        <v>0</v>
      </c>
      <c r="G3028">
        <v>0</v>
      </c>
      <c r="H3028">
        <v>0</v>
      </c>
      <c r="I3028">
        <v>0</v>
      </c>
      <c r="J3028">
        <v>0</v>
      </c>
      <c r="K3028">
        <v>0</v>
      </c>
      <c r="L3028">
        <v>0</v>
      </c>
      <c r="M3028">
        <v>0</v>
      </c>
      <c r="N3028">
        <v>0</v>
      </c>
      <c r="O3028">
        <v>0</v>
      </c>
      <c r="P3028">
        <v>0</v>
      </c>
      <c r="Q3028">
        <v>0</v>
      </c>
      <c r="R3028">
        <v>0</v>
      </c>
      <c r="S3028">
        <v>0</v>
      </c>
      <c r="T3028">
        <v>0</v>
      </c>
      <c r="U3028">
        <v>0</v>
      </c>
      <c r="V3028">
        <v>0</v>
      </c>
      <c r="W3028">
        <v>1</v>
      </c>
      <c r="X3028">
        <v>0</v>
      </c>
      <c r="Y3028">
        <v>27</v>
      </c>
      <c r="Z3028">
        <v>9</v>
      </c>
      <c r="AA3028">
        <v>70</v>
      </c>
      <c r="AB3028">
        <v>104</v>
      </c>
      <c r="AC3028">
        <v>100</v>
      </c>
      <c r="AD3028">
        <v>39</v>
      </c>
      <c r="AE3028">
        <v>105</v>
      </c>
      <c r="AF3028">
        <v>0</v>
      </c>
      <c r="AG3028">
        <v>50000</v>
      </c>
      <c r="AH3028">
        <v>50000</v>
      </c>
      <c r="AI3028">
        <v>0</v>
      </c>
      <c r="AJ3028">
        <v>0</v>
      </c>
      <c r="AK3028" t="s">
        <v>6</v>
      </c>
      <c r="AL3028">
        <v>0</v>
      </c>
      <c r="AM3028">
        <v>0</v>
      </c>
      <c r="AN3028">
        <v>0</v>
      </c>
      <c r="AO3028">
        <v>0</v>
      </c>
      <c r="AP3028">
        <v>0</v>
      </c>
      <c r="AQ3028">
        <v>0</v>
      </c>
      <c r="AR3028">
        <v>0</v>
      </c>
      <c r="AS3028">
        <v>0</v>
      </c>
      <c r="AT3028">
        <v>0</v>
      </c>
      <c r="AU3028">
        <v>0</v>
      </c>
      <c r="AV3028">
        <v>0</v>
      </c>
      <c r="AW3028">
        <v>0</v>
      </c>
      <c r="AX3028">
        <v>0</v>
      </c>
      <c r="AY3028">
        <v>0</v>
      </c>
      <c r="AZ3028">
        <v>0</v>
      </c>
      <c r="BA3028">
        <v>0</v>
      </c>
    </row>
    <row r="3029" spans="1:53" x14ac:dyDescent="0.4">
      <c r="A3029">
        <v>3073</v>
      </c>
      <c r="B3029" s="1">
        <v>43812</v>
      </c>
      <c r="C3029">
        <v>2</v>
      </c>
      <c r="D3029" s="1">
        <v>43812.443055555559</v>
      </c>
      <c r="E3029" s="1">
        <v>43812.743055555555</v>
      </c>
      <c r="F3029">
        <v>14300</v>
      </c>
      <c r="G3029">
        <v>0</v>
      </c>
      <c r="H3029">
        <v>200</v>
      </c>
      <c r="I3029">
        <v>0</v>
      </c>
      <c r="J3029">
        <v>400</v>
      </c>
      <c r="K3029">
        <v>0</v>
      </c>
      <c r="L3029">
        <v>0</v>
      </c>
      <c r="M3029">
        <v>1410</v>
      </c>
      <c r="N3029">
        <v>0</v>
      </c>
      <c r="O3029">
        <v>0</v>
      </c>
      <c r="P3029">
        <v>14245</v>
      </c>
      <c r="Q3029">
        <v>0</v>
      </c>
      <c r="R3029">
        <v>29755</v>
      </c>
      <c r="S3029">
        <v>0</v>
      </c>
      <c r="T3029">
        <v>0</v>
      </c>
      <c r="U3029">
        <v>0</v>
      </c>
      <c r="V3029">
        <v>2</v>
      </c>
      <c r="W3029">
        <v>0</v>
      </c>
      <c r="X3029">
        <v>0</v>
      </c>
      <c r="Y3029">
        <v>32</v>
      </c>
      <c r="Z3029">
        <v>16</v>
      </c>
      <c r="AA3029">
        <v>84</v>
      </c>
      <c r="AB3029">
        <v>101</v>
      </c>
      <c r="AC3029">
        <v>105</v>
      </c>
      <c r="AD3029">
        <v>36</v>
      </c>
      <c r="AE3029">
        <v>123</v>
      </c>
      <c r="AF3029">
        <v>5337</v>
      </c>
      <c r="AG3029">
        <v>80140</v>
      </c>
      <c r="AH3029">
        <v>50000</v>
      </c>
      <c r="AI3029">
        <v>385</v>
      </c>
      <c r="AJ3029">
        <v>97</v>
      </c>
      <c r="AK3029" t="s">
        <v>33</v>
      </c>
      <c r="AL3029">
        <v>0</v>
      </c>
      <c r="AM3029">
        <v>0</v>
      </c>
      <c r="AN3029">
        <v>0</v>
      </c>
      <c r="AO3029">
        <v>0</v>
      </c>
      <c r="AP3029">
        <v>0</v>
      </c>
      <c r="AQ3029">
        <v>0</v>
      </c>
      <c r="AR3029">
        <v>0</v>
      </c>
      <c r="AS3029">
        <v>0</v>
      </c>
      <c r="AT3029">
        <v>0</v>
      </c>
      <c r="AU3029">
        <v>0</v>
      </c>
      <c r="AV3029">
        <v>0</v>
      </c>
      <c r="AW3029">
        <v>0</v>
      </c>
      <c r="AX3029">
        <v>-1375</v>
      </c>
      <c r="AY3029">
        <v>31</v>
      </c>
      <c r="AZ3029">
        <v>47</v>
      </c>
      <c r="BA3029">
        <v>4788</v>
      </c>
    </row>
    <row r="3030" spans="1:53" x14ac:dyDescent="0.4">
      <c r="A3030">
        <v>3074</v>
      </c>
      <c r="B3030" s="1">
        <v>43813</v>
      </c>
      <c r="C3030">
        <v>1</v>
      </c>
      <c r="D3030" s="1">
        <v>43813.291666666664</v>
      </c>
      <c r="E3030" s="1">
        <v>43813.404861111114</v>
      </c>
      <c r="F3030">
        <v>0</v>
      </c>
      <c r="G3030">
        <v>0</v>
      </c>
      <c r="H3030">
        <v>0</v>
      </c>
      <c r="I3030">
        <v>0</v>
      </c>
      <c r="J3030">
        <v>0</v>
      </c>
      <c r="K3030">
        <v>0</v>
      </c>
      <c r="L3030">
        <v>0</v>
      </c>
      <c r="M3030">
        <v>0</v>
      </c>
      <c r="N3030">
        <v>0</v>
      </c>
      <c r="O3030">
        <v>0</v>
      </c>
      <c r="P3030">
        <v>0</v>
      </c>
      <c r="Q3030">
        <v>0</v>
      </c>
      <c r="R3030">
        <v>0</v>
      </c>
      <c r="S3030">
        <v>0</v>
      </c>
      <c r="T3030">
        <v>0</v>
      </c>
      <c r="U3030">
        <v>0</v>
      </c>
      <c r="V3030">
        <v>0</v>
      </c>
      <c r="W3030">
        <v>0</v>
      </c>
      <c r="X3030">
        <v>0</v>
      </c>
      <c r="Y3030">
        <v>30</v>
      </c>
      <c r="Z3030">
        <v>11</v>
      </c>
      <c r="AA3030">
        <v>91</v>
      </c>
      <c r="AB3030">
        <v>89</v>
      </c>
      <c r="AC3030">
        <v>67</v>
      </c>
      <c r="AD3030">
        <v>32</v>
      </c>
      <c r="AE3030">
        <v>120</v>
      </c>
      <c r="AF3030">
        <v>0</v>
      </c>
      <c r="AG3030">
        <v>50000</v>
      </c>
      <c r="AH3030">
        <v>50000</v>
      </c>
      <c r="AI3030">
        <v>0</v>
      </c>
      <c r="AJ3030">
        <v>0</v>
      </c>
      <c r="AK3030" t="s">
        <v>6</v>
      </c>
      <c r="AL3030">
        <v>0</v>
      </c>
      <c r="AM3030">
        <v>0</v>
      </c>
      <c r="AN3030">
        <v>0</v>
      </c>
      <c r="AO3030">
        <v>0</v>
      </c>
      <c r="AP3030">
        <v>0</v>
      </c>
      <c r="AQ3030">
        <v>0</v>
      </c>
      <c r="AR3030">
        <v>0</v>
      </c>
      <c r="AS3030">
        <v>0</v>
      </c>
      <c r="AT3030">
        <v>0</v>
      </c>
      <c r="AU3030">
        <v>0</v>
      </c>
      <c r="AV3030">
        <v>0</v>
      </c>
      <c r="AW3030">
        <v>0</v>
      </c>
      <c r="AX3030">
        <v>0</v>
      </c>
      <c r="AY3030">
        <v>0</v>
      </c>
      <c r="AZ3030">
        <v>0</v>
      </c>
      <c r="BA3030">
        <v>0</v>
      </c>
    </row>
    <row r="3031" spans="1:53" x14ac:dyDescent="0.4">
      <c r="A3031">
        <v>3075</v>
      </c>
      <c r="B3031" s="1">
        <v>43813</v>
      </c>
      <c r="C3031">
        <v>2</v>
      </c>
      <c r="D3031" s="1">
        <v>43813.404861111114</v>
      </c>
      <c r="E3031" s="1">
        <v>43813.728472222225</v>
      </c>
      <c r="F3031">
        <v>47000</v>
      </c>
      <c r="G3031">
        <v>2420</v>
      </c>
      <c r="H3031">
        <v>200</v>
      </c>
      <c r="I3031">
        <v>0</v>
      </c>
      <c r="J3031">
        <v>100</v>
      </c>
      <c r="K3031">
        <v>0</v>
      </c>
      <c r="L3031">
        <v>0</v>
      </c>
      <c r="M3031">
        <v>4952</v>
      </c>
      <c r="N3031">
        <v>0</v>
      </c>
      <c r="O3031">
        <v>0</v>
      </c>
      <c r="P3031">
        <v>23485</v>
      </c>
      <c r="Q3031">
        <v>0</v>
      </c>
      <c r="R3031">
        <v>77957</v>
      </c>
      <c r="S3031">
        <v>0</v>
      </c>
      <c r="T3031">
        <v>0</v>
      </c>
      <c r="U3031">
        <v>0</v>
      </c>
      <c r="V3031">
        <v>2</v>
      </c>
      <c r="W3031">
        <v>2</v>
      </c>
      <c r="X3031">
        <v>0</v>
      </c>
      <c r="Y3031">
        <v>56</v>
      </c>
      <c r="Z3031">
        <v>40</v>
      </c>
      <c r="AA3031">
        <v>91</v>
      </c>
      <c r="AB3031">
        <v>75</v>
      </c>
      <c r="AC3031">
        <v>54</v>
      </c>
      <c r="AD3031">
        <v>37</v>
      </c>
      <c r="AE3031">
        <v>161</v>
      </c>
      <c r="AF3031">
        <v>8621</v>
      </c>
      <c r="AG3031">
        <v>128357</v>
      </c>
      <c r="AH3031">
        <v>50000</v>
      </c>
      <c r="AI3031">
        <v>400</v>
      </c>
      <c r="AJ3031">
        <v>93</v>
      </c>
      <c r="AK3031" t="s">
        <v>20</v>
      </c>
      <c r="AL3031">
        <v>0</v>
      </c>
      <c r="AM3031">
        <v>0</v>
      </c>
      <c r="AN3031">
        <v>0</v>
      </c>
      <c r="AO3031">
        <v>0</v>
      </c>
      <c r="AP3031">
        <v>0</v>
      </c>
      <c r="AQ3031">
        <v>0</v>
      </c>
      <c r="AR3031">
        <v>0</v>
      </c>
      <c r="AS3031">
        <v>0</v>
      </c>
      <c r="AT3031">
        <v>0</v>
      </c>
      <c r="AU3031">
        <v>0</v>
      </c>
      <c r="AV3031">
        <v>0</v>
      </c>
      <c r="AW3031">
        <v>0</v>
      </c>
      <c r="AX3031">
        <v>0</v>
      </c>
      <c r="AY3031">
        <v>46</v>
      </c>
      <c r="AZ3031">
        <v>122</v>
      </c>
      <c r="BA3031">
        <v>7013</v>
      </c>
    </row>
    <row r="3032" spans="1:53" x14ac:dyDescent="0.4">
      <c r="A3032">
        <v>3076</v>
      </c>
      <c r="B3032" s="1">
        <v>43814</v>
      </c>
      <c r="C3032">
        <v>1</v>
      </c>
      <c r="D3032" s="1">
        <v>43814.291666666664</v>
      </c>
      <c r="E3032" s="1">
        <v>43814.404861111114</v>
      </c>
      <c r="F3032">
        <v>0</v>
      </c>
      <c r="G3032">
        <v>0</v>
      </c>
      <c r="H3032">
        <v>0</v>
      </c>
      <c r="I3032">
        <v>0</v>
      </c>
      <c r="J3032">
        <v>0</v>
      </c>
      <c r="K3032">
        <v>0</v>
      </c>
      <c r="L3032">
        <v>0</v>
      </c>
      <c r="M3032">
        <v>0</v>
      </c>
      <c r="N3032">
        <v>0</v>
      </c>
      <c r="O3032">
        <v>0</v>
      </c>
      <c r="P3032">
        <v>0</v>
      </c>
      <c r="Q3032">
        <v>0</v>
      </c>
      <c r="R3032">
        <v>0</v>
      </c>
      <c r="S3032">
        <v>0</v>
      </c>
      <c r="T3032">
        <v>0</v>
      </c>
      <c r="U3032">
        <v>0</v>
      </c>
      <c r="V3032">
        <v>0</v>
      </c>
      <c r="W3032">
        <v>0</v>
      </c>
      <c r="X3032">
        <v>0</v>
      </c>
      <c r="Y3032">
        <v>34</v>
      </c>
      <c r="Z3032">
        <v>11</v>
      </c>
      <c r="AA3032">
        <v>62</v>
      </c>
      <c r="AB3032">
        <v>70</v>
      </c>
      <c r="AC3032">
        <v>53</v>
      </c>
      <c r="AD3032">
        <v>33</v>
      </c>
      <c r="AE3032">
        <v>105</v>
      </c>
      <c r="AF3032">
        <v>0</v>
      </c>
      <c r="AG3032">
        <v>50000</v>
      </c>
      <c r="AH3032">
        <v>50000</v>
      </c>
      <c r="AI3032">
        <v>0</v>
      </c>
      <c r="AJ3032">
        <v>0</v>
      </c>
      <c r="AK3032" t="s">
        <v>6</v>
      </c>
      <c r="AL3032">
        <v>0</v>
      </c>
      <c r="AM3032">
        <v>0</v>
      </c>
      <c r="AN3032">
        <v>0</v>
      </c>
      <c r="AO3032">
        <v>0</v>
      </c>
      <c r="AP3032">
        <v>0</v>
      </c>
      <c r="AQ3032">
        <v>0</v>
      </c>
      <c r="AR3032">
        <v>0</v>
      </c>
      <c r="AS3032">
        <v>0</v>
      </c>
      <c r="AT3032">
        <v>0</v>
      </c>
      <c r="AU3032">
        <v>0</v>
      </c>
      <c r="AV3032">
        <v>0</v>
      </c>
      <c r="AW3032">
        <v>0</v>
      </c>
      <c r="AX3032">
        <v>0</v>
      </c>
      <c r="AY3032">
        <v>0</v>
      </c>
      <c r="AZ3032">
        <v>0</v>
      </c>
      <c r="BA3032">
        <v>0</v>
      </c>
    </row>
    <row r="3033" spans="1:53" x14ac:dyDescent="0.4">
      <c r="A3033">
        <v>3077</v>
      </c>
      <c r="B3033" s="1">
        <v>43814</v>
      </c>
      <c r="C3033">
        <v>2</v>
      </c>
      <c r="D3033" s="1">
        <v>43814.404861111114</v>
      </c>
      <c r="E3033" s="1">
        <v>43814.73541666667</v>
      </c>
      <c r="F3033">
        <v>50600</v>
      </c>
      <c r="G3033">
        <v>3140</v>
      </c>
      <c r="H3033">
        <v>400</v>
      </c>
      <c r="I3033">
        <v>0</v>
      </c>
      <c r="J3033">
        <v>100</v>
      </c>
      <c r="K3033">
        <v>0</v>
      </c>
      <c r="L3033">
        <v>0</v>
      </c>
      <c r="M3033">
        <v>5404</v>
      </c>
      <c r="N3033">
        <v>0</v>
      </c>
      <c r="O3033">
        <v>0</v>
      </c>
      <c r="P3033">
        <v>27610</v>
      </c>
      <c r="Q3033">
        <v>0</v>
      </c>
      <c r="R3033">
        <v>87054</v>
      </c>
      <c r="S3033">
        <v>0</v>
      </c>
      <c r="T3033">
        <v>0</v>
      </c>
      <c r="U3033">
        <v>0</v>
      </c>
      <c r="V3033">
        <v>0</v>
      </c>
      <c r="W3033">
        <v>4</v>
      </c>
      <c r="X3033">
        <v>0</v>
      </c>
      <c r="Y3033">
        <v>85</v>
      </c>
      <c r="Z3033">
        <v>39</v>
      </c>
      <c r="AA3033">
        <v>94</v>
      </c>
      <c r="AB3033">
        <v>56</v>
      </c>
      <c r="AC3033">
        <v>1</v>
      </c>
      <c r="AD3033">
        <v>36</v>
      </c>
      <c r="AE3033">
        <v>164</v>
      </c>
      <c r="AF3033">
        <v>0</v>
      </c>
      <c r="AG3033">
        <v>137054</v>
      </c>
      <c r="AH3033">
        <v>50000</v>
      </c>
      <c r="AI3033">
        <v>0</v>
      </c>
      <c r="AJ3033">
        <v>82</v>
      </c>
      <c r="AK3033" t="s">
        <v>41</v>
      </c>
      <c r="AL3033">
        <v>0</v>
      </c>
      <c r="AM3033">
        <v>0</v>
      </c>
      <c r="AN3033">
        <v>0</v>
      </c>
      <c r="AO3033">
        <v>0</v>
      </c>
      <c r="AP3033">
        <v>0</v>
      </c>
      <c r="AQ3033">
        <v>0</v>
      </c>
      <c r="AR3033">
        <v>0</v>
      </c>
      <c r="AS3033">
        <v>0</v>
      </c>
      <c r="AT3033">
        <v>0</v>
      </c>
      <c r="AU3033">
        <v>0</v>
      </c>
      <c r="AV3033">
        <v>0</v>
      </c>
      <c r="AW3033">
        <v>0</v>
      </c>
      <c r="AX3033">
        <v>0</v>
      </c>
      <c r="AY3033">
        <v>60</v>
      </c>
      <c r="AZ3033">
        <v>138</v>
      </c>
      <c r="BA3033">
        <v>8078</v>
      </c>
    </row>
    <row r="3034" spans="1:53" x14ac:dyDescent="0.4">
      <c r="A3034">
        <v>3078</v>
      </c>
      <c r="B3034" s="1">
        <v>43815</v>
      </c>
      <c r="C3034">
        <v>1</v>
      </c>
      <c r="D3034" s="1">
        <v>43815.291666666664</v>
      </c>
      <c r="E3034" s="1">
        <v>43815.457638888889</v>
      </c>
      <c r="F3034">
        <v>0</v>
      </c>
      <c r="G3034">
        <v>0</v>
      </c>
      <c r="H3034">
        <v>0</v>
      </c>
      <c r="I3034">
        <v>0</v>
      </c>
      <c r="J3034">
        <v>0</v>
      </c>
      <c r="K3034">
        <v>0</v>
      </c>
      <c r="L3034">
        <v>0</v>
      </c>
      <c r="M3034">
        <v>0</v>
      </c>
      <c r="N3034">
        <v>0</v>
      </c>
      <c r="O3034">
        <v>0</v>
      </c>
      <c r="P3034">
        <v>0</v>
      </c>
      <c r="Q3034">
        <v>0</v>
      </c>
      <c r="R3034">
        <v>0</v>
      </c>
      <c r="S3034">
        <v>0</v>
      </c>
      <c r="T3034">
        <v>0</v>
      </c>
      <c r="U3034">
        <v>0</v>
      </c>
      <c r="V3034">
        <v>0</v>
      </c>
      <c r="W3034">
        <v>0</v>
      </c>
      <c r="X3034">
        <v>0</v>
      </c>
      <c r="Y3034">
        <v>31</v>
      </c>
      <c r="Z3034">
        <v>10</v>
      </c>
      <c r="AA3034">
        <v>107</v>
      </c>
      <c r="AB3034">
        <v>56</v>
      </c>
      <c r="AC3034">
        <v>22</v>
      </c>
      <c r="AD3034">
        <v>35</v>
      </c>
      <c r="AE3034">
        <v>105</v>
      </c>
      <c r="AF3034">
        <v>0</v>
      </c>
      <c r="AG3034">
        <v>50000</v>
      </c>
      <c r="AH3034">
        <v>0</v>
      </c>
      <c r="AI3034">
        <v>50000</v>
      </c>
      <c r="AJ3034">
        <v>0</v>
      </c>
      <c r="AK3034" t="s">
        <v>6</v>
      </c>
      <c r="AL3034">
        <v>0</v>
      </c>
      <c r="AM3034">
        <v>0</v>
      </c>
      <c r="AN3034">
        <v>0</v>
      </c>
      <c r="AO3034">
        <v>0</v>
      </c>
      <c r="AP3034">
        <v>0</v>
      </c>
      <c r="AQ3034">
        <v>0</v>
      </c>
      <c r="AR3034">
        <v>0</v>
      </c>
      <c r="AS3034">
        <v>0</v>
      </c>
      <c r="AT3034">
        <v>0</v>
      </c>
      <c r="AU3034">
        <v>0</v>
      </c>
      <c r="AV3034">
        <v>0</v>
      </c>
      <c r="AW3034">
        <v>0</v>
      </c>
      <c r="AX3034">
        <v>0</v>
      </c>
      <c r="AY3034">
        <v>0</v>
      </c>
      <c r="AZ3034">
        <v>0</v>
      </c>
      <c r="BA3034">
        <v>0</v>
      </c>
    </row>
    <row r="3035" spans="1:53" x14ac:dyDescent="0.4">
      <c r="A3035">
        <v>3079</v>
      </c>
      <c r="B3035" s="1">
        <v>43815</v>
      </c>
      <c r="C3035">
        <v>2</v>
      </c>
      <c r="D3035" s="1">
        <v>43815.457638888889</v>
      </c>
      <c r="E3035" s="1">
        <v>43815.745833333334</v>
      </c>
      <c r="F3035">
        <v>20900</v>
      </c>
      <c r="G3035">
        <v>1960</v>
      </c>
      <c r="H3035">
        <v>0</v>
      </c>
      <c r="I3035">
        <v>0</v>
      </c>
      <c r="J3035">
        <v>600</v>
      </c>
      <c r="K3035">
        <v>0</v>
      </c>
      <c r="L3035">
        <v>0</v>
      </c>
      <c r="M3035">
        <v>2226</v>
      </c>
      <c r="N3035">
        <v>0</v>
      </c>
      <c r="O3035">
        <v>0</v>
      </c>
      <c r="P3035">
        <v>16610</v>
      </c>
      <c r="Q3035">
        <v>0</v>
      </c>
      <c r="R3035">
        <v>41096</v>
      </c>
      <c r="S3035">
        <v>0</v>
      </c>
      <c r="T3035">
        <v>0</v>
      </c>
      <c r="U3035">
        <v>0</v>
      </c>
      <c r="V3035">
        <v>0</v>
      </c>
      <c r="W3035">
        <v>0</v>
      </c>
      <c r="X3035">
        <v>0</v>
      </c>
      <c r="Y3035">
        <v>59</v>
      </c>
      <c r="Z3035">
        <v>28</v>
      </c>
      <c r="AA3035">
        <v>105</v>
      </c>
      <c r="AB3035">
        <v>61</v>
      </c>
      <c r="AC3035">
        <v>34</v>
      </c>
      <c r="AD3035">
        <v>33</v>
      </c>
      <c r="AE3035">
        <v>132</v>
      </c>
      <c r="AF3035">
        <v>3909</v>
      </c>
      <c r="AG3035">
        <v>91096</v>
      </c>
      <c r="AH3035">
        <v>50000</v>
      </c>
      <c r="AI3035">
        <v>0</v>
      </c>
      <c r="AJ3035">
        <v>96</v>
      </c>
      <c r="AK3035" t="s">
        <v>4</v>
      </c>
      <c r="AL3035">
        <v>0</v>
      </c>
      <c r="AM3035">
        <v>0</v>
      </c>
      <c r="AN3035">
        <v>0</v>
      </c>
      <c r="AO3035">
        <v>0</v>
      </c>
      <c r="AP3035">
        <v>0</v>
      </c>
      <c r="AQ3035">
        <v>0</v>
      </c>
      <c r="AR3035">
        <v>0</v>
      </c>
      <c r="AS3035">
        <v>0</v>
      </c>
      <c r="AT3035">
        <v>0</v>
      </c>
      <c r="AU3035">
        <v>0</v>
      </c>
      <c r="AV3035">
        <v>0</v>
      </c>
      <c r="AW3035">
        <v>0</v>
      </c>
      <c r="AX3035">
        <v>-605</v>
      </c>
      <c r="AY3035">
        <v>39</v>
      </c>
      <c r="AZ3035">
        <v>66</v>
      </c>
      <c r="BA3035">
        <v>5407</v>
      </c>
    </row>
    <row r="3036" spans="1:53" x14ac:dyDescent="0.4">
      <c r="A3036">
        <v>3080</v>
      </c>
      <c r="B3036" s="1">
        <v>43815</v>
      </c>
      <c r="C3036">
        <v>3</v>
      </c>
      <c r="D3036" s="1">
        <v>43815.745833333334</v>
      </c>
      <c r="E3036" s="1">
        <v>43815.959027777775</v>
      </c>
      <c r="F3036">
        <v>49025</v>
      </c>
      <c r="G3036">
        <v>4300</v>
      </c>
      <c r="H3036">
        <v>0</v>
      </c>
      <c r="I3036">
        <v>0</v>
      </c>
      <c r="J3036">
        <v>300</v>
      </c>
      <c r="K3036">
        <v>0</v>
      </c>
      <c r="L3036">
        <v>0</v>
      </c>
      <c r="M3036">
        <v>5302</v>
      </c>
      <c r="N3036">
        <v>0</v>
      </c>
      <c r="O3036">
        <v>0</v>
      </c>
      <c r="P3036">
        <v>-16610</v>
      </c>
      <c r="Q3036">
        <v>0</v>
      </c>
      <c r="R3036">
        <v>41717</v>
      </c>
      <c r="S3036">
        <v>0</v>
      </c>
      <c r="T3036">
        <v>0</v>
      </c>
      <c r="U3036">
        <v>0</v>
      </c>
      <c r="V3036">
        <v>3</v>
      </c>
      <c r="W3036">
        <v>0</v>
      </c>
      <c r="X3036">
        <v>0</v>
      </c>
      <c r="Y3036">
        <v>70</v>
      </c>
      <c r="Z3036">
        <v>28</v>
      </c>
      <c r="AA3036">
        <v>100</v>
      </c>
      <c r="AB3036">
        <v>61</v>
      </c>
      <c r="AC3036">
        <v>35</v>
      </c>
      <c r="AD3036">
        <v>33</v>
      </c>
      <c r="AE3036">
        <v>129</v>
      </c>
      <c r="AF3036">
        <v>5119</v>
      </c>
      <c r="AG3036">
        <v>132813</v>
      </c>
      <c r="AH3036">
        <v>50000</v>
      </c>
      <c r="AI3036">
        <v>0</v>
      </c>
      <c r="AJ3036">
        <v>90</v>
      </c>
      <c r="AK3036" t="s">
        <v>38</v>
      </c>
      <c r="AL3036">
        <v>0</v>
      </c>
      <c r="AM3036">
        <v>0</v>
      </c>
      <c r="AN3036">
        <v>0</v>
      </c>
      <c r="AO3036">
        <v>0</v>
      </c>
      <c r="AP3036">
        <v>0</v>
      </c>
      <c r="AQ3036">
        <v>0</v>
      </c>
      <c r="AR3036">
        <v>0</v>
      </c>
      <c r="AS3036">
        <v>0</v>
      </c>
      <c r="AT3036">
        <v>0</v>
      </c>
      <c r="AU3036">
        <v>0</v>
      </c>
      <c r="AV3036">
        <v>0</v>
      </c>
      <c r="AW3036">
        <v>0</v>
      </c>
      <c r="AX3036">
        <v>42603</v>
      </c>
      <c r="AY3036">
        <v>12</v>
      </c>
      <c r="AZ3036">
        <v>50</v>
      </c>
      <c r="BA3036">
        <v>2167</v>
      </c>
    </row>
    <row r="3037" spans="1:53" x14ac:dyDescent="0.4">
      <c r="A3037">
        <v>3081</v>
      </c>
      <c r="B3037" s="1">
        <v>43815</v>
      </c>
      <c r="C3037">
        <v>4</v>
      </c>
      <c r="D3037" s="1">
        <v>43815.959027777775</v>
      </c>
      <c r="E3037" s="1">
        <v>43816.11041666667</v>
      </c>
      <c r="F3037">
        <v>58150</v>
      </c>
      <c r="G3037">
        <v>1730</v>
      </c>
      <c r="H3037">
        <v>400</v>
      </c>
      <c r="I3037">
        <v>0</v>
      </c>
      <c r="J3037">
        <v>0</v>
      </c>
      <c r="K3037">
        <v>0</v>
      </c>
      <c r="L3037">
        <v>0</v>
      </c>
      <c r="M3037">
        <v>6028</v>
      </c>
      <c r="N3037">
        <v>0</v>
      </c>
      <c r="O3037">
        <v>0</v>
      </c>
      <c r="P3037">
        <v>21285</v>
      </c>
      <c r="Q3037">
        <v>0</v>
      </c>
      <c r="R3037">
        <v>87593</v>
      </c>
      <c r="S3037">
        <v>0</v>
      </c>
      <c r="T3037">
        <v>0</v>
      </c>
      <c r="U3037">
        <v>0</v>
      </c>
      <c r="V3037">
        <v>8</v>
      </c>
      <c r="W3037">
        <v>0</v>
      </c>
      <c r="X3037">
        <v>0</v>
      </c>
      <c r="Y3037">
        <v>72</v>
      </c>
      <c r="Z3037">
        <v>26</v>
      </c>
      <c r="AA3037">
        <v>100</v>
      </c>
      <c r="AB3037">
        <v>60</v>
      </c>
      <c r="AC3037">
        <v>41</v>
      </c>
      <c r="AD3037">
        <v>33</v>
      </c>
      <c r="AE3037">
        <v>137</v>
      </c>
      <c r="AF3037">
        <v>41694</v>
      </c>
      <c r="AG3037">
        <v>220406</v>
      </c>
      <c r="AH3037">
        <v>50000</v>
      </c>
      <c r="AI3037">
        <v>0</v>
      </c>
      <c r="AJ3037">
        <v>100</v>
      </c>
      <c r="AK3037" t="s">
        <v>0</v>
      </c>
      <c r="AL3037">
        <v>0</v>
      </c>
      <c r="AM3037">
        <v>0</v>
      </c>
      <c r="AN3037">
        <v>0</v>
      </c>
      <c r="AO3037">
        <v>0</v>
      </c>
      <c r="AP3037">
        <v>0</v>
      </c>
      <c r="AQ3037">
        <v>0</v>
      </c>
      <c r="AR3037">
        <v>0</v>
      </c>
      <c r="AS3037">
        <v>0</v>
      </c>
      <c r="AT3037">
        <v>0</v>
      </c>
      <c r="AU3037">
        <v>0</v>
      </c>
      <c r="AV3037">
        <v>0</v>
      </c>
      <c r="AW3037">
        <v>0</v>
      </c>
      <c r="AX3037">
        <v>16368</v>
      </c>
      <c r="AY3037">
        <v>9</v>
      </c>
      <c r="AZ3037">
        <v>24</v>
      </c>
      <c r="BA3037">
        <v>1117</v>
      </c>
    </row>
    <row r="3038" spans="1:53" x14ac:dyDescent="0.4">
      <c r="A3038">
        <v>3082</v>
      </c>
      <c r="B3038" s="1">
        <v>43816</v>
      </c>
      <c r="C3038">
        <v>1</v>
      </c>
      <c r="D3038" s="1">
        <v>43816.291666666664</v>
      </c>
      <c r="E3038" s="1">
        <v>43816.45</v>
      </c>
      <c r="F3038">
        <v>0</v>
      </c>
      <c r="G3038">
        <v>0</v>
      </c>
      <c r="H3038">
        <v>0</v>
      </c>
      <c r="I3038">
        <v>0</v>
      </c>
      <c r="J3038">
        <v>0</v>
      </c>
      <c r="K3038">
        <v>0</v>
      </c>
      <c r="L3038">
        <v>0</v>
      </c>
      <c r="M3038">
        <v>0</v>
      </c>
      <c r="N3038">
        <v>0</v>
      </c>
      <c r="O3038">
        <v>0</v>
      </c>
      <c r="P3038">
        <v>0</v>
      </c>
      <c r="Q3038">
        <v>0</v>
      </c>
      <c r="R3038">
        <v>0</v>
      </c>
      <c r="S3038">
        <v>0</v>
      </c>
      <c r="T3038">
        <v>0</v>
      </c>
      <c r="U3038">
        <v>0</v>
      </c>
      <c r="V3038">
        <v>0</v>
      </c>
      <c r="W3038">
        <v>0</v>
      </c>
      <c r="X3038">
        <v>0</v>
      </c>
      <c r="Y3038">
        <v>32</v>
      </c>
      <c r="Z3038">
        <v>9</v>
      </c>
      <c r="AA3038">
        <v>100</v>
      </c>
      <c r="AB3038">
        <v>56</v>
      </c>
      <c r="AC3038">
        <v>40</v>
      </c>
      <c r="AD3038">
        <v>33</v>
      </c>
      <c r="AE3038">
        <v>135</v>
      </c>
      <c r="AF3038">
        <v>0</v>
      </c>
      <c r="AG3038">
        <v>50000</v>
      </c>
      <c r="AH3038">
        <v>50000</v>
      </c>
      <c r="AI3038">
        <v>0</v>
      </c>
      <c r="AJ3038">
        <v>0</v>
      </c>
      <c r="AK3038" t="s">
        <v>6</v>
      </c>
      <c r="AL3038">
        <v>0</v>
      </c>
      <c r="AM3038">
        <v>0</v>
      </c>
      <c r="AN3038">
        <v>0</v>
      </c>
      <c r="AO3038">
        <v>0</v>
      </c>
      <c r="AP3038">
        <v>0</v>
      </c>
      <c r="AQ3038">
        <v>0</v>
      </c>
      <c r="AR3038">
        <v>0</v>
      </c>
      <c r="AS3038">
        <v>0</v>
      </c>
      <c r="AT3038">
        <v>0</v>
      </c>
      <c r="AU3038">
        <v>0</v>
      </c>
      <c r="AV3038">
        <v>0</v>
      </c>
      <c r="AW3038">
        <v>0</v>
      </c>
      <c r="AX3038">
        <v>0</v>
      </c>
      <c r="AY3038">
        <v>0</v>
      </c>
      <c r="AZ3038">
        <v>0</v>
      </c>
      <c r="BA3038">
        <v>0</v>
      </c>
    </row>
    <row r="3039" spans="1:53" x14ac:dyDescent="0.4">
      <c r="A3039">
        <v>3083</v>
      </c>
      <c r="B3039" s="1">
        <v>43816</v>
      </c>
      <c r="C3039">
        <v>2</v>
      </c>
      <c r="D3039" s="1">
        <v>43816.45</v>
      </c>
      <c r="E3039" s="1">
        <v>43816.740277777775</v>
      </c>
      <c r="F3039">
        <v>17050</v>
      </c>
      <c r="G3039">
        <v>780</v>
      </c>
      <c r="H3039">
        <v>0</v>
      </c>
      <c r="I3039">
        <v>0</v>
      </c>
      <c r="J3039">
        <v>0</v>
      </c>
      <c r="K3039">
        <v>0</v>
      </c>
      <c r="L3039">
        <v>0</v>
      </c>
      <c r="M3039">
        <v>1783</v>
      </c>
      <c r="N3039">
        <v>0</v>
      </c>
      <c r="O3039">
        <v>0</v>
      </c>
      <c r="P3039">
        <v>18755</v>
      </c>
      <c r="Q3039">
        <v>0</v>
      </c>
      <c r="R3039">
        <v>38368</v>
      </c>
      <c r="S3039">
        <v>0</v>
      </c>
      <c r="T3039">
        <v>0</v>
      </c>
      <c r="U3039">
        <v>0</v>
      </c>
      <c r="V3039">
        <v>1</v>
      </c>
      <c r="W3039">
        <v>1</v>
      </c>
      <c r="X3039">
        <v>0</v>
      </c>
      <c r="Y3039">
        <v>48</v>
      </c>
      <c r="Z3039">
        <v>25</v>
      </c>
      <c r="AA3039">
        <v>85</v>
      </c>
      <c r="AB3039">
        <v>58</v>
      </c>
      <c r="AC3039">
        <v>51</v>
      </c>
      <c r="AD3039">
        <v>39</v>
      </c>
      <c r="AE3039">
        <v>158</v>
      </c>
      <c r="AF3039">
        <v>605</v>
      </c>
      <c r="AG3039">
        <v>88368</v>
      </c>
      <c r="AH3039">
        <v>50000</v>
      </c>
      <c r="AI3039">
        <v>0</v>
      </c>
      <c r="AJ3039">
        <v>97</v>
      </c>
      <c r="AK3039" t="s">
        <v>33</v>
      </c>
      <c r="AL3039">
        <v>0</v>
      </c>
      <c r="AM3039">
        <v>0</v>
      </c>
      <c r="AN3039">
        <v>0</v>
      </c>
      <c r="AO3039">
        <v>0</v>
      </c>
      <c r="AP3039">
        <v>0</v>
      </c>
      <c r="AQ3039">
        <v>0</v>
      </c>
      <c r="AR3039">
        <v>0</v>
      </c>
      <c r="AS3039">
        <v>0</v>
      </c>
      <c r="AT3039">
        <v>0</v>
      </c>
      <c r="AU3039">
        <v>0</v>
      </c>
      <c r="AV3039">
        <v>0</v>
      </c>
      <c r="AW3039">
        <v>0</v>
      </c>
      <c r="AX3039">
        <v>-1210</v>
      </c>
      <c r="AY3039">
        <v>38</v>
      </c>
      <c r="AZ3039">
        <v>62</v>
      </c>
      <c r="BA3039">
        <v>4761</v>
      </c>
    </row>
    <row r="3040" spans="1:53" x14ac:dyDescent="0.4">
      <c r="A3040">
        <v>3084</v>
      </c>
      <c r="B3040" s="1">
        <v>43816</v>
      </c>
      <c r="C3040">
        <v>3</v>
      </c>
      <c r="D3040" s="1">
        <v>43816.740277777775</v>
      </c>
      <c r="E3040" s="1">
        <v>43816.947222222225</v>
      </c>
      <c r="F3040">
        <v>32650</v>
      </c>
      <c r="G3040">
        <v>0</v>
      </c>
      <c r="H3040">
        <v>0</v>
      </c>
      <c r="I3040">
        <v>0</v>
      </c>
      <c r="J3040">
        <v>0</v>
      </c>
      <c r="K3040">
        <v>0</v>
      </c>
      <c r="L3040">
        <v>0</v>
      </c>
      <c r="M3040">
        <v>3265</v>
      </c>
      <c r="N3040">
        <v>0</v>
      </c>
      <c r="O3040">
        <v>0</v>
      </c>
      <c r="P3040">
        <v>-18755</v>
      </c>
      <c r="Q3040">
        <v>0</v>
      </c>
      <c r="R3040">
        <v>17160</v>
      </c>
      <c r="S3040">
        <v>0</v>
      </c>
      <c r="T3040">
        <v>0</v>
      </c>
      <c r="U3040">
        <v>0</v>
      </c>
      <c r="V3040">
        <v>3</v>
      </c>
      <c r="W3040">
        <v>2</v>
      </c>
      <c r="X3040">
        <v>0</v>
      </c>
      <c r="Y3040">
        <v>41</v>
      </c>
      <c r="Z3040">
        <v>26</v>
      </c>
      <c r="AA3040">
        <v>71</v>
      </c>
      <c r="AB3040">
        <v>58</v>
      </c>
      <c r="AC3040">
        <v>56</v>
      </c>
      <c r="AD3040">
        <v>41</v>
      </c>
      <c r="AE3040">
        <v>158</v>
      </c>
      <c r="AF3040">
        <v>605</v>
      </c>
      <c r="AG3040">
        <v>105528</v>
      </c>
      <c r="AH3040">
        <v>50000</v>
      </c>
      <c r="AI3040">
        <v>0</v>
      </c>
      <c r="AJ3040">
        <v>89</v>
      </c>
      <c r="AK3040" t="s">
        <v>46</v>
      </c>
      <c r="AL3040">
        <v>0</v>
      </c>
      <c r="AM3040">
        <v>0</v>
      </c>
      <c r="AN3040">
        <v>0</v>
      </c>
      <c r="AO3040">
        <v>0</v>
      </c>
      <c r="AP3040">
        <v>0</v>
      </c>
      <c r="AQ3040">
        <v>0</v>
      </c>
      <c r="AR3040">
        <v>0</v>
      </c>
      <c r="AS3040">
        <v>0</v>
      </c>
      <c r="AT3040">
        <v>0</v>
      </c>
      <c r="AU3040">
        <v>0</v>
      </c>
      <c r="AV3040">
        <v>0</v>
      </c>
      <c r="AW3040">
        <v>0</v>
      </c>
      <c r="AX3040">
        <v>22550</v>
      </c>
      <c r="AY3040">
        <v>10</v>
      </c>
      <c r="AZ3040">
        <v>28</v>
      </c>
      <c r="BA3040">
        <v>2505</v>
      </c>
    </row>
    <row r="3041" spans="1:53" x14ac:dyDescent="0.4">
      <c r="A3041">
        <v>3085</v>
      </c>
      <c r="B3041" s="1">
        <v>43816</v>
      </c>
      <c r="C3041">
        <v>4</v>
      </c>
      <c r="D3041" s="1">
        <v>43816.947222222225</v>
      </c>
      <c r="E3041" s="1">
        <v>43817.240972222222</v>
      </c>
      <c r="F3041">
        <v>35150</v>
      </c>
      <c r="G3041">
        <v>600</v>
      </c>
      <c r="H3041">
        <v>0</v>
      </c>
      <c r="I3041">
        <v>0</v>
      </c>
      <c r="J3041">
        <v>0</v>
      </c>
      <c r="K3041">
        <v>0</v>
      </c>
      <c r="L3041">
        <v>0</v>
      </c>
      <c r="M3041">
        <v>3575</v>
      </c>
      <c r="N3041">
        <v>0</v>
      </c>
      <c r="O3041">
        <v>0</v>
      </c>
      <c r="P3041">
        <v>0</v>
      </c>
      <c r="Q3041">
        <v>0</v>
      </c>
      <c r="R3041">
        <v>39325</v>
      </c>
      <c r="S3041">
        <v>0</v>
      </c>
      <c r="T3041">
        <v>0</v>
      </c>
      <c r="U3041">
        <v>0</v>
      </c>
      <c r="V3041">
        <v>0</v>
      </c>
      <c r="W3041">
        <v>0</v>
      </c>
      <c r="X3041">
        <v>0</v>
      </c>
      <c r="Y3041">
        <v>32</v>
      </c>
      <c r="Z3041">
        <v>14</v>
      </c>
      <c r="AA3041">
        <v>72</v>
      </c>
      <c r="AB3041">
        <v>58</v>
      </c>
      <c r="AC3041">
        <v>56</v>
      </c>
      <c r="AD3041">
        <v>37</v>
      </c>
      <c r="AE3041">
        <v>155</v>
      </c>
      <c r="AF3041">
        <v>0</v>
      </c>
      <c r="AG3041">
        <v>50000</v>
      </c>
      <c r="AH3041">
        <v>0</v>
      </c>
      <c r="AI3041">
        <v>-44853</v>
      </c>
      <c r="AJ3041">
        <v>99</v>
      </c>
      <c r="AK3041" t="s">
        <v>9</v>
      </c>
      <c r="AL3041">
        <v>0</v>
      </c>
      <c r="AM3041">
        <v>0</v>
      </c>
      <c r="AN3041">
        <v>0</v>
      </c>
      <c r="AO3041">
        <v>0</v>
      </c>
      <c r="AP3041">
        <v>0</v>
      </c>
      <c r="AQ3041">
        <v>0</v>
      </c>
      <c r="AR3041">
        <v>0</v>
      </c>
      <c r="AS3041">
        <v>0</v>
      </c>
      <c r="AT3041">
        <v>0</v>
      </c>
      <c r="AU3041">
        <v>0</v>
      </c>
      <c r="AV3041">
        <v>0</v>
      </c>
      <c r="AW3041">
        <v>0</v>
      </c>
      <c r="AX3041">
        <v>0</v>
      </c>
      <c r="AY3041">
        <v>3</v>
      </c>
      <c r="AZ3041">
        <v>12</v>
      </c>
      <c r="BA3041">
        <v>411</v>
      </c>
    </row>
    <row r="3042" spans="1:53" x14ac:dyDescent="0.4">
      <c r="A3042">
        <v>3086</v>
      </c>
      <c r="B3042" s="1">
        <v>43816</v>
      </c>
      <c r="C3042">
        <v>5</v>
      </c>
      <c r="D3042" s="1">
        <v>43817.240972222222</v>
      </c>
      <c r="E3042" s="1">
        <v>43817.25277777778</v>
      </c>
      <c r="F3042">
        <v>0</v>
      </c>
      <c r="G3042">
        <v>0</v>
      </c>
      <c r="H3042">
        <v>0</v>
      </c>
      <c r="I3042">
        <v>0</v>
      </c>
      <c r="J3042">
        <v>0</v>
      </c>
      <c r="K3042">
        <v>0</v>
      </c>
      <c r="L3042">
        <v>0</v>
      </c>
      <c r="M3042">
        <v>0</v>
      </c>
      <c r="N3042">
        <v>0</v>
      </c>
      <c r="O3042">
        <v>0</v>
      </c>
      <c r="P3042">
        <v>0</v>
      </c>
      <c r="Q3042">
        <v>0</v>
      </c>
      <c r="R3042">
        <v>0</v>
      </c>
      <c r="S3042">
        <v>0</v>
      </c>
      <c r="T3042">
        <v>0</v>
      </c>
      <c r="U3042">
        <v>0</v>
      </c>
      <c r="V3042">
        <v>0</v>
      </c>
      <c r="W3042">
        <v>0</v>
      </c>
      <c r="X3042">
        <v>0</v>
      </c>
      <c r="Y3042">
        <v>32</v>
      </c>
      <c r="Z3042">
        <v>14</v>
      </c>
      <c r="AA3042">
        <v>72</v>
      </c>
      <c r="AB3042">
        <v>58</v>
      </c>
      <c r="AC3042">
        <v>56</v>
      </c>
      <c r="AD3042">
        <v>37</v>
      </c>
      <c r="AE3042">
        <v>155</v>
      </c>
      <c r="AF3042">
        <v>0</v>
      </c>
      <c r="AG3042">
        <v>50000</v>
      </c>
      <c r="AH3042">
        <v>0</v>
      </c>
      <c r="AI3042">
        <v>-44853</v>
      </c>
      <c r="AJ3042">
        <v>99</v>
      </c>
      <c r="AK3042" t="s">
        <v>9</v>
      </c>
      <c r="AL3042">
        <v>0</v>
      </c>
      <c r="AM3042">
        <v>0</v>
      </c>
      <c r="AN3042">
        <v>0</v>
      </c>
      <c r="AO3042">
        <v>0</v>
      </c>
      <c r="AP3042">
        <v>0</v>
      </c>
      <c r="AQ3042">
        <v>0</v>
      </c>
      <c r="AR3042">
        <v>0</v>
      </c>
      <c r="AS3042">
        <v>0</v>
      </c>
      <c r="AT3042">
        <v>0</v>
      </c>
      <c r="AU3042">
        <v>0</v>
      </c>
      <c r="AV3042">
        <v>0</v>
      </c>
      <c r="AW3042">
        <v>0</v>
      </c>
      <c r="AX3042">
        <v>0</v>
      </c>
      <c r="AY3042">
        <v>0</v>
      </c>
      <c r="AZ3042">
        <v>0</v>
      </c>
      <c r="BA3042">
        <v>0</v>
      </c>
    </row>
    <row r="3043" spans="1:53" x14ac:dyDescent="0.4">
      <c r="A3043">
        <v>3087</v>
      </c>
      <c r="B3043" s="1">
        <v>43817</v>
      </c>
      <c r="C3043">
        <v>1</v>
      </c>
      <c r="D3043" s="1">
        <v>43817.291666666664</v>
      </c>
      <c r="E3043" s="1">
        <v>43817.45</v>
      </c>
      <c r="F3043">
        <v>0</v>
      </c>
      <c r="G3043">
        <v>0</v>
      </c>
      <c r="H3043">
        <v>0</v>
      </c>
      <c r="I3043">
        <v>0</v>
      </c>
      <c r="J3043">
        <v>0</v>
      </c>
      <c r="K3043">
        <v>0</v>
      </c>
      <c r="L3043">
        <v>0</v>
      </c>
      <c r="M3043">
        <v>0</v>
      </c>
      <c r="N3043">
        <v>0</v>
      </c>
      <c r="O3043">
        <v>0</v>
      </c>
      <c r="P3043">
        <v>0</v>
      </c>
      <c r="Q3043">
        <v>0</v>
      </c>
      <c r="R3043">
        <v>0</v>
      </c>
      <c r="S3043">
        <v>0</v>
      </c>
      <c r="T3043">
        <v>0</v>
      </c>
      <c r="U3043">
        <v>0</v>
      </c>
      <c r="V3043">
        <v>0</v>
      </c>
      <c r="W3043">
        <v>0</v>
      </c>
      <c r="X3043">
        <v>0</v>
      </c>
      <c r="Y3043">
        <v>32</v>
      </c>
      <c r="Z3043">
        <v>14</v>
      </c>
      <c r="AA3043">
        <v>72</v>
      </c>
      <c r="AB3043">
        <v>58</v>
      </c>
      <c r="AC3043">
        <v>56</v>
      </c>
      <c r="AD3043">
        <v>37</v>
      </c>
      <c r="AE3043">
        <v>155</v>
      </c>
      <c r="AF3043">
        <v>0</v>
      </c>
      <c r="AG3043">
        <v>50000</v>
      </c>
      <c r="AH3043">
        <v>50000</v>
      </c>
      <c r="AI3043">
        <v>0</v>
      </c>
      <c r="AJ3043">
        <v>0</v>
      </c>
      <c r="AK3043" t="s">
        <v>6</v>
      </c>
      <c r="AL3043">
        <v>0</v>
      </c>
      <c r="AM3043">
        <v>0</v>
      </c>
      <c r="AN3043">
        <v>0</v>
      </c>
      <c r="AO3043">
        <v>0</v>
      </c>
      <c r="AP3043">
        <v>0</v>
      </c>
      <c r="AQ3043">
        <v>0</v>
      </c>
      <c r="AR3043">
        <v>0</v>
      </c>
      <c r="AS3043">
        <v>0</v>
      </c>
      <c r="AT3043">
        <v>0</v>
      </c>
      <c r="AU3043">
        <v>0</v>
      </c>
      <c r="AV3043">
        <v>0</v>
      </c>
      <c r="AW3043">
        <v>0</v>
      </c>
      <c r="AX3043">
        <v>0</v>
      </c>
      <c r="AY3043">
        <v>0</v>
      </c>
      <c r="AZ3043">
        <v>0</v>
      </c>
      <c r="BA3043">
        <v>0</v>
      </c>
    </row>
    <row r="3044" spans="1:53" x14ac:dyDescent="0.4">
      <c r="A3044">
        <v>3088</v>
      </c>
      <c r="B3044" s="1">
        <v>43817</v>
      </c>
      <c r="C3044">
        <v>2</v>
      </c>
      <c r="D3044" s="1">
        <v>43817.45</v>
      </c>
      <c r="E3044" s="1">
        <v>43817.739583333336</v>
      </c>
      <c r="F3044">
        <v>17950</v>
      </c>
      <c r="G3044">
        <v>820</v>
      </c>
      <c r="H3044">
        <v>200</v>
      </c>
      <c r="I3044">
        <v>0</v>
      </c>
      <c r="J3044">
        <v>200</v>
      </c>
      <c r="K3044">
        <v>0</v>
      </c>
      <c r="L3044">
        <v>0</v>
      </c>
      <c r="M3044">
        <v>1877</v>
      </c>
      <c r="N3044">
        <v>0</v>
      </c>
      <c r="O3044">
        <v>0</v>
      </c>
      <c r="P3044">
        <v>10890</v>
      </c>
      <c r="Q3044">
        <v>0</v>
      </c>
      <c r="R3044">
        <v>31537</v>
      </c>
      <c r="S3044">
        <v>0</v>
      </c>
      <c r="T3044">
        <v>0</v>
      </c>
      <c r="U3044">
        <v>0</v>
      </c>
      <c r="V3044">
        <v>0</v>
      </c>
      <c r="W3044">
        <v>1</v>
      </c>
      <c r="X3044">
        <v>0</v>
      </c>
      <c r="Y3044">
        <v>52</v>
      </c>
      <c r="Z3044">
        <v>23</v>
      </c>
      <c r="AA3044">
        <v>84</v>
      </c>
      <c r="AB3044">
        <v>64</v>
      </c>
      <c r="AC3044">
        <v>44</v>
      </c>
      <c r="AD3044">
        <v>37</v>
      </c>
      <c r="AE3044">
        <v>207</v>
      </c>
      <c r="AF3044">
        <v>605</v>
      </c>
      <c r="AG3044">
        <v>81537</v>
      </c>
      <c r="AH3044">
        <v>50000</v>
      </c>
      <c r="AI3044">
        <v>0</v>
      </c>
      <c r="AJ3044">
        <v>97</v>
      </c>
      <c r="AK3044" t="s">
        <v>33</v>
      </c>
      <c r="AL3044">
        <v>0</v>
      </c>
      <c r="AM3044">
        <v>0</v>
      </c>
      <c r="AN3044">
        <v>0</v>
      </c>
      <c r="AO3044">
        <v>0</v>
      </c>
      <c r="AP3044">
        <v>0</v>
      </c>
      <c r="AQ3044">
        <v>0</v>
      </c>
      <c r="AR3044">
        <v>0</v>
      </c>
      <c r="AS3044">
        <v>0</v>
      </c>
      <c r="AT3044">
        <v>0</v>
      </c>
      <c r="AU3044">
        <v>0</v>
      </c>
      <c r="AV3044">
        <v>0</v>
      </c>
      <c r="AW3044">
        <v>0</v>
      </c>
      <c r="AX3044">
        <v>-605</v>
      </c>
      <c r="AY3044">
        <v>31</v>
      </c>
      <c r="AZ3044">
        <v>49</v>
      </c>
      <c r="BA3044">
        <v>4872</v>
      </c>
    </row>
    <row r="3045" spans="1:53" x14ac:dyDescent="0.4">
      <c r="A3045">
        <v>3089</v>
      </c>
      <c r="B3045" s="1">
        <v>43817</v>
      </c>
      <c r="C3045">
        <v>3</v>
      </c>
      <c r="D3045" s="1">
        <v>43817.739583333336</v>
      </c>
      <c r="E3045" s="1">
        <v>43817.806944444441</v>
      </c>
      <c r="F3045">
        <v>7700</v>
      </c>
      <c r="G3045">
        <v>0</v>
      </c>
      <c r="H3045">
        <v>0</v>
      </c>
      <c r="I3045">
        <v>0</v>
      </c>
      <c r="J3045">
        <v>0</v>
      </c>
      <c r="K3045">
        <v>0</v>
      </c>
      <c r="L3045">
        <v>0</v>
      </c>
      <c r="M3045">
        <v>770</v>
      </c>
      <c r="N3045">
        <v>0</v>
      </c>
      <c r="O3045">
        <v>0</v>
      </c>
      <c r="P3045">
        <v>-4840</v>
      </c>
      <c r="Q3045">
        <v>0</v>
      </c>
      <c r="R3045">
        <v>3630</v>
      </c>
      <c r="S3045">
        <v>0</v>
      </c>
      <c r="T3045">
        <v>0</v>
      </c>
      <c r="U3045">
        <v>0</v>
      </c>
      <c r="V3045">
        <v>0</v>
      </c>
      <c r="W3045">
        <v>1</v>
      </c>
      <c r="X3045">
        <v>0</v>
      </c>
      <c r="Y3045">
        <v>56</v>
      </c>
      <c r="Z3045">
        <v>22</v>
      </c>
      <c r="AA3045">
        <v>74</v>
      </c>
      <c r="AB3045">
        <v>63</v>
      </c>
      <c r="AC3045">
        <v>40</v>
      </c>
      <c r="AD3045">
        <v>37</v>
      </c>
      <c r="AE3045">
        <v>217</v>
      </c>
      <c r="AF3045">
        <v>1815</v>
      </c>
      <c r="AG3045">
        <v>85167</v>
      </c>
      <c r="AH3045">
        <v>50000</v>
      </c>
      <c r="AI3045">
        <v>0</v>
      </c>
      <c r="AJ3045">
        <v>37</v>
      </c>
      <c r="AL3045">
        <v>0</v>
      </c>
      <c r="AM3045">
        <v>0</v>
      </c>
      <c r="AN3045">
        <v>0</v>
      </c>
      <c r="AO3045">
        <v>0</v>
      </c>
      <c r="AP3045">
        <v>0</v>
      </c>
      <c r="AQ3045">
        <v>0</v>
      </c>
      <c r="AR3045">
        <v>0</v>
      </c>
      <c r="AS3045">
        <v>0</v>
      </c>
      <c r="AT3045">
        <v>0</v>
      </c>
      <c r="AU3045">
        <v>0</v>
      </c>
      <c r="AV3045">
        <v>0</v>
      </c>
      <c r="AW3045">
        <v>0</v>
      </c>
      <c r="AX3045">
        <v>3564</v>
      </c>
      <c r="AY3045">
        <v>6</v>
      </c>
      <c r="AZ3045">
        <v>10</v>
      </c>
      <c r="BA3045">
        <v>826</v>
      </c>
    </row>
    <row r="3046" spans="1:53" x14ac:dyDescent="0.4">
      <c r="A3046">
        <v>3090</v>
      </c>
      <c r="B3046" s="1">
        <v>43817</v>
      </c>
      <c r="C3046">
        <v>4</v>
      </c>
      <c r="D3046" s="1">
        <v>43817.806944444441</v>
      </c>
      <c r="E3046" s="1">
        <v>43818.109027777777</v>
      </c>
      <c r="F3046">
        <v>94300</v>
      </c>
      <c r="G3046">
        <v>6070</v>
      </c>
      <c r="H3046">
        <v>0</v>
      </c>
      <c r="I3046">
        <v>0</v>
      </c>
      <c r="J3046">
        <v>0</v>
      </c>
      <c r="K3046">
        <v>0</v>
      </c>
      <c r="L3046">
        <v>0</v>
      </c>
      <c r="M3046">
        <v>10037</v>
      </c>
      <c r="N3046">
        <v>0</v>
      </c>
      <c r="O3046">
        <v>0</v>
      </c>
      <c r="P3046">
        <v>-3410</v>
      </c>
      <c r="Q3046">
        <v>0</v>
      </c>
      <c r="R3046">
        <v>106997</v>
      </c>
      <c r="S3046">
        <v>0</v>
      </c>
      <c r="T3046">
        <v>0</v>
      </c>
      <c r="U3046">
        <v>0</v>
      </c>
      <c r="V3046">
        <v>3</v>
      </c>
      <c r="W3046">
        <v>3</v>
      </c>
      <c r="X3046">
        <v>0</v>
      </c>
      <c r="Y3046">
        <v>54</v>
      </c>
      <c r="Z3046">
        <v>22</v>
      </c>
      <c r="AA3046">
        <v>93</v>
      </c>
      <c r="AB3046">
        <v>60</v>
      </c>
      <c r="AC3046">
        <v>36</v>
      </c>
      <c r="AD3046">
        <v>31</v>
      </c>
      <c r="AE3046">
        <v>214</v>
      </c>
      <c r="AF3046">
        <v>69135</v>
      </c>
      <c r="AG3046">
        <v>192164</v>
      </c>
      <c r="AH3046">
        <v>50000</v>
      </c>
      <c r="AI3046">
        <v>0</v>
      </c>
      <c r="AJ3046">
        <v>100</v>
      </c>
      <c r="AK3046" t="s">
        <v>0</v>
      </c>
      <c r="AL3046">
        <v>0</v>
      </c>
      <c r="AM3046">
        <v>0</v>
      </c>
      <c r="AN3046">
        <v>0</v>
      </c>
      <c r="AO3046">
        <v>0</v>
      </c>
      <c r="AP3046">
        <v>0</v>
      </c>
      <c r="AQ3046">
        <v>0</v>
      </c>
      <c r="AR3046">
        <v>0</v>
      </c>
      <c r="AS3046">
        <v>0</v>
      </c>
      <c r="AT3046">
        <v>0</v>
      </c>
      <c r="AU3046">
        <v>0</v>
      </c>
      <c r="AV3046">
        <v>0</v>
      </c>
      <c r="AW3046">
        <v>0</v>
      </c>
      <c r="AX3046">
        <v>0</v>
      </c>
      <c r="AY3046">
        <v>14</v>
      </c>
      <c r="AZ3046">
        <v>65</v>
      </c>
      <c r="BA3046">
        <v>1973</v>
      </c>
    </row>
    <row r="3047" spans="1:53" x14ac:dyDescent="0.4">
      <c r="A3047">
        <v>3091</v>
      </c>
      <c r="B3047" s="1">
        <v>43818</v>
      </c>
      <c r="C3047">
        <v>1</v>
      </c>
      <c r="D3047" s="1">
        <v>43818.291666666664</v>
      </c>
      <c r="E3047" s="1">
        <v>43818.451388888891</v>
      </c>
      <c r="F3047">
        <v>0</v>
      </c>
      <c r="G3047">
        <v>0</v>
      </c>
      <c r="H3047">
        <v>0</v>
      </c>
      <c r="I3047">
        <v>0</v>
      </c>
      <c r="J3047">
        <v>0</v>
      </c>
      <c r="K3047">
        <v>0</v>
      </c>
      <c r="L3047">
        <v>0</v>
      </c>
      <c r="M3047">
        <v>0</v>
      </c>
      <c r="N3047">
        <v>0</v>
      </c>
      <c r="O3047">
        <v>0</v>
      </c>
      <c r="P3047">
        <v>0</v>
      </c>
      <c r="Q3047">
        <v>0</v>
      </c>
      <c r="R3047">
        <v>0</v>
      </c>
      <c r="S3047">
        <v>0</v>
      </c>
      <c r="T3047">
        <v>0</v>
      </c>
      <c r="U3047">
        <v>0</v>
      </c>
      <c r="V3047">
        <v>0</v>
      </c>
      <c r="W3047">
        <v>0</v>
      </c>
      <c r="X3047">
        <v>0</v>
      </c>
      <c r="Y3047">
        <v>32</v>
      </c>
      <c r="Z3047">
        <v>10</v>
      </c>
      <c r="AA3047">
        <v>94</v>
      </c>
      <c r="AB3047">
        <v>60</v>
      </c>
      <c r="AC3047">
        <v>34</v>
      </c>
      <c r="AD3047">
        <v>30</v>
      </c>
      <c r="AE3047">
        <v>110</v>
      </c>
      <c r="AF3047">
        <v>0</v>
      </c>
      <c r="AG3047">
        <v>50000</v>
      </c>
      <c r="AH3047">
        <v>0</v>
      </c>
      <c r="AI3047">
        <v>50000</v>
      </c>
      <c r="AJ3047">
        <v>0</v>
      </c>
      <c r="AK3047" t="s">
        <v>6</v>
      </c>
      <c r="AL3047">
        <v>0</v>
      </c>
      <c r="AM3047">
        <v>0</v>
      </c>
      <c r="AN3047">
        <v>0</v>
      </c>
      <c r="AO3047">
        <v>0</v>
      </c>
      <c r="AP3047">
        <v>0</v>
      </c>
      <c r="AQ3047">
        <v>0</v>
      </c>
      <c r="AR3047">
        <v>0</v>
      </c>
      <c r="AS3047">
        <v>0</v>
      </c>
      <c r="AT3047">
        <v>0</v>
      </c>
      <c r="AU3047">
        <v>0</v>
      </c>
      <c r="AV3047">
        <v>0</v>
      </c>
      <c r="AW3047">
        <v>0</v>
      </c>
      <c r="AX3047">
        <v>0</v>
      </c>
      <c r="AY3047">
        <v>0</v>
      </c>
      <c r="AZ3047">
        <v>0</v>
      </c>
      <c r="BA3047">
        <v>0</v>
      </c>
    </row>
    <row r="3048" spans="1:53" x14ac:dyDescent="0.4">
      <c r="A3048">
        <v>3092</v>
      </c>
      <c r="B3048" s="1">
        <v>43818</v>
      </c>
      <c r="C3048">
        <v>2</v>
      </c>
      <c r="D3048" s="1">
        <v>43818.451388888891</v>
      </c>
      <c r="E3048" s="1">
        <v>43818.746527777781</v>
      </c>
      <c r="F3048">
        <v>30325</v>
      </c>
      <c r="G3048">
        <v>2060</v>
      </c>
      <c r="H3048">
        <v>0</v>
      </c>
      <c r="I3048">
        <v>0</v>
      </c>
      <c r="J3048">
        <v>1300</v>
      </c>
      <c r="K3048">
        <v>0</v>
      </c>
      <c r="L3048">
        <v>0</v>
      </c>
      <c r="M3048">
        <v>3109</v>
      </c>
      <c r="N3048">
        <v>0</v>
      </c>
      <c r="O3048">
        <v>0</v>
      </c>
      <c r="P3048">
        <v>18205</v>
      </c>
      <c r="Q3048">
        <v>0</v>
      </c>
      <c r="R3048">
        <v>52399</v>
      </c>
      <c r="S3048">
        <v>0</v>
      </c>
      <c r="T3048">
        <v>0</v>
      </c>
      <c r="U3048">
        <v>0</v>
      </c>
      <c r="V3048">
        <v>1</v>
      </c>
      <c r="W3048">
        <v>4</v>
      </c>
      <c r="X3048">
        <v>0</v>
      </c>
      <c r="Y3048">
        <v>47</v>
      </c>
      <c r="Z3048">
        <v>16</v>
      </c>
      <c r="AA3048">
        <v>73</v>
      </c>
      <c r="AB3048">
        <v>58</v>
      </c>
      <c r="AC3048">
        <v>63</v>
      </c>
      <c r="AD3048">
        <v>41</v>
      </c>
      <c r="AE3048">
        <v>201</v>
      </c>
      <c r="AF3048">
        <v>6163</v>
      </c>
      <c r="AG3048">
        <v>102399</v>
      </c>
      <c r="AH3048">
        <v>50000</v>
      </c>
      <c r="AI3048">
        <v>0</v>
      </c>
      <c r="AJ3048">
        <v>99</v>
      </c>
      <c r="AK3048" t="s">
        <v>9</v>
      </c>
      <c r="AL3048">
        <v>0</v>
      </c>
      <c r="AM3048">
        <v>0</v>
      </c>
      <c r="AN3048">
        <v>0</v>
      </c>
      <c r="AO3048">
        <v>0</v>
      </c>
      <c r="AP3048">
        <v>0</v>
      </c>
      <c r="AQ3048">
        <v>0</v>
      </c>
      <c r="AR3048">
        <v>0</v>
      </c>
      <c r="AS3048">
        <v>0</v>
      </c>
      <c r="AT3048">
        <v>0</v>
      </c>
      <c r="AU3048">
        <v>0</v>
      </c>
      <c r="AV3048">
        <v>0</v>
      </c>
      <c r="AW3048">
        <v>0</v>
      </c>
      <c r="AX3048">
        <v>0</v>
      </c>
      <c r="AY3048">
        <v>39</v>
      </c>
      <c r="AZ3048">
        <v>83</v>
      </c>
      <c r="BA3048">
        <v>5451</v>
      </c>
    </row>
    <row r="3049" spans="1:53" x14ac:dyDescent="0.4">
      <c r="A3049">
        <v>3093</v>
      </c>
      <c r="B3049" s="1">
        <v>43819</v>
      </c>
      <c r="C3049">
        <v>1</v>
      </c>
      <c r="D3049" s="1">
        <v>43819.291666666664</v>
      </c>
      <c r="E3049" s="1">
        <v>43819.738888888889</v>
      </c>
      <c r="F3049">
        <v>21350</v>
      </c>
      <c r="G3049">
        <v>560</v>
      </c>
      <c r="H3049">
        <v>200</v>
      </c>
      <c r="I3049">
        <v>0</v>
      </c>
      <c r="J3049">
        <v>500</v>
      </c>
      <c r="K3049">
        <v>100</v>
      </c>
      <c r="L3049">
        <v>0</v>
      </c>
      <c r="M3049">
        <v>2171</v>
      </c>
      <c r="N3049">
        <v>0</v>
      </c>
      <c r="O3049">
        <v>0</v>
      </c>
      <c r="P3049">
        <v>18755</v>
      </c>
      <c r="Q3049">
        <v>0</v>
      </c>
      <c r="R3049">
        <v>42636</v>
      </c>
      <c r="S3049">
        <v>0</v>
      </c>
      <c r="T3049">
        <v>0</v>
      </c>
      <c r="U3049">
        <v>0</v>
      </c>
      <c r="V3049">
        <v>3</v>
      </c>
      <c r="W3049">
        <v>0</v>
      </c>
      <c r="X3049">
        <v>0</v>
      </c>
      <c r="Y3049">
        <v>42</v>
      </c>
      <c r="Z3049">
        <v>16</v>
      </c>
      <c r="AA3049">
        <v>86</v>
      </c>
      <c r="AB3049">
        <v>60</v>
      </c>
      <c r="AC3049">
        <v>68</v>
      </c>
      <c r="AD3049">
        <v>39</v>
      </c>
      <c r="AE3049">
        <v>161</v>
      </c>
      <c r="AF3049">
        <v>0</v>
      </c>
      <c r="AG3049">
        <v>92636</v>
      </c>
      <c r="AH3049">
        <v>50000</v>
      </c>
      <c r="AI3049">
        <v>0</v>
      </c>
      <c r="AJ3049">
        <v>99</v>
      </c>
      <c r="AK3049" t="s">
        <v>9</v>
      </c>
      <c r="AL3049">
        <v>0</v>
      </c>
      <c r="AM3049">
        <v>0</v>
      </c>
      <c r="AN3049">
        <v>0</v>
      </c>
      <c r="AO3049">
        <v>0</v>
      </c>
      <c r="AP3049">
        <v>0</v>
      </c>
      <c r="AQ3049">
        <v>0</v>
      </c>
      <c r="AR3049">
        <v>0</v>
      </c>
      <c r="AS3049">
        <v>0</v>
      </c>
      <c r="AT3049">
        <v>0</v>
      </c>
      <c r="AU3049">
        <v>0</v>
      </c>
      <c r="AV3049">
        <v>0</v>
      </c>
      <c r="AW3049">
        <v>0</v>
      </c>
      <c r="AX3049">
        <v>-3025</v>
      </c>
      <c r="AY3049">
        <v>34</v>
      </c>
      <c r="AZ3049">
        <v>69</v>
      </c>
      <c r="BA3049">
        <v>4859</v>
      </c>
    </row>
    <row r="3050" spans="1:53" x14ac:dyDescent="0.4">
      <c r="A3050">
        <v>3094</v>
      </c>
      <c r="B3050" s="1">
        <v>43820</v>
      </c>
      <c r="C3050">
        <v>1</v>
      </c>
      <c r="D3050" s="1">
        <v>43820.291666666664</v>
      </c>
      <c r="E3050" s="1">
        <v>43820.40625</v>
      </c>
      <c r="F3050">
        <v>0</v>
      </c>
      <c r="G3050">
        <v>0</v>
      </c>
      <c r="H3050">
        <v>0</v>
      </c>
      <c r="I3050">
        <v>0</v>
      </c>
      <c r="J3050">
        <v>0</v>
      </c>
      <c r="K3050">
        <v>0</v>
      </c>
      <c r="L3050">
        <v>0</v>
      </c>
      <c r="M3050">
        <v>0</v>
      </c>
      <c r="N3050">
        <v>0</v>
      </c>
      <c r="O3050">
        <v>0</v>
      </c>
      <c r="P3050">
        <v>0</v>
      </c>
      <c r="Q3050">
        <v>0</v>
      </c>
      <c r="R3050">
        <v>0</v>
      </c>
      <c r="S3050">
        <v>0</v>
      </c>
      <c r="T3050">
        <v>0</v>
      </c>
      <c r="U3050">
        <v>0</v>
      </c>
      <c r="V3050">
        <v>0</v>
      </c>
      <c r="W3050">
        <v>0</v>
      </c>
      <c r="X3050">
        <v>0</v>
      </c>
      <c r="Y3050">
        <v>30</v>
      </c>
      <c r="Z3050">
        <v>8</v>
      </c>
      <c r="AA3050">
        <v>111</v>
      </c>
      <c r="AB3050">
        <v>50</v>
      </c>
      <c r="AC3050">
        <v>206</v>
      </c>
      <c r="AD3050">
        <v>45</v>
      </c>
      <c r="AE3050">
        <v>115</v>
      </c>
      <c r="AF3050">
        <v>0</v>
      </c>
      <c r="AG3050">
        <v>50000</v>
      </c>
      <c r="AH3050">
        <v>50000</v>
      </c>
      <c r="AI3050">
        <v>0</v>
      </c>
      <c r="AJ3050">
        <v>0</v>
      </c>
      <c r="AK3050" t="s">
        <v>6</v>
      </c>
      <c r="AL3050">
        <v>0</v>
      </c>
      <c r="AM3050">
        <v>0</v>
      </c>
      <c r="AN3050">
        <v>0</v>
      </c>
      <c r="AO3050">
        <v>0</v>
      </c>
      <c r="AP3050">
        <v>0</v>
      </c>
      <c r="AQ3050">
        <v>0</v>
      </c>
      <c r="AR3050">
        <v>0</v>
      </c>
      <c r="AS3050">
        <v>0</v>
      </c>
      <c r="AT3050">
        <v>0</v>
      </c>
      <c r="AU3050">
        <v>0</v>
      </c>
      <c r="AV3050">
        <v>0</v>
      </c>
      <c r="AW3050">
        <v>0</v>
      </c>
      <c r="AX3050">
        <v>0</v>
      </c>
      <c r="AY3050">
        <v>0</v>
      </c>
      <c r="AZ3050">
        <v>0</v>
      </c>
      <c r="BA3050">
        <v>0</v>
      </c>
    </row>
    <row r="3051" spans="1:53" x14ac:dyDescent="0.4">
      <c r="A3051">
        <v>3095</v>
      </c>
      <c r="B3051" s="1">
        <v>43820</v>
      </c>
      <c r="C3051">
        <v>2</v>
      </c>
      <c r="D3051" s="1">
        <v>43820.40625</v>
      </c>
      <c r="E3051" s="1">
        <v>43820.73541666667</v>
      </c>
      <c r="F3051">
        <v>46650</v>
      </c>
      <c r="G3051">
        <v>2200</v>
      </c>
      <c r="H3051">
        <v>200</v>
      </c>
      <c r="I3051">
        <v>0</v>
      </c>
      <c r="J3051">
        <v>0</v>
      </c>
      <c r="K3051">
        <v>0</v>
      </c>
      <c r="L3051">
        <v>0</v>
      </c>
      <c r="M3051">
        <v>4905</v>
      </c>
      <c r="N3051">
        <v>0</v>
      </c>
      <c r="O3051">
        <v>0</v>
      </c>
      <c r="P3051">
        <v>20570</v>
      </c>
      <c r="Q3051">
        <v>0</v>
      </c>
      <c r="R3051">
        <v>74525</v>
      </c>
      <c r="S3051">
        <v>0</v>
      </c>
      <c r="T3051">
        <v>0</v>
      </c>
      <c r="U3051">
        <v>0</v>
      </c>
      <c r="V3051">
        <v>1</v>
      </c>
      <c r="W3051">
        <v>0</v>
      </c>
      <c r="X3051">
        <v>0</v>
      </c>
      <c r="Y3051">
        <v>85</v>
      </c>
      <c r="Z3051">
        <v>27</v>
      </c>
      <c r="AA3051">
        <v>106</v>
      </c>
      <c r="AB3051">
        <v>37</v>
      </c>
      <c r="AC3051">
        <v>195</v>
      </c>
      <c r="AD3051">
        <v>49</v>
      </c>
      <c r="AE3051">
        <v>170</v>
      </c>
      <c r="AF3051">
        <v>1210</v>
      </c>
      <c r="AG3051">
        <v>124525</v>
      </c>
      <c r="AH3051">
        <v>50000</v>
      </c>
      <c r="AI3051">
        <v>0</v>
      </c>
      <c r="AJ3051">
        <v>90</v>
      </c>
      <c r="AK3051" t="s">
        <v>38</v>
      </c>
      <c r="AL3051">
        <v>0</v>
      </c>
      <c r="AM3051">
        <v>0</v>
      </c>
      <c r="AN3051">
        <v>0</v>
      </c>
      <c r="AO3051">
        <v>0</v>
      </c>
      <c r="AP3051">
        <v>0</v>
      </c>
      <c r="AQ3051">
        <v>0</v>
      </c>
      <c r="AR3051">
        <v>0</v>
      </c>
      <c r="AS3051">
        <v>0</v>
      </c>
      <c r="AT3051">
        <v>0</v>
      </c>
      <c r="AU3051">
        <v>0</v>
      </c>
      <c r="AV3051">
        <v>0</v>
      </c>
      <c r="AW3051">
        <v>0</v>
      </c>
      <c r="AX3051">
        <v>14773</v>
      </c>
      <c r="AY3051">
        <v>51</v>
      </c>
      <c r="AZ3051">
        <v>118</v>
      </c>
      <c r="BA3051">
        <v>7604</v>
      </c>
    </row>
    <row r="3052" spans="1:53" x14ac:dyDescent="0.4">
      <c r="A3052">
        <v>3096</v>
      </c>
      <c r="B3052" s="1">
        <v>43820</v>
      </c>
      <c r="C3052">
        <v>3</v>
      </c>
      <c r="D3052" s="1">
        <v>43820.73541666667</v>
      </c>
      <c r="E3052" s="1">
        <v>43821.283333333333</v>
      </c>
      <c r="F3052">
        <v>575500</v>
      </c>
      <c r="G3052">
        <v>31730</v>
      </c>
      <c r="H3052">
        <v>200</v>
      </c>
      <c r="I3052">
        <v>0</v>
      </c>
      <c r="J3052">
        <v>6000</v>
      </c>
      <c r="K3052">
        <v>0</v>
      </c>
      <c r="L3052">
        <v>0</v>
      </c>
      <c r="M3052">
        <v>60143</v>
      </c>
      <c r="N3052">
        <v>0</v>
      </c>
      <c r="O3052">
        <v>0</v>
      </c>
      <c r="P3052">
        <v>-20570</v>
      </c>
      <c r="Q3052">
        <v>0</v>
      </c>
      <c r="R3052">
        <v>641003</v>
      </c>
      <c r="S3052">
        <v>0</v>
      </c>
      <c r="T3052">
        <v>0</v>
      </c>
      <c r="U3052">
        <v>0</v>
      </c>
      <c r="V3052">
        <v>0</v>
      </c>
      <c r="W3052">
        <v>0</v>
      </c>
      <c r="X3052">
        <v>0</v>
      </c>
      <c r="Y3052">
        <v>30</v>
      </c>
      <c r="Z3052">
        <v>9</v>
      </c>
      <c r="AA3052">
        <v>94</v>
      </c>
      <c r="AB3052">
        <v>78</v>
      </c>
      <c r="AC3052">
        <v>185</v>
      </c>
      <c r="AD3052">
        <v>45</v>
      </c>
      <c r="AE3052">
        <v>125</v>
      </c>
      <c r="AF3052">
        <v>0</v>
      </c>
      <c r="AG3052">
        <v>50000</v>
      </c>
      <c r="AH3052">
        <v>0</v>
      </c>
      <c r="AI3052">
        <v>-665528</v>
      </c>
      <c r="AJ3052">
        <v>107</v>
      </c>
      <c r="AK3052" t="s">
        <v>40</v>
      </c>
      <c r="AL3052">
        <v>0</v>
      </c>
      <c r="AM3052">
        <v>0</v>
      </c>
      <c r="AN3052">
        <v>0</v>
      </c>
      <c r="AO3052">
        <v>0</v>
      </c>
      <c r="AP3052">
        <v>0</v>
      </c>
      <c r="AQ3052">
        <v>0</v>
      </c>
      <c r="AR3052">
        <v>0</v>
      </c>
      <c r="AS3052">
        <v>0</v>
      </c>
      <c r="AT3052">
        <v>0</v>
      </c>
      <c r="AU3052">
        <v>0</v>
      </c>
      <c r="AV3052">
        <v>0</v>
      </c>
      <c r="AW3052">
        <v>0</v>
      </c>
      <c r="AX3052">
        <v>0</v>
      </c>
      <c r="AY3052">
        <v>49</v>
      </c>
      <c r="AZ3052">
        <v>273</v>
      </c>
      <c r="BA3052">
        <v>8947</v>
      </c>
    </row>
    <row r="3053" spans="1:53" x14ac:dyDescent="0.4">
      <c r="A3053">
        <v>3097</v>
      </c>
      <c r="B3053" s="1">
        <v>43821</v>
      </c>
      <c r="C3053">
        <v>1</v>
      </c>
      <c r="D3053" s="1">
        <v>43821.291666666664</v>
      </c>
      <c r="E3053" s="1">
        <v>43821.402777777781</v>
      </c>
      <c r="F3053">
        <v>0</v>
      </c>
      <c r="G3053">
        <v>0</v>
      </c>
      <c r="H3053">
        <v>0</v>
      </c>
      <c r="I3053">
        <v>0</v>
      </c>
      <c r="J3053">
        <v>0</v>
      </c>
      <c r="K3053">
        <v>0</v>
      </c>
      <c r="L3053">
        <v>0</v>
      </c>
      <c r="M3053">
        <v>0</v>
      </c>
      <c r="N3053">
        <v>0</v>
      </c>
      <c r="O3053">
        <v>0</v>
      </c>
      <c r="P3053">
        <v>0</v>
      </c>
      <c r="Q3053">
        <v>0</v>
      </c>
      <c r="R3053">
        <v>0</v>
      </c>
      <c r="S3053">
        <v>0</v>
      </c>
      <c r="T3053">
        <v>0</v>
      </c>
      <c r="U3053">
        <v>0</v>
      </c>
      <c r="V3053">
        <v>0</v>
      </c>
      <c r="W3053">
        <v>0</v>
      </c>
      <c r="X3053">
        <v>0</v>
      </c>
      <c r="Y3053">
        <v>30</v>
      </c>
      <c r="Z3053">
        <v>9</v>
      </c>
      <c r="AA3053">
        <v>94</v>
      </c>
      <c r="AB3053">
        <v>78</v>
      </c>
      <c r="AC3053">
        <v>185</v>
      </c>
      <c r="AD3053">
        <v>45</v>
      </c>
      <c r="AE3053">
        <v>125</v>
      </c>
      <c r="AF3053">
        <v>0</v>
      </c>
      <c r="AG3053">
        <v>50000</v>
      </c>
      <c r="AH3053">
        <v>50000</v>
      </c>
      <c r="AI3053">
        <v>0</v>
      </c>
      <c r="AJ3053">
        <v>0</v>
      </c>
      <c r="AK3053" t="s">
        <v>6</v>
      </c>
      <c r="AL3053">
        <v>0</v>
      </c>
      <c r="AM3053">
        <v>0</v>
      </c>
      <c r="AN3053">
        <v>0</v>
      </c>
      <c r="AO3053">
        <v>0</v>
      </c>
      <c r="AP3053">
        <v>0</v>
      </c>
      <c r="AQ3053">
        <v>0</v>
      </c>
      <c r="AR3053">
        <v>0</v>
      </c>
      <c r="AS3053">
        <v>0</v>
      </c>
      <c r="AT3053">
        <v>0</v>
      </c>
      <c r="AU3053">
        <v>0</v>
      </c>
      <c r="AV3053">
        <v>0</v>
      </c>
      <c r="AW3053">
        <v>0</v>
      </c>
      <c r="AX3053">
        <v>0</v>
      </c>
      <c r="AY3053">
        <v>0</v>
      </c>
      <c r="AZ3053">
        <v>0</v>
      </c>
      <c r="BA3053">
        <v>0</v>
      </c>
    </row>
    <row r="3054" spans="1:53" x14ac:dyDescent="0.4">
      <c r="A3054">
        <v>3098</v>
      </c>
      <c r="B3054" s="1">
        <v>43821</v>
      </c>
      <c r="C3054">
        <v>2</v>
      </c>
      <c r="D3054" s="1">
        <v>43821.402777777781</v>
      </c>
      <c r="E3054" s="1">
        <v>43821.740277777775</v>
      </c>
      <c r="F3054">
        <v>41800</v>
      </c>
      <c r="G3054">
        <v>2960</v>
      </c>
      <c r="H3054">
        <v>0</v>
      </c>
      <c r="I3054">
        <v>0</v>
      </c>
      <c r="J3054">
        <v>200</v>
      </c>
      <c r="K3054">
        <v>0</v>
      </c>
      <c r="L3054">
        <v>0</v>
      </c>
      <c r="M3054">
        <v>4456</v>
      </c>
      <c r="N3054">
        <v>0</v>
      </c>
      <c r="O3054">
        <v>0</v>
      </c>
      <c r="P3054">
        <v>25410</v>
      </c>
      <c r="Q3054">
        <v>0</v>
      </c>
      <c r="R3054">
        <v>74426</v>
      </c>
      <c r="S3054">
        <v>0</v>
      </c>
      <c r="T3054">
        <v>0</v>
      </c>
      <c r="U3054">
        <v>0</v>
      </c>
      <c r="V3054">
        <v>5</v>
      </c>
      <c r="W3054">
        <v>0</v>
      </c>
      <c r="X3054">
        <v>0</v>
      </c>
      <c r="Y3054">
        <v>38</v>
      </c>
      <c r="Z3054">
        <v>39</v>
      </c>
      <c r="AA3054">
        <v>119</v>
      </c>
      <c r="AB3054">
        <v>76</v>
      </c>
      <c r="AC3054">
        <v>181</v>
      </c>
      <c r="AD3054">
        <v>63</v>
      </c>
      <c r="AE3054">
        <v>211</v>
      </c>
      <c r="AF3054">
        <v>0</v>
      </c>
      <c r="AG3054">
        <v>125536</v>
      </c>
      <c r="AH3054">
        <v>50000</v>
      </c>
      <c r="AI3054">
        <v>1110</v>
      </c>
      <c r="AJ3054">
        <v>82</v>
      </c>
      <c r="AK3054" t="s">
        <v>41</v>
      </c>
      <c r="AL3054">
        <v>0</v>
      </c>
      <c r="AM3054">
        <v>0</v>
      </c>
      <c r="AN3054">
        <v>0</v>
      </c>
      <c r="AO3054">
        <v>0</v>
      </c>
      <c r="AP3054">
        <v>0</v>
      </c>
      <c r="AQ3054">
        <v>0</v>
      </c>
      <c r="AR3054">
        <v>0</v>
      </c>
      <c r="AS3054">
        <v>0</v>
      </c>
      <c r="AT3054">
        <v>0</v>
      </c>
      <c r="AU3054">
        <v>0</v>
      </c>
      <c r="AV3054">
        <v>0</v>
      </c>
      <c r="AW3054">
        <v>0</v>
      </c>
      <c r="AX3054">
        <v>-1210</v>
      </c>
      <c r="AY3054">
        <v>56</v>
      </c>
      <c r="AZ3054">
        <v>116</v>
      </c>
      <c r="BA3054">
        <v>8281</v>
      </c>
    </row>
    <row r="3055" spans="1:53" x14ac:dyDescent="0.4">
      <c r="A3055">
        <v>3099</v>
      </c>
      <c r="B3055" s="1">
        <v>43821</v>
      </c>
      <c r="C3055">
        <v>3</v>
      </c>
      <c r="D3055" s="1">
        <v>43821.740277777775</v>
      </c>
      <c r="E3055" s="1">
        <v>43821.945833333331</v>
      </c>
      <c r="F3055">
        <v>38500</v>
      </c>
      <c r="G3055">
        <v>1430</v>
      </c>
      <c r="H3055">
        <v>0</v>
      </c>
      <c r="I3055">
        <v>0</v>
      </c>
      <c r="J3055">
        <v>0</v>
      </c>
      <c r="K3055">
        <v>0</v>
      </c>
      <c r="L3055">
        <v>0</v>
      </c>
      <c r="M3055">
        <v>3993</v>
      </c>
      <c r="N3055">
        <v>0</v>
      </c>
      <c r="O3055">
        <v>0</v>
      </c>
      <c r="P3055">
        <v>-25410</v>
      </c>
      <c r="Q3055">
        <v>0</v>
      </c>
      <c r="R3055">
        <v>18513</v>
      </c>
      <c r="S3055">
        <v>0</v>
      </c>
      <c r="T3055">
        <v>0</v>
      </c>
      <c r="U3055">
        <v>0</v>
      </c>
      <c r="V3055">
        <v>5</v>
      </c>
      <c r="W3055">
        <v>1</v>
      </c>
      <c r="X3055">
        <v>0</v>
      </c>
      <c r="Y3055">
        <v>40</v>
      </c>
      <c r="Z3055">
        <v>41</v>
      </c>
      <c r="AA3055">
        <v>125</v>
      </c>
      <c r="AB3055">
        <v>76</v>
      </c>
      <c r="AC3055">
        <v>179</v>
      </c>
      <c r="AD3055">
        <v>61</v>
      </c>
      <c r="AE3055">
        <v>211</v>
      </c>
      <c r="AF3055">
        <v>8833</v>
      </c>
      <c r="AG3055">
        <v>142939</v>
      </c>
      <c r="AH3055">
        <v>50000</v>
      </c>
      <c r="AI3055">
        <v>0</v>
      </c>
      <c r="AJ3055">
        <v>100</v>
      </c>
      <c r="AK3055" t="s">
        <v>0</v>
      </c>
      <c r="AL3055">
        <v>0</v>
      </c>
      <c r="AM3055">
        <v>0</v>
      </c>
      <c r="AN3055">
        <v>0</v>
      </c>
      <c r="AO3055">
        <v>0</v>
      </c>
      <c r="AP3055">
        <v>0</v>
      </c>
      <c r="AQ3055">
        <v>0</v>
      </c>
      <c r="AR3055">
        <v>0</v>
      </c>
      <c r="AS3055">
        <v>0</v>
      </c>
      <c r="AT3055">
        <v>0</v>
      </c>
      <c r="AU3055">
        <v>0</v>
      </c>
      <c r="AV3055">
        <v>0</v>
      </c>
      <c r="AW3055">
        <v>0</v>
      </c>
      <c r="AX3055">
        <v>15840</v>
      </c>
      <c r="AY3055">
        <v>10</v>
      </c>
      <c r="AZ3055">
        <v>23</v>
      </c>
      <c r="BA3055">
        <v>2613</v>
      </c>
    </row>
    <row r="3056" spans="1:53" x14ac:dyDescent="0.4">
      <c r="A3056">
        <v>3100</v>
      </c>
      <c r="B3056" s="1">
        <v>43821</v>
      </c>
      <c r="C3056">
        <v>4</v>
      </c>
      <c r="D3056" s="1">
        <v>43821.945833333331</v>
      </c>
      <c r="E3056" s="1">
        <v>43822.083333333336</v>
      </c>
      <c r="F3056">
        <v>23350</v>
      </c>
      <c r="G3056">
        <v>0</v>
      </c>
      <c r="H3056">
        <v>0</v>
      </c>
      <c r="I3056">
        <v>0</v>
      </c>
      <c r="J3056">
        <v>0</v>
      </c>
      <c r="K3056">
        <v>0</v>
      </c>
      <c r="L3056">
        <v>0</v>
      </c>
      <c r="M3056">
        <v>2335</v>
      </c>
      <c r="N3056">
        <v>0</v>
      </c>
      <c r="O3056">
        <v>0</v>
      </c>
      <c r="P3056">
        <v>3080</v>
      </c>
      <c r="Q3056">
        <v>0</v>
      </c>
      <c r="R3056">
        <v>28765</v>
      </c>
      <c r="S3056">
        <v>0</v>
      </c>
      <c r="T3056">
        <v>0</v>
      </c>
      <c r="U3056">
        <v>0</v>
      </c>
      <c r="V3056">
        <v>8</v>
      </c>
      <c r="W3056">
        <v>1</v>
      </c>
      <c r="X3056">
        <v>0</v>
      </c>
      <c r="Y3056">
        <v>39</v>
      </c>
      <c r="Z3056">
        <v>38</v>
      </c>
      <c r="AA3056">
        <v>137</v>
      </c>
      <c r="AB3056">
        <v>76</v>
      </c>
      <c r="AC3056">
        <v>185</v>
      </c>
      <c r="AD3056">
        <v>62</v>
      </c>
      <c r="AE3056">
        <v>211</v>
      </c>
      <c r="AF3056">
        <v>8833</v>
      </c>
      <c r="AG3056">
        <v>171704</v>
      </c>
      <c r="AH3056">
        <v>50000</v>
      </c>
      <c r="AI3056">
        <v>0</v>
      </c>
      <c r="AJ3056">
        <v>101</v>
      </c>
      <c r="AK3056" t="s">
        <v>28</v>
      </c>
      <c r="AL3056">
        <v>0</v>
      </c>
      <c r="AM3056">
        <v>0</v>
      </c>
      <c r="AN3056">
        <v>0</v>
      </c>
      <c r="AO3056">
        <v>0</v>
      </c>
      <c r="AP3056">
        <v>0</v>
      </c>
      <c r="AQ3056">
        <v>0</v>
      </c>
      <c r="AR3056">
        <v>0</v>
      </c>
      <c r="AS3056">
        <v>0</v>
      </c>
      <c r="AT3056">
        <v>0</v>
      </c>
      <c r="AU3056">
        <v>0</v>
      </c>
      <c r="AV3056">
        <v>0</v>
      </c>
      <c r="AW3056">
        <v>0</v>
      </c>
      <c r="AX3056">
        <v>2420</v>
      </c>
      <c r="AY3056">
        <v>3</v>
      </c>
      <c r="AZ3056">
        <v>5</v>
      </c>
      <c r="BA3056">
        <v>598</v>
      </c>
    </row>
    <row r="3057" spans="1:53" x14ac:dyDescent="0.4">
      <c r="A3057">
        <v>3101</v>
      </c>
      <c r="B3057" s="1">
        <v>43822</v>
      </c>
      <c r="C3057">
        <v>1</v>
      </c>
      <c r="D3057" s="1">
        <v>43822.291666666664</v>
      </c>
      <c r="E3057" s="1">
        <v>43822.413194444445</v>
      </c>
      <c r="F3057">
        <v>0</v>
      </c>
      <c r="G3057">
        <v>0</v>
      </c>
      <c r="H3057">
        <v>0</v>
      </c>
      <c r="I3057">
        <v>0</v>
      </c>
      <c r="J3057">
        <v>0</v>
      </c>
      <c r="K3057">
        <v>0</v>
      </c>
      <c r="L3057">
        <v>0</v>
      </c>
      <c r="M3057">
        <v>0</v>
      </c>
      <c r="N3057">
        <v>0</v>
      </c>
      <c r="O3057">
        <v>0</v>
      </c>
      <c r="P3057">
        <v>0</v>
      </c>
      <c r="Q3057">
        <v>0</v>
      </c>
      <c r="R3057">
        <v>0</v>
      </c>
      <c r="S3057">
        <v>0</v>
      </c>
      <c r="T3057">
        <v>0</v>
      </c>
      <c r="U3057">
        <v>0</v>
      </c>
      <c r="V3057">
        <v>0</v>
      </c>
      <c r="W3057">
        <v>0</v>
      </c>
      <c r="X3057">
        <v>0</v>
      </c>
      <c r="Y3057">
        <v>30</v>
      </c>
      <c r="Z3057">
        <v>12</v>
      </c>
      <c r="AA3057">
        <v>90</v>
      </c>
      <c r="AB3057">
        <v>75</v>
      </c>
      <c r="AC3057">
        <v>83</v>
      </c>
      <c r="AD3057">
        <v>61</v>
      </c>
      <c r="AE3057">
        <v>115</v>
      </c>
      <c r="AF3057">
        <v>0</v>
      </c>
      <c r="AG3057">
        <v>50000</v>
      </c>
      <c r="AH3057">
        <v>0</v>
      </c>
      <c r="AI3057">
        <v>50000</v>
      </c>
      <c r="AJ3057">
        <v>0</v>
      </c>
      <c r="AK3057" t="s">
        <v>6</v>
      </c>
      <c r="AL3057">
        <v>0</v>
      </c>
      <c r="AM3057">
        <v>0</v>
      </c>
      <c r="AN3057">
        <v>0</v>
      </c>
      <c r="AO3057">
        <v>0</v>
      </c>
      <c r="AP3057">
        <v>0</v>
      </c>
      <c r="AQ3057">
        <v>0</v>
      </c>
      <c r="AR3057">
        <v>0</v>
      </c>
      <c r="AS3057">
        <v>0</v>
      </c>
      <c r="AT3057">
        <v>0</v>
      </c>
      <c r="AU3057">
        <v>0</v>
      </c>
      <c r="AV3057">
        <v>0</v>
      </c>
      <c r="AW3057">
        <v>0</v>
      </c>
      <c r="AX3057">
        <v>0</v>
      </c>
      <c r="AY3057">
        <v>0</v>
      </c>
      <c r="AZ3057">
        <v>0</v>
      </c>
      <c r="BA3057">
        <v>0</v>
      </c>
    </row>
    <row r="3058" spans="1:53" x14ac:dyDescent="0.4">
      <c r="A3058">
        <v>3102</v>
      </c>
      <c r="B3058" s="1">
        <v>43822</v>
      </c>
      <c r="C3058">
        <v>2</v>
      </c>
      <c r="D3058" s="1">
        <v>43822.413194444445</v>
      </c>
      <c r="E3058" s="1">
        <v>43822.75</v>
      </c>
      <c r="F3058">
        <v>31350</v>
      </c>
      <c r="G3058">
        <v>1740</v>
      </c>
      <c r="H3058">
        <v>200</v>
      </c>
      <c r="I3058">
        <v>0</v>
      </c>
      <c r="J3058">
        <v>700</v>
      </c>
      <c r="K3058">
        <v>0</v>
      </c>
      <c r="L3058">
        <v>0</v>
      </c>
      <c r="M3058">
        <v>3259</v>
      </c>
      <c r="N3058">
        <v>0</v>
      </c>
      <c r="O3058">
        <v>0</v>
      </c>
      <c r="P3058">
        <v>27225</v>
      </c>
      <c r="Q3058">
        <v>0</v>
      </c>
      <c r="R3058">
        <v>63074</v>
      </c>
      <c r="S3058">
        <v>0</v>
      </c>
      <c r="T3058">
        <v>0</v>
      </c>
      <c r="U3058">
        <v>0</v>
      </c>
      <c r="V3058">
        <v>2</v>
      </c>
      <c r="W3058">
        <v>2</v>
      </c>
      <c r="X3058">
        <v>0</v>
      </c>
      <c r="Y3058">
        <v>49</v>
      </c>
      <c r="Z3058">
        <v>31</v>
      </c>
      <c r="AA3058">
        <v>118</v>
      </c>
      <c r="AB3058">
        <v>82</v>
      </c>
      <c r="AC3058">
        <v>105</v>
      </c>
      <c r="AD3058">
        <v>66</v>
      </c>
      <c r="AE3058">
        <v>194</v>
      </c>
      <c r="AF3058">
        <v>1100</v>
      </c>
      <c r="AG3058">
        <v>113074</v>
      </c>
      <c r="AH3058">
        <v>50000</v>
      </c>
      <c r="AI3058">
        <v>0</v>
      </c>
      <c r="AJ3058">
        <v>96</v>
      </c>
      <c r="AK3058" t="s">
        <v>4</v>
      </c>
      <c r="AL3058">
        <v>0</v>
      </c>
      <c r="AM3058">
        <v>0</v>
      </c>
      <c r="AN3058">
        <v>0</v>
      </c>
      <c r="AO3058">
        <v>0</v>
      </c>
      <c r="AP3058">
        <v>0</v>
      </c>
      <c r="AQ3058">
        <v>0</v>
      </c>
      <c r="AR3058">
        <v>0</v>
      </c>
      <c r="AS3058">
        <v>0</v>
      </c>
      <c r="AT3058">
        <v>0</v>
      </c>
      <c r="AU3058">
        <v>0</v>
      </c>
      <c r="AV3058">
        <v>0</v>
      </c>
      <c r="AW3058">
        <v>0</v>
      </c>
      <c r="AX3058">
        <v>-770</v>
      </c>
      <c r="AY3058">
        <v>47</v>
      </c>
      <c r="AZ3058">
        <v>101</v>
      </c>
      <c r="BA3058">
        <v>6704</v>
      </c>
    </row>
    <row r="3059" spans="1:53" x14ac:dyDescent="0.4">
      <c r="A3059">
        <v>3103</v>
      </c>
      <c r="B3059" s="1">
        <v>43822</v>
      </c>
      <c r="C3059">
        <v>3</v>
      </c>
      <c r="D3059" s="1">
        <v>43822.75</v>
      </c>
      <c r="E3059" s="1">
        <v>43822.95416666667</v>
      </c>
      <c r="F3059">
        <v>72500</v>
      </c>
      <c r="G3059">
        <v>3930</v>
      </c>
      <c r="H3059">
        <v>0</v>
      </c>
      <c r="I3059">
        <v>0</v>
      </c>
      <c r="J3059">
        <v>0</v>
      </c>
      <c r="K3059">
        <v>1300</v>
      </c>
      <c r="L3059">
        <v>0</v>
      </c>
      <c r="M3059">
        <v>7773</v>
      </c>
      <c r="N3059">
        <v>0</v>
      </c>
      <c r="O3059">
        <v>0</v>
      </c>
      <c r="P3059">
        <v>-27225</v>
      </c>
      <c r="Q3059">
        <v>0</v>
      </c>
      <c r="R3059">
        <v>58278</v>
      </c>
      <c r="S3059">
        <v>0</v>
      </c>
      <c r="T3059">
        <v>0</v>
      </c>
      <c r="U3059">
        <v>0</v>
      </c>
      <c r="V3059">
        <v>6</v>
      </c>
      <c r="W3059">
        <v>2</v>
      </c>
      <c r="X3059">
        <v>0</v>
      </c>
      <c r="Y3059">
        <v>58</v>
      </c>
      <c r="Z3059">
        <v>35</v>
      </c>
      <c r="AA3059">
        <v>120</v>
      </c>
      <c r="AB3059">
        <v>78</v>
      </c>
      <c r="AC3059">
        <v>108</v>
      </c>
      <c r="AD3059">
        <v>65</v>
      </c>
      <c r="AE3059">
        <v>187</v>
      </c>
      <c r="AF3059">
        <v>8360</v>
      </c>
      <c r="AG3059">
        <v>171352</v>
      </c>
      <c r="AH3059">
        <v>50000</v>
      </c>
      <c r="AI3059">
        <v>0</v>
      </c>
      <c r="AJ3059">
        <v>98</v>
      </c>
      <c r="AK3059" t="s">
        <v>35</v>
      </c>
      <c r="AL3059">
        <v>0</v>
      </c>
      <c r="AM3059">
        <v>0</v>
      </c>
      <c r="AN3059">
        <v>0</v>
      </c>
      <c r="AO3059">
        <v>0</v>
      </c>
      <c r="AP3059">
        <v>0</v>
      </c>
      <c r="AQ3059">
        <v>0</v>
      </c>
      <c r="AR3059">
        <v>0</v>
      </c>
      <c r="AS3059">
        <v>0</v>
      </c>
      <c r="AT3059">
        <v>0</v>
      </c>
      <c r="AU3059">
        <v>0</v>
      </c>
      <c r="AV3059">
        <v>0</v>
      </c>
      <c r="AW3059">
        <v>0</v>
      </c>
      <c r="AX3059">
        <v>39160</v>
      </c>
      <c r="AY3059">
        <v>21</v>
      </c>
      <c r="AZ3059">
        <v>75</v>
      </c>
      <c r="BA3059">
        <v>3104</v>
      </c>
    </row>
    <row r="3060" spans="1:53" x14ac:dyDescent="0.4">
      <c r="A3060">
        <v>3104</v>
      </c>
      <c r="B3060" s="1">
        <v>43822</v>
      </c>
      <c r="C3060">
        <v>4</v>
      </c>
      <c r="D3060" s="1">
        <v>43822.95416666667</v>
      </c>
      <c r="E3060" s="1">
        <v>43823.260416666664</v>
      </c>
      <c r="F3060">
        <v>102075</v>
      </c>
      <c r="G3060">
        <v>680</v>
      </c>
      <c r="H3060">
        <v>0</v>
      </c>
      <c r="I3060">
        <v>0</v>
      </c>
      <c r="J3060">
        <v>600</v>
      </c>
      <c r="K3060">
        <v>13750</v>
      </c>
      <c r="L3060">
        <v>0</v>
      </c>
      <c r="M3060">
        <v>11590</v>
      </c>
      <c r="N3060">
        <v>0</v>
      </c>
      <c r="O3060">
        <v>0</v>
      </c>
      <c r="P3060">
        <v>0</v>
      </c>
      <c r="Q3060">
        <v>0</v>
      </c>
      <c r="R3060">
        <v>127495</v>
      </c>
      <c r="S3060">
        <v>0</v>
      </c>
      <c r="T3060">
        <v>0</v>
      </c>
      <c r="U3060">
        <v>0</v>
      </c>
      <c r="V3060">
        <v>0</v>
      </c>
      <c r="W3060">
        <v>0</v>
      </c>
      <c r="X3060">
        <v>0</v>
      </c>
      <c r="Y3060">
        <v>26</v>
      </c>
      <c r="Z3060">
        <v>21</v>
      </c>
      <c r="AA3060">
        <v>80</v>
      </c>
      <c r="AB3060">
        <v>81</v>
      </c>
      <c r="AC3060">
        <v>97</v>
      </c>
      <c r="AD3060">
        <v>59</v>
      </c>
      <c r="AE3060">
        <v>185</v>
      </c>
      <c r="AF3060">
        <v>0</v>
      </c>
      <c r="AG3060">
        <v>50000</v>
      </c>
      <c r="AH3060">
        <v>0</v>
      </c>
      <c r="AI3060">
        <v>-198847</v>
      </c>
      <c r="AJ3060">
        <v>94</v>
      </c>
      <c r="AK3060" t="s">
        <v>43</v>
      </c>
      <c r="AL3060">
        <v>0</v>
      </c>
      <c r="AM3060">
        <v>0</v>
      </c>
      <c r="AN3060">
        <v>0</v>
      </c>
      <c r="AO3060">
        <v>0</v>
      </c>
      <c r="AP3060">
        <v>0</v>
      </c>
      <c r="AQ3060">
        <v>0</v>
      </c>
      <c r="AR3060">
        <v>0</v>
      </c>
      <c r="AS3060">
        <v>0</v>
      </c>
      <c r="AT3060">
        <v>0</v>
      </c>
      <c r="AU3060">
        <v>0</v>
      </c>
      <c r="AV3060">
        <v>0</v>
      </c>
      <c r="AW3060">
        <v>0</v>
      </c>
      <c r="AX3060">
        <v>0</v>
      </c>
      <c r="AY3060">
        <v>6</v>
      </c>
      <c r="AZ3060">
        <v>21</v>
      </c>
      <c r="BA3060">
        <v>1521</v>
      </c>
    </row>
    <row r="3061" spans="1:53" x14ac:dyDescent="0.4">
      <c r="A3061">
        <v>3105</v>
      </c>
      <c r="B3061" s="1">
        <v>43823</v>
      </c>
      <c r="C3061">
        <v>1</v>
      </c>
      <c r="D3061" s="1">
        <v>43823.291666666664</v>
      </c>
      <c r="E3061" s="1">
        <v>43823.411111111112</v>
      </c>
      <c r="F3061">
        <v>0</v>
      </c>
      <c r="G3061">
        <v>0</v>
      </c>
      <c r="H3061">
        <v>0</v>
      </c>
      <c r="I3061">
        <v>0</v>
      </c>
      <c r="J3061">
        <v>0</v>
      </c>
      <c r="K3061">
        <v>0</v>
      </c>
      <c r="L3061">
        <v>0</v>
      </c>
      <c r="M3061">
        <v>0</v>
      </c>
      <c r="N3061">
        <v>0</v>
      </c>
      <c r="O3061">
        <v>0</v>
      </c>
      <c r="P3061">
        <v>0</v>
      </c>
      <c r="Q3061">
        <v>0</v>
      </c>
      <c r="R3061">
        <v>0</v>
      </c>
      <c r="S3061">
        <v>0</v>
      </c>
      <c r="T3061">
        <v>0</v>
      </c>
      <c r="U3061">
        <v>0</v>
      </c>
      <c r="V3061">
        <v>0</v>
      </c>
      <c r="W3061">
        <v>0</v>
      </c>
      <c r="X3061">
        <v>0</v>
      </c>
      <c r="Y3061">
        <v>26</v>
      </c>
      <c r="Z3061">
        <v>21</v>
      </c>
      <c r="AA3061">
        <v>81</v>
      </c>
      <c r="AB3061">
        <v>81</v>
      </c>
      <c r="AC3061">
        <v>97</v>
      </c>
      <c r="AD3061">
        <v>59</v>
      </c>
      <c r="AE3061">
        <v>185</v>
      </c>
      <c r="AF3061">
        <v>0</v>
      </c>
      <c r="AG3061">
        <v>50100</v>
      </c>
      <c r="AH3061">
        <v>50000</v>
      </c>
      <c r="AI3061">
        <v>100</v>
      </c>
      <c r="AJ3061">
        <v>0</v>
      </c>
      <c r="AK3061" t="s">
        <v>6</v>
      </c>
      <c r="AL3061">
        <v>0</v>
      </c>
      <c r="AM3061">
        <v>0</v>
      </c>
      <c r="AN3061">
        <v>0</v>
      </c>
      <c r="AO3061">
        <v>0</v>
      </c>
      <c r="AP3061">
        <v>0</v>
      </c>
      <c r="AQ3061">
        <v>0</v>
      </c>
      <c r="AR3061">
        <v>0</v>
      </c>
      <c r="AS3061">
        <v>0</v>
      </c>
      <c r="AT3061">
        <v>0</v>
      </c>
      <c r="AU3061">
        <v>0</v>
      </c>
      <c r="AV3061">
        <v>0</v>
      </c>
      <c r="AW3061">
        <v>0</v>
      </c>
      <c r="AX3061">
        <v>0</v>
      </c>
      <c r="AY3061">
        <v>0</v>
      </c>
      <c r="AZ3061">
        <v>0</v>
      </c>
      <c r="BA3061">
        <v>0</v>
      </c>
    </row>
    <row r="3062" spans="1:53" x14ac:dyDescent="0.4">
      <c r="A3062">
        <v>3106</v>
      </c>
      <c r="B3062" s="1">
        <v>43823</v>
      </c>
      <c r="C3062">
        <v>2</v>
      </c>
      <c r="D3062" s="1">
        <v>43823.411111111112</v>
      </c>
      <c r="E3062" s="1">
        <v>43823.741666666669</v>
      </c>
      <c r="F3062">
        <v>48950</v>
      </c>
      <c r="G3062">
        <v>2280</v>
      </c>
      <c r="H3062">
        <v>400</v>
      </c>
      <c r="I3062">
        <v>0</v>
      </c>
      <c r="J3062">
        <v>0</v>
      </c>
      <c r="K3062">
        <v>0</v>
      </c>
      <c r="L3062">
        <v>0</v>
      </c>
      <c r="M3062">
        <v>5163</v>
      </c>
      <c r="N3062">
        <v>0</v>
      </c>
      <c r="O3062">
        <v>0</v>
      </c>
      <c r="P3062">
        <v>28435</v>
      </c>
      <c r="Q3062">
        <v>0</v>
      </c>
      <c r="R3062">
        <v>85228</v>
      </c>
      <c r="S3062">
        <v>0</v>
      </c>
      <c r="T3062">
        <v>0</v>
      </c>
      <c r="U3062">
        <v>0</v>
      </c>
      <c r="V3062">
        <v>0</v>
      </c>
      <c r="W3062">
        <v>2</v>
      </c>
      <c r="X3062">
        <v>0</v>
      </c>
      <c r="Y3062">
        <v>89</v>
      </c>
      <c r="Z3062">
        <v>42</v>
      </c>
      <c r="AA3062">
        <v>81</v>
      </c>
      <c r="AB3062">
        <v>62</v>
      </c>
      <c r="AC3062">
        <v>47</v>
      </c>
      <c r="AD3062">
        <v>63</v>
      </c>
      <c r="AE3062">
        <v>238</v>
      </c>
      <c r="AF3062">
        <v>2905</v>
      </c>
      <c r="AG3062">
        <v>135128</v>
      </c>
      <c r="AH3062">
        <v>50000</v>
      </c>
      <c r="AI3062">
        <v>-100</v>
      </c>
      <c r="AJ3062">
        <v>97</v>
      </c>
      <c r="AK3062" t="s">
        <v>33</v>
      </c>
      <c r="AL3062">
        <v>0</v>
      </c>
      <c r="AM3062">
        <v>0</v>
      </c>
      <c r="AN3062">
        <v>0</v>
      </c>
      <c r="AO3062">
        <v>0</v>
      </c>
      <c r="AP3062">
        <v>0</v>
      </c>
      <c r="AQ3062">
        <v>0</v>
      </c>
      <c r="AR3062">
        <v>0</v>
      </c>
      <c r="AS3062">
        <v>0</v>
      </c>
      <c r="AT3062">
        <v>0</v>
      </c>
      <c r="AU3062">
        <v>0</v>
      </c>
      <c r="AV3062">
        <v>0</v>
      </c>
      <c r="AW3062">
        <v>0</v>
      </c>
      <c r="AX3062">
        <v>902</v>
      </c>
      <c r="AY3062">
        <v>51</v>
      </c>
      <c r="AZ3062">
        <v>134</v>
      </c>
      <c r="BA3062">
        <v>7681</v>
      </c>
    </row>
    <row r="3063" spans="1:53" x14ac:dyDescent="0.4">
      <c r="A3063">
        <v>3107</v>
      </c>
      <c r="B3063" s="1">
        <v>43823</v>
      </c>
      <c r="C3063">
        <v>3</v>
      </c>
      <c r="D3063" s="1">
        <v>43823.741666666669</v>
      </c>
      <c r="E3063" s="1">
        <v>43824.261111111111</v>
      </c>
      <c r="F3063">
        <v>99550</v>
      </c>
      <c r="G3063">
        <v>3830</v>
      </c>
      <c r="H3063">
        <v>0</v>
      </c>
      <c r="I3063">
        <v>0</v>
      </c>
      <c r="J3063">
        <v>400</v>
      </c>
      <c r="K3063">
        <v>0</v>
      </c>
      <c r="L3063">
        <v>0</v>
      </c>
      <c r="M3063">
        <v>10298</v>
      </c>
      <c r="N3063">
        <v>0</v>
      </c>
      <c r="O3063">
        <v>0</v>
      </c>
      <c r="P3063">
        <v>-28435</v>
      </c>
      <c r="Q3063">
        <v>0</v>
      </c>
      <c r="R3063">
        <v>84843</v>
      </c>
      <c r="S3063">
        <v>0</v>
      </c>
      <c r="T3063">
        <v>0</v>
      </c>
      <c r="U3063">
        <v>0</v>
      </c>
      <c r="V3063">
        <v>0</v>
      </c>
      <c r="W3063">
        <v>0</v>
      </c>
      <c r="X3063">
        <v>0</v>
      </c>
      <c r="Y3063">
        <v>29</v>
      </c>
      <c r="Z3063">
        <v>18</v>
      </c>
      <c r="AA3063">
        <v>80</v>
      </c>
      <c r="AB3063">
        <v>59</v>
      </c>
      <c r="AC3063">
        <v>55</v>
      </c>
      <c r="AD3063">
        <v>62</v>
      </c>
      <c r="AE3063">
        <v>190</v>
      </c>
      <c r="AF3063">
        <v>0</v>
      </c>
      <c r="AG3063">
        <v>50000</v>
      </c>
      <c r="AH3063">
        <v>0</v>
      </c>
      <c r="AI3063">
        <v>-120071</v>
      </c>
      <c r="AJ3063">
        <v>94</v>
      </c>
      <c r="AK3063" t="s">
        <v>43</v>
      </c>
      <c r="AL3063">
        <v>0</v>
      </c>
      <c r="AM3063">
        <v>0</v>
      </c>
      <c r="AN3063">
        <v>0</v>
      </c>
      <c r="AO3063">
        <v>0</v>
      </c>
      <c r="AP3063">
        <v>0</v>
      </c>
      <c r="AQ3063">
        <v>0</v>
      </c>
      <c r="AR3063">
        <v>0</v>
      </c>
      <c r="AS3063">
        <v>0</v>
      </c>
      <c r="AT3063">
        <v>0</v>
      </c>
      <c r="AU3063">
        <v>0</v>
      </c>
      <c r="AV3063">
        <v>0</v>
      </c>
      <c r="AW3063">
        <v>0</v>
      </c>
      <c r="AX3063">
        <v>0</v>
      </c>
      <c r="AY3063">
        <v>21</v>
      </c>
      <c r="AZ3063">
        <v>55</v>
      </c>
      <c r="BA3063">
        <v>4277</v>
      </c>
    </row>
    <row r="3064" spans="1:53" x14ac:dyDescent="0.4">
      <c r="A3064">
        <v>3108</v>
      </c>
      <c r="B3064" s="1">
        <v>43824</v>
      </c>
      <c r="C3064">
        <v>1</v>
      </c>
      <c r="D3064" s="1">
        <v>43824.291666666664</v>
      </c>
      <c r="E3064" s="1">
        <v>43824.408333333333</v>
      </c>
      <c r="F3064">
        <v>0</v>
      </c>
      <c r="G3064">
        <v>0</v>
      </c>
      <c r="H3064">
        <v>0</v>
      </c>
      <c r="I3064">
        <v>0</v>
      </c>
      <c r="J3064">
        <v>0</v>
      </c>
      <c r="K3064">
        <v>0</v>
      </c>
      <c r="L3064">
        <v>0</v>
      </c>
      <c r="M3064">
        <v>0</v>
      </c>
      <c r="N3064">
        <v>0</v>
      </c>
      <c r="O3064">
        <v>0</v>
      </c>
      <c r="P3064">
        <v>0</v>
      </c>
      <c r="Q3064">
        <v>0</v>
      </c>
      <c r="R3064">
        <v>0</v>
      </c>
      <c r="S3064">
        <v>0</v>
      </c>
      <c r="T3064">
        <v>0</v>
      </c>
      <c r="U3064">
        <v>0</v>
      </c>
      <c r="V3064">
        <v>0</v>
      </c>
      <c r="W3064">
        <v>0</v>
      </c>
      <c r="X3064">
        <v>0</v>
      </c>
      <c r="Y3064">
        <v>29</v>
      </c>
      <c r="Z3064">
        <v>18</v>
      </c>
      <c r="AA3064">
        <v>80</v>
      </c>
      <c r="AB3064">
        <v>59</v>
      </c>
      <c r="AC3064">
        <v>55</v>
      </c>
      <c r="AD3064">
        <v>62</v>
      </c>
      <c r="AE3064">
        <v>190</v>
      </c>
      <c r="AF3064">
        <v>0</v>
      </c>
      <c r="AG3064">
        <v>50000</v>
      </c>
      <c r="AH3064">
        <v>50000</v>
      </c>
      <c r="AI3064">
        <v>0</v>
      </c>
      <c r="AJ3064">
        <v>0</v>
      </c>
      <c r="AK3064" t="s">
        <v>6</v>
      </c>
      <c r="AL3064">
        <v>0</v>
      </c>
      <c r="AM3064">
        <v>0</v>
      </c>
      <c r="AN3064">
        <v>0</v>
      </c>
      <c r="AO3064">
        <v>0</v>
      </c>
      <c r="AP3064">
        <v>0</v>
      </c>
      <c r="AQ3064">
        <v>0</v>
      </c>
      <c r="AR3064">
        <v>0</v>
      </c>
      <c r="AS3064">
        <v>0</v>
      </c>
      <c r="AT3064">
        <v>0</v>
      </c>
      <c r="AU3064">
        <v>0</v>
      </c>
      <c r="AV3064">
        <v>0</v>
      </c>
      <c r="AW3064">
        <v>0</v>
      </c>
      <c r="AX3064">
        <v>0</v>
      </c>
      <c r="AY3064">
        <v>0</v>
      </c>
      <c r="AZ3064">
        <v>0</v>
      </c>
      <c r="BA3064">
        <v>0</v>
      </c>
    </row>
    <row r="3065" spans="1:53" x14ac:dyDescent="0.4">
      <c r="A3065">
        <v>3109</v>
      </c>
      <c r="B3065" s="1">
        <v>43824</v>
      </c>
      <c r="C3065">
        <v>2</v>
      </c>
      <c r="D3065" s="1">
        <v>43824.408333333333</v>
      </c>
      <c r="E3065" s="1">
        <v>43824.739583333336</v>
      </c>
      <c r="F3065">
        <v>47300</v>
      </c>
      <c r="G3065">
        <v>820</v>
      </c>
      <c r="H3065">
        <v>200</v>
      </c>
      <c r="I3065">
        <v>0</v>
      </c>
      <c r="J3065">
        <v>100</v>
      </c>
      <c r="K3065">
        <v>0</v>
      </c>
      <c r="L3065">
        <v>0</v>
      </c>
      <c r="M3065">
        <v>4822</v>
      </c>
      <c r="N3065">
        <v>0</v>
      </c>
      <c r="O3065">
        <v>0</v>
      </c>
      <c r="P3065">
        <v>24200</v>
      </c>
      <c r="Q3065">
        <v>0</v>
      </c>
      <c r="R3065">
        <v>77242</v>
      </c>
      <c r="S3065">
        <v>0</v>
      </c>
      <c r="T3065">
        <v>0</v>
      </c>
      <c r="U3065">
        <v>0</v>
      </c>
      <c r="V3065">
        <v>1</v>
      </c>
      <c r="W3065">
        <v>4</v>
      </c>
      <c r="X3065">
        <v>0</v>
      </c>
      <c r="Y3065">
        <v>70</v>
      </c>
      <c r="Z3065">
        <v>37</v>
      </c>
      <c r="AA3065">
        <v>45</v>
      </c>
      <c r="AB3065">
        <v>49</v>
      </c>
      <c r="AC3065">
        <v>12</v>
      </c>
      <c r="AD3065">
        <v>63</v>
      </c>
      <c r="AE3065">
        <v>257</v>
      </c>
      <c r="AF3065">
        <v>1100</v>
      </c>
      <c r="AG3065">
        <v>127242</v>
      </c>
      <c r="AH3065">
        <v>50000</v>
      </c>
      <c r="AI3065">
        <v>0</v>
      </c>
      <c r="AJ3065">
        <v>97</v>
      </c>
      <c r="AK3065" t="s">
        <v>33</v>
      </c>
      <c r="AL3065">
        <v>0</v>
      </c>
      <c r="AM3065">
        <v>0</v>
      </c>
      <c r="AN3065">
        <v>0</v>
      </c>
      <c r="AO3065">
        <v>0</v>
      </c>
      <c r="AP3065">
        <v>0</v>
      </c>
      <c r="AQ3065">
        <v>0</v>
      </c>
      <c r="AR3065">
        <v>0</v>
      </c>
      <c r="AS3065">
        <v>0</v>
      </c>
      <c r="AT3065">
        <v>0</v>
      </c>
      <c r="AU3065">
        <v>0</v>
      </c>
      <c r="AV3065">
        <v>0</v>
      </c>
      <c r="AW3065">
        <v>0</v>
      </c>
      <c r="AX3065">
        <v>-1210</v>
      </c>
      <c r="AY3065">
        <v>46</v>
      </c>
      <c r="AZ3065">
        <v>119</v>
      </c>
      <c r="BA3065">
        <v>7305</v>
      </c>
    </row>
    <row r="3066" spans="1:53" x14ac:dyDescent="0.4">
      <c r="A3066">
        <v>3110</v>
      </c>
      <c r="B3066" s="1">
        <v>43824</v>
      </c>
      <c r="C3066">
        <v>3</v>
      </c>
      <c r="D3066" s="1">
        <v>43824.739583333336</v>
      </c>
      <c r="E3066" s="1">
        <v>43824.963194444441</v>
      </c>
      <c r="F3066">
        <v>50400</v>
      </c>
      <c r="G3066">
        <v>840</v>
      </c>
      <c r="H3066">
        <v>0</v>
      </c>
      <c r="I3066">
        <v>0</v>
      </c>
      <c r="J3066">
        <v>0</v>
      </c>
      <c r="K3066">
        <v>0</v>
      </c>
      <c r="L3066">
        <v>0</v>
      </c>
      <c r="M3066">
        <v>5124</v>
      </c>
      <c r="N3066">
        <v>0</v>
      </c>
      <c r="O3066">
        <v>0</v>
      </c>
      <c r="P3066">
        <v>-18975</v>
      </c>
      <c r="Q3066">
        <v>0</v>
      </c>
      <c r="R3066">
        <v>37389</v>
      </c>
      <c r="S3066">
        <v>0</v>
      </c>
      <c r="T3066">
        <v>0</v>
      </c>
      <c r="U3066">
        <v>0</v>
      </c>
      <c r="V3066">
        <v>6</v>
      </c>
      <c r="W3066">
        <v>1</v>
      </c>
      <c r="X3066">
        <v>0</v>
      </c>
      <c r="Y3066">
        <v>60</v>
      </c>
      <c r="Z3066">
        <v>41</v>
      </c>
      <c r="AA3066">
        <v>137</v>
      </c>
      <c r="AB3066">
        <v>51</v>
      </c>
      <c r="AC3066">
        <v>120</v>
      </c>
      <c r="AD3066">
        <v>64</v>
      </c>
      <c r="AE3066">
        <v>260</v>
      </c>
      <c r="AF3066">
        <v>1100</v>
      </c>
      <c r="AG3066">
        <v>164630</v>
      </c>
      <c r="AH3066">
        <v>50000</v>
      </c>
      <c r="AI3066">
        <v>-1</v>
      </c>
      <c r="AJ3066">
        <v>100</v>
      </c>
      <c r="AK3066" t="s">
        <v>0</v>
      </c>
      <c r="AL3066">
        <v>0</v>
      </c>
      <c r="AM3066">
        <v>0</v>
      </c>
      <c r="AN3066">
        <v>0</v>
      </c>
      <c r="AO3066">
        <v>0</v>
      </c>
      <c r="AP3066">
        <v>0</v>
      </c>
      <c r="AQ3066">
        <v>0</v>
      </c>
      <c r="AR3066">
        <v>0</v>
      </c>
      <c r="AS3066">
        <v>0</v>
      </c>
      <c r="AT3066">
        <v>0</v>
      </c>
      <c r="AU3066">
        <v>0</v>
      </c>
      <c r="AV3066">
        <v>0</v>
      </c>
      <c r="AW3066">
        <v>0</v>
      </c>
      <c r="AX3066">
        <v>26535</v>
      </c>
      <c r="AY3066">
        <v>18</v>
      </c>
      <c r="AZ3066">
        <v>49</v>
      </c>
      <c r="BA3066">
        <v>2966</v>
      </c>
    </row>
    <row r="3067" spans="1:53" x14ac:dyDescent="0.4">
      <c r="A3067">
        <v>3111</v>
      </c>
      <c r="B3067" s="1">
        <v>43825</v>
      </c>
      <c r="C3067">
        <v>1</v>
      </c>
      <c r="D3067" s="1">
        <v>43825.291666666664</v>
      </c>
      <c r="E3067" s="1">
        <v>43825.413194444445</v>
      </c>
      <c r="F3067">
        <v>0</v>
      </c>
      <c r="G3067">
        <v>0</v>
      </c>
      <c r="H3067">
        <v>0</v>
      </c>
      <c r="I3067">
        <v>0</v>
      </c>
      <c r="J3067">
        <v>0</v>
      </c>
      <c r="K3067">
        <v>0</v>
      </c>
      <c r="L3067">
        <v>0</v>
      </c>
      <c r="M3067">
        <v>0</v>
      </c>
      <c r="N3067">
        <v>0</v>
      </c>
      <c r="O3067">
        <v>0</v>
      </c>
      <c r="P3067">
        <v>0</v>
      </c>
      <c r="Q3067">
        <v>0</v>
      </c>
      <c r="R3067">
        <v>0</v>
      </c>
      <c r="S3067">
        <v>0</v>
      </c>
      <c r="T3067">
        <v>0</v>
      </c>
      <c r="U3067">
        <v>0</v>
      </c>
      <c r="V3067">
        <v>0</v>
      </c>
      <c r="W3067">
        <v>0</v>
      </c>
      <c r="X3067">
        <v>0</v>
      </c>
      <c r="Y3067">
        <v>30</v>
      </c>
      <c r="Z3067">
        <v>6</v>
      </c>
      <c r="AA3067">
        <v>129</v>
      </c>
      <c r="AB3067">
        <v>51</v>
      </c>
      <c r="AC3067">
        <v>114</v>
      </c>
      <c r="AD3067">
        <v>60</v>
      </c>
      <c r="AE3067">
        <v>110</v>
      </c>
      <c r="AF3067">
        <v>0</v>
      </c>
      <c r="AG3067">
        <v>50000</v>
      </c>
      <c r="AH3067">
        <v>0</v>
      </c>
      <c r="AI3067">
        <v>50000</v>
      </c>
      <c r="AJ3067">
        <v>0</v>
      </c>
      <c r="AK3067" t="s">
        <v>6</v>
      </c>
      <c r="AL3067">
        <v>0</v>
      </c>
      <c r="AM3067">
        <v>0</v>
      </c>
      <c r="AN3067">
        <v>0</v>
      </c>
      <c r="AO3067">
        <v>0</v>
      </c>
      <c r="AP3067">
        <v>0</v>
      </c>
      <c r="AQ3067">
        <v>0</v>
      </c>
      <c r="AR3067">
        <v>0</v>
      </c>
      <c r="AS3067">
        <v>0</v>
      </c>
      <c r="AT3067">
        <v>0</v>
      </c>
      <c r="AU3067">
        <v>0</v>
      </c>
      <c r="AV3067">
        <v>0</v>
      </c>
      <c r="AW3067">
        <v>0</v>
      </c>
      <c r="AX3067">
        <v>0</v>
      </c>
      <c r="AY3067">
        <v>0</v>
      </c>
      <c r="AZ3067">
        <v>0</v>
      </c>
      <c r="BA3067">
        <v>0</v>
      </c>
    </row>
    <row r="3068" spans="1:53" x14ac:dyDescent="0.4">
      <c r="A3068">
        <v>3112</v>
      </c>
      <c r="B3068" s="1">
        <v>43825</v>
      </c>
      <c r="C3068">
        <v>2</v>
      </c>
      <c r="D3068" s="1">
        <v>43825.413194444445</v>
      </c>
      <c r="E3068" s="1">
        <v>43825.745833333334</v>
      </c>
      <c r="F3068">
        <v>41525</v>
      </c>
      <c r="G3068">
        <v>1080</v>
      </c>
      <c r="H3068">
        <v>200</v>
      </c>
      <c r="I3068">
        <v>0</v>
      </c>
      <c r="J3068">
        <v>100</v>
      </c>
      <c r="K3068">
        <v>0</v>
      </c>
      <c r="L3068">
        <v>0</v>
      </c>
      <c r="M3068">
        <v>4271</v>
      </c>
      <c r="N3068">
        <v>0</v>
      </c>
      <c r="O3068">
        <v>0</v>
      </c>
      <c r="P3068">
        <v>24057</v>
      </c>
      <c r="Q3068">
        <v>0</v>
      </c>
      <c r="R3068">
        <v>71033</v>
      </c>
      <c r="S3068">
        <v>0</v>
      </c>
      <c r="T3068">
        <v>0</v>
      </c>
      <c r="U3068">
        <v>0</v>
      </c>
      <c r="V3068">
        <v>2</v>
      </c>
      <c r="W3068">
        <v>1</v>
      </c>
      <c r="X3068">
        <v>0</v>
      </c>
      <c r="Y3068">
        <v>55</v>
      </c>
      <c r="Z3068">
        <v>25</v>
      </c>
      <c r="AA3068">
        <v>104</v>
      </c>
      <c r="AB3068">
        <v>54</v>
      </c>
      <c r="AC3068">
        <v>134</v>
      </c>
      <c r="AD3068">
        <v>75</v>
      </c>
      <c r="AE3068">
        <v>184</v>
      </c>
      <c r="AF3068">
        <v>13534</v>
      </c>
      <c r="AG3068">
        <v>121033</v>
      </c>
      <c r="AH3068">
        <v>50000</v>
      </c>
      <c r="AI3068">
        <v>0</v>
      </c>
      <c r="AJ3068">
        <v>96</v>
      </c>
      <c r="AK3068" t="s">
        <v>4</v>
      </c>
      <c r="AL3068">
        <v>0</v>
      </c>
      <c r="AM3068">
        <v>0</v>
      </c>
      <c r="AN3068">
        <v>0</v>
      </c>
      <c r="AO3068">
        <v>0</v>
      </c>
      <c r="AP3068">
        <v>0</v>
      </c>
      <c r="AQ3068">
        <v>0</v>
      </c>
      <c r="AR3068">
        <v>0</v>
      </c>
      <c r="AS3068">
        <v>0</v>
      </c>
      <c r="AT3068">
        <v>0</v>
      </c>
      <c r="AU3068">
        <v>0</v>
      </c>
      <c r="AV3068">
        <v>0</v>
      </c>
      <c r="AW3068">
        <v>0</v>
      </c>
      <c r="AX3068">
        <v>-2420</v>
      </c>
      <c r="AY3068">
        <v>53</v>
      </c>
      <c r="AZ3068">
        <v>110</v>
      </c>
      <c r="BA3068">
        <v>7394</v>
      </c>
    </row>
    <row r="3069" spans="1:53" x14ac:dyDescent="0.4">
      <c r="A3069">
        <v>3113</v>
      </c>
      <c r="B3069" s="1">
        <v>43826</v>
      </c>
      <c r="C3069">
        <v>1</v>
      </c>
      <c r="D3069" s="1">
        <v>43826.291666666664</v>
      </c>
      <c r="E3069" s="1">
        <v>43826.406944444447</v>
      </c>
      <c r="F3069">
        <v>0</v>
      </c>
      <c r="G3069">
        <v>0</v>
      </c>
      <c r="H3069">
        <v>0</v>
      </c>
      <c r="I3069">
        <v>0</v>
      </c>
      <c r="J3069">
        <v>0</v>
      </c>
      <c r="K3069">
        <v>0</v>
      </c>
      <c r="L3069">
        <v>0</v>
      </c>
      <c r="M3069">
        <v>0</v>
      </c>
      <c r="N3069">
        <v>0</v>
      </c>
      <c r="O3069">
        <v>0</v>
      </c>
      <c r="P3069">
        <v>0</v>
      </c>
      <c r="Q3069">
        <v>0</v>
      </c>
      <c r="R3069">
        <v>0</v>
      </c>
      <c r="S3069">
        <v>0</v>
      </c>
      <c r="T3069">
        <v>0</v>
      </c>
      <c r="U3069">
        <v>0</v>
      </c>
      <c r="V3069">
        <v>0</v>
      </c>
      <c r="W3069">
        <v>1</v>
      </c>
      <c r="X3069">
        <v>0</v>
      </c>
      <c r="Y3069">
        <v>30</v>
      </c>
      <c r="Z3069">
        <v>8</v>
      </c>
      <c r="AA3069">
        <v>70</v>
      </c>
      <c r="AB3069">
        <v>50</v>
      </c>
      <c r="AC3069">
        <v>104</v>
      </c>
      <c r="AD3069">
        <v>67</v>
      </c>
      <c r="AE3069">
        <v>125</v>
      </c>
      <c r="AF3069">
        <v>0</v>
      </c>
      <c r="AG3069">
        <v>50000</v>
      </c>
      <c r="AH3069">
        <v>50000</v>
      </c>
      <c r="AI3069">
        <v>0</v>
      </c>
      <c r="AJ3069">
        <v>0</v>
      </c>
      <c r="AK3069" t="s">
        <v>6</v>
      </c>
      <c r="AL3069">
        <v>0</v>
      </c>
      <c r="AM3069">
        <v>0</v>
      </c>
      <c r="AN3069">
        <v>0</v>
      </c>
      <c r="AO3069">
        <v>0</v>
      </c>
      <c r="AP3069">
        <v>0</v>
      </c>
      <c r="AQ3069">
        <v>0</v>
      </c>
      <c r="AR3069">
        <v>0</v>
      </c>
      <c r="AS3069">
        <v>0</v>
      </c>
      <c r="AT3069">
        <v>0</v>
      </c>
      <c r="AU3069">
        <v>0</v>
      </c>
      <c r="AV3069">
        <v>0</v>
      </c>
      <c r="AW3069">
        <v>0</v>
      </c>
      <c r="AX3069">
        <v>0</v>
      </c>
      <c r="AY3069">
        <v>0</v>
      </c>
      <c r="AZ3069">
        <v>0</v>
      </c>
      <c r="BA3069">
        <v>0</v>
      </c>
    </row>
    <row r="3070" spans="1:53" x14ac:dyDescent="0.4">
      <c r="A3070">
        <v>3114</v>
      </c>
      <c r="B3070" s="1">
        <v>43826</v>
      </c>
      <c r="C3070">
        <v>2</v>
      </c>
      <c r="D3070" s="1">
        <v>43826.406944444447</v>
      </c>
      <c r="E3070" s="1">
        <v>43826.747916666667</v>
      </c>
      <c r="F3070">
        <v>35750</v>
      </c>
      <c r="G3070">
        <v>3880</v>
      </c>
      <c r="H3070">
        <v>200</v>
      </c>
      <c r="I3070">
        <v>0</v>
      </c>
      <c r="J3070">
        <v>100</v>
      </c>
      <c r="K3070">
        <v>0</v>
      </c>
      <c r="L3070">
        <v>0</v>
      </c>
      <c r="M3070">
        <v>3973</v>
      </c>
      <c r="N3070">
        <v>0</v>
      </c>
      <c r="O3070">
        <v>0</v>
      </c>
      <c r="P3070">
        <v>24530</v>
      </c>
      <c r="Q3070">
        <v>0</v>
      </c>
      <c r="R3070">
        <v>68233</v>
      </c>
      <c r="S3070">
        <v>0</v>
      </c>
      <c r="T3070">
        <v>0</v>
      </c>
      <c r="U3070">
        <v>0</v>
      </c>
      <c r="V3070">
        <v>0</v>
      </c>
      <c r="W3070">
        <v>5</v>
      </c>
      <c r="X3070">
        <v>0</v>
      </c>
      <c r="Y3070">
        <v>69</v>
      </c>
      <c r="Z3070">
        <v>23</v>
      </c>
      <c r="AA3070">
        <v>89</v>
      </c>
      <c r="AB3070">
        <v>46</v>
      </c>
      <c r="AC3070">
        <v>101</v>
      </c>
      <c r="AD3070">
        <v>74</v>
      </c>
      <c r="AE3070">
        <v>153</v>
      </c>
      <c r="AF3070">
        <v>0</v>
      </c>
      <c r="AG3070">
        <v>118233</v>
      </c>
      <c r="AH3070">
        <v>50000</v>
      </c>
      <c r="AI3070">
        <v>0</v>
      </c>
      <c r="AJ3070">
        <v>97</v>
      </c>
      <c r="AK3070" t="s">
        <v>33</v>
      </c>
      <c r="AL3070">
        <v>0</v>
      </c>
      <c r="AM3070">
        <v>0</v>
      </c>
      <c r="AN3070">
        <v>0</v>
      </c>
      <c r="AO3070">
        <v>0</v>
      </c>
      <c r="AP3070">
        <v>0</v>
      </c>
      <c r="AQ3070">
        <v>0</v>
      </c>
      <c r="AR3070">
        <v>0</v>
      </c>
      <c r="AS3070">
        <v>0</v>
      </c>
      <c r="AT3070">
        <v>0</v>
      </c>
      <c r="AU3070">
        <v>0</v>
      </c>
      <c r="AV3070">
        <v>0</v>
      </c>
      <c r="AW3070">
        <v>0</v>
      </c>
      <c r="AX3070">
        <v>-942</v>
      </c>
      <c r="AY3070">
        <v>45</v>
      </c>
      <c r="AZ3070">
        <v>99</v>
      </c>
      <c r="BA3070">
        <v>7238</v>
      </c>
    </row>
    <row r="3071" spans="1:53" x14ac:dyDescent="0.4">
      <c r="A3071">
        <v>3115</v>
      </c>
      <c r="B3071" s="1">
        <v>43826</v>
      </c>
      <c r="C3071">
        <v>3</v>
      </c>
      <c r="D3071" s="1">
        <v>43826.747916666667</v>
      </c>
      <c r="E3071" s="1">
        <v>43827.271527777775</v>
      </c>
      <c r="F3071">
        <v>446800</v>
      </c>
      <c r="G3071">
        <v>19740</v>
      </c>
      <c r="H3071">
        <v>200</v>
      </c>
      <c r="I3071">
        <v>0</v>
      </c>
      <c r="J3071">
        <v>100</v>
      </c>
      <c r="K3071">
        <v>6900</v>
      </c>
      <c r="L3071">
        <v>0</v>
      </c>
      <c r="M3071">
        <v>47354</v>
      </c>
      <c r="N3071">
        <v>0</v>
      </c>
      <c r="O3071">
        <v>0</v>
      </c>
      <c r="P3071">
        <v>-24530</v>
      </c>
      <c r="Q3071">
        <v>0</v>
      </c>
      <c r="R3071">
        <v>496364</v>
      </c>
      <c r="S3071">
        <v>0</v>
      </c>
      <c r="T3071">
        <v>0</v>
      </c>
      <c r="U3071">
        <v>0</v>
      </c>
      <c r="V3071">
        <v>0</v>
      </c>
      <c r="W3071">
        <v>0</v>
      </c>
      <c r="X3071">
        <v>0</v>
      </c>
      <c r="Y3071">
        <v>31</v>
      </c>
      <c r="Z3071">
        <v>11</v>
      </c>
      <c r="AA3071">
        <v>101</v>
      </c>
      <c r="AB3071">
        <v>37</v>
      </c>
      <c r="AC3071">
        <v>106</v>
      </c>
      <c r="AD3071">
        <v>75</v>
      </c>
      <c r="AE3071">
        <v>115</v>
      </c>
      <c r="AF3071">
        <v>0</v>
      </c>
      <c r="AG3071">
        <v>50000</v>
      </c>
      <c r="AH3071">
        <v>0</v>
      </c>
      <c r="AI3071">
        <v>-514597</v>
      </c>
      <c r="AJ3071">
        <v>99</v>
      </c>
      <c r="AK3071" t="s">
        <v>9</v>
      </c>
      <c r="AL3071">
        <v>0</v>
      </c>
      <c r="AM3071">
        <v>0</v>
      </c>
      <c r="AN3071">
        <v>0</v>
      </c>
      <c r="AO3071">
        <v>0</v>
      </c>
      <c r="AP3071">
        <v>0</v>
      </c>
      <c r="AQ3071">
        <v>0</v>
      </c>
      <c r="AR3071">
        <v>0</v>
      </c>
      <c r="AS3071">
        <v>0</v>
      </c>
      <c r="AT3071">
        <v>0</v>
      </c>
      <c r="AU3071">
        <v>0</v>
      </c>
      <c r="AV3071">
        <v>0</v>
      </c>
      <c r="AW3071">
        <v>0</v>
      </c>
      <c r="AX3071">
        <v>0</v>
      </c>
      <c r="AY3071">
        <v>34</v>
      </c>
      <c r="AZ3071">
        <v>170</v>
      </c>
      <c r="BA3071">
        <v>6909</v>
      </c>
    </row>
    <row r="3072" spans="1:53" x14ac:dyDescent="0.4">
      <c r="A3072">
        <v>3116</v>
      </c>
      <c r="B3072" s="1">
        <v>43827</v>
      </c>
      <c r="C3072">
        <v>1</v>
      </c>
      <c r="D3072" s="1">
        <v>43827.291666666664</v>
      </c>
      <c r="E3072" s="1">
        <v>43827.404861111114</v>
      </c>
      <c r="F3072">
        <v>0</v>
      </c>
      <c r="G3072">
        <v>0</v>
      </c>
      <c r="H3072">
        <v>0</v>
      </c>
      <c r="I3072">
        <v>0</v>
      </c>
      <c r="J3072">
        <v>0</v>
      </c>
      <c r="K3072">
        <v>0</v>
      </c>
      <c r="L3072">
        <v>0</v>
      </c>
      <c r="M3072">
        <v>0</v>
      </c>
      <c r="N3072">
        <v>0</v>
      </c>
      <c r="O3072">
        <v>0</v>
      </c>
      <c r="P3072">
        <v>0</v>
      </c>
      <c r="Q3072">
        <v>0</v>
      </c>
      <c r="R3072">
        <v>0</v>
      </c>
      <c r="S3072">
        <v>0</v>
      </c>
      <c r="T3072">
        <v>0</v>
      </c>
      <c r="U3072">
        <v>0</v>
      </c>
      <c r="V3072">
        <v>0</v>
      </c>
      <c r="W3072">
        <v>0</v>
      </c>
      <c r="X3072">
        <v>0</v>
      </c>
      <c r="Y3072">
        <v>31</v>
      </c>
      <c r="Z3072">
        <v>11</v>
      </c>
      <c r="AA3072">
        <v>101</v>
      </c>
      <c r="AB3072">
        <v>37</v>
      </c>
      <c r="AC3072">
        <v>106</v>
      </c>
      <c r="AD3072">
        <v>75</v>
      </c>
      <c r="AE3072">
        <v>115</v>
      </c>
      <c r="AF3072">
        <v>0</v>
      </c>
      <c r="AG3072">
        <v>50000</v>
      </c>
      <c r="AH3072">
        <v>50000</v>
      </c>
      <c r="AI3072">
        <v>0</v>
      </c>
      <c r="AJ3072">
        <v>0</v>
      </c>
      <c r="AK3072" t="s">
        <v>6</v>
      </c>
      <c r="AL3072">
        <v>0</v>
      </c>
      <c r="AM3072">
        <v>0</v>
      </c>
      <c r="AN3072">
        <v>0</v>
      </c>
      <c r="AO3072">
        <v>0</v>
      </c>
      <c r="AP3072">
        <v>0</v>
      </c>
      <c r="AQ3072">
        <v>0</v>
      </c>
      <c r="AR3072">
        <v>0</v>
      </c>
      <c r="AS3072">
        <v>0</v>
      </c>
      <c r="AT3072">
        <v>0</v>
      </c>
      <c r="AU3072">
        <v>0</v>
      </c>
      <c r="AV3072">
        <v>0</v>
      </c>
      <c r="AW3072">
        <v>0</v>
      </c>
      <c r="AX3072">
        <v>0</v>
      </c>
      <c r="AY3072">
        <v>0</v>
      </c>
      <c r="AZ3072">
        <v>0</v>
      </c>
      <c r="BA3072">
        <v>0</v>
      </c>
    </row>
    <row r="3073" spans="1:53" x14ac:dyDescent="0.4">
      <c r="A3073">
        <v>3117</v>
      </c>
      <c r="B3073" s="1">
        <v>43827</v>
      </c>
      <c r="C3073">
        <v>2</v>
      </c>
      <c r="D3073" s="1">
        <v>43827.404861111114</v>
      </c>
      <c r="E3073" s="1">
        <v>43827.73541666667</v>
      </c>
      <c r="F3073">
        <v>45100</v>
      </c>
      <c r="G3073">
        <v>1600</v>
      </c>
      <c r="H3073">
        <v>200</v>
      </c>
      <c r="I3073">
        <v>0</v>
      </c>
      <c r="J3073">
        <v>100</v>
      </c>
      <c r="K3073">
        <v>0</v>
      </c>
      <c r="L3073">
        <v>0</v>
      </c>
      <c r="M3073">
        <v>4680</v>
      </c>
      <c r="N3073">
        <v>0</v>
      </c>
      <c r="O3073">
        <v>0</v>
      </c>
      <c r="P3073">
        <v>16032</v>
      </c>
      <c r="Q3073">
        <v>0</v>
      </c>
      <c r="R3073">
        <v>67512</v>
      </c>
      <c r="S3073">
        <v>0</v>
      </c>
      <c r="T3073">
        <v>0</v>
      </c>
      <c r="U3073">
        <v>0</v>
      </c>
      <c r="V3073">
        <v>3</v>
      </c>
      <c r="W3073">
        <v>0</v>
      </c>
      <c r="X3073">
        <v>0</v>
      </c>
      <c r="Y3073">
        <v>57</v>
      </c>
      <c r="Z3073">
        <v>35</v>
      </c>
      <c r="AA3073">
        <v>106</v>
      </c>
      <c r="AB3073">
        <v>25</v>
      </c>
      <c r="AC3073">
        <v>59</v>
      </c>
      <c r="AD3073">
        <v>86</v>
      </c>
      <c r="AE3073">
        <v>142</v>
      </c>
      <c r="AF3073">
        <v>0</v>
      </c>
      <c r="AG3073">
        <v>117512</v>
      </c>
      <c r="AH3073">
        <v>50000</v>
      </c>
      <c r="AI3073">
        <v>0</v>
      </c>
      <c r="AJ3073">
        <v>90</v>
      </c>
      <c r="AK3073" t="s">
        <v>38</v>
      </c>
      <c r="AL3073">
        <v>0</v>
      </c>
      <c r="AM3073">
        <v>0</v>
      </c>
      <c r="AN3073">
        <v>0</v>
      </c>
      <c r="AO3073">
        <v>0</v>
      </c>
      <c r="AP3073">
        <v>0</v>
      </c>
      <c r="AQ3073">
        <v>0</v>
      </c>
      <c r="AR3073">
        <v>0</v>
      </c>
      <c r="AS3073">
        <v>0</v>
      </c>
      <c r="AT3073">
        <v>0</v>
      </c>
      <c r="AU3073">
        <v>0</v>
      </c>
      <c r="AV3073">
        <v>0</v>
      </c>
      <c r="AW3073">
        <v>0</v>
      </c>
      <c r="AX3073">
        <v>0</v>
      </c>
      <c r="AY3073">
        <v>48</v>
      </c>
      <c r="AZ3073">
        <v>106</v>
      </c>
      <c r="BA3073">
        <v>7757</v>
      </c>
    </row>
    <row r="3074" spans="1:53" x14ac:dyDescent="0.4">
      <c r="A3074">
        <v>3118</v>
      </c>
      <c r="B3074" s="1">
        <v>43828</v>
      </c>
      <c r="C3074">
        <v>1</v>
      </c>
      <c r="D3074" s="1">
        <v>43828.291666666664</v>
      </c>
      <c r="E3074" s="1">
        <v>43828.397916666669</v>
      </c>
      <c r="F3074">
        <v>0</v>
      </c>
      <c r="G3074">
        <v>0</v>
      </c>
      <c r="H3074">
        <v>0</v>
      </c>
      <c r="I3074">
        <v>0</v>
      </c>
      <c r="J3074">
        <v>0</v>
      </c>
      <c r="K3074">
        <v>0</v>
      </c>
      <c r="L3074">
        <v>0</v>
      </c>
      <c r="M3074">
        <v>0</v>
      </c>
      <c r="N3074">
        <v>0</v>
      </c>
      <c r="O3074">
        <v>0</v>
      </c>
      <c r="P3074">
        <v>0</v>
      </c>
      <c r="Q3074">
        <v>0</v>
      </c>
      <c r="R3074">
        <v>0</v>
      </c>
      <c r="S3074">
        <v>0</v>
      </c>
      <c r="T3074">
        <v>0</v>
      </c>
      <c r="U3074">
        <v>0</v>
      </c>
      <c r="V3074">
        <v>0</v>
      </c>
      <c r="W3074">
        <v>0</v>
      </c>
      <c r="X3074">
        <v>0</v>
      </c>
      <c r="Y3074">
        <v>34</v>
      </c>
      <c r="Z3074">
        <v>10</v>
      </c>
      <c r="AA3074">
        <v>82</v>
      </c>
      <c r="AB3074">
        <v>19</v>
      </c>
      <c r="AC3074">
        <v>106</v>
      </c>
      <c r="AD3074">
        <v>129</v>
      </c>
      <c r="AE3074">
        <v>145</v>
      </c>
      <c r="AF3074">
        <v>0</v>
      </c>
      <c r="AG3074">
        <v>50000</v>
      </c>
      <c r="AH3074">
        <v>50000</v>
      </c>
      <c r="AI3074">
        <v>0</v>
      </c>
      <c r="AJ3074">
        <v>0</v>
      </c>
      <c r="AK3074" t="s">
        <v>6</v>
      </c>
      <c r="AL3074">
        <v>0</v>
      </c>
      <c r="AM3074">
        <v>0</v>
      </c>
      <c r="AN3074">
        <v>0</v>
      </c>
      <c r="AO3074">
        <v>0</v>
      </c>
      <c r="AP3074">
        <v>0</v>
      </c>
      <c r="AQ3074">
        <v>0</v>
      </c>
      <c r="AR3074">
        <v>0</v>
      </c>
      <c r="AS3074">
        <v>0</v>
      </c>
      <c r="AT3074">
        <v>0</v>
      </c>
      <c r="AU3074">
        <v>0</v>
      </c>
      <c r="AV3074">
        <v>0</v>
      </c>
      <c r="AW3074">
        <v>0</v>
      </c>
      <c r="AX3074">
        <v>0</v>
      </c>
      <c r="AY3074">
        <v>0</v>
      </c>
      <c r="AZ3074">
        <v>0</v>
      </c>
      <c r="BA3074">
        <v>0</v>
      </c>
    </row>
    <row r="3075" spans="1:53" x14ac:dyDescent="0.4">
      <c r="A3075">
        <v>3119</v>
      </c>
      <c r="B3075" s="1">
        <v>43828</v>
      </c>
      <c r="C3075">
        <v>2</v>
      </c>
      <c r="D3075" s="1">
        <v>43828.397916666669</v>
      </c>
      <c r="E3075" s="1">
        <v>43828.744444444441</v>
      </c>
      <c r="F3075">
        <v>48950</v>
      </c>
      <c r="G3075">
        <v>3160</v>
      </c>
      <c r="H3075">
        <v>0</v>
      </c>
      <c r="I3075">
        <v>0</v>
      </c>
      <c r="J3075">
        <v>100</v>
      </c>
      <c r="K3075">
        <v>0</v>
      </c>
      <c r="L3075">
        <v>0</v>
      </c>
      <c r="M3075">
        <v>5201</v>
      </c>
      <c r="N3075">
        <v>0</v>
      </c>
      <c r="O3075">
        <v>0</v>
      </c>
      <c r="P3075">
        <v>22990</v>
      </c>
      <c r="Q3075">
        <v>0</v>
      </c>
      <c r="R3075">
        <v>80201</v>
      </c>
      <c r="S3075">
        <v>0</v>
      </c>
      <c r="T3075">
        <v>0</v>
      </c>
      <c r="U3075">
        <v>0</v>
      </c>
      <c r="V3075">
        <v>3</v>
      </c>
      <c r="W3075">
        <v>0</v>
      </c>
      <c r="X3075">
        <v>0</v>
      </c>
      <c r="Y3075">
        <v>71</v>
      </c>
      <c r="Z3075">
        <v>30</v>
      </c>
      <c r="AA3075">
        <v>115</v>
      </c>
      <c r="AB3075">
        <v>16</v>
      </c>
      <c r="AC3075">
        <v>103</v>
      </c>
      <c r="AD3075">
        <v>138</v>
      </c>
      <c r="AE3075">
        <v>181</v>
      </c>
      <c r="AF3075">
        <v>0</v>
      </c>
      <c r="AG3075">
        <v>130201</v>
      </c>
      <c r="AH3075">
        <v>50000</v>
      </c>
      <c r="AI3075">
        <v>0</v>
      </c>
      <c r="AJ3075">
        <v>101</v>
      </c>
      <c r="AK3075" t="s">
        <v>28</v>
      </c>
      <c r="AL3075">
        <v>0</v>
      </c>
      <c r="AM3075">
        <v>0</v>
      </c>
      <c r="AN3075">
        <v>0</v>
      </c>
      <c r="AO3075">
        <v>0</v>
      </c>
      <c r="AP3075">
        <v>0</v>
      </c>
      <c r="AQ3075">
        <v>0</v>
      </c>
      <c r="AR3075">
        <v>0</v>
      </c>
      <c r="AS3075">
        <v>0</v>
      </c>
      <c r="AT3075">
        <v>0</v>
      </c>
      <c r="AU3075">
        <v>0</v>
      </c>
      <c r="AV3075">
        <v>0</v>
      </c>
      <c r="AW3075">
        <v>0</v>
      </c>
      <c r="AX3075">
        <v>-176</v>
      </c>
      <c r="AY3075">
        <v>44</v>
      </c>
      <c r="AZ3075">
        <v>123</v>
      </c>
      <c r="BA3075">
        <v>6564</v>
      </c>
    </row>
    <row r="3076" spans="1:53" x14ac:dyDescent="0.4">
      <c r="A3076">
        <v>3120</v>
      </c>
      <c r="B3076" s="1">
        <v>43829</v>
      </c>
      <c r="C3076">
        <v>1</v>
      </c>
      <c r="D3076" s="1">
        <v>43829.291666666664</v>
      </c>
      <c r="E3076" s="1">
        <v>43829.411805555559</v>
      </c>
      <c r="F3076">
        <v>0</v>
      </c>
      <c r="G3076">
        <v>0</v>
      </c>
      <c r="H3076">
        <v>0</v>
      </c>
      <c r="I3076">
        <v>0</v>
      </c>
      <c r="J3076">
        <v>0</v>
      </c>
      <c r="K3076">
        <v>0</v>
      </c>
      <c r="L3076">
        <v>0</v>
      </c>
      <c r="M3076">
        <v>0</v>
      </c>
      <c r="N3076">
        <v>0</v>
      </c>
      <c r="O3076">
        <v>0</v>
      </c>
      <c r="P3076">
        <v>0</v>
      </c>
      <c r="Q3076">
        <v>0</v>
      </c>
      <c r="R3076">
        <v>0</v>
      </c>
      <c r="S3076">
        <v>0</v>
      </c>
      <c r="T3076">
        <v>0</v>
      </c>
      <c r="U3076">
        <v>0</v>
      </c>
      <c r="V3076">
        <v>0</v>
      </c>
      <c r="W3076">
        <v>0</v>
      </c>
      <c r="X3076">
        <v>0</v>
      </c>
      <c r="Y3076">
        <v>36</v>
      </c>
      <c r="Z3076">
        <v>11</v>
      </c>
      <c r="AA3076">
        <v>59</v>
      </c>
      <c r="AB3076">
        <v>19</v>
      </c>
      <c r="AC3076">
        <v>110</v>
      </c>
      <c r="AD3076">
        <v>83</v>
      </c>
      <c r="AE3076">
        <v>135</v>
      </c>
      <c r="AF3076">
        <v>0</v>
      </c>
      <c r="AG3076">
        <v>50000</v>
      </c>
      <c r="AH3076">
        <v>0</v>
      </c>
      <c r="AI3076">
        <v>50000</v>
      </c>
      <c r="AJ3076">
        <v>0</v>
      </c>
      <c r="AK3076" t="s">
        <v>6</v>
      </c>
      <c r="AL3076">
        <v>0</v>
      </c>
      <c r="AM3076">
        <v>0</v>
      </c>
      <c r="AN3076">
        <v>0</v>
      </c>
      <c r="AO3076">
        <v>0</v>
      </c>
      <c r="AP3076">
        <v>0</v>
      </c>
      <c r="AQ3076">
        <v>0</v>
      </c>
      <c r="AR3076">
        <v>0</v>
      </c>
      <c r="AS3076">
        <v>0</v>
      </c>
      <c r="AT3076">
        <v>0</v>
      </c>
      <c r="AU3076">
        <v>0</v>
      </c>
      <c r="AV3076">
        <v>0</v>
      </c>
      <c r="AW3076">
        <v>0</v>
      </c>
      <c r="AX3076">
        <v>0</v>
      </c>
      <c r="AY3076">
        <v>0</v>
      </c>
      <c r="AZ3076">
        <v>0</v>
      </c>
      <c r="BA3076">
        <v>0</v>
      </c>
    </row>
    <row r="3077" spans="1:53" x14ac:dyDescent="0.4">
      <c r="A3077">
        <v>3121</v>
      </c>
      <c r="B3077" s="1">
        <v>43829</v>
      </c>
      <c r="C3077">
        <v>2</v>
      </c>
      <c r="D3077" s="1">
        <v>43829.411805555559</v>
      </c>
      <c r="E3077" s="1">
        <v>43829.745833333334</v>
      </c>
      <c r="F3077">
        <v>54725</v>
      </c>
      <c r="G3077">
        <v>5420</v>
      </c>
      <c r="H3077">
        <v>0</v>
      </c>
      <c r="I3077">
        <v>0</v>
      </c>
      <c r="J3077">
        <v>0</v>
      </c>
      <c r="K3077">
        <v>0</v>
      </c>
      <c r="L3077">
        <v>0</v>
      </c>
      <c r="M3077">
        <v>6014</v>
      </c>
      <c r="N3077">
        <v>0</v>
      </c>
      <c r="O3077">
        <v>0</v>
      </c>
      <c r="P3077">
        <v>18755</v>
      </c>
      <c r="Q3077">
        <v>0</v>
      </c>
      <c r="R3077">
        <v>84914</v>
      </c>
      <c r="S3077">
        <v>0</v>
      </c>
      <c r="T3077">
        <v>0</v>
      </c>
      <c r="U3077">
        <v>0</v>
      </c>
      <c r="V3077">
        <v>4</v>
      </c>
      <c r="W3077">
        <v>3</v>
      </c>
      <c r="X3077">
        <v>0</v>
      </c>
      <c r="Y3077">
        <v>52</v>
      </c>
      <c r="Z3077">
        <v>41</v>
      </c>
      <c r="AA3077">
        <v>35</v>
      </c>
      <c r="AB3077">
        <v>16</v>
      </c>
      <c r="AC3077">
        <v>130</v>
      </c>
      <c r="AD3077">
        <v>78</v>
      </c>
      <c r="AE3077">
        <v>214</v>
      </c>
      <c r="AF3077">
        <v>1210</v>
      </c>
      <c r="AG3077">
        <v>134914</v>
      </c>
      <c r="AH3077">
        <v>50000</v>
      </c>
      <c r="AI3077">
        <v>0</v>
      </c>
      <c r="AJ3077">
        <v>101</v>
      </c>
      <c r="AK3077" t="s">
        <v>28</v>
      </c>
      <c r="AL3077">
        <v>0</v>
      </c>
      <c r="AM3077">
        <v>0</v>
      </c>
      <c r="AN3077">
        <v>0</v>
      </c>
      <c r="AO3077">
        <v>0</v>
      </c>
      <c r="AP3077">
        <v>0</v>
      </c>
      <c r="AQ3077">
        <v>0</v>
      </c>
      <c r="AR3077">
        <v>0</v>
      </c>
      <c r="AS3077">
        <v>0</v>
      </c>
      <c r="AT3077">
        <v>0</v>
      </c>
      <c r="AU3077">
        <v>0</v>
      </c>
      <c r="AV3077">
        <v>0</v>
      </c>
      <c r="AW3077">
        <v>0</v>
      </c>
      <c r="AX3077">
        <v>1210</v>
      </c>
      <c r="AY3077">
        <v>47</v>
      </c>
      <c r="AZ3077">
        <v>126</v>
      </c>
      <c r="BA3077">
        <v>7899</v>
      </c>
    </row>
    <row r="3078" spans="1:53" x14ac:dyDescent="0.4">
      <c r="A3078">
        <v>3122</v>
      </c>
      <c r="B3078" s="1">
        <v>43829</v>
      </c>
      <c r="C3078">
        <v>3</v>
      </c>
      <c r="D3078" s="1">
        <v>43829.745833333334</v>
      </c>
      <c r="E3078" s="1">
        <v>43830.294444444444</v>
      </c>
      <c r="F3078">
        <v>254396</v>
      </c>
      <c r="G3078">
        <v>9670</v>
      </c>
      <c r="H3078">
        <v>200</v>
      </c>
      <c r="I3078">
        <v>0</v>
      </c>
      <c r="J3078">
        <v>5250</v>
      </c>
      <c r="K3078">
        <v>0</v>
      </c>
      <c r="L3078">
        <v>0</v>
      </c>
      <c r="M3078">
        <v>25902</v>
      </c>
      <c r="N3078">
        <v>0</v>
      </c>
      <c r="O3078">
        <v>0</v>
      </c>
      <c r="P3078">
        <v>-18755</v>
      </c>
      <c r="Q3078">
        <v>0</v>
      </c>
      <c r="R3078">
        <v>266163</v>
      </c>
      <c r="S3078">
        <v>0</v>
      </c>
      <c r="T3078">
        <v>0</v>
      </c>
      <c r="U3078">
        <v>0</v>
      </c>
      <c r="V3078">
        <v>0</v>
      </c>
      <c r="W3078">
        <v>0</v>
      </c>
      <c r="X3078">
        <v>0</v>
      </c>
      <c r="Y3078">
        <v>33</v>
      </c>
      <c r="Z3078">
        <v>10</v>
      </c>
      <c r="AA3078">
        <v>88</v>
      </c>
      <c r="AB3078">
        <v>19</v>
      </c>
      <c r="AC3078">
        <v>177</v>
      </c>
      <c r="AD3078">
        <v>72</v>
      </c>
      <c r="AE3078">
        <v>120</v>
      </c>
      <c r="AF3078">
        <v>0</v>
      </c>
      <c r="AG3078">
        <v>50000</v>
      </c>
      <c r="AH3078">
        <v>0</v>
      </c>
      <c r="AI3078">
        <v>-301077</v>
      </c>
      <c r="AJ3078">
        <v>108</v>
      </c>
      <c r="AK3078" t="s">
        <v>30</v>
      </c>
      <c r="AL3078">
        <v>0</v>
      </c>
      <c r="AM3078">
        <v>0</v>
      </c>
      <c r="AN3078">
        <v>0</v>
      </c>
      <c r="AO3078">
        <v>0</v>
      </c>
      <c r="AP3078">
        <v>0</v>
      </c>
      <c r="AQ3078">
        <v>0</v>
      </c>
      <c r="AR3078">
        <v>0</v>
      </c>
      <c r="AS3078">
        <v>0</v>
      </c>
      <c r="AT3078">
        <v>0</v>
      </c>
      <c r="AU3078">
        <v>0</v>
      </c>
      <c r="AV3078">
        <v>0</v>
      </c>
      <c r="AW3078">
        <v>0</v>
      </c>
      <c r="AX3078">
        <v>0</v>
      </c>
      <c r="AY3078">
        <v>33</v>
      </c>
      <c r="AZ3078">
        <v>128</v>
      </c>
      <c r="BA3078">
        <v>5579</v>
      </c>
    </row>
    <row r="3079" spans="1:53" x14ac:dyDescent="0.4">
      <c r="A3079">
        <v>3123</v>
      </c>
      <c r="B3079" s="1">
        <v>43830</v>
      </c>
      <c r="C3079">
        <v>1</v>
      </c>
      <c r="D3079" s="1">
        <v>43830.291666666664</v>
      </c>
      <c r="E3079" s="1">
        <v>43830.785416666666</v>
      </c>
      <c r="F3079">
        <v>41250</v>
      </c>
      <c r="G3079">
        <v>1360</v>
      </c>
      <c r="H3079">
        <v>0</v>
      </c>
      <c r="I3079">
        <v>0</v>
      </c>
      <c r="J3079">
        <v>400</v>
      </c>
      <c r="K3079">
        <v>0</v>
      </c>
      <c r="L3079">
        <v>0</v>
      </c>
      <c r="M3079">
        <v>4221</v>
      </c>
      <c r="N3079">
        <v>0</v>
      </c>
      <c r="O3079">
        <v>0</v>
      </c>
      <c r="P3079">
        <v>6655</v>
      </c>
      <c r="Q3079">
        <v>0</v>
      </c>
      <c r="R3079">
        <v>53086</v>
      </c>
      <c r="S3079">
        <v>0</v>
      </c>
      <c r="T3079">
        <v>0</v>
      </c>
      <c r="U3079">
        <v>0</v>
      </c>
      <c r="V3079">
        <v>1</v>
      </c>
      <c r="W3079">
        <v>4</v>
      </c>
      <c r="X3079">
        <v>0</v>
      </c>
      <c r="Y3079">
        <v>36</v>
      </c>
      <c r="Z3079">
        <v>23</v>
      </c>
      <c r="AA3079">
        <v>81</v>
      </c>
      <c r="AB3079">
        <v>9</v>
      </c>
      <c r="AC3079">
        <v>139</v>
      </c>
      <c r="AD3079">
        <v>54</v>
      </c>
      <c r="AE3079">
        <v>139</v>
      </c>
      <c r="AF3079">
        <v>15297</v>
      </c>
      <c r="AG3079">
        <v>103146</v>
      </c>
      <c r="AH3079">
        <v>50000</v>
      </c>
      <c r="AI3079">
        <v>60</v>
      </c>
      <c r="AJ3079">
        <v>84</v>
      </c>
      <c r="AK3079" t="s">
        <v>16</v>
      </c>
      <c r="AL3079">
        <v>0</v>
      </c>
      <c r="AM3079">
        <v>0</v>
      </c>
      <c r="AN3079">
        <v>0</v>
      </c>
      <c r="AO3079">
        <v>0</v>
      </c>
      <c r="AP3079">
        <v>0</v>
      </c>
      <c r="AQ3079">
        <v>0</v>
      </c>
      <c r="AR3079">
        <v>0</v>
      </c>
      <c r="AS3079">
        <v>0</v>
      </c>
      <c r="AT3079">
        <v>0</v>
      </c>
      <c r="AU3079">
        <v>0</v>
      </c>
      <c r="AV3079">
        <v>0</v>
      </c>
      <c r="AW3079">
        <v>0</v>
      </c>
      <c r="AX3079">
        <v>3300</v>
      </c>
      <c r="AY3079">
        <v>38</v>
      </c>
      <c r="AZ3079">
        <v>86</v>
      </c>
      <c r="BA3079">
        <v>6369</v>
      </c>
    </row>
    <row r="3080" spans="1:53" x14ac:dyDescent="0.4">
      <c r="A3080">
        <v>3124</v>
      </c>
      <c r="B3080" s="1">
        <v>43832</v>
      </c>
      <c r="C3080">
        <v>1</v>
      </c>
      <c r="D3080" s="1">
        <v>43832.291666666664</v>
      </c>
      <c r="E3080" s="1">
        <v>43832.404166666667</v>
      </c>
      <c r="F3080">
        <v>0</v>
      </c>
      <c r="G3080">
        <v>0</v>
      </c>
      <c r="H3080">
        <v>0</v>
      </c>
      <c r="I3080">
        <v>0</v>
      </c>
      <c r="J3080">
        <v>0</v>
      </c>
      <c r="K3080">
        <v>0</v>
      </c>
      <c r="L3080">
        <v>0</v>
      </c>
      <c r="M3080">
        <v>0</v>
      </c>
      <c r="N3080">
        <v>0</v>
      </c>
      <c r="O3080">
        <v>0</v>
      </c>
      <c r="P3080">
        <v>0</v>
      </c>
      <c r="Q3080">
        <v>0</v>
      </c>
      <c r="R3080">
        <v>0</v>
      </c>
      <c r="S3080">
        <v>0</v>
      </c>
      <c r="T3080">
        <v>0</v>
      </c>
      <c r="U3080">
        <v>0</v>
      </c>
      <c r="V3080">
        <v>0</v>
      </c>
      <c r="W3080">
        <v>0</v>
      </c>
      <c r="X3080">
        <v>0</v>
      </c>
      <c r="Y3080">
        <v>37</v>
      </c>
      <c r="Z3080">
        <v>8</v>
      </c>
      <c r="AA3080">
        <v>71</v>
      </c>
      <c r="AB3080">
        <v>6</v>
      </c>
      <c r="AC3080">
        <v>126</v>
      </c>
      <c r="AD3080">
        <v>45</v>
      </c>
      <c r="AE3080">
        <v>115</v>
      </c>
      <c r="AF3080">
        <v>0</v>
      </c>
      <c r="AG3080">
        <v>50000</v>
      </c>
      <c r="AH3080">
        <v>0</v>
      </c>
      <c r="AI3080">
        <v>50000</v>
      </c>
      <c r="AJ3080">
        <v>0</v>
      </c>
      <c r="AK3080" t="s">
        <v>6</v>
      </c>
      <c r="AL3080">
        <v>0</v>
      </c>
      <c r="AM3080">
        <v>0</v>
      </c>
      <c r="AN3080">
        <v>0</v>
      </c>
      <c r="AO3080">
        <v>0</v>
      </c>
      <c r="AP3080">
        <v>0</v>
      </c>
      <c r="AQ3080">
        <v>0</v>
      </c>
      <c r="AR3080">
        <v>0</v>
      </c>
      <c r="AS3080">
        <v>0</v>
      </c>
      <c r="AT3080">
        <v>0</v>
      </c>
      <c r="AU3080">
        <v>0</v>
      </c>
      <c r="AV3080">
        <v>0</v>
      </c>
      <c r="AW3080">
        <v>0</v>
      </c>
      <c r="AX3080">
        <v>0</v>
      </c>
      <c r="AY3080">
        <v>0</v>
      </c>
      <c r="AZ3080">
        <v>0</v>
      </c>
      <c r="BA3080">
        <v>0</v>
      </c>
    </row>
    <row r="3081" spans="1:53" x14ac:dyDescent="0.4">
      <c r="A3081">
        <v>3125</v>
      </c>
      <c r="B3081" s="1">
        <v>43832</v>
      </c>
      <c r="C3081">
        <v>2</v>
      </c>
      <c r="D3081" s="1">
        <v>43832.404166666667</v>
      </c>
      <c r="E3081" s="1">
        <v>43832.768055555556</v>
      </c>
      <c r="F3081">
        <v>48125</v>
      </c>
      <c r="G3081">
        <v>12650</v>
      </c>
      <c r="H3081">
        <v>200</v>
      </c>
      <c r="I3081">
        <v>0</v>
      </c>
      <c r="J3081">
        <v>0</v>
      </c>
      <c r="K3081">
        <v>0</v>
      </c>
      <c r="L3081">
        <v>0</v>
      </c>
      <c r="M3081">
        <v>6097</v>
      </c>
      <c r="N3081">
        <v>0</v>
      </c>
      <c r="O3081">
        <v>0</v>
      </c>
      <c r="P3081">
        <v>9075</v>
      </c>
      <c r="Q3081">
        <v>0</v>
      </c>
      <c r="R3081">
        <v>76147</v>
      </c>
      <c r="S3081">
        <v>0</v>
      </c>
      <c r="T3081">
        <v>0</v>
      </c>
      <c r="U3081">
        <v>0</v>
      </c>
      <c r="V3081">
        <v>1</v>
      </c>
      <c r="W3081">
        <v>2</v>
      </c>
      <c r="X3081">
        <v>0</v>
      </c>
      <c r="Y3081">
        <v>82</v>
      </c>
      <c r="Z3081">
        <v>23</v>
      </c>
      <c r="AA3081">
        <v>80</v>
      </c>
      <c r="AB3081">
        <v>7</v>
      </c>
      <c r="AC3081">
        <v>143</v>
      </c>
      <c r="AD3081">
        <v>51</v>
      </c>
      <c r="AE3081">
        <v>192</v>
      </c>
      <c r="AF3081">
        <v>2420</v>
      </c>
      <c r="AG3081">
        <v>126147</v>
      </c>
      <c r="AH3081">
        <v>50000</v>
      </c>
      <c r="AI3081">
        <v>0</v>
      </c>
      <c r="AJ3081">
        <v>101</v>
      </c>
      <c r="AK3081" t="s">
        <v>28</v>
      </c>
      <c r="AL3081">
        <v>0</v>
      </c>
      <c r="AM3081">
        <v>0</v>
      </c>
      <c r="AN3081">
        <v>0</v>
      </c>
      <c r="AO3081">
        <v>0</v>
      </c>
      <c r="AP3081">
        <v>0</v>
      </c>
      <c r="AQ3081">
        <v>0</v>
      </c>
      <c r="AR3081">
        <v>0</v>
      </c>
      <c r="AS3081">
        <v>0</v>
      </c>
      <c r="AT3081">
        <v>0</v>
      </c>
      <c r="AU3081">
        <v>0</v>
      </c>
      <c r="AV3081">
        <v>0</v>
      </c>
      <c r="AW3081">
        <v>0</v>
      </c>
      <c r="AX3081">
        <v>2090</v>
      </c>
      <c r="AY3081">
        <v>39</v>
      </c>
      <c r="AZ3081">
        <v>103</v>
      </c>
      <c r="BA3081">
        <v>6945</v>
      </c>
    </row>
    <row r="3082" spans="1:53" x14ac:dyDescent="0.4">
      <c r="A3082">
        <v>3126</v>
      </c>
      <c r="B3082" s="1">
        <v>43833</v>
      </c>
      <c r="C3082">
        <v>1</v>
      </c>
      <c r="D3082" s="1">
        <v>43833.291666666664</v>
      </c>
      <c r="E3082" s="1">
        <v>43833.408333333333</v>
      </c>
      <c r="F3082">
        <v>0</v>
      </c>
      <c r="G3082">
        <v>0</v>
      </c>
      <c r="H3082">
        <v>0</v>
      </c>
      <c r="I3082">
        <v>0</v>
      </c>
      <c r="J3082">
        <v>0</v>
      </c>
      <c r="K3082">
        <v>0</v>
      </c>
      <c r="L3082">
        <v>0</v>
      </c>
      <c r="M3082">
        <v>0</v>
      </c>
      <c r="N3082">
        <v>0</v>
      </c>
      <c r="O3082">
        <v>0</v>
      </c>
      <c r="P3082">
        <v>0</v>
      </c>
      <c r="Q3082">
        <v>0</v>
      </c>
      <c r="R3082">
        <v>0</v>
      </c>
      <c r="S3082">
        <v>0</v>
      </c>
      <c r="T3082">
        <v>0</v>
      </c>
      <c r="U3082">
        <v>0</v>
      </c>
      <c r="V3082">
        <v>0</v>
      </c>
      <c r="W3082">
        <v>0</v>
      </c>
      <c r="X3082">
        <v>0</v>
      </c>
      <c r="Y3082">
        <v>37</v>
      </c>
      <c r="Z3082">
        <v>10</v>
      </c>
      <c r="AA3082">
        <v>62</v>
      </c>
      <c r="AB3082">
        <v>4</v>
      </c>
      <c r="AC3082">
        <v>118</v>
      </c>
      <c r="AD3082">
        <v>47</v>
      </c>
      <c r="AE3082">
        <v>185</v>
      </c>
      <c r="AF3082">
        <v>0</v>
      </c>
      <c r="AG3082">
        <v>50000</v>
      </c>
      <c r="AH3082">
        <v>50000</v>
      </c>
      <c r="AI3082">
        <v>0</v>
      </c>
      <c r="AJ3082">
        <v>0</v>
      </c>
      <c r="AK3082" t="s">
        <v>6</v>
      </c>
      <c r="AL3082">
        <v>0</v>
      </c>
      <c r="AM3082">
        <v>0</v>
      </c>
      <c r="AN3082">
        <v>0</v>
      </c>
      <c r="AO3082">
        <v>0</v>
      </c>
      <c r="AP3082">
        <v>0</v>
      </c>
      <c r="AQ3082">
        <v>0</v>
      </c>
      <c r="AR3082">
        <v>0</v>
      </c>
      <c r="AS3082">
        <v>0</v>
      </c>
      <c r="AT3082">
        <v>0</v>
      </c>
      <c r="AU3082">
        <v>0</v>
      </c>
      <c r="AV3082">
        <v>0</v>
      </c>
      <c r="AW3082">
        <v>0</v>
      </c>
      <c r="AX3082">
        <v>0</v>
      </c>
      <c r="AY3082">
        <v>0</v>
      </c>
      <c r="AZ3082">
        <v>0</v>
      </c>
      <c r="BA3082">
        <v>0</v>
      </c>
    </row>
    <row r="3083" spans="1:53" x14ac:dyDescent="0.4">
      <c r="A3083">
        <v>3127</v>
      </c>
      <c r="B3083" s="1">
        <v>43833</v>
      </c>
      <c r="C3083">
        <v>2</v>
      </c>
      <c r="D3083" s="1">
        <v>43833.408333333333</v>
      </c>
      <c r="E3083" s="1">
        <v>43833.74722222222</v>
      </c>
      <c r="F3083">
        <v>51700</v>
      </c>
      <c r="G3083">
        <v>2320</v>
      </c>
      <c r="H3083">
        <v>200</v>
      </c>
      <c r="I3083">
        <v>0</v>
      </c>
      <c r="J3083">
        <v>200</v>
      </c>
      <c r="K3083">
        <v>0</v>
      </c>
      <c r="L3083">
        <v>0</v>
      </c>
      <c r="M3083">
        <v>5402</v>
      </c>
      <c r="N3083">
        <v>0</v>
      </c>
      <c r="O3083">
        <v>0</v>
      </c>
      <c r="P3083">
        <v>17545</v>
      </c>
      <c r="Q3083">
        <v>0</v>
      </c>
      <c r="R3083">
        <v>76967</v>
      </c>
      <c r="S3083">
        <v>0</v>
      </c>
      <c r="T3083">
        <v>0</v>
      </c>
      <c r="U3083">
        <v>0</v>
      </c>
      <c r="V3083">
        <v>4</v>
      </c>
      <c r="W3083">
        <v>1</v>
      </c>
      <c r="X3083">
        <v>0</v>
      </c>
      <c r="Y3083">
        <v>48</v>
      </c>
      <c r="Z3083">
        <v>14</v>
      </c>
      <c r="AA3083">
        <v>80</v>
      </c>
      <c r="AB3083">
        <v>4</v>
      </c>
      <c r="AC3083">
        <v>54</v>
      </c>
      <c r="AD3083">
        <v>38</v>
      </c>
      <c r="AE3083">
        <v>195</v>
      </c>
      <c r="AF3083">
        <v>17842</v>
      </c>
      <c r="AG3083">
        <v>126967</v>
      </c>
      <c r="AH3083">
        <v>50000</v>
      </c>
      <c r="AI3083">
        <v>0</v>
      </c>
      <c r="AJ3083">
        <v>101</v>
      </c>
      <c r="AK3083" t="s">
        <v>28</v>
      </c>
      <c r="AL3083">
        <v>0</v>
      </c>
      <c r="AM3083">
        <v>0</v>
      </c>
      <c r="AN3083">
        <v>0</v>
      </c>
      <c r="AO3083">
        <v>0</v>
      </c>
      <c r="AP3083">
        <v>0</v>
      </c>
      <c r="AQ3083">
        <v>0</v>
      </c>
      <c r="AR3083">
        <v>0</v>
      </c>
      <c r="AS3083">
        <v>0</v>
      </c>
      <c r="AT3083">
        <v>0</v>
      </c>
      <c r="AU3083">
        <v>0</v>
      </c>
      <c r="AV3083">
        <v>0</v>
      </c>
      <c r="AW3083">
        <v>0</v>
      </c>
      <c r="AX3083">
        <v>0</v>
      </c>
      <c r="AY3083">
        <v>41</v>
      </c>
      <c r="AZ3083">
        <v>107</v>
      </c>
      <c r="BA3083">
        <v>6821</v>
      </c>
    </row>
    <row r="3084" spans="1:53" x14ac:dyDescent="0.4">
      <c r="A3084">
        <v>3128</v>
      </c>
      <c r="B3084" s="1">
        <v>43833</v>
      </c>
      <c r="C3084">
        <v>3</v>
      </c>
      <c r="D3084" s="1">
        <v>43833.74722222222</v>
      </c>
      <c r="E3084" s="1">
        <v>43833.961805555555</v>
      </c>
      <c r="F3084">
        <v>98450</v>
      </c>
      <c r="G3084">
        <v>1460</v>
      </c>
      <c r="H3084">
        <v>200</v>
      </c>
      <c r="I3084">
        <v>0</v>
      </c>
      <c r="J3084">
        <v>0</v>
      </c>
      <c r="K3084">
        <v>0</v>
      </c>
      <c r="L3084">
        <v>0</v>
      </c>
      <c r="M3084">
        <v>10011</v>
      </c>
      <c r="N3084">
        <v>0</v>
      </c>
      <c r="O3084">
        <v>0</v>
      </c>
      <c r="P3084">
        <v>-17545</v>
      </c>
      <c r="Q3084">
        <v>0</v>
      </c>
      <c r="R3084">
        <v>92576</v>
      </c>
      <c r="S3084">
        <v>0</v>
      </c>
      <c r="T3084">
        <v>0</v>
      </c>
      <c r="U3084">
        <v>0</v>
      </c>
      <c r="V3084">
        <v>8</v>
      </c>
      <c r="W3084">
        <v>6</v>
      </c>
      <c r="X3084">
        <v>0</v>
      </c>
      <c r="Y3084">
        <v>72</v>
      </c>
      <c r="Z3084">
        <v>15</v>
      </c>
      <c r="AA3084">
        <v>72</v>
      </c>
      <c r="AB3084">
        <v>3</v>
      </c>
      <c r="AC3084">
        <v>53</v>
      </c>
      <c r="AD3084">
        <v>34</v>
      </c>
      <c r="AE3084">
        <v>191</v>
      </c>
      <c r="AF3084">
        <v>21802</v>
      </c>
      <c r="AG3084">
        <v>219543</v>
      </c>
      <c r="AH3084">
        <v>50000</v>
      </c>
      <c r="AI3084">
        <v>0</v>
      </c>
      <c r="AJ3084">
        <v>84</v>
      </c>
      <c r="AK3084" t="s">
        <v>16</v>
      </c>
      <c r="AL3084">
        <v>0</v>
      </c>
      <c r="AM3084">
        <v>0</v>
      </c>
      <c r="AN3084">
        <v>0</v>
      </c>
      <c r="AO3084">
        <v>0</v>
      </c>
      <c r="AP3084">
        <v>0</v>
      </c>
      <c r="AQ3084">
        <v>0</v>
      </c>
      <c r="AR3084">
        <v>0</v>
      </c>
      <c r="AS3084">
        <v>0</v>
      </c>
      <c r="AT3084">
        <v>0</v>
      </c>
      <c r="AU3084">
        <v>0</v>
      </c>
      <c r="AV3084">
        <v>0</v>
      </c>
      <c r="AW3084">
        <v>0</v>
      </c>
      <c r="AX3084">
        <v>47603</v>
      </c>
      <c r="AY3084">
        <v>27</v>
      </c>
      <c r="AZ3084">
        <v>81</v>
      </c>
      <c r="BA3084">
        <v>3369</v>
      </c>
    </row>
    <row r="3085" spans="1:53" x14ac:dyDescent="0.4">
      <c r="A3085">
        <v>3129</v>
      </c>
      <c r="B3085" s="1">
        <v>43834</v>
      </c>
      <c r="C3085">
        <v>1</v>
      </c>
      <c r="D3085" s="1">
        <v>43834.291666666664</v>
      </c>
      <c r="E3085" s="1">
        <v>43834.398611111108</v>
      </c>
      <c r="F3085">
        <v>0</v>
      </c>
      <c r="G3085">
        <v>0</v>
      </c>
      <c r="H3085">
        <v>0</v>
      </c>
      <c r="I3085">
        <v>0</v>
      </c>
      <c r="J3085">
        <v>0</v>
      </c>
      <c r="K3085">
        <v>0</v>
      </c>
      <c r="L3085">
        <v>0</v>
      </c>
      <c r="M3085">
        <v>0</v>
      </c>
      <c r="N3085">
        <v>0</v>
      </c>
      <c r="O3085">
        <v>0</v>
      </c>
      <c r="P3085">
        <v>0</v>
      </c>
      <c r="Q3085">
        <v>0</v>
      </c>
      <c r="R3085">
        <v>0</v>
      </c>
      <c r="S3085">
        <v>0</v>
      </c>
      <c r="T3085">
        <v>0</v>
      </c>
      <c r="U3085">
        <v>0</v>
      </c>
      <c r="V3085">
        <v>0</v>
      </c>
      <c r="W3085">
        <v>0</v>
      </c>
      <c r="X3085">
        <v>0</v>
      </c>
      <c r="Y3085">
        <v>36</v>
      </c>
      <c r="Z3085">
        <v>8</v>
      </c>
      <c r="AA3085">
        <v>87</v>
      </c>
      <c r="AB3085">
        <v>8</v>
      </c>
      <c r="AC3085">
        <v>58</v>
      </c>
      <c r="AD3085">
        <v>35</v>
      </c>
      <c r="AE3085">
        <v>145</v>
      </c>
      <c r="AF3085">
        <v>0</v>
      </c>
      <c r="AG3085">
        <v>50000</v>
      </c>
      <c r="AH3085">
        <v>50000</v>
      </c>
      <c r="AI3085">
        <v>0</v>
      </c>
      <c r="AJ3085">
        <v>0</v>
      </c>
      <c r="AK3085" t="s">
        <v>6</v>
      </c>
      <c r="AL3085">
        <v>0</v>
      </c>
      <c r="AM3085">
        <v>0</v>
      </c>
      <c r="AN3085">
        <v>0</v>
      </c>
      <c r="AO3085">
        <v>0</v>
      </c>
      <c r="AP3085">
        <v>0</v>
      </c>
      <c r="AQ3085">
        <v>0</v>
      </c>
      <c r="AR3085">
        <v>0</v>
      </c>
      <c r="AS3085">
        <v>0</v>
      </c>
      <c r="AT3085">
        <v>0</v>
      </c>
      <c r="AU3085">
        <v>0</v>
      </c>
      <c r="AV3085">
        <v>0</v>
      </c>
      <c r="AW3085">
        <v>0</v>
      </c>
      <c r="AX3085">
        <v>0</v>
      </c>
      <c r="AY3085">
        <v>0</v>
      </c>
      <c r="AZ3085">
        <v>0</v>
      </c>
      <c r="BA3085">
        <v>0</v>
      </c>
    </row>
    <row r="3086" spans="1:53" x14ac:dyDescent="0.4">
      <c r="A3086">
        <v>3130</v>
      </c>
      <c r="B3086" s="1">
        <v>43834</v>
      </c>
      <c r="C3086">
        <v>2</v>
      </c>
      <c r="D3086" s="1">
        <v>43834.398611111108</v>
      </c>
      <c r="E3086" s="1">
        <v>43834.738194444442</v>
      </c>
      <c r="F3086">
        <v>45650</v>
      </c>
      <c r="G3086">
        <v>1120</v>
      </c>
      <c r="H3086">
        <v>200</v>
      </c>
      <c r="I3086">
        <v>0</v>
      </c>
      <c r="J3086">
        <v>0</v>
      </c>
      <c r="K3086">
        <v>0</v>
      </c>
      <c r="L3086">
        <v>0</v>
      </c>
      <c r="M3086">
        <v>4697</v>
      </c>
      <c r="N3086">
        <v>0</v>
      </c>
      <c r="O3086">
        <v>0</v>
      </c>
      <c r="P3086">
        <v>10587</v>
      </c>
      <c r="Q3086">
        <v>0</v>
      </c>
      <c r="R3086">
        <v>62254</v>
      </c>
      <c r="S3086">
        <v>0</v>
      </c>
      <c r="T3086">
        <v>0</v>
      </c>
      <c r="U3086">
        <v>0</v>
      </c>
      <c r="V3086">
        <v>2</v>
      </c>
      <c r="W3086">
        <v>1</v>
      </c>
      <c r="X3086">
        <v>0</v>
      </c>
      <c r="Y3086">
        <v>64</v>
      </c>
      <c r="Z3086">
        <v>26</v>
      </c>
      <c r="AA3086">
        <v>88</v>
      </c>
      <c r="AB3086">
        <v>7</v>
      </c>
      <c r="AC3086">
        <v>78</v>
      </c>
      <c r="AD3086">
        <v>32</v>
      </c>
      <c r="AE3086">
        <v>164</v>
      </c>
      <c r="AF3086">
        <v>0</v>
      </c>
      <c r="AG3086">
        <v>112254</v>
      </c>
      <c r="AH3086">
        <v>50000</v>
      </c>
      <c r="AI3086">
        <v>0</v>
      </c>
      <c r="AJ3086">
        <v>101</v>
      </c>
      <c r="AK3086" t="s">
        <v>28</v>
      </c>
      <c r="AL3086">
        <v>0</v>
      </c>
      <c r="AM3086">
        <v>0</v>
      </c>
      <c r="AN3086">
        <v>0</v>
      </c>
      <c r="AO3086">
        <v>0</v>
      </c>
      <c r="AP3086">
        <v>0</v>
      </c>
      <c r="AQ3086">
        <v>0</v>
      </c>
      <c r="AR3086">
        <v>0</v>
      </c>
      <c r="AS3086">
        <v>0</v>
      </c>
      <c r="AT3086">
        <v>0</v>
      </c>
      <c r="AU3086">
        <v>0</v>
      </c>
      <c r="AV3086">
        <v>0</v>
      </c>
      <c r="AW3086">
        <v>0</v>
      </c>
      <c r="AX3086">
        <v>-132</v>
      </c>
      <c r="AY3086">
        <v>46</v>
      </c>
      <c r="AZ3086">
        <v>100</v>
      </c>
      <c r="BA3086">
        <v>6906</v>
      </c>
    </row>
    <row r="3087" spans="1:53" x14ac:dyDescent="0.4">
      <c r="A3087">
        <v>3131</v>
      </c>
      <c r="B3087" s="1">
        <v>43834</v>
      </c>
      <c r="C3087">
        <v>3</v>
      </c>
      <c r="D3087" s="1">
        <v>43834.738194444442</v>
      </c>
      <c r="E3087" s="1">
        <v>43834.954861111109</v>
      </c>
      <c r="F3087">
        <v>113025</v>
      </c>
      <c r="G3087">
        <v>18510</v>
      </c>
      <c r="H3087">
        <v>0</v>
      </c>
      <c r="I3087">
        <v>0</v>
      </c>
      <c r="J3087">
        <v>0</v>
      </c>
      <c r="K3087">
        <v>0</v>
      </c>
      <c r="L3087">
        <v>0</v>
      </c>
      <c r="M3087">
        <v>13153</v>
      </c>
      <c r="N3087">
        <v>0</v>
      </c>
      <c r="O3087">
        <v>0</v>
      </c>
      <c r="P3087">
        <v>-10587</v>
      </c>
      <c r="Q3087">
        <v>0</v>
      </c>
      <c r="R3087">
        <v>134101</v>
      </c>
      <c r="S3087">
        <v>0</v>
      </c>
      <c r="T3087">
        <v>0</v>
      </c>
      <c r="U3087">
        <v>0</v>
      </c>
      <c r="V3087">
        <v>8</v>
      </c>
      <c r="W3087">
        <v>4</v>
      </c>
      <c r="X3087">
        <v>0</v>
      </c>
      <c r="Y3087">
        <v>109</v>
      </c>
      <c r="Z3087">
        <v>27</v>
      </c>
      <c r="AA3087">
        <v>95</v>
      </c>
      <c r="AB3087">
        <v>9</v>
      </c>
      <c r="AC3087">
        <v>82</v>
      </c>
      <c r="AD3087">
        <v>32</v>
      </c>
      <c r="AE3087">
        <v>173</v>
      </c>
      <c r="AF3087">
        <v>12683</v>
      </c>
      <c r="AG3087">
        <v>246286</v>
      </c>
      <c r="AH3087">
        <v>50000</v>
      </c>
      <c r="AI3087">
        <v>-69</v>
      </c>
      <c r="AJ3087">
        <v>108</v>
      </c>
      <c r="AK3087" t="s">
        <v>30</v>
      </c>
      <c r="AL3087">
        <v>0</v>
      </c>
      <c r="AM3087">
        <v>0</v>
      </c>
      <c r="AN3087">
        <v>0</v>
      </c>
      <c r="AO3087">
        <v>0</v>
      </c>
      <c r="AP3087">
        <v>0</v>
      </c>
      <c r="AQ3087">
        <v>0</v>
      </c>
      <c r="AR3087">
        <v>0</v>
      </c>
      <c r="AS3087">
        <v>0</v>
      </c>
      <c r="AT3087">
        <v>0</v>
      </c>
      <c r="AU3087">
        <v>0</v>
      </c>
      <c r="AV3087">
        <v>0</v>
      </c>
      <c r="AW3087">
        <v>0</v>
      </c>
      <c r="AX3087">
        <v>55814</v>
      </c>
      <c r="AY3087">
        <v>27</v>
      </c>
      <c r="AZ3087">
        <v>99</v>
      </c>
      <c r="BA3087">
        <v>3784</v>
      </c>
    </row>
    <row r="3088" spans="1:53" x14ac:dyDescent="0.4">
      <c r="A3088">
        <v>3132</v>
      </c>
      <c r="B3088" s="1">
        <v>43834</v>
      </c>
      <c r="C3088">
        <v>4</v>
      </c>
      <c r="D3088" s="1">
        <v>43834.954861111109</v>
      </c>
      <c r="E3088" s="1">
        <v>43835.260416666664</v>
      </c>
      <c r="F3088">
        <v>151650</v>
      </c>
      <c r="G3088">
        <v>6170</v>
      </c>
      <c r="H3088">
        <v>400</v>
      </c>
      <c r="I3088">
        <v>0</v>
      </c>
      <c r="J3088">
        <v>0</v>
      </c>
      <c r="K3088">
        <v>0</v>
      </c>
      <c r="L3088">
        <v>0</v>
      </c>
      <c r="M3088">
        <v>15823</v>
      </c>
      <c r="N3088">
        <v>0</v>
      </c>
      <c r="O3088">
        <v>0</v>
      </c>
      <c r="P3088">
        <v>0</v>
      </c>
      <c r="Q3088">
        <v>0</v>
      </c>
      <c r="R3088">
        <v>174043</v>
      </c>
      <c r="S3088">
        <v>0</v>
      </c>
      <c r="T3088">
        <v>0</v>
      </c>
      <c r="U3088">
        <v>0</v>
      </c>
      <c r="V3088">
        <v>0</v>
      </c>
      <c r="W3088">
        <v>0</v>
      </c>
      <c r="X3088">
        <v>0</v>
      </c>
      <c r="Y3088">
        <v>28</v>
      </c>
      <c r="Z3088">
        <v>10</v>
      </c>
      <c r="AA3088">
        <v>153</v>
      </c>
      <c r="AB3088">
        <v>5</v>
      </c>
      <c r="AC3088">
        <v>115</v>
      </c>
      <c r="AD3088">
        <v>27</v>
      </c>
      <c r="AE3088">
        <v>165</v>
      </c>
      <c r="AF3088">
        <v>0</v>
      </c>
      <c r="AG3088">
        <v>50000</v>
      </c>
      <c r="AH3088">
        <v>0</v>
      </c>
      <c r="AI3088">
        <v>-320398</v>
      </c>
      <c r="AJ3088">
        <v>108</v>
      </c>
      <c r="AK3088" t="s">
        <v>30</v>
      </c>
      <c r="AL3088">
        <v>0</v>
      </c>
      <c r="AM3088">
        <v>0</v>
      </c>
      <c r="AN3088">
        <v>0</v>
      </c>
      <c r="AO3088">
        <v>0</v>
      </c>
      <c r="AP3088">
        <v>0</v>
      </c>
      <c r="AQ3088">
        <v>0</v>
      </c>
      <c r="AR3088">
        <v>0</v>
      </c>
      <c r="AS3088">
        <v>0</v>
      </c>
      <c r="AT3088">
        <v>0</v>
      </c>
      <c r="AU3088">
        <v>0</v>
      </c>
      <c r="AV3088">
        <v>0</v>
      </c>
      <c r="AW3088">
        <v>0</v>
      </c>
      <c r="AX3088">
        <v>0</v>
      </c>
      <c r="AY3088">
        <v>9</v>
      </c>
      <c r="AZ3088">
        <v>36</v>
      </c>
      <c r="BA3088">
        <v>2489</v>
      </c>
    </row>
    <row r="3089" spans="1:53" x14ac:dyDescent="0.4">
      <c r="A3089">
        <v>3133</v>
      </c>
      <c r="B3089" s="1">
        <v>43835</v>
      </c>
      <c r="C3089">
        <v>1</v>
      </c>
      <c r="D3089" s="1">
        <v>43835.291666666664</v>
      </c>
      <c r="E3089" s="1">
        <v>43835.409722222219</v>
      </c>
      <c r="F3089">
        <v>0</v>
      </c>
      <c r="G3089">
        <v>0</v>
      </c>
      <c r="H3089">
        <v>0</v>
      </c>
      <c r="I3089">
        <v>0</v>
      </c>
      <c r="J3089">
        <v>0</v>
      </c>
      <c r="K3089">
        <v>0</v>
      </c>
      <c r="L3089">
        <v>0</v>
      </c>
      <c r="M3089">
        <v>0</v>
      </c>
      <c r="N3089">
        <v>0</v>
      </c>
      <c r="O3089">
        <v>0</v>
      </c>
      <c r="P3089">
        <v>0</v>
      </c>
      <c r="Q3089">
        <v>0</v>
      </c>
      <c r="R3089">
        <v>0</v>
      </c>
      <c r="S3089">
        <v>0</v>
      </c>
      <c r="T3089">
        <v>0</v>
      </c>
      <c r="U3089">
        <v>0</v>
      </c>
      <c r="V3089">
        <v>0</v>
      </c>
      <c r="W3089">
        <v>0</v>
      </c>
      <c r="X3089">
        <v>0</v>
      </c>
      <c r="Y3089">
        <v>28</v>
      </c>
      <c r="Z3089">
        <v>10</v>
      </c>
      <c r="AA3089">
        <v>153</v>
      </c>
      <c r="AB3089">
        <v>5</v>
      </c>
      <c r="AC3089">
        <v>115</v>
      </c>
      <c r="AD3089">
        <v>27</v>
      </c>
      <c r="AE3089">
        <v>165</v>
      </c>
      <c r="AF3089">
        <v>0</v>
      </c>
      <c r="AG3089">
        <v>50000</v>
      </c>
      <c r="AH3089">
        <v>50000</v>
      </c>
      <c r="AI3089">
        <v>0</v>
      </c>
      <c r="AJ3089">
        <v>0</v>
      </c>
      <c r="AK3089" t="s">
        <v>6</v>
      </c>
      <c r="AL3089">
        <v>0</v>
      </c>
      <c r="AM3089">
        <v>0</v>
      </c>
      <c r="AN3089">
        <v>0</v>
      </c>
      <c r="AO3089">
        <v>0</v>
      </c>
      <c r="AP3089">
        <v>0</v>
      </c>
      <c r="AQ3089">
        <v>0</v>
      </c>
      <c r="AR3089">
        <v>0</v>
      </c>
      <c r="AS3089">
        <v>0</v>
      </c>
      <c r="AT3089">
        <v>0</v>
      </c>
      <c r="AU3089">
        <v>0</v>
      </c>
      <c r="AV3089">
        <v>0</v>
      </c>
      <c r="AW3089">
        <v>0</v>
      </c>
      <c r="AX3089">
        <v>0</v>
      </c>
      <c r="AY3089">
        <v>0</v>
      </c>
      <c r="AZ3089">
        <v>0</v>
      </c>
      <c r="BA3089">
        <v>0</v>
      </c>
    </row>
    <row r="3090" spans="1:53" x14ac:dyDescent="0.4">
      <c r="A3090">
        <v>3134</v>
      </c>
      <c r="B3090" s="1">
        <v>43835</v>
      </c>
      <c r="C3090">
        <v>2</v>
      </c>
      <c r="D3090" s="1">
        <v>43835.409722222219</v>
      </c>
      <c r="E3090" s="1">
        <v>43835.741666666669</v>
      </c>
      <c r="F3090">
        <v>52525</v>
      </c>
      <c r="G3090">
        <v>2180</v>
      </c>
      <c r="H3090">
        <v>400</v>
      </c>
      <c r="I3090">
        <v>0</v>
      </c>
      <c r="J3090">
        <v>650</v>
      </c>
      <c r="K3090">
        <v>0</v>
      </c>
      <c r="L3090">
        <v>0</v>
      </c>
      <c r="M3090">
        <v>5445</v>
      </c>
      <c r="N3090">
        <v>0</v>
      </c>
      <c r="O3090">
        <v>0</v>
      </c>
      <c r="P3090">
        <v>15125</v>
      </c>
      <c r="Q3090">
        <v>0</v>
      </c>
      <c r="R3090">
        <v>75025</v>
      </c>
      <c r="S3090">
        <v>0</v>
      </c>
      <c r="T3090">
        <v>0</v>
      </c>
      <c r="U3090">
        <v>0</v>
      </c>
      <c r="V3090">
        <v>2</v>
      </c>
      <c r="W3090">
        <v>2</v>
      </c>
      <c r="X3090">
        <v>0</v>
      </c>
      <c r="Y3090">
        <v>49</v>
      </c>
      <c r="Z3090">
        <v>38</v>
      </c>
      <c r="AA3090">
        <v>185</v>
      </c>
      <c r="AB3090">
        <v>12</v>
      </c>
      <c r="AC3090">
        <v>106</v>
      </c>
      <c r="AD3090">
        <v>27</v>
      </c>
      <c r="AE3090">
        <v>206</v>
      </c>
      <c r="AF3090">
        <v>6524</v>
      </c>
      <c r="AG3090">
        <v>125025</v>
      </c>
      <c r="AH3090">
        <v>50000</v>
      </c>
      <c r="AI3090">
        <v>0</v>
      </c>
      <c r="AJ3090">
        <v>101</v>
      </c>
      <c r="AK3090" t="s">
        <v>28</v>
      </c>
      <c r="AL3090">
        <v>0</v>
      </c>
      <c r="AM3090">
        <v>0</v>
      </c>
      <c r="AN3090">
        <v>0</v>
      </c>
      <c r="AO3090">
        <v>0</v>
      </c>
      <c r="AP3090">
        <v>0</v>
      </c>
      <c r="AQ3090">
        <v>0</v>
      </c>
      <c r="AR3090">
        <v>0</v>
      </c>
      <c r="AS3090">
        <v>0</v>
      </c>
      <c r="AT3090">
        <v>0</v>
      </c>
      <c r="AU3090">
        <v>0</v>
      </c>
      <c r="AV3090">
        <v>0</v>
      </c>
      <c r="AW3090">
        <v>0</v>
      </c>
      <c r="AX3090">
        <v>1782</v>
      </c>
      <c r="AY3090">
        <v>47</v>
      </c>
      <c r="AZ3090">
        <v>114</v>
      </c>
      <c r="BA3090">
        <v>7424</v>
      </c>
    </row>
    <row r="3091" spans="1:53" x14ac:dyDescent="0.4">
      <c r="A3091">
        <v>3135</v>
      </c>
      <c r="B3091" s="1">
        <v>43836</v>
      </c>
      <c r="C3091">
        <v>1</v>
      </c>
      <c r="D3091" s="1">
        <v>43836.291666666664</v>
      </c>
      <c r="E3091" s="1">
        <v>43836.414583333331</v>
      </c>
      <c r="F3091">
        <v>0</v>
      </c>
      <c r="G3091">
        <v>0</v>
      </c>
      <c r="H3091">
        <v>0</v>
      </c>
      <c r="I3091">
        <v>0</v>
      </c>
      <c r="J3091">
        <v>0</v>
      </c>
      <c r="K3091">
        <v>0</v>
      </c>
      <c r="L3091">
        <v>0</v>
      </c>
      <c r="M3091">
        <v>0</v>
      </c>
      <c r="N3091">
        <v>0</v>
      </c>
      <c r="O3091">
        <v>0</v>
      </c>
      <c r="P3091">
        <v>0</v>
      </c>
      <c r="Q3091">
        <v>0</v>
      </c>
      <c r="R3091">
        <v>0</v>
      </c>
      <c r="S3091">
        <v>0</v>
      </c>
      <c r="T3091">
        <v>0</v>
      </c>
      <c r="U3091">
        <v>0</v>
      </c>
      <c r="V3091">
        <v>0</v>
      </c>
      <c r="W3091">
        <v>0</v>
      </c>
      <c r="X3091">
        <v>0</v>
      </c>
      <c r="Y3091">
        <v>35</v>
      </c>
      <c r="Z3091">
        <v>9</v>
      </c>
      <c r="AA3091">
        <v>91</v>
      </c>
      <c r="AB3091">
        <v>12</v>
      </c>
      <c r="AC3091">
        <v>58</v>
      </c>
      <c r="AD3091">
        <v>15</v>
      </c>
      <c r="AE3091">
        <v>145</v>
      </c>
      <c r="AF3091">
        <v>0</v>
      </c>
      <c r="AG3091">
        <v>50000</v>
      </c>
      <c r="AH3091">
        <v>0</v>
      </c>
      <c r="AI3091">
        <v>50000</v>
      </c>
      <c r="AJ3091">
        <v>0</v>
      </c>
      <c r="AK3091" t="s">
        <v>6</v>
      </c>
      <c r="AL3091">
        <v>0</v>
      </c>
      <c r="AM3091">
        <v>0</v>
      </c>
      <c r="AN3091">
        <v>0</v>
      </c>
      <c r="AO3091">
        <v>0</v>
      </c>
      <c r="AP3091">
        <v>0</v>
      </c>
      <c r="AQ3091">
        <v>0</v>
      </c>
      <c r="AR3091">
        <v>0</v>
      </c>
      <c r="AS3091">
        <v>0</v>
      </c>
      <c r="AT3091">
        <v>0</v>
      </c>
      <c r="AU3091">
        <v>0</v>
      </c>
      <c r="AV3091">
        <v>0</v>
      </c>
      <c r="AW3091">
        <v>0</v>
      </c>
      <c r="AX3091">
        <v>0</v>
      </c>
      <c r="AY3091">
        <v>0</v>
      </c>
      <c r="AZ3091">
        <v>0</v>
      </c>
      <c r="BA3091">
        <v>0</v>
      </c>
    </row>
    <row r="3092" spans="1:53" x14ac:dyDescent="0.4">
      <c r="A3092">
        <v>3136</v>
      </c>
      <c r="B3092" s="1">
        <v>43836</v>
      </c>
      <c r="C3092">
        <v>2</v>
      </c>
      <c r="D3092" s="1">
        <v>43836.414583333331</v>
      </c>
      <c r="E3092" s="1">
        <v>43836.74722222222</v>
      </c>
      <c r="F3092">
        <v>44825</v>
      </c>
      <c r="G3092">
        <v>3380</v>
      </c>
      <c r="H3092">
        <v>200</v>
      </c>
      <c r="I3092">
        <v>0</v>
      </c>
      <c r="J3092">
        <v>0</v>
      </c>
      <c r="K3092">
        <v>0</v>
      </c>
      <c r="L3092">
        <v>0</v>
      </c>
      <c r="M3092">
        <v>4841</v>
      </c>
      <c r="N3092">
        <v>0</v>
      </c>
      <c r="O3092">
        <v>0</v>
      </c>
      <c r="P3092">
        <v>15125</v>
      </c>
      <c r="Q3092">
        <v>0</v>
      </c>
      <c r="R3092">
        <v>68371</v>
      </c>
      <c r="S3092">
        <v>0</v>
      </c>
      <c r="T3092">
        <v>0</v>
      </c>
      <c r="U3092">
        <v>0</v>
      </c>
      <c r="V3092">
        <v>2</v>
      </c>
      <c r="W3092">
        <v>1</v>
      </c>
      <c r="X3092">
        <v>0</v>
      </c>
      <c r="Y3092">
        <v>64</v>
      </c>
      <c r="Z3092">
        <v>40</v>
      </c>
      <c r="AA3092">
        <v>76</v>
      </c>
      <c r="AB3092">
        <v>14</v>
      </c>
      <c r="AC3092">
        <v>75</v>
      </c>
      <c r="AD3092">
        <v>21</v>
      </c>
      <c r="AE3092">
        <v>216</v>
      </c>
      <c r="AF3092">
        <v>0</v>
      </c>
      <c r="AG3092">
        <v>118371</v>
      </c>
      <c r="AH3092">
        <v>50000</v>
      </c>
      <c r="AI3092">
        <v>0</v>
      </c>
      <c r="AJ3092">
        <v>98</v>
      </c>
      <c r="AK3092" t="s">
        <v>35</v>
      </c>
      <c r="AL3092">
        <v>0</v>
      </c>
      <c r="AM3092">
        <v>0</v>
      </c>
      <c r="AN3092">
        <v>0</v>
      </c>
      <c r="AO3092">
        <v>0</v>
      </c>
      <c r="AP3092">
        <v>0</v>
      </c>
      <c r="AQ3092">
        <v>0</v>
      </c>
      <c r="AR3092">
        <v>0</v>
      </c>
      <c r="AS3092">
        <v>0</v>
      </c>
      <c r="AT3092">
        <v>0</v>
      </c>
      <c r="AU3092">
        <v>0</v>
      </c>
      <c r="AV3092">
        <v>0</v>
      </c>
      <c r="AW3092">
        <v>0</v>
      </c>
      <c r="AX3092">
        <v>880</v>
      </c>
      <c r="AY3092">
        <v>49</v>
      </c>
      <c r="AZ3092">
        <v>105</v>
      </c>
      <c r="BA3092">
        <v>7371</v>
      </c>
    </row>
    <row r="3093" spans="1:53" x14ac:dyDescent="0.4">
      <c r="A3093">
        <v>3137</v>
      </c>
      <c r="B3093" s="1">
        <v>43836</v>
      </c>
      <c r="C3093">
        <v>3</v>
      </c>
      <c r="D3093" s="1">
        <v>43836.74722222222</v>
      </c>
      <c r="E3093" s="1">
        <v>43837.239583333336</v>
      </c>
      <c r="F3093">
        <v>54600</v>
      </c>
      <c r="G3093">
        <v>3580</v>
      </c>
      <c r="H3093">
        <v>200</v>
      </c>
      <c r="I3093">
        <v>0</v>
      </c>
      <c r="J3093">
        <v>0</v>
      </c>
      <c r="K3093">
        <v>0</v>
      </c>
      <c r="L3093">
        <v>0</v>
      </c>
      <c r="M3093">
        <v>5838</v>
      </c>
      <c r="N3093">
        <v>0</v>
      </c>
      <c r="O3093">
        <v>0</v>
      </c>
      <c r="P3093">
        <v>-10725</v>
      </c>
      <c r="Q3093">
        <v>0</v>
      </c>
      <c r="R3093">
        <v>53493</v>
      </c>
      <c r="S3093">
        <v>0</v>
      </c>
      <c r="T3093">
        <v>0</v>
      </c>
      <c r="U3093">
        <v>0</v>
      </c>
      <c r="V3093">
        <v>0</v>
      </c>
      <c r="W3093">
        <v>0</v>
      </c>
      <c r="X3093">
        <v>0</v>
      </c>
      <c r="Y3093">
        <v>37</v>
      </c>
      <c r="Z3093">
        <v>10</v>
      </c>
      <c r="AA3093">
        <v>64</v>
      </c>
      <c r="AB3093">
        <v>11</v>
      </c>
      <c r="AC3093">
        <v>73</v>
      </c>
      <c r="AD3093">
        <v>20</v>
      </c>
      <c r="AE3093">
        <v>220</v>
      </c>
      <c r="AF3093">
        <v>0</v>
      </c>
      <c r="AG3093">
        <v>50000</v>
      </c>
      <c r="AH3093">
        <v>0</v>
      </c>
      <c r="AI3093">
        <v>-71864</v>
      </c>
      <c r="AJ3093">
        <v>99</v>
      </c>
      <c r="AK3093" t="s">
        <v>9</v>
      </c>
      <c r="AL3093">
        <v>0</v>
      </c>
      <c r="AM3093">
        <v>0</v>
      </c>
      <c r="AN3093">
        <v>0</v>
      </c>
      <c r="AO3093">
        <v>0</v>
      </c>
      <c r="AP3093">
        <v>0</v>
      </c>
      <c r="AQ3093">
        <v>0</v>
      </c>
      <c r="AR3093">
        <v>0</v>
      </c>
      <c r="AS3093">
        <v>0</v>
      </c>
      <c r="AT3093">
        <v>0</v>
      </c>
      <c r="AU3093">
        <v>0</v>
      </c>
      <c r="AV3093">
        <v>0</v>
      </c>
      <c r="AW3093">
        <v>0</v>
      </c>
      <c r="AX3093">
        <v>0</v>
      </c>
      <c r="AY3093">
        <v>12</v>
      </c>
      <c r="AZ3093">
        <v>31</v>
      </c>
      <c r="BA3093">
        <v>2951</v>
      </c>
    </row>
    <row r="3094" spans="1:53" x14ac:dyDescent="0.4">
      <c r="A3094">
        <v>3138</v>
      </c>
      <c r="B3094" s="1">
        <v>43837</v>
      </c>
      <c r="C3094">
        <v>1</v>
      </c>
      <c r="D3094" s="1">
        <v>43837.291666666664</v>
      </c>
      <c r="E3094" s="1">
        <v>43837.447222222225</v>
      </c>
      <c r="F3094">
        <v>0</v>
      </c>
      <c r="G3094">
        <v>0</v>
      </c>
      <c r="H3094">
        <v>0</v>
      </c>
      <c r="I3094">
        <v>0</v>
      </c>
      <c r="J3094">
        <v>0</v>
      </c>
      <c r="K3094">
        <v>0</v>
      </c>
      <c r="L3094">
        <v>0</v>
      </c>
      <c r="M3094">
        <v>0</v>
      </c>
      <c r="N3094">
        <v>0</v>
      </c>
      <c r="O3094">
        <v>0</v>
      </c>
      <c r="P3094">
        <v>0</v>
      </c>
      <c r="Q3094">
        <v>0</v>
      </c>
      <c r="R3094">
        <v>0</v>
      </c>
      <c r="S3094">
        <v>0</v>
      </c>
      <c r="T3094">
        <v>0</v>
      </c>
      <c r="U3094">
        <v>0</v>
      </c>
      <c r="V3094">
        <v>0</v>
      </c>
      <c r="W3094">
        <v>0</v>
      </c>
      <c r="X3094">
        <v>0</v>
      </c>
      <c r="Y3094">
        <v>37</v>
      </c>
      <c r="Z3094">
        <v>10</v>
      </c>
      <c r="AA3094">
        <v>64</v>
      </c>
      <c r="AB3094">
        <v>11</v>
      </c>
      <c r="AC3094">
        <v>73</v>
      </c>
      <c r="AD3094">
        <v>20</v>
      </c>
      <c r="AE3094">
        <v>220</v>
      </c>
      <c r="AF3094">
        <v>0</v>
      </c>
      <c r="AG3094">
        <v>50000</v>
      </c>
      <c r="AH3094">
        <v>50000</v>
      </c>
      <c r="AI3094">
        <v>0</v>
      </c>
      <c r="AJ3094">
        <v>0</v>
      </c>
      <c r="AK3094" t="s">
        <v>6</v>
      </c>
      <c r="AL3094">
        <v>0</v>
      </c>
      <c r="AM3094">
        <v>0</v>
      </c>
      <c r="AN3094">
        <v>0</v>
      </c>
      <c r="AO3094">
        <v>0</v>
      </c>
      <c r="AP3094">
        <v>0</v>
      </c>
      <c r="AQ3094">
        <v>0</v>
      </c>
      <c r="AR3094">
        <v>0</v>
      </c>
      <c r="AS3094">
        <v>0</v>
      </c>
      <c r="AT3094">
        <v>0</v>
      </c>
      <c r="AU3094">
        <v>0</v>
      </c>
      <c r="AV3094">
        <v>0</v>
      </c>
      <c r="AW3094">
        <v>0</v>
      </c>
      <c r="AX3094">
        <v>0</v>
      </c>
      <c r="AY3094">
        <v>0</v>
      </c>
      <c r="AZ3094">
        <v>0</v>
      </c>
      <c r="BA3094">
        <v>0</v>
      </c>
    </row>
    <row r="3095" spans="1:53" x14ac:dyDescent="0.4">
      <c r="A3095">
        <v>3139</v>
      </c>
      <c r="B3095" s="1">
        <v>43837</v>
      </c>
      <c r="C3095">
        <v>2</v>
      </c>
      <c r="D3095" s="1">
        <v>43837.447222222225</v>
      </c>
      <c r="E3095" s="1">
        <v>43837.744444444441</v>
      </c>
      <c r="F3095">
        <v>24200</v>
      </c>
      <c r="G3095">
        <v>820</v>
      </c>
      <c r="H3095">
        <v>0</v>
      </c>
      <c r="I3095">
        <v>0</v>
      </c>
      <c r="J3095">
        <v>0</v>
      </c>
      <c r="K3095">
        <v>0</v>
      </c>
      <c r="L3095">
        <v>0</v>
      </c>
      <c r="M3095">
        <v>2502</v>
      </c>
      <c r="N3095">
        <v>0</v>
      </c>
      <c r="O3095">
        <v>0</v>
      </c>
      <c r="P3095">
        <v>22880</v>
      </c>
      <c r="Q3095">
        <v>0</v>
      </c>
      <c r="R3095">
        <v>50402</v>
      </c>
      <c r="S3095">
        <v>0</v>
      </c>
      <c r="T3095">
        <v>0</v>
      </c>
      <c r="U3095">
        <v>0</v>
      </c>
      <c r="V3095">
        <v>1</v>
      </c>
      <c r="W3095">
        <v>1</v>
      </c>
      <c r="X3095">
        <v>0</v>
      </c>
      <c r="Y3095">
        <v>67</v>
      </c>
      <c r="Z3095">
        <v>34</v>
      </c>
      <c r="AA3095">
        <v>6</v>
      </c>
      <c r="AB3095">
        <v>0</v>
      </c>
      <c r="AC3095">
        <v>46</v>
      </c>
      <c r="AD3095">
        <v>12</v>
      </c>
      <c r="AE3095">
        <v>282</v>
      </c>
      <c r="AF3095">
        <v>0</v>
      </c>
      <c r="AG3095">
        <v>100402</v>
      </c>
      <c r="AH3095">
        <v>50000</v>
      </c>
      <c r="AI3095">
        <v>0</v>
      </c>
      <c r="AJ3095">
        <v>97</v>
      </c>
      <c r="AK3095" t="s">
        <v>33</v>
      </c>
      <c r="AL3095">
        <v>0</v>
      </c>
      <c r="AM3095">
        <v>0</v>
      </c>
      <c r="AN3095">
        <v>0</v>
      </c>
      <c r="AO3095">
        <v>0</v>
      </c>
      <c r="AP3095">
        <v>0</v>
      </c>
      <c r="AQ3095">
        <v>0</v>
      </c>
      <c r="AR3095">
        <v>0</v>
      </c>
      <c r="AS3095">
        <v>0</v>
      </c>
      <c r="AT3095">
        <v>0</v>
      </c>
      <c r="AU3095">
        <v>0</v>
      </c>
      <c r="AV3095">
        <v>0</v>
      </c>
      <c r="AW3095">
        <v>0</v>
      </c>
      <c r="AX3095">
        <v>726</v>
      </c>
      <c r="AY3095">
        <v>39</v>
      </c>
      <c r="AZ3095">
        <v>82</v>
      </c>
      <c r="BA3095">
        <v>5553</v>
      </c>
    </row>
    <row r="3096" spans="1:53" x14ac:dyDescent="0.4">
      <c r="A3096">
        <v>3140</v>
      </c>
      <c r="B3096" s="1">
        <v>43837</v>
      </c>
      <c r="C3096">
        <v>3</v>
      </c>
      <c r="D3096" s="1">
        <v>43837.744444444441</v>
      </c>
      <c r="E3096" s="1">
        <v>43837.943749999999</v>
      </c>
      <c r="F3096">
        <v>31350</v>
      </c>
      <c r="G3096">
        <v>940</v>
      </c>
      <c r="H3096">
        <v>0</v>
      </c>
      <c r="I3096">
        <v>0</v>
      </c>
      <c r="J3096">
        <v>100</v>
      </c>
      <c r="K3096">
        <v>0</v>
      </c>
      <c r="L3096">
        <v>0</v>
      </c>
      <c r="M3096">
        <v>3219</v>
      </c>
      <c r="N3096">
        <v>0</v>
      </c>
      <c r="O3096">
        <v>0</v>
      </c>
      <c r="P3096">
        <v>-22880</v>
      </c>
      <c r="Q3096">
        <v>0</v>
      </c>
      <c r="R3096">
        <v>12529</v>
      </c>
      <c r="S3096">
        <v>0</v>
      </c>
      <c r="T3096">
        <v>0</v>
      </c>
      <c r="U3096">
        <v>0</v>
      </c>
      <c r="V3096">
        <v>1</v>
      </c>
      <c r="W3096">
        <v>1</v>
      </c>
      <c r="X3096">
        <v>0</v>
      </c>
      <c r="Y3096">
        <v>76</v>
      </c>
      <c r="Z3096">
        <v>36</v>
      </c>
      <c r="AA3096">
        <v>11</v>
      </c>
      <c r="AB3096">
        <v>0</v>
      </c>
      <c r="AC3096">
        <v>57</v>
      </c>
      <c r="AD3096">
        <v>13</v>
      </c>
      <c r="AE3096">
        <v>278</v>
      </c>
      <c r="AF3096">
        <v>1918</v>
      </c>
      <c r="AG3096">
        <v>112931</v>
      </c>
      <c r="AH3096">
        <v>50000</v>
      </c>
      <c r="AI3096">
        <v>0</v>
      </c>
      <c r="AJ3096">
        <v>84</v>
      </c>
      <c r="AK3096" t="s">
        <v>16</v>
      </c>
      <c r="AL3096">
        <v>0</v>
      </c>
      <c r="AM3096">
        <v>0</v>
      </c>
      <c r="AN3096">
        <v>0</v>
      </c>
      <c r="AO3096">
        <v>0</v>
      </c>
      <c r="AP3096">
        <v>0</v>
      </c>
      <c r="AQ3096">
        <v>0</v>
      </c>
      <c r="AR3096">
        <v>0</v>
      </c>
      <c r="AS3096">
        <v>0</v>
      </c>
      <c r="AT3096">
        <v>0</v>
      </c>
      <c r="AU3096">
        <v>0</v>
      </c>
      <c r="AV3096">
        <v>0</v>
      </c>
      <c r="AW3096">
        <v>0</v>
      </c>
      <c r="AX3096">
        <v>0</v>
      </c>
      <c r="AY3096">
        <v>5</v>
      </c>
      <c r="AZ3096">
        <v>10</v>
      </c>
      <c r="BA3096">
        <v>1948</v>
      </c>
    </row>
    <row r="3097" spans="1:53" x14ac:dyDescent="0.4">
      <c r="A3097">
        <v>3141</v>
      </c>
      <c r="B3097" s="1">
        <v>43837</v>
      </c>
      <c r="C3097">
        <v>4</v>
      </c>
      <c r="D3097" s="1">
        <v>43837.943749999999</v>
      </c>
      <c r="E3097" s="1">
        <v>43838.089583333334</v>
      </c>
      <c r="F3097">
        <v>12000</v>
      </c>
      <c r="G3097">
        <v>830</v>
      </c>
      <c r="H3097">
        <v>400</v>
      </c>
      <c r="I3097">
        <v>0</v>
      </c>
      <c r="J3097">
        <v>0</v>
      </c>
      <c r="K3097">
        <v>0</v>
      </c>
      <c r="L3097">
        <v>0</v>
      </c>
      <c r="M3097">
        <v>1323</v>
      </c>
      <c r="N3097">
        <v>0</v>
      </c>
      <c r="O3097">
        <v>0</v>
      </c>
      <c r="P3097">
        <v>6600</v>
      </c>
      <c r="Q3097">
        <v>0</v>
      </c>
      <c r="R3097">
        <v>21153</v>
      </c>
      <c r="S3097">
        <v>0</v>
      </c>
      <c r="T3097">
        <v>0</v>
      </c>
      <c r="U3097">
        <v>0</v>
      </c>
      <c r="V3097">
        <v>1</v>
      </c>
      <c r="W3097">
        <v>2</v>
      </c>
      <c r="X3097">
        <v>0</v>
      </c>
      <c r="Y3097">
        <v>78</v>
      </c>
      <c r="Z3097">
        <v>38</v>
      </c>
      <c r="AA3097">
        <v>104</v>
      </c>
      <c r="AB3097">
        <v>0</v>
      </c>
      <c r="AC3097">
        <v>91</v>
      </c>
      <c r="AD3097">
        <v>12</v>
      </c>
      <c r="AE3097">
        <v>276</v>
      </c>
      <c r="AF3097">
        <v>5438</v>
      </c>
      <c r="AG3097">
        <v>134084</v>
      </c>
      <c r="AH3097">
        <v>50000</v>
      </c>
      <c r="AI3097">
        <v>0</v>
      </c>
      <c r="AJ3097">
        <v>100</v>
      </c>
      <c r="AK3097" t="s">
        <v>0</v>
      </c>
      <c r="AL3097">
        <v>0</v>
      </c>
      <c r="AM3097">
        <v>0</v>
      </c>
      <c r="AN3097">
        <v>0</v>
      </c>
      <c r="AO3097">
        <v>0</v>
      </c>
      <c r="AP3097">
        <v>0</v>
      </c>
      <c r="AQ3097">
        <v>0</v>
      </c>
      <c r="AR3097">
        <v>0</v>
      </c>
      <c r="AS3097">
        <v>0</v>
      </c>
      <c r="AT3097">
        <v>0</v>
      </c>
      <c r="AU3097">
        <v>0</v>
      </c>
      <c r="AV3097">
        <v>0</v>
      </c>
      <c r="AW3097">
        <v>0</v>
      </c>
      <c r="AX3097">
        <v>0</v>
      </c>
      <c r="AY3097">
        <v>5</v>
      </c>
      <c r="AZ3097">
        <v>11</v>
      </c>
      <c r="BA3097">
        <v>417</v>
      </c>
    </row>
    <row r="3098" spans="1:53" x14ac:dyDescent="0.4">
      <c r="A3098">
        <v>3142</v>
      </c>
      <c r="B3098" s="1">
        <v>43837</v>
      </c>
      <c r="C3098">
        <v>5</v>
      </c>
      <c r="D3098" s="1">
        <v>43838.089583333334</v>
      </c>
      <c r="E3098" s="1">
        <v>43838.222222222219</v>
      </c>
      <c r="F3098">
        <v>0</v>
      </c>
      <c r="G3098">
        <v>0</v>
      </c>
      <c r="H3098">
        <v>0</v>
      </c>
      <c r="I3098">
        <v>0</v>
      </c>
      <c r="J3098">
        <v>0</v>
      </c>
      <c r="K3098">
        <v>0</v>
      </c>
      <c r="L3098">
        <v>0</v>
      </c>
      <c r="M3098">
        <v>0</v>
      </c>
      <c r="N3098">
        <v>0</v>
      </c>
      <c r="O3098">
        <v>0</v>
      </c>
      <c r="P3098">
        <v>0</v>
      </c>
      <c r="Q3098">
        <v>0</v>
      </c>
      <c r="R3098">
        <v>0</v>
      </c>
      <c r="S3098">
        <v>0</v>
      </c>
      <c r="T3098">
        <v>0</v>
      </c>
      <c r="U3098">
        <v>0</v>
      </c>
      <c r="V3098">
        <v>0</v>
      </c>
      <c r="W3098">
        <v>0</v>
      </c>
      <c r="X3098">
        <v>0</v>
      </c>
      <c r="Y3098">
        <v>33</v>
      </c>
      <c r="Z3098">
        <v>10</v>
      </c>
      <c r="AA3098">
        <v>108</v>
      </c>
      <c r="AB3098">
        <v>1</v>
      </c>
      <c r="AC3098">
        <v>92</v>
      </c>
      <c r="AD3098">
        <v>11</v>
      </c>
      <c r="AE3098">
        <v>175</v>
      </c>
      <c r="AF3098">
        <v>0</v>
      </c>
      <c r="AG3098">
        <v>50000</v>
      </c>
      <c r="AH3098">
        <v>0</v>
      </c>
      <c r="AI3098">
        <v>-34084</v>
      </c>
      <c r="AJ3098">
        <v>100</v>
      </c>
      <c r="AK3098" t="s">
        <v>0</v>
      </c>
      <c r="AL3098">
        <v>0</v>
      </c>
      <c r="AM3098">
        <v>0</v>
      </c>
      <c r="AN3098">
        <v>0</v>
      </c>
      <c r="AO3098">
        <v>0</v>
      </c>
      <c r="AP3098">
        <v>0</v>
      </c>
      <c r="AQ3098">
        <v>0</v>
      </c>
      <c r="AR3098">
        <v>0</v>
      </c>
      <c r="AS3098">
        <v>0</v>
      </c>
      <c r="AT3098">
        <v>0</v>
      </c>
      <c r="AU3098">
        <v>0</v>
      </c>
      <c r="AV3098">
        <v>0</v>
      </c>
      <c r="AW3098">
        <v>0</v>
      </c>
      <c r="AX3098">
        <v>0</v>
      </c>
      <c r="AY3098">
        <v>0</v>
      </c>
      <c r="AZ3098">
        <v>0</v>
      </c>
      <c r="BA3098">
        <v>191</v>
      </c>
    </row>
    <row r="3099" spans="1:53" x14ac:dyDescent="0.4">
      <c r="A3099">
        <v>3143</v>
      </c>
      <c r="B3099" s="1">
        <v>43838</v>
      </c>
      <c r="C3099">
        <v>1</v>
      </c>
      <c r="D3099" s="1">
        <v>43838.291666666664</v>
      </c>
      <c r="E3099" s="1">
        <v>43838.444444444445</v>
      </c>
      <c r="F3099">
        <v>0</v>
      </c>
      <c r="G3099">
        <v>0</v>
      </c>
      <c r="H3099">
        <v>0</v>
      </c>
      <c r="I3099">
        <v>0</v>
      </c>
      <c r="J3099">
        <v>0</v>
      </c>
      <c r="K3099">
        <v>0</v>
      </c>
      <c r="L3099">
        <v>0</v>
      </c>
      <c r="M3099">
        <v>0</v>
      </c>
      <c r="N3099">
        <v>0</v>
      </c>
      <c r="O3099">
        <v>0</v>
      </c>
      <c r="P3099">
        <v>0</v>
      </c>
      <c r="Q3099">
        <v>0</v>
      </c>
      <c r="R3099">
        <v>0</v>
      </c>
      <c r="S3099">
        <v>0</v>
      </c>
      <c r="T3099">
        <v>0</v>
      </c>
      <c r="U3099">
        <v>0</v>
      </c>
      <c r="V3099">
        <v>0</v>
      </c>
      <c r="W3099">
        <v>0</v>
      </c>
      <c r="X3099">
        <v>0</v>
      </c>
      <c r="Y3099">
        <v>33</v>
      </c>
      <c r="Z3099">
        <v>10</v>
      </c>
      <c r="AA3099">
        <v>108</v>
      </c>
      <c r="AB3099">
        <v>1</v>
      </c>
      <c r="AC3099">
        <v>92</v>
      </c>
      <c r="AD3099">
        <v>11</v>
      </c>
      <c r="AE3099">
        <v>175</v>
      </c>
      <c r="AF3099">
        <v>0</v>
      </c>
      <c r="AG3099">
        <v>50000</v>
      </c>
      <c r="AH3099">
        <v>50000</v>
      </c>
      <c r="AI3099">
        <v>0</v>
      </c>
      <c r="AJ3099">
        <v>0</v>
      </c>
      <c r="AK3099" t="s">
        <v>6</v>
      </c>
      <c r="AL3099">
        <v>0</v>
      </c>
      <c r="AM3099">
        <v>0</v>
      </c>
      <c r="AN3099">
        <v>0</v>
      </c>
      <c r="AO3099">
        <v>0</v>
      </c>
      <c r="AP3099">
        <v>0</v>
      </c>
      <c r="AQ3099">
        <v>0</v>
      </c>
      <c r="AR3099">
        <v>0</v>
      </c>
      <c r="AS3099">
        <v>0</v>
      </c>
      <c r="AT3099">
        <v>0</v>
      </c>
      <c r="AU3099">
        <v>0</v>
      </c>
      <c r="AV3099">
        <v>0</v>
      </c>
      <c r="AW3099">
        <v>0</v>
      </c>
      <c r="AX3099">
        <v>0</v>
      </c>
      <c r="AY3099">
        <v>0</v>
      </c>
      <c r="AZ3099">
        <v>0</v>
      </c>
      <c r="BA3099">
        <v>0</v>
      </c>
    </row>
    <row r="3100" spans="1:53" x14ac:dyDescent="0.4">
      <c r="A3100">
        <v>3144</v>
      </c>
      <c r="B3100" s="1">
        <v>43838</v>
      </c>
      <c r="C3100">
        <v>2</v>
      </c>
      <c r="D3100" s="1">
        <v>43838.444444444445</v>
      </c>
      <c r="E3100" s="1">
        <v>43838.745833333334</v>
      </c>
      <c r="F3100">
        <v>22000</v>
      </c>
      <c r="G3100">
        <v>16480</v>
      </c>
      <c r="H3100">
        <v>0</v>
      </c>
      <c r="I3100">
        <v>0</v>
      </c>
      <c r="J3100">
        <v>100</v>
      </c>
      <c r="K3100">
        <v>0</v>
      </c>
      <c r="L3100">
        <v>0</v>
      </c>
      <c r="M3100">
        <v>3838</v>
      </c>
      <c r="N3100">
        <v>0</v>
      </c>
      <c r="O3100">
        <v>0</v>
      </c>
      <c r="P3100">
        <v>10285</v>
      </c>
      <c r="Q3100">
        <v>0</v>
      </c>
      <c r="R3100">
        <v>52503</v>
      </c>
      <c r="S3100">
        <v>0</v>
      </c>
      <c r="T3100">
        <v>0</v>
      </c>
      <c r="U3100">
        <v>0</v>
      </c>
      <c r="V3100">
        <v>1</v>
      </c>
      <c r="W3100">
        <v>1</v>
      </c>
      <c r="X3100">
        <v>0</v>
      </c>
      <c r="Y3100">
        <v>43</v>
      </c>
      <c r="Z3100">
        <v>26</v>
      </c>
      <c r="AA3100">
        <v>135</v>
      </c>
      <c r="AB3100">
        <v>6</v>
      </c>
      <c r="AC3100">
        <v>100</v>
      </c>
      <c r="AD3100">
        <v>12</v>
      </c>
      <c r="AE3100">
        <v>198</v>
      </c>
      <c r="AF3100">
        <v>16445</v>
      </c>
      <c r="AG3100">
        <v>102503</v>
      </c>
      <c r="AH3100">
        <v>50000</v>
      </c>
      <c r="AI3100">
        <v>0</v>
      </c>
      <c r="AJ3100">
        <v>97</v>
      </c>
      <c r="AK3100" t="s">
        <v>33</v>
      </c>
      <c r="AL3100">
        <v>0</v>
      </c>
      <c r="AM3100">
        <v>0</v>
      </c>
      <c r="AN3100">
        <v>0</v>
      </c>
      <c r="AO3100">
        <v>0</v>
      </c>
      <c r="AP3100">
        <v>0</v>
      </c>
      <c r="AQ3100">
        <v>0</v>
      </c>
      <c r="AR3100">
        <v>0</v>
      </c>
      <c r="AS3100">
        <v>0</v>
      </c>
      <c r="AT3100">
        <v>0</v>
      </c>
      <c r="AU3100">
        <v>0</v>
      </c>
      <c r="AV3100">
        <v>0</v>
      </c>
      <c r="AW3100">
        <v>0</v>
      </c>
      <c r="AX3100">
        <v>440</v>
      </c>
      <c r="AY3100">
        <v>27</v>
      </c>
      <c r="AZ3100">
        <v>54</v>
      </c>
      <c r="BA3100">
        <v>4309</v>
      </c>
    </row>
    <row r="3101" spans="1:53" x14ac:dyDescent="0.4">
      <c r="A3101">
        <v>3145</v>
      </c>
      <c r="B3101" s="1">
        <v>43839</v>
      </c>
      <c r="C3101">
        <v>1</v>
      </c>
      <c r="D3101" s="1">
        <v>43839.291666666664</v>
      </c>
      <c r="E3101" s="1">
        <v>43839.454861111109</v>
      </c>
      <c r="F3101">
        <v>0</v>
      </c>
      <c r="G3101">
        <v>0</v>
      </c>
      <c r="H3101">
        <v>0</v>
      </c>
      <c r="I3101">
        <v>0</v>
      </c>
      <c r="J3101">
        <v>0</v>
      </c>
      <c r="K3101">
        <v>0</v>
      </c>
      <c r="L3101">
        <v>0</v>
      </c>
      <c r="M3101">
        <v>0</v>
      </c>
      <c r="N3101">
        <v>0</v>
      </c>
      <c r="O3101">
        <v>0</v>
      </c>
      <c r="P3101">
        <v>0</v>
      </c>
      <c r="Q3101">
        <v>0</v>
      </c>
      <c r="R3101">
        <v>0</v>
      </c>
      <c r="S3101">
        <v>0</v>
      </c>
      <c r="T3101">
        <v>0</v>
      </c>
      <c r="U3101">
        <v>0</v>
      </c>
      <c r="V3101">
        <v>0</v>
      </c>
      <c r="W3101">
        <v>0</v>
      </c>
      <c r="X3101">
        <v>0</v>
      </c>
      <c r="Y3101">
        <v>35</v>
      </c>
      <c r="Z3101">
        <v>9</v>
      </c>
      <c r="AA3101">
        <v>92</v>
      </c>
      <c r="AB3101">
        <v>10</v>
      </c>
      <c r="AC3101">
        <v>60</v>
      </c>
      <c r="AD3101">
        <v>11</v>
      </c>
      <c r="AE3101">
        <v>145</v>
      </c>
      <c r="AF3101">
        <v>0</v>
      </c>
      <c r="AG3101">
        <v>50000</v>
      </c>
      <c r="AH3101">
        <v>0</v>
      </c>
      <c r="AI3101">
        <v>50000</v>
      </c>
      <c r="AJ3101">
        <v>0</v>
      </c>
      <c r="AK3101" t="s">
        <v>6</v>
      </c>
      <c r="AL3101">
        <v>0</v>
      </c>
      <c r="AM3101">
        <v>0</v>
      </c>
      <c r="AN3101">
        <v>0</v>
      </c>
      <c r="AO3101">
        <v>0</v>
      </c>
      <c r="AP3101">
        <v>0</v>
      </c>
      <c r="AQ3101">
        <v>0</v>
      </c>
      <c r="AR3101">
        <v>0</v>
      </c>
      <c r="AS3101">
        <v>0</v>
      </c>
      <c r="AT3101">
        <v>0</v>
      </c>
      <c r="AU3101">
        <v>0</v>
      </c>
      <c r="AV3101">
        <v>0</v>
      </c>
      <c r="AW3101">
        <v>0</v>
      </c>
      <c r="AX3101">
        <v>0</v>
      </c>
      <c r="AY3101">
        <v>0</v>
      </c>
      <c r="AZ3101">
        <v>0</v>
      </c>
      <c r="BA3101">
        <v>0</v>
      </c>
    </row>
    <row r="3102" spans="1:53" x14ac:dyDescent="0.4">
      <c r="A3102">
        <v>3146</v>
      </c>
      <c r="B3102" s="1">
        <v>43839</v>
      </c>
      <c r="C3102">
        <v>2</v>
      </c>
      <c r="D3102" s="1">
        <v>43839.454861111109</v>
      </c>
      <c r="E3102" s="1">
        <v>43839.743055555555</v>
      </c>
      <c r="F3102">
        <v>16500</v>
      </c>
      <c r="G3102">
        <v>0</v>
      </c>
      <c r="H3102">
        <v>200</v>
      </c>
      <c r="I3102">
        <v>0</v>
      </c>
      <c r="J3102">
        <v>0</v>
      </c>
      <c r="K3102">
        <v>0</v>
      </c>
      <c r="L3102">
        <v>0</v>
      </c>
      <c r="M3102">
        <v>1670</v>
      </c>
      <c r="N3102">
        <v>0</v>
      </c>
      <c r="O3102">
        <v>0</v>
      </c>
      <c r="P3102">
        <v>21780</v>
      </c>
      <c r="Q3102">
        <v>0</v>
      </c>
      <c r="R3102">
        <v>40150</v>
      </c>
      <c r="S3102">
        <v>0</v>
      </c>
      <c r="T3102">
        <v>0</v>
      </c>
      <c r="U3102">
        <v>0</v>
      </c>
      <c r="V3102">
        <v>0</v>
      </c>
      <c r="W3102">
        <v>1</v>
      </c>
      <c r="X3102">
        <v>0</v>
      </c>
      <c r="Y3102">
        <v>67</v>
      </c>
      <c r="Z3102">
        <v>23</v>
      </c>
      <c r="AA3102">
        <v>53</v>
      </c>
      <c r="AB3102">
        <v>8</v>
      </c>
      <c r="AC3102">
        <v>68</v>
      </c>
      <c r="AD3102">
        <v>21</v>
      </c>
      <c r="AE3102">
        <v>165</v>
      </c>
      <c r="AF3102">
        <v>0</v>
      </c>
      <c r="AG3102">
        <v>90150</v>
      </c>
      <c r="AH3102">
        <v>50000</v>
      </c>
      <c r="AI3102">
        <v>0</v>
      </c>
      <c r="AJ3102">
        <v>96</v>
      </c>
      <c r="AK3102" t="s">
        <v>4</v>
      </c>
      <c r="AL3102">
        <v>0</v>
      </c>
      <c r="AM3102">
        <v>0</v>
      </c>
      <c r="AN3102">
        <v>0</v>
      </c>
      <c r="AO3102">
        <v>0</v>
      </c>
      <c r="AP3102">
        <v>0</v>
      </c>
      <c r="AQ3102">
        <v>0</v>
      </c>
      <c r="AR3102">
        <v>0</v>
      </c>
      <c r="AS3102">
        <v>0</v>
      </c>
      <c r="AT3102">
        <v>0</v>
      </c>
      <c r="AU3102">
        <v>0</v>
      </c>
      <c r="AV3102">
        <v>0</v>
      </c>
      <c r="AW3102">
        <v>0</v>
      </c>
      <c r="AX3102">
        <v>-605</v>
      </c>
      <c r="AY3102">
        <v>40</v>
      </c>
      <c r="AZ3102">
        <v>66</v>
      </c>
      <c r="BA3102">
        <v>4847</v>
      </c>
    </row>
    <row r="3103" spans="1:53" x14ac:dyDescent="0.4">
      <c r="A3103">
        <v>3147</v>
      </c>
      <c r="B3103" s="1">
        <v>43840</v>
      </c>
      <c r="C3103">
        <v>1</v>
      </c>
      <c r="D3103" s="1">
        <v>43840.291666666664</v>
      </c>
      <c r="E3103" s="1">
        <v>43840.450694444444</v>
      </c>
      <c r="F3103">
        <v>0</v>
      </c>
      <c r="G3103">
        <v>0</v>
      </c>
      <c r="H3103">
        <v>0</v>
      </c>
      <c r="I3103">
        <v>0</v>
      </c>
      <c r="J3103">
        <v>0</v>
      </c>
      <c r="K3103">
        <v>0</v>
      </c>
      <c r="L3103">
        <v>0</v>
      </c>
      <c r="M3103">
        <v>0</v>
      </c>
      <c r="N3103">
        <v>0</v>
      </c>
      <c r="O3103">
        <v>0</v>
      </c>
      <c r="P3103">
        <v>0</v>
      </c>
      <c r="Q3103">
        <v>0</v>
      </c>
      <c r="R3103">
        <v>0</v>
      </c>
      <c r="S3103">
        <v>0</v>
      </c>
      <c r="T3103">
        <v>0</v>
      </c>
      <c r="U3103">
        <v>0</v>
      </c>
      <c r="V3103">
        <v>0</v>
      </c>
      <c r="W3103">
        <v>0</v>
      </c>
      <c r="X3103">
        <v>0</v>
      </c>
      <c r="Y3103">
        <v>38</v>
      </c>
      <c r="Z3103">
        <v>10</v>
      </c>
      <c r="AA3103">
        <v>59</v>
      </c>
      <c r="AB3103">
        <v>7</v>
      </c>
      <c r="AC3103">
        <v>57</v>
      </c>
      <c r="AD3103">
        <v>15</v>
      </c>
      <c r="AE3103">
        <v>105</v>
      </c>
      <c r="AF3103">
        <v>0</v>
      </c>
      <c r="AG3103">
        <v>50000</v>
      </c>
      <c r="AH3103">
        <v>50000</v>
      </c>
      <c r="AI3103">
        <v>0</v>
      </c>
      <c r="AJ3103">
        <v>0</v>
      </c>
      <c r="AK3103" t="s">
        <v>6</v>
      </c>
      <c r="AL3103">
        <v>0</v>
      </c>
      <c r="AM3103">
        <v>0</v>
      </c>
      <c r="AN3103">
        <v>0</v>
      </c>
      <c r="AO3103">
        <v>0</v>
      </c>
      <c r="AP3103">
        <v>0</v>
      </c>
      <c r="AQ3103">
        <v>0</v>
      </c>
      <c r="AR3103">
        <v>0</v>
      </c>
      <c r="AS3103">
        <v>0</v>
      </c>
      <c r="AT3103">
        <v>0</v>
      </c>
      <c r="AU3103">
        <v>0</v>
      </c>
      <c r="AV3103">
        <v>0</v>
      </c>
      <c r="AW3103">
        <v>0</v>
      </c>
      <c r="AX3103">
        <v>0</v>
      </c>
      <c r="AY3103">
        <v>0</v>
      </c>
      <c r="AZ3103">
        <v>0</v>
      </c>
      <c r="BA3103">
        <v>0</v>
      </c>
    </row>
    <row r="3104" spans="1:53" x14ac:dyDescent="0.4">
      <c r="A3104">
        <v>3148</v>
      </c>
      <c r="B3104" s="1">
        <v>43840</v>
      </c>
      <c r="C3104">
        <v>2</v>
      </c>
      <c r="D3104" s="1">
        <v>43840.450694444444</v>
      </c>
      <c r="E3104" s="1">
        <v>43840.740972222222</v>
      </c>
      <c r="F3104">
        <v>10450</v>
      </c>
      <c r="G3104">
        <v>540</v>
      </c>
      <c r="H3104">
        <v>200</v>
      </c>
      <c r="I3104">
        <v>0</v>
      </c>
      <c r="J3104">
        <v>0</v>
      </c>
      <c r="K3104">
        <v>0</v>
      </c>
      <c r="L3104">
        <v>0</v>
      </c>
      <c r="M3104">
        <v>1119</v>
      </c>
      <c r="N3104">
        <v>0</v>
      </c>
      <c r="O3104">
        <v>0</v>
      </c>
      <c r="P3104">
        <v>17765</v>
      </c>
      <c r="Q3104">
        <v>0</v>
      </c>
      <c r="R3104">
        <v>30074</v>
      </c>
      <c r="S3104">
        <v>0</v>
      </c>
      <c r="T3104">
        <v>0</v>
      </c>
      <c r="U3104">
        <v>0</v>
      </c>
      <c r="V3104">
        <v>1</v>
      </c>
      <c r="W3104">
        <v>0</v>
      </c>
      <c r="X3104">
        <v>0</v>
      </c>
      <c r="Y3104">
        <v>56</v>
      </c>
      <c r="Z3104">
        <v>18</v>
      </c>
      <c r="AA3104">
        <v>42</v>
      </c>
      <c r="AB3104">
        <v>4</v>
      </c>
      <c r="AC3104">
        <v>48</v>
      </c>
      <c r="AD3104">
        <v>13</v>
      </c>
      <c r="AE3104">
        <v>129</v>
      </c>
      <c r="AF3104">
        <v>0</v>
      </c>
      <c r="AG3104">
        <v>80074</v>
      </c>
      <c r="AH3104">
        <v>50000</v>
      </c>
      <c r="AI3104">
        <v>0</v>
      </c>
      <c r="AJ3104">
        <v>97</v>
      </c>
      <c r="AK3104" t="s">
        <v>33</v>
      </c>
      <c r="AL3104">
        <v>0</v>
      </c>
      <c r="AM3104">
        <v>0</v>
      </c>
      <c r="AN3104">
        <v>0</v>
      </c>
      <c r="AO3104">
        <v>0</v>
      </c>
      <c r="AP3104">
        <v>0</v>
      </c>
      <c r="AQ3104">
        <v>0</v>
      </c>
      <c r="AR3104">
        <v>0</v>
      </c>
      <c r="AS3104">
        <v>0</v>
      </c>
      <c r="AT3104">
        <v>0</v>
      </c>
      <c r="AU3104">
        <v>0</v>
      </c>
      <c r="AV3104">
        <v>0</v>
      </c>
      <c r="AW3104">
        <v>0</v>
      </c>
      <c r="AX3104">
        <v>-1340</v>
      </c>
      <c r="AY3104">
        <v>29</v>
      </c>
      <c r="AZ3104">
        <v>46</v>
      </c>
      <c r="BA3104">
        <v>3536</v>
      </c>
    </row>
    <row r="3105" spans="1:53" x14ac:dyDescent="0.4">
      <c r="A3105">
        <v>3149</v>
      </c>
      <c r="B3105" s="1">
        <v>43840</v>
      </c>
      <c r="C3105">
        <v>3</v>
      </c>
      <c r="D3105" s="1">
        <v>43840.740972222222</v>
      </c>
      <c r="E3105" s="1">
        <v>43841.037499999999</v>
      </c>
      <c r="F3105">
        <v>201600</v>
      </c>
      <c r="G3105">
        <v>13990</v>
      </c>
      <c r="H3105">
        <v>200</v>
      </c>
      <c r="I3105">
        <v>0</v>
      </c>
      <c r="J3105">
        <v>0</v>
      </c>
      <c r="K3105">
        <v>1300</v>
      </c>
      <c r="L3105">
        <v>0</v>
      </c>
      <c r="M3105">
        <v>21709</v>
      </c>
      <c r="N3105">
        <v>0</v>
      </c>
      <c r="O3105">
        <v>0</v>
      </c>
      <c r="P3105">
        <v>3795</v>
      </c>
      <c r="Q3105">
        <v>0</v>
      </c>
      <c r="R3105">
        <v>242594</v>
      </c>
      <c r="S3105">
        <v>0</v>
      </c>
      <c r="T3105">
        <v>0</v>
      </c>
      <c r="U3105">
        <v>0</v>
      </c>
      <c r="V3105">
        <v>20</v>
      </c>
      <c r="W3105">
        <v>3</v>
      </c>
      <c r="X3105">
        <v>0</v>
      </c>
      <c r="Y3105">
        <v>44</v>
      </c>
      <c r="Z3105">
        <v>17</v>
      </c>
      <c r="AA3105">
        <v>45</v>
      </c>
      <c r="AB3105">
        <v>8</v>
      </c>
      <c r="AC3105">
        <v>56</v>
      </c>
      <c r="AD3105">
        <v>12</v>
      </c>
      <c r="AE3105">
        <v>126</v>
      </c>
      <c r="AF3105">
        <v>49522</v>
      </c>
      <c r="AG3105">
        <v>322668</v>
      </c>
      <c r="AH3105">
        <v>50000</v>
      </c>
      <c r="AI3105">
        <v>0</v>
      </c>
      <c r="AJ3105">
        <v>100</v>
      </c>
      <c r="AK3105" t="s">
        <v>0</v>
      </c>
      <c r="AL3105">
        <v>0</v>
      </c>
      <c r="AM3105">
        <v>0</v>
      </c>
      <c r="AN3105">
        <v>0</v>
      </c>
      <c r="AO3105">
        <v>0</v>
      </c>
      <c r="AP3105">
        <v>0</v>
      </c>
      <c r="AQ3105">
        <v>0</v>
      </c>
      <c r="AR3105">
        <v>0</v>
      </c>
      <c r="AS3105">
        <v>0</v>
      </c>
      <c r="AT3105">
        <v>0</v>
      </c>
      <c r="AU3105">
        <v>0</v>
      </c>
      <c r="AV3105">
        <v>0</v>
      </c>
      <c r="AW3105">
        <v>0</v>
      </c>
      <c r="AX3105">
        <v>32488</v>
      </c>
      <c r="AY3105">
        <v>29</v>
      </c>
      <c r="AZ3105">
        <v>128</v>
      </c>
      <c r="BA3105">
        <v>4159</v>
      </c>
    </row>
    <row r="3106" spans="1:53" x14ac:dyDescent="0.4">
      <c r="A3106">
        <v>3150</v>
      </c>
      <c r="B3106" s="1">
        <v>43840</v>
      </c>
      <c r="C3106">
        <v>4</v>
      </c>
      <c r="D3106" s="1">
        <v>43841.037499999999</v>
      </c>
      <c r="E3106" s="1">
        <v>43841.10833333333</v>
      </c>
      <c r="F3106">
        <v>37600</v>
      </c>
      <c r="G3106">
        <v>4810</v>
      </c>
      <c r="H3106">
        <v>600</v>
      </c>
      <c r="I3106">
        <v>0</v>
      </c>
      <c r="J3106">
        <v>0</v>
      </c>
      <c r="K3106">
        <v>1950</v>
      </c>
      <c r="L3106">
        <v>0</v>
      </c>
      <c r="M3106">
        <v>4496</v>
      </c>
      <c r="N3106">
        <v>0</v>
      </c>
      <c r="O3106">
        <v>0</v>
      </c>
      <c r="P3106">
        <v>17358</v>
      </c>
      <c r="Q3106">
        <v>0</v>
      </c>
      <c r="R3106">
        <v>66814</v>
      </c>
      <c r="S3106">
        <v>0</v>
      </c>
      <c r="T3106">
        <v>0</v>
      </c>
      <c r="U3106">
        <v>0</v>
      </c>
      <c r="V3106">
        <v>23</v>
      </c>
      <c r="W3106">
        <v>3</v>
      </c>
      <c r="X3106">
        <v>0</v>
      </c>
      <c r="Y3106">
        <v>49</v>
      </c>
      <c r="Z3106">
        <v>18</v>
      </c>
      <c r="AA3106">
        <v>44</v>
      </c>
      <c r="AB3106">
        <v>9</v>
      </c>
      <c r="AC3106">
        <v>45</v>
      </c>
      <c r="AD3106">
        <v>13</v>
      </c>
      <c r="AE3106">
        <v>124</v>
      </c>
      <c r="AF3106">
        <v>80993</v>
      </c>
      <c r="AG3106">
        <v>389482</v>
      </c>
      <c r="AH3106">
        <v>50000</v>
      </c>
      <c r="AI3106">
        <v>0</v>
      </c>
      <c r="AJ3106">
        <v>100</v>
      </c>
      <c r="AK3106" t="s">
        <v>0</v>
      </c>
      <c r="AL3106">
        <v>0</v>
      </c>
      <c r="AM3106">
        <v>0</v>
      </c>
      <c r="AN3106">
        <v>0</v>
      </c>
      <c r="AO3106">
        <v>0</v>
      </c>
      <c r="AP3106">
        <v>0</v>
      </c>
      <c r="AQ3106">
        <v>0</v>
      </c>
      <c r="AR3106">
        <v>0</v>
      </c>
      <c r="AS3106">
        <v>0</v>
      </c>
      <c r="AT3106">
        <v>0</v>
      </c>
      <c r="AU3106">
        <v>0</v>
      </c>
      <c r="AV3106">
        <v>0</v>
      </c>
      <c r="AW3106">
        <v>0</v>
      </c>
      <c r="AX3106">
        <v>-1320</v>
      </c>
      <c r="AY3106">
        <v>2</v>
      </c>
      <c r="AZ3106">
        <v>8</v>
      </c>
      <c r="BA3106">
        <v>806</v>
      </c>
    </row>
    <row r="3107" spans="1:53" x14ac:dyDescent="0.4">
      <c r="A3107">
        <v>3151</v>
      </c>
      <c r="B3107" s="1">
        <v>43841</v>
      </c>
      <c r="C3107">
        <v>1</v>
      </c>
      <c r="D3107" s="1">
        <v>43841.291666666664</v>
      </c>
      <c r="E3107" s="1">
        <v>43841.410416666666</v>
      </c>
      <c r="F3107">
        <v>0</v>
      </c>
      <c r="G3107">
        <v>0</v>
      </c>
      <c r="H3107">
        <v>0</v>
      </c>
      <c r="I3107">
        <v>0</v>
      </c>
      <c r="J3107">
        <v>0</v>
      </c>
      <c r="K3107">
        <v>0</v>
      </c>
      <c r="L3107">
        <v>0</v>
      </c>
      <c r="M3107">
        <v>0</v>
      </c>
      <c r="N3107">
        <v>0</v>
      </c>
      <c r="O3107">
        <v>0</v>
      </c>
      <c r="P3107">
        <v>0</v>
      </c>
      <c r="Q3107">
        <v>0</v>
      </c>
      <c r="R3107">
        <v>0</v>
      </c>
      <c r="S3107">
        <v>0</v>
      </c>
      <c r="T3107">
        <v>0</v>
      </c>
      <c r="U3107">
        <v>0</v>
      </c>
      <c r="V3107">
        <v>0</v>
      </c>
      <c r="W3107">
        <v>0</v>
      </c>
      <c r="X3107">
        <v>0</v>
      </c>
      <c r="Y3107">
        <v>34</v>
      </c>
      <c r="Z3107">
        <v>9</v>
      </c>
      <c r="AA3107">
        <v>98</v>
      </c>
      <c r="AB3107">
        <v>11</v>
      </c>
      <c r="AC3107">
        <v>95</v>
      </c>
      <c r="AD3107">
        <v>14</v>
      </c>
      <c r="AE3107">
        <v>130</v>
      </c>
      <c r="AF3107">
        <v>0</v>
      </c>
      <c r="AG3107">
        <v>50000</v>
      </c>
      <c r="AH3107">
        <v>50000</v>
      </c>
      <c r="AI3107">
        <v>0</v>
      </c>
      <c r="AJ3107">
        <v>0</v>
      </c>
      <c r="AK3107" t="s">
        <v>6</v>
      </c>
      <c r="AL3107">
        <v>0</v>
      </c>
      <c r="AM3107">
        <v>0</v>
      </c>
      <c r="AN3107">
        <v>0</v>
      </c>
      <c r="AO3107">
        <v>0</v>
      </c>
      <c r="AP3107">
        <v>0</v>
      </c>
      <c r="AQ3107">
        <v>0</v>
      </c>
      <c r="AR3107">
        <v>0</v>
      </c>
      <c r="AS3107">
        <v>0</v>
      </c>
      <c r="AT3107">
        <v>0</v>
      </c>
      <c r="AU3107">
        <v>0</v>
      </c>
      <c r="AV3107">
        <v>0</v>
      </c>
      <c r="AW3107">
        <v>0</v>
      </c>
      <c r="AX3107">
        <v>0</v>
      </c>
      <c r="AY3107">
        <v>0</v>
      </c>
      <c r="AZ3107">
        <v>0</v>
      </c>
      <c r="BA3107">
        <v>0</v>
      </c>
    </row>
    <row r="3108" spans="1:53" x14ac:dyDescent="0.4">
      <c r="A3108">
        <v>3152</v>
      </c>
      <c r="B3108" s="1">
        <v>43841</v>
      </c>
      <c r="C3108">
        <v>2</v>
      </c>
      <c r="D3108" s="1">
        <v>43841.410416666666</v>
      </c>
      <c r="E3108" s="1">
        <v>43841.736805555556</v>
      </c>
      <c r="F3108">
        <v>50050</v>
      </c>
      <c r="G3108">
        <v>3380</v>
      </c>
      <c r="H3108">
        <v>200</v>
      </c>
      <c r="I3108">
        <v>0</v>
      </c>
      <c r="J3108">
        <v>0</v>
      </c>
      <c r="K3108">
        <v>0</v>
      </c>
      <c r="L3108">
        <v>0</v>
      </c>
      <c r="M3108">
        <v>5363</v>
      </c>
      <c r="N3108">
        <v>0</v>
      </c>
      <c r="O3108">
        <v>0</v>
      </c>
      <c r="P3108">
        <v>18150</v>
      </c>
      <c r="Q3108">
        <v>0</v>
      </c>
      <c r="R3108">
        <v>77143</v>
      </c>
      <c r="S3108">
        <v>0</v>
      </c>
      <c r="T3108">
        <v>0</v>
      </c>
      <c r="U3108">
        <v>0</v>
      </c>
      <c r="V3108">
        <v>4</v>
      </c>
      <c r="W3108">
        <v>0</v>
      </c>
      <c r="X3108">
        <v>0</v>
      </c>
      <c r="Y3108">
        <v>58</v>
      </c>
      <c r="Z3108">
        <v>27</v>
      </c>
      <c r="AA3108">
        <v>58</v>
      </c>
      <c r="AB3108">
        <v>6</v>
      </c>
      <c r="AC3108">
        <v>52</v>
      </c>
      <c r="AD3108">
        <v>16</v>
      </c>
      <c r="AE3108">
        <v>216</v>
      </c>
      <c r="AF3108">
        <v>8727</v>
      </c>
      <c r="AG3108">
        <v>127143</v>
      </c>
      <c r="AH3108">
        <v>50000</v>
      </c>
      <c r="AI3108">
        <v>0</v>
      </c>
      <c r="AJ3108">
        <v>97</v>
      </c>
      <c r="AK3108" t="s">
        <v>33</v>
      </c>
      <c r="AL3108">
        <v>0</v>
      </c>
      <c r="AM3108">
        <v>0</v>
      </c>
      <c r="AN3108">
        <v>0</v>
      </c>
      <c r="AO3108">
        <v>0</v>
      </c>
      <c r="AP3108">
        <v>0</v>
      </c>
      <c r="AQ3108">
        <v>0</v>
      </c>
      <c r="AR3108">
        <v>0</v>
      </c>
      <c r="AS3108">
        <v>0</v>
      </c>
      <c r="AT3108">
        <v>0</v>
      </c>
      <c r="AU3108">
        <v>0</v>
      </c>
      <c r="AV3108">
        <v>0</v>
      </c>
      <c r="AW3108">
        <v>0</v>
      </c>
      <c r="AX3108">
        <v>-2420</v>
      </c>
      <c r="AY3108">
        <v>49</v>
      </c>
      <c r="AZ3108">
        <v>121</v>
      </c>
      <c r="BA3108">
        <v>7083</v>
      </c>
    </row>
    <row r="3109" spans="1:53" x14ac:dyDescent="0.4">
      <c r="A3109">
        <v>3153</v>
      </c>
      <c r="B3109" s="1">
        <v>43841</v>
      </c>
      <c r="C3109">
        <v>3</v>
      </c>
      <c r="D3109" s="1">
        <v>43841.736805555556</v>
      </c>
      <c r="E3109" s="1">
        <v>43841.956944444442</v>
      </c>
      <c r="F3109">
        <v>66000</v>
      </c>
      <c r="G3109">
        <v>2670</v>
      </c>
      <c r="H3109">
        <v>0</v>
      </c>
      <c r="I3109">
        <v>0</v>
      </c>
      <c r="J3109">
        <v>500</v>
      </c>
      <c r="K3109">
        <v>0</v>
      </c>
      <c r="L3109">
        <v>0</v>
      </c>
      <c r="M3109">
        <v>6817</v>
      </c>
      <c r="N3109">
        <v>0</v>
      </c>
      <c r="O3109">
        <v>0</v>
      </c>
      <c r="P3109">
        <v>-18150</v>
      </c>
      <c r="Q3109">
        <v>0</v>
      </c>
      <c r="R3109">
        <v>56837</v>
      </c>
      <c r="S3109">
        <v>0</v>
      </c>
      <c r="T3109">
        <v>0</v>
      </c>
      <c r="U3109">
        <v>0</v>
      </c>
      <c r="V3109">
        <v>8</v>
      </c>
      <c r="W3109">
        <v>0</v>
      </c>
      <c r="X3109">
        <v>0</v>
      </c>
      <c r="Y3109">
        <v>79</v>
      </c>
      <c r="Z3109">
        <v>20</v>
      </c>
      <c r="AA3109">
        <v>52</v>
      </c>
      <c r="AB3109">
        <v>5</v>
      </c>
      <c r="AC3109">
        <v>51</v>
      </c>
      <c r="AD3109">
        <v>15</v>
      </c>
      <c r="AE3109">
        <v>218</v>
      </c>
      <c r="AF3109">
        <v>8727</v>
      </c>
      <c r="AG3109">
        <v>183980</v>
      </c>
      <c r="AH3109">
        <v>50000</v>
      </c>
      <c r="AI3109">
        <v>0</v>
      </c>
      <c r="AJ3109">
        <v>100</v>
      </c>
      <c r="AK3109" t="s">
        <v>0</v>
      </c>
      <c r="AL3109">
        <v>0</v>
      </c>
      <c r="AM3109">
        <v>0</v>
      </c>
      <c r="AN3109">
        <v>0</v>
      </c>
      <c r="AO3109">
        <v>0</v>
      </c>
      <c r="AP3109">
        <v>0</v>
      </c>
      <c r="AQ3109">
        <v>0</v>
      </c>
      <c r="AR3109">
        <v>0</v>
      </c>
      <c r="AS3109">
        <v>0</v>
      </c>
      <c r="AT3109">
        <v>0</v>
      </c>
      <c r="AU3109">
        <v>0</v>
      </c>
      <c r="AV3109">
        <v>0</v>
      </c>
      <c r="AW3109">
        <v>0</v>
      </c>
      <c r="AX3109">
        <v>75840</v>
      </c>
      <c r="AY3109">
        <v>21</v>
      </c>
      <c r="AZ3109">
        <v>98</v>
      </c>
      <c r="BA3109">
        <v>2927</v>
      </c>
    </row>
    <row r="3110" spans="1:53" x14ac:dyDescent="0.4">
      <c r="A3110">
        <v>3154</v>
      </c>
      <c r="B3110" s="1">
        <v>43842</v>
      </c>
      <c r="C3110">
        <v>1</v>
      </c>
      <c r="D3110" s="1">
        <v>43842.291666666664</v>
      </c>
      <c r="E3110" s="1">
        <v>43842.412499999999</v>
      </c>
      <c r="F3110">
        <v>0</v>
      </c>
      <c r="G3110">
        <v>0</v>
      </c>
      <c r="H3110">
        <v>0</v>
      </c>
      <c r="I3110">
        <v>0</v>
      </c>
      <c r="J3110">
        <v>0</v>
      </c>
      <c r="K3110">
        <v>0</v>
      </c>
      <c r="L3110">
        <v>0</v>
      </c>
      <c r="M3110">
        <v>0</v>
      </c>
      <c r="N3110">
        <v>0</v>
      </c>
      <c r="O3110">
        <v>0</v>
      </c>
      <c r="P3110">
        <v>0</v>
      </c>
      <c r="Q3110">
        <v>0</v>
      </c>
      <c r="R3110">
        <v>0</v>
      </c>
      <c r="S3110">
        <v>0</v>
      </c>
      <c r="T3110">
        <v>0</v>
      </c>
      <c r="U3110">
        <v>0</v>
      </c>
      <c r="V3110">
        <v>0</v>
      </c>
      <c r="W3110">
        <v>2</v>
      </c>
      <c r="X3110">
        <v>0</v>
      </c>
      <c r="Y3110">
        <v>26</v>
      </c>
      <c r="Z3110">
        <v>10</v>
      </c>
      <c r="AA3110">
        <v>78</v>
      </c>
      <c r="AB3110">
        <v>9</v>
      </c>
      <c r="AC3110">
        <v>57</v>
      </c>
      <c r="AD3110">
        <v>12</v>
      </c>
      <c r="AE3110">
        <v>120</v>
      </c>
      <c r="AF3110">
        <v>0</v>
      </c>
      <c r="AG3110">
        <v>50000</v>
      </c>
      <c r="AH3110">
        <v>50000</v>
      </c>
      <c r="AI3110">
        <v>0</v>
      </c>
      <c r="AJ3110">
        <v>0</v>
      </c>
      <c r="AK3110" t="s">
        <v>6</v>
      </c>
      <c r="AL3110">
        <v>0</v>
      </c>
      <c r="AM3110">
        <v>0</v>
      </c>
      <c r="AN3110">
        <v>0</v>
      </c>
      <c r="AO3110">
        <v>0</v>
      </c>
      <c r="AP3110">
        <v>0</v>
      </c>
      <c r="AQ3110">
        <v>0</v>
      </c>
      <c r="AR3110">
        <v>0</v>
      </c>
      <c r="AS3110">
        <v>0</v>
      </c>
      <c r="AT3110">
        <v>0</v>
      </c>
      <c r="AU3110">
        <v>0</v>
      </c>
      <c r="AV3110">
        <v>0</v>
      </c>
      <c r="AW3110">
        <v>0</v>
      </c>
      <c r="AX3110">
        <v>0</v>
      </c>
      <c r="AY3110">
        <v>0</v>
      </c>
      <c r="AZ3110">
        <v>0</v>
      </c>
      <c r="BA3110">
        <v>0</v>
      </c>
    </row>
    <row r="3111" spans="1:53" x14ac:dyDescent="0.4">
      <c r="A3111">
        <v>3155</v>
      </c>
      <c r="B3111" s="1">
        <v>43842</v>
      </c>
      <c r="C3111">
        <v>2</v>
      </c>
      <c r="D3111" s="1">
        <v>43842.412499999999</v>
      </c>
      <c r="E3111" s="1">
        <v>43842.738194444442</v>
      </c>
      <c r="F3111">
        <v>38500</v>
      </c>
      <c r="G3111">
        <v>2320</v>
      </c>
      <c r="H3111">
        <v>200</v>
      </c>
      <c r="I3111">
        <v>0</v>
      </c>
      <c r="J3111">
        <v>100</v>
      </c>
      <c r="K3111">
        <v>0</v>
      </c>
      <c r="L3111">
        <v>0</v>
      </c>
      <c r="M3111">
        <v>4092</v>
      </c>
      <c r="N3111">
        <v>0</v>
      </c>
      <c r="O3111">
        <v>0</v>
      </c>
      <c r="P3111">
        <v>18755</v>
      </c>
      <c r="Q3111">
        <v>0</v>
      </c>
      <c r="R3111">
        <v>63767</v>
      </c>
      <c r="S3111">
        <v>0</v>
      </c>
      <c r="T3111">
        <v>0</v>
      </c>
      <c r="U3111">
        <v>0</v>
      </c>
      <c r="V3111">
        <v>3</v>
      </c>
      <c r="W3111">
        <v>2</v>
      </c>
      <c r="X3111">
        <v>0</v>
      </c>
      <c r="Y3111">
        <v>50</v>
      </c>
      <c r="Z3111">
        <v>26</v>
      </c>
      <c r="AA3111">
        <v>86</v>
      </c>
      <c r="AB3111">
        <v>3</v>
      </c>
      <c r="AC3111">
        <v>47</v>
      </c>
      <c r="AD3111">
        <v>12</v>
      </c>
      <c r="AE3111">
        <v>167</v>
      </c>
      <c r="AF3111">
        <v>1210</v>
      </c>
      <c r="AG3111">
        <v>113657</v>
      </c>
      <c r="AH3111">
        <v>50000</v>
      </c>
      <c r="AI3111">
        <v>-110</v>
      </c>
      <c r="AJ3111">
        <v>93</v>
      </c>
      <c r="AK3111" t="s">
        <v>20</v>
      </c>
      <c r="AL3111">
        <v>0</v>
      </c>
      <c r="AM3111">
        <v>0</v>
      </c>
      <c r="AN3111">
        <v>0</v>
      </c>
      <c r="AO3111">
        <v>0</v>
      </c>
      <c r="AP3111">
        <v>0</v>
      </c>
      <c r="AQ3111">
        <v>0</v>
      </c>
      <c r="AR3111">
        <v>0</v>
      </c>
      <c r="AS3111">
        <v>0</v>
      </c>
      <c r="AT3111">
        <v>0</v>
      </c>
      <c r="AU3111">
        <v>0</v>
      </c>
      <c r="AV3111">
        <v>0</v>
      </c>
      <c r="AW3111">
        <v>0</v>
      </c>
      <c r="AX3111">
        <v>1650</v>
      </c>
      <c r="AY3111">
        <v>47</v>
      </c>
      <c r="AZ3111">
        <v>96</v>
      </c>
      <c r="BA3111">
        <v>7605</v>
      </c>
    </row>
    <row r="3112" spans="1:53" x14ac:dyDescent="0.4">
      <c r="A3112">
        <v>3156</v>
      </c>
      <c r="B3112" s="1">
        <v>43843</v>
      </c>
      <c r="C3112">
        <v>1</v>
      </c>
      <c r="D3112" s="1">
        <v>43843.291666666664</v>
      </c>
      <c r="E3112" s="1">
        <v>43843.411805555559</v>
      </c>
      <c r="F3112">
        <v>0</v>
      </c>
      <c r="G3112">
        <v>0</v>
      </c>
      <c r="H3112">
        <v>0</v>
      </c>
      <c r="I3112">
        <v>0</v>
      </c>
      <c r="J3112">
        <v>0</v>
      </c>
      <c r="K3112">
        <v>0</v>
      </c>
      <c r="L3112">
        <v>0</v>
      </c>
      <c r="M3112">
        <v>0</v>
      </c>
      <c r="N3112">
        <v>0</v>
      </c>
      <c r="O3112">
        <v>0</v>
      </c>
      <c r="P3112">
        <v>0</v>
      </c>
      <c r="Q3112">
        <v>0</v>
      </c>
      <c r="R3112">
        <v>0</v>
      </c>
      <c r="S3112">
        <v>0</v>
      </c>
      <c r="T3112">
        <v>0</v>
      </c>
      <c r="U3112">
        <v>0</v>
      </c>
      <c r="V3112">
        <v>0</v>
      </c>
      <c r="W3112">
        <v>0</v>
      </c>
      <c r="X3112">
        <v>0</v>
      </c>
      <c r="Y3112">
        <v>35</v>
      </c>
      <c r="Z3112">
        <v>9</v>
      </c>
      <c r="AA3112">
        <v>92</v>
      </c>
      <c r="AB3112">
        <v>5</v>
      </c>
      <c r="AC3112">
        <v>86</v>
      </c>
      <c r="AD3112">
        <v>13</v>
      </c>
      <c r="AE3112">
        <v>125</v>
      </c>
      <c r="AF3112">
        <v>0</v>
      </c>
      <c r="AG3112">
        <v>50000</v>
      </c>
      <c r="AH3112">
        <v>0</v>
      </c>
      <c r="AI3112">
        <v>50000</v>
      </c>
      <c r="AJ3112">
        <v>0</v>
      </c>
      <c r="AK3112" t="s">
        <v>6</v>
      </c>
      <c r="AL3112">
        <v>0</v>
      </c>
      <c r="AM3112">
        <v>0</v>
      </c>
      <c r="AN3112">
        <v>0</v>
      </c>
      <c r="AO3112">
        <v>0</v>
      </c>
      <c r="AP3112">
        <v>0</v>
      </c>
      <c r="AQ3112">
        <v>0</v>
      </c>
      <c r="AR3112">
        <v>0</v>
      </c>
      <c r="AS3112">
        <v>0</v>
      </c>
      <c r="AT3112">
        <v>0</v>
      </c>
      <c r="AU3112">
        <v>0</v>
      </c>
      <c r="AV3112">
        <v>0</v>
      </c>
      <c r="AW3112">
        <v>0</v>
      </c>
      <c r="AX3112">
        <v>0</v>
      </c>
      <c r="AY3112">
        <v>0</v>
      </c>
      <c r="AZ3112">
        <v>0</v>
      </c>
      <c r="BA3112">
        <v>0</v>
      </c>
    </row>
    <row r="3113" spans="1:53" x14ac:dyDescent="0.4">
      <c r="A3113">
        <v>3157</v>
      </c>
      <c r="B3113" s="1">
        <v>43843</v>
      </c>
      <c r="C3113">
        <v>2</v>
      </c>
      <c r="D3113" s="1">
        <v>43843.411805555559</v>
      </c>
      <c r="E3113" s="1">
        <v>43843.736111111109</v>
      </c>
      <c r="F3113">
        <v>54175</v>
      </c>
      <c r="G3113">
        <v>6440</v>
      </c>
      <c r="H3113">
        <v>200</v>
      </c>
      <c r="I3113">
        <v>0</v>
      </c>
      <c r="J3113">
        <v>200</v>
      </c>
      <c r="K3113">
        <v>0</v>
      </c>
      <c r="L3113">
        <v>0</v>
      </c>
      <c r="M3113">
        <v>6061</v>
      </c>
      <c r="N3113">
        <v>0</v>
      </c>
      <c r="O3113">
        <v>0</v>
      </c>
      <c r="P3113">
        <v>18150</v>
      </c>
      <c r="Q3113">
        <v>0</v>
      </c>
      <c r="R3113">
        <v>84826</v>
      </c>
      <c r="S3113">
        <v>0</v>
      </c>
      <c r="T3113">
        <v>0</v>
      </c>
      <c r="U3113">
        <v>0</v>
      </c>
      <c r="V3113">
        <v>0</v>
      </c>
      <c r="W3113">
        <v>5</v>
      </c>
      <c r="X3113">
        <v>0</v>
      </c>
      <c r="Y3113">
        <v>81</v>
      </c>
      <c r="Z3113">
        <v>38</v>
      </c>
      <c r="AA3113">
        <v>75</v>
      </c>
      <c r="AB3113">
        <v>17</v>
      </c>
      <c r="AC3113">
        <v>123</v>
      </c>
      <c r="AD3113">
        <v>14</v>
      </c>
      <c r="AE3113">
        <v>176</v>
      </c>
      <c r="AF3113">
        <v>0</v>
      </c>
      <c r="AG3113">
        <v>134826</v>
      </c>
      <c r="AH3113">
        <v>50000</v>
      </c>
      <c r="AI3113">
        <v>0</v>
      </c>
      <c r="AJ3113">
        <v>96</v>
      </c>
      <c r="AK3113" t="s">
        <v>4</v>
      </c>
      <c r="AL3113">
        <v>0</v>
      </c>
      <c r="AM3113">
        <v>0</v>
      </c>
      <c r="AN3113">
        <v>0</v>
      </c>
      <c r="AO3113">
        <v>0</v>
      </c>
      <c r="AP3113">
        <v>0</v>
      </c>
      <c r="AQ3113">
        <v>0</v>
      </c>
      <c r="AR3113">
        <v>0</v>
      </c>
      <c r="AS3113">
        <v>0</v>
      </c>
      <c r="AT3113">
        <v>0</v>
      </c>
      <c r="AU3113">
        <v>0</v>
      </c>
      <c r="AV3113">
        <v>0</v>
      </c>
      <c r="AW3113">
        <v>0</v>
      </c>
      <c r="AX3113">
        <v>-1067</v>
      </c>
      <c r="AY3113">
        <v>52</v>
      </c>
      <c r="AZ3113">
        <v>127</v>
      </c>
      <c r="BA3113">
        <v>7579</v>
      </c>
    </row>
    <row r="3114" spans="1:53" x14ac:dyDescent="0.4">
      <c r="A3114">
        <v>3158</v>
      </c>
      <c r="B3114" s="1">
        <v>43843</v>
      </c>
      <c r="C3114">
        <v>3</v>
      </c>
      <c r="D3114" s="1">
        <v>43843.736111111109</v>
      </c>
      <c r="E3114" s="1">
        <v>43843.956944444442</v>
      </c>
      <c r="F3114">
        <v>33150</v>
      </c>
      <c r="G3114">
        <v>680</v>
      </c>
      <c r="H3114">
        <v>200</v>
      </c>
      <c r="I3114">
        <v>0</v>
      </c>
      <c r="J3114">
        <v>0</v>
      </c>
      <c r="K3114">
        <v>0</v>
      </c>
      <c r="L3114">
        <v>0</v>
      </c>
      <c r="M3114">
        <v>3403</v>
      </c>
      <c r="N3114">
        <v>0</v>
      </c>
      <c r="O3114">
        <v>0</v>
      </c>
      <c r="P3114">
        <v>-18150</v>
      </c>
      <c r="Q3114">
        <v>0</v>
      </c>
      <c r="R3114">
        <v>19283</v>
      </c>
      <c r="S3114">
        <v>0</v>
      </c>
      <c r="T3114">
        <v>0</v>
      </c>
      <c r="U3114">
        <v>0</v>
      </c>
      <c r="V3114">
        <v>1</v>
      </c>
      <c r="W3114">
        <v>5</v>
      </c>
      <c r="X3114">
        <v>0</v>
      </c>
      <c r="Y3114">
        <v>89</v>
      </c>
      <c r="Z3114">
        <v>38</v>
      </c>
      <c r="AA3114">
        <v>85</v>
      </c>
      <c r="AB3114">
        <v>18</v>
      </c>
      <c r="AC3114">
        <v>125</v>
      </c>
      <c r="AD3114">
        <v>12</v>
      </c>
      <c r="AE3114">
        <v>179</v>
      </c>
      <c r="AF3114">
        <v>220</v>
      </c>
      <c r="AG3114">
        <v>154109</v>
      </c>
      <c r="AH3114">
        <v>50000</v>
      </c>
      <c r="AI3114">
        <v>0</v>
      </c>
      <c r="AJ3114">
        <v>99</v>
      </c>
      <c r="AK3114" t="s">
        <v>9</v>
      </c>
      <c r="AL3114">
        <v>0</v>
      </c>
      <c r="AM3114">
        <v>0</v>
      </c>
      <c r="AN3114">
        <v>0</v>
      </c>
      <c r="AO3114">
        <v>0</v>
      </c>
      <c r="AP3114">
        <v>0</v>
      </c>
      <c r="AQ3114">
        <v>0</v>
      </c>
      <c r="AR3114">
        <v>0</v>
      </c>
      <c r="AS3114">
        <v>0</v>
      </c>
      <c r="AT3114">
        <v>0</v>
      </c>
      <c r="AU3114">
        <v>0</v>
      </c>
      <c r="AV3114">
        <v>0</v>
      </c>
      <c r="AW3114">
        <v>0</v>
      </c>
      <c r="AX3114">
        <v>4317</v>
      </c>
      <c r="AY3114">
        <v>12</v>
      </c>
      <c r="AZ3114">
        <v>29</v>
      </c>
      <c r="BA3114">
        <v>2506</v>
      </c>
    </row>
    <row r="3115" spans="1:53" x14ac:dyDescent="0.4">
      <c r="A3115">
        <v>3159</v>
      </c>
      <c r="B3115" s="1">
        <v>43844</v>
      </c>
      <c r="C3115">
        <v>1</v>
      </c>
      <c r="D3115" s="1">
        <v>43844.291666666664</v>
      </c>
      <c r="E3115" s="1">
        <v>43844.756249999999</v>
      </c>
      <c r="F3115">
        <v>25575</v>
      </c>
      <c r="G3115">
        <v>3080</v>
      </c>
      <c r="H3115">
        <v>0</v>
      </c>
      <c r="I3115">
        <v>0</v>
      </c>
      <c r="J3115">
        <v>0</v>
      </c>
      <c r="K3115">
        <v>0</v>
      </c>
      <c r="L3115">
        <v>0</v>
      </c>
      <c r="M3115">
        <v>2866</v>
      </c>
      <c r="N3115">
        <v>0</v>
      </c>
      <c r="O3115">
        <v>0</v>
      </c>
      <c r="P3115">
        <v>4235</v>
      </c>
      <c r="Q3115">
        <v>0</v>
      </c>
      <c r="R3115">
        <v>35756</v>
      </c>
      <c r="S3115">
        <v>0</v>
      </c>
      <c r="T3115">
        <v>0</v>
      </c>
      <c r="U3115">
        <v>0</v>
      </c>
      <c r="V3115">
        <v>0</v>
      </c>
      <c r="W3115">
        <v>0</v>
      </c>
      <c r="X3115">
        <v>0</v>
      </c>
      <c r="Y3115">
        <v>57</v>
      </c>
      <c r="Z3115">
        <v>27</v>
      </c>
      <c r="AA3115">
        <v>128</v>
      </c>
      <c r="AB3115">
        <v>22</v>
      </c>
      <c r="AC3115">
        <v>114</v>
      </c>
      <c r="AD3115">
        <v>21</v>
      </c>
      <c r="AE3115">
        <v>133</v>
      </c>
      <c r="AF3115">
        <v>0</v>
      </c>
      <c r="AG3115">
        <v>85778</v>
      </c>
      <c r="AH3115">
        <v>50000</v>
      </c>
      <c r="AI3115">
        <v>22</v>
      </c>
      <c r="AJ3115">
        <v>107</v>
      </c>
      <c r="AK3115" t="s">
        <v>40</v>
      </c>
      <c r="AL3115">
        <v>0</v>
      </c>
      <c r="AM3115">
        <v>0</v>
      </c>
      <c r="AN3115">
        <v>0</v>
      </c>
      <c r="AO3115">
        <v>0</v>
      </c>
      <c r="AP3115">
        <v>0</v>
      </c>
      <c r="AQ3115">
        <v>0</v>
      </c>
      <c r="AR3115">
        <v>0</v>
      </c>
      <c r="AS3115">
        <v>0</v>
      </c>
      <c r="AT3115">
        <v>0</v>
      </c>
      <c r="AU3115">
        <v>0</v>
      </c>
      <c r="AV3115">
        <v>0</v>
      </c>
      <c r="AW3115">
        <v>0</v>
      </c>
      <c r="AX3115">
        <v>0</v>
      </c>
      <c r="AY3115">
        <v>33</v>
      </c>
      <c r="AZ3115">
        <v>54</v>
      </c>
      <c r="BA3115">
        <v>5008</v>
      </c>
    </row>
    <row r="3116" spans="1:53" x14ac:dyDescent="0.4">
      <c r="A3116">
        <v>3160</v>
      </c>
      <c r="B3116" s="1">
        <v>43844</v>
      </c>
      <c r="C3116">
        <v>2</v>
      </c>
      <c r="D3116" s="1">
        <v>43844.756249999999</v>
      </c>
      <c r="E3116" s="1">
        <v>43844.948611111111</v>
      </c>
      <c r="F3116">
        <v>9350</v>
      </c>
      <c r="G3116">
        <v>0</v>
      </c>
      <c r="H3116">
        <v>0</v>
      </c>
      <c r="I3116">
        <v>0</v>
      </c>
      <c r="J3116">
        <v>0</v>
      </c>
      <c r="K3116">
        <v>0</v>
      </c>
      <c r="L3116">
        <v>0</v>
      </c>
      <c r="M3116">
        <v>935</v>
      </c>
      <c r="N3116">
        <v>0</v>
      </c>
      <c r="O3116">
        <v>0</v>
      </c>
      <c r="P3116">
        <v>12925</v>
      </c>
      <c r="Q3116">
        <v>0</v>
      </c>
      <c r="R3116">
        <v>23210</v>
      </c>
      <c r="S3116">
        <v>0</v>
      </c>
      <c r="T3116">
        <v>0</v>
      </c>
      <c r="U3116">
        <v>0</v>
      </c>
      <c r="V3116">
        <v>0</v>
      </c>
      <c r="W3116">
        <v>3</v>
      </c>
      <c r="X3116">
        <v>0</v>
      </c>
      <c r="Y3116">
        <v>51</v>
      </c>
      <c r="Z3116">
        <v>26</v>
      </c>
      <c r="AA3116">
        <v>121</v>
      </c>
      <c r="AB3116">
        <v>21</v>
      </c>
      <c r="AC3116">
        <v>105</v>
      </c>
      <c r="AD3116">
        <v>22</v>
      </c>
      <c r="AE3116">
        <v>122</v>
      </c>
      <c r="AF3116">
        <v>15534</v>
      </c>
      <c r="AG3116">
        <v>108966</v>
      </c>
      <c r="AH3116">
        <v>50000</v>
      </c>
      <c r="AI3116">
        <v>0</v>
      </c>
      <c r="AJ3116">
        <v>98</v>
      </c>
      <c r="AK3116" t="s">
        <v>35</v>
      </c>
      <c r="AL3116">
        <v>0</v>
      </c>
      <c r="AM3116">
        <v>0</v>
      </c>
      <c r="AN3116">
        <v>0</v>
      </c>
      <c r="AO3116">
        <v>0</v>
      </c>
      <c r="AP3116">
        <v>0</v>
      </c>
      <c r="AQ3116">
        <v>0</v>
      </c>
      <c r="AR3116">
        <v>0</v>
      </c>
      <c r="AS3116">
        <v>0</v>
      </c>
      <c r="AT3116">
        <v>0</v>
      </c>
      <c r="AU3116">
        <v>0</v>
      </c>
      <c r="AV3116">
        <v>0</v>
      </c>
      <c r="AW3116">
        <v>0</v>
      </c>
      <c r="AX3116">
        <v>0</v>
      </c>
      <c r="AY3116">
        <v>5</v>
      </c>
      <c r="AZ3116">
        <v>15</v>
      </c>
      <c r="BA3116">
        <v>862</v>
      </c>
    </row>
    <row r="3117" spans="1:53" x14ac:dyDescent="0.4">
      <c r="A3117">
        <v>3161</v>
      </c>
      <c r="B3117" s="1">
        <v>43844</v>
      </c>
      <c r="C3117">
        <v>3</v>
      </c>
      <c r="D3117" s="1">
        <v>43844.948611111111</v>
      </c>
      <c r="E3117" s="1">
        <v>43845.091666666667</v>
      </c>
      <c r="F3117">
        <v>15800</v>
      </c>
      <c r="G3117">
        <v>0</v>
      </c>
      <c r="H3117">
        <v>200</v>
      </c>
      <c r="I3117">
        <v>0</v>
      </c>
      <c r="J3117">
        <v>0</v>
      </c>
      <c r="K3117">
        <v>6400</v>
      </c>
      <c r="L3117">
        <v>0</v>
      </c>
      <c r="M3117">
        <v>2240</v>
      </c>
      <c r="N3117">
        <v>0</v>
      </c>
      <c r="O3117">
        <v>0</v>
      </c>
      <c r="P3117">
        <v>2997</v>
      </c>
      <c r="Q3117">
        <v>0</v>
      </c>
      <c r="R3117">
        <v>27637</v>
      </c>
      <c r="S3117">
        <v>0</v>
      </c>
      <c r="T3117">
        <v>0</v>
      </c>
      <c r="U3117">
        <v>0</v>
      </c>
      <c r="V3117">
        <v>1</v>
      </c>
      <c r="W3117">
        <v>4</v>
      </c>
      <c r="X3117">
        <v>0</v>
      </c>
      <c r="Y3117">
        <v>65</v>
      </c>
      <c r="Z3117">
        <v>24</v>
      </c>
      <c r="AA3117">
        <v>118</v>
      </c>
      <c r="AB3117">
        <v>19</v>
      </c>
      <c r="AC3117">
        <v>115</v>
      </c>
      <c r="AD3117">
        <v>21</v>
      </c>
      <c r="AE3117">
        <v>119</v>
      </c>
      <c r="AF3117">
        <v>15534</v>
      </c>
      <c r="AG3117">
        <v>136658</v>
      </c>
      <c r="AH3117">
        <v>50000</v>
      </c>
      <c r="AI3117">
        <v>55</v>
      </c>
      <c r="AJ3117">
        <v>100</v>
      </c>
      <c r="AK3117" t="s">
        <v>0</v>
      </c>
      <c r="AL3117">
        <v>0</v>
      </c>
      <c r="AM3117">
        <v>0</v>
      </c>
      <c r="AN3117">
        <v>0</v>
      </c>
      <c r="AO3117">
        <v>0</v>
      </c>
      <c r="AP3117">
        <v>0</v>
      </c>
      <c r="AQ3117">
        <v>0</v>
      </c>
      <c r="AR3117">
        <v>0</v>
      </c>
      <c r="AS3117">
        <v>0</v>
      </c>
      <c r="AT3117">
        <v>0</v>
      </c>
      <c r="AU3117">
        <v>0</v>
      </c>
      <c r="AV3117">
        <v>0</v>
      </c>
      <c r="AW3117">
        <v>0</v>
      </c>
      <c r="AX3117">
        <v>9922</v>
      </c>
      <c r="AY3117">
        <v>5</v>
      </c>
      <c r="AZ3117">
        <v>13</v>
      </c>
      <c r="BA3117">
        <v>581</v>
      </c>
    </row>
    <row r="3118" spans="1:53" x14ac:dyDescent="0.4">
      <c r="A3118">
        <v>3162</v>
      </c>
      <c r="B3118" s="1">
        <v>43845</v>
      </c>
      <c r="C3118">
        <v>1</v>
      </c>
      <c r="D3118" s="1">
        <v>43845.291666666664</v>
      </c>
      <c r="E3118" s="1">
        <v>43845.445833333331</v>
      </c>
      <c r="F3118">
        <v>0</v>
      </c>
      <c r="G3118">
        <v>0</v>
      </c>
      <c r="H3118">
        <v>0</v>
      </c>
      <c r="I3118">
        <v>0</v>
      </c>
      <c r="J3118">
        <v>0</v>
      </c>
      <c r="K3118">
        <v>0</v>
      </c>
      <c r="L3118">
        <v>0</v>
      </c>
      <c r="M3118">
        <v>0</v>
      </c>
      <c r="N3118">
        <v>0</v>
      </c>
      <c r="O3118">
        <v>0</v>
      </c>
      <c r="P3118">
        <v>0</v>
      </c>
      <c r="Q3118">
        <v>0</v>
      </c>
      <c r="R3118">
        <v>0</v>
      </c>
      <c r="S3118">
        <v>0</v>
      </c>
      <c r="T3118">
        <v>0</v>
      </c>
      <c r="U3118">
        <v>0</v>
      </c>
      <c r="V3118">
        <v>0</v>
      </c>
      <c r="W3118">
        <v>0</v>
      </c>
      <c r="X3118">
        <v>0</v>
      </c>
      <c r="Y3118">
        <v>25</v>
      </c>
      <c r="Z3118">
        <v>22</v>
      </c>
      <c r="AA3118">
        <v>118</v>
      </c>
      <c r="AB3118">
        <v>17</v>
      </c>
      <c r="AC3118">
        <v>113</v>
      </c>
      <c r="AD3118">
        <v>20</v>
      </c>
      <c r="AE3118">
        <v>120</v>
      </c>
      <c r="AF3118">
        <v>0</v>
      </c>
      <c r="AG3118">
        <v>50000</v>
      </c>
      <c r="AH3118">
        <v>50000</v>
      </c>
      <c r="AI3118">
        <v>0</v>
      </c>
      <c r="AJ3118">
        <v>0</v>
      </c>
      <c r="AK3118" t="s">
        <v>6</v>
      </c>
      <c r="AL3118">
        <v>0</v>
      </c>
      <c r="AM3118">
        <v>0</v>
      </c>
      <c r="AN3118">
        <v>0</v>
      </c>
      <c r="AO3118">
        <v>0</v>
      </c>
      <c r="AP3118">
        <v>0</v>
      </c>
      <c r="AQ3118">
        <v>0</v>
      </c>
      <c r="AR3118">
        <v>0</v>
      </c>
      <c r="AS3118">
        <v>0</v>
      </c>
      <c r="AT3118">
        <v>0</v>
      </c>
      <c r="AU3118">
        <v>0</v>
      </c>
      <c r="AV3118">
        <v>0</v>
      </c>
      <c r="AW3118">
        <v>0</v>
      </c>
      <c r="AX3118">
        <v>0</v>
      </c>
      <c r="AY3118">
        <v>0</v>
      </c>
      <c r="AZ3118">
        <v>0</v>
      </c>
      <c r="BA3118">
        <v>0</v>
      </c>
    </row>
    <row r="3119" spans="1:53" x14ac:dyDescent="0.4">
      <c r="A3119">
        <v>3163</v>
      </c>
      <c r="B3119" s="1">
        <v>43845</v>
      </c>
      <c r="C3119">
        <v>2</v>
      </c>
      <c r="D3119" s="1">
        <v>43845.445833333331</v>
      </c>
      <c r="E3119" s="1">
        <v>43845.737500000003</v>
      </c>
      <c r="F3119">
        <v>16500</v>
      </c>
      <c r="G3119">
        <v>540</v>
      </c>
      <c r="H3119">
        <v>200</v>
      </c>
      <c r="I3119">
        <v>0</v>
      </c>
      <c r="J3119">
        <v>0</v>
      </c>
      <c r="K3119">
        <v>0</v>
      </c>
      <c r="L3119">
        <v>0</v>
      </c>
      <c r="M3119">
        <v>1724</v>
      </c>
      <c r="N3119">
        <v>0</v>
      </c>
      <c r="O3119">
        <v>0</v>
      </c>
      <c r="P3119">
        <v>23485</v>
      </c>
      <c r="Q3119">
        <v>0</v>
      </c>
      <c r="R3119">
        <v>42449</v>
      </c>
      <c r="S3119">
        <v>0</v>
      </c>
      <c r="T3119">
        <v>0</v>
      </c>
      <c r="U3119">
        <v>0</v>
      </c>
      <c r="V3119">
        <v>2</v>
      </c>
      <c r="W3119">
        <v>1</v>
      </c>
      <c r="X3119">
        <v>0</v>
      </c>
      <c r="Y3119">
        <v>35</v>
      </c>
      <c r="Z3119">
        <v>38</v>
      </c>
      <c r="AA3119">
        <v>111</v>
      </c>
      <c r="AB3119">
        <v>20</v>
      </c>
      <c r="AC3119">
        <v>112</v>
      </c>
      <c r="AD3119">
        <v>17</v>
      </c>
      <c r="AE3119">
        <v>144</v>
      </c>
      <c r="AF3119">
        <v>0</v>
      </c>
      <c r="AG3119">
        <v>92449</v>
      </c>
      <c r="AH3119">
        <v>50000</v>
      </c>
      <c r="AI3119">
        <v>0</v>
      </c>
      <c r="AJ3119">
        <v>97</v>
      </c>
      <c r="AK3119" t="s">
        <v>33</v>
      </c>
      <c r="AL3119">
        <v>0</v>
      </c>
      <c r="AM3119">
        <v>0</v>
      </c>
      <c r="AN3119">
        <v>0</v>
      </c>
      <c r="AO3119">
        <v>0</v>
      </c>
      <c r="AP3119">
        <v>0</v>
      </c>
      <c r="AQ3119">
        <v>0</v>
      </c>
      <c r="AR3119">
        <v>0</v>
      </c>
      <c r="AS3119">
        <v>0</v>
      </c>
      <c r="AT3119">
        <v>0</v>
      </c>
      <c r="AU3119">
        <v>0</v>
      </c>
      <c r="AV3119">
        <v>0</v>
      </c>
      <c r="AW3119">
        <v>0</v>
      </c>
      <c r="AX3119">
        <v>-605</v>
      </c>
      <c r="AY3119">
        <v>37</v>
      </c>
      <c r="AZ3119">
        <v>67</v>
      </c>
      <c r="BA3119">
        <v>4594</v>
      </c>
    </row>
    <row r="3120" spans="1:53" x14ac:dyDescent="0.4">
      <c r="A3120">
        <v>3164</v>
      </c>
      <c r="B3120" s="1">
        <v>43845</v>
      </c>
      <c r="C3120">
        <v>3</v>
      </c>
      <c r="D3120" s="1">
        <v>43845.737500000003</v>
      </c>
      <c r="E3120" s="1">
        <v>43845.961111111108</v>
      </c>
      <c r="F3120">
        <v>32950</v>
      </c>
      <c r="G3120">
        <v>0</v>
      </c>
      <c r="H3120">
        <v>0</v>
      </c>
      <c r="I3120">
        <v>0</v>
      </c>
      <c r="J3120">
        <v>100</v>
      </c>
      <c r="K3120">
        <v>0</v>
      </c>
      <c r="L3120">
        <v>0</v>
      </c>
      <c r="M3120">
        <v>3285</v>
      </c>
      <c r="N3120">
        <v>0</v>
      </c>
      <c r="O3120">
        <v>0</v>
      </c>
      <c r="P3120">
        <v>-12045</v>
      </c>
      <c r="Q3120">
        <v>0</v>
      </c>
      <c r="R3120">
        <v>24090</v>
      </c>
      <c r="S3120">
        <v>0</v>
      </c>
      <c r="T3120">
        <v>0</v>
      </c>
      <c r="U3120">
        <v>0</v>
      </c>
      <c r="V3120">
        <v>4</v>
      </c>
      <c r="W3120">
        <v>0</v>
      </c>
      <c r="X3120">
        <v>0</v>
      </c>
      <c r="Y3120">
        <v>42</v>
      </c>
      <c r="Z3120">
        <v>41</v>
      </c>
      <c r="AA3120">
        <v>116</v>
      </c>
      <c r="AB3120">
        <v>21</v>
      </c>
      <c r="AC3120">
        <v>117</v>
      </c>
      <c r="AD3120">
        <v>15</v>
      </c>
      <c r="AE3120">
        <v>144</v>
      </c>
      <c r="AF3120">
        <v>0</v>
      </c>
      <c r="AG3120">
        <v>116539</v>
      </c>
      <c r="AH3120">
        <v>50000</v>
      </c>
      <c r="AI3120">
        <v>0</v>
      </c>
      <c r="AJ3120">
        <v>100</v>
      </c>
      <c r="AK3120" t="s">
        <v>0</v>
      </c>
      <c r="AL3120">
        <v>0</v>
      </c>
      <c r="AM3120">
        <v>0</v>
      </c>
      <c r="AN3120">
        <v>0</v>
      </c>
      <c r="AO3120">
        <v>0</v>
      </c>
      <c r="AP3120">
        <v>0</v>
      </c>
      <c r="AQ3120">
        <v>0</v>
      </c>
      <c r="AR3120">
        <v>0</v>
      </c>
      <c r="AS3120">
        <v>0</v>
      </c>
      <c r="AT3120">
        <v>0</v>
      </c>
      <c r="AU3120">
        <v>0</v>
      </c>
      <c r="AV3120">
        <v>0</v>
      </c>
      <c r="AW3120">
        <v>0</v>
      </c>
      <c r="AX3120">
        <v>8250</v>
      </c>
      <c r="AY3120">
        <v>14</v>
      </c>
      <c r="AZ3120">
        <v>33</v>
      </c>
      <c r="BA3120">
        <v>2634</v>
      </c>
    </row>
    <row r="3121" spans="1:53" x14ac:dyDescent="0.4">
      <c r="A3121">
        <v>3165</v>
      </c>
      <c r="B3121" s="1">
        <v>43845</v>
      </c>
      <c r="C3121">
        <v>4</v>
      </c>
      <c r="D3121" s="1">
        <v>43845.961111111108</v>
      </c>
      <c r="E3121" s="1">
        <v>43846.079861111109</v>
      </c>
      <c r="F3121">
        <v>32175</v>
      </c>
      <c r="G3121">
        <v>0</v>
      </c>
      <c r="H3121">
        <v>400</v>
      </c>
      <c r="I3121">
        <v>0</v>
      </c>
      <c r="J3121">
        <v>1400</v>
      </c>
      <c r="K3121">
        <v>0</v>
      </c>
      <c r="L3121">
        <v>0</v>
      </c>
      <c r="M3121">
        <v>3118</v>
      </c>
      <c r="N3121">
        <v>0</v>
      </c>
      <c r="O3121">
        <v>0</v>
      </c>
      <c r="P3121">
        <v>-8800</v>
      </c>
      <c r="Q3121">
        <v>0</v>
      </c>
      <c r="R3121">
        <v>25493</v>
      </c>
      <c r="S3121">
        <v>0</v>
      </c>
      <c r="T3121">
        <v>0</v>
      </c>
      <c r="U3121">
        <v>0</v>
      </c>
      <c r="V3121">
        <v>7</v>
      </c>
      <c r="W3121">
        <v>0</v>
      </c>
      <c r="X3121">
        <v>0</v>
      </c>
      <c r="Y3121">
        <v>38</v>
      </c>
      <c r="Z3121">
        <v>40</v>
      </c>
      <c r="AA3121">
        <v>116</v>
      </c>
      <c r="AB3121">
        <v>19</v>
      </c>
      <c r="AC3121">
        <v>117</v>
      </c>
      <c r="AD3121">
        <v>14</v>
      </c>
      <c r="AE3121">
        <v>142</v>
      </c>
      <c r="AF3121">
        <v>0</v>
      </c>
      <c r="AG3121">
        <v>141932</v>
      </c>
      <c r="AH3121">
        <v>50000</v>
      </c>
      <c r="AI3121">
        <v>-100</v>
      </c>
      <c r="AJ3121">
        <v>100</v>
      </c>
      <c r="AK3121" t="s">
        <v>0</v>
      </c>
      <c r="AL3121">
        <v>0</v>
      </c>
      <c r="AM3121">
        <v>0</v>
      </c>
      <c r="AN3121">
        <v>0</v>
      </c>
      <c r="AO3121">
        <v>0</v>
      </c>
      <c r="AP3121">
        <v>0</v>
      </c>
      <c r="AQ3121">
        <v>0</v>
      </c>
      <c r="AR3121">
        <v>0</v>
      </c>
      <c r="AS3121">
        <v>0</v>
      </c>
      <c r="AT3121">
        <v>0</v>
      </c>
      <c r="AU3121">
        <v>0</v>
      </c>
      <c r="AV3121">
        <v>0</v>
      </c>
      <c r="AW3121">
        <v>0</v>
      </c>
      <c r="AX3121">
        <v>0</v>
      </c>
      <c r="AY3121">
        <v>1</v>
      </c>
      <c r="AZ3121">
        <v>2</v>
      </c>
      <c r="BA3121">
        <v>771</v>
      </c>
    </row>
    <row r="3122" spans="1:53" x14ac:dyDescent="0.4">
      <c r="A3122">
        <v>3166</v>
      </c>
      <c r="B3122" s="1">
        <v>43846</v>
      </c>
      <c r="C3122">
        <v>1</v>
      </c>
      <c r="D3122" s="1">
        <v>43846.291666666664</v>
      </c>
      <c r="E3122" s="1">
        <v>43846.45208333333</v>
      </c>
      <c r="F3122">
        <v>0</v>
      </c>
      <c r="G3122">
        <v>0</v>
      </c>
      <c r="H3122">
        <v>0</v>
      </c>
      <c r="I3122">
        <v>0</v>
      </c>
      <c r="J3122">
        <v>0</v>
      </c>
      <c r="K3122">
        <v>0</v>
      </c>
      <c r="L3122">
        <v>0</v>
      </c>
      <c r="M3122">
        <v>0</v>
      </c>
      <c r="N3122">
        <v>0</v>
      </c>
      <c r="O3122">
        <v>0</v>
      </c>
      <c r="P3122">
        <v>0</v>
      </c>
      <c r="Q3122">
        <v>0</v>
      </c>
      <c r="R3122">
        <v>0</v>
      </c>
      <c r="S3122">
        <v>0</v>
      </c>
      <c r="T3122">
        <v>0</v>
      </c>
      <c r="U3122">
        <v>0</v>
      </c>
      <c r="V3122">
        <v>0</v>
      </c>
      <c r="W3122">
        <v>0</v>
      </c>
      <c r="X3122">
        <v>0</v>
      </c>
      <c r="Y3122">
        <v>31</v>
      </c>
      <c r="Z3122">
        <v>10</v>
      </c>
      <c r="AA3122">
        <v>117</v>
      </c>
      <c r="AB3122">
        <v>20</v>
      </c>
      <c r="AC3122">
        <v>108</v>
      </c>
      <c r="AD3122">
        <v>15</v>
      </c>
      <c r="AE3122">
        <v>145</v>
      </c>
      <c r="AF3122">
        <v>0</v>
      </c>
      <c r="AG3122">
        <v>50000</v>
      </c>
      <c r="AH3122">
        <v>0</v>
      </c>
      <c r="AI3122">
        <v>50000</v>
      </c>
      <c r="AJ3122">
        <v>0</v>
      </c>
      <c r="AK3122" t="s">
        <v>6</v>
      </c>
      <c r="AL3122">
        <v>0</v>
      </c>
      <c r="AM3122">
        <v>0</v>
      </c>
      <c r="AN3122">
        <v>0</v>
      </c>
      <c r="AO3122">
        <v>0</v>
      </c>
      <c r="AP3122">
        <v>0</v>
      </c>
      <c r="AQ3122">
        <v>0</v>
      </c>
      <c r="AR3122">
        <v>0</v>
      </c>
      <c r="AS3122">
        <v>0</v>
      </c>
      <c r="AT3122">
        <v>0</v>
      </c>
      <c r="AU3122">
        <v>0</v>
      </c>
      <c r="AV3122">
        <v>0</v>
      </c>
      <c r="AW3122">
        <v>0</v>
      </c>
      <c r="AX3122">
        <v>0</v>
      </c>
      <c r="AY3122">
        <v>0</v>
      </c>
      <c r="AZ3122">
        <v>0</v>
      </c>
      <c r="BA3122">
        <v>0</v>
      </c>
    </row>
    <row r="3123" spans="1:53" x14ac:dyDescent="0.4">
      <c r="A3123">
        <v>3167</v>
      </c>
      <c r="B3123" s="1">
        <v>43846</v>
      </c>
      <c r="C3123">
        <v>2</v>
      </c>
      <c r="D3123" s="1">
        <v>43846.45208333333</v>
      </c>
      <c r="E3123" s="1">
        <v>43846.747916666667</v>
      </c>
      <c r="F3123">
        <v>12100</v>
      </c>
      <c r="G3123">
        <v>280</v>
      </c>
      <c r="H3123">
        <v>0</v>
      </c>
      <c r="I3123">
        <v>0</v>
      </c>
      <c r="J3123">
        <v>0</v>
      </c>
      <c r="K3123">
        <v>0</v>
      </c>
      <c r="L3123">
        <v>0</v>
      </c>
      <c r="M3123">
        <v>1238</v>
      </c>
      <c r="N3123">
        <v>0</v>
      </c>
      <c r="O3123">
        <v>0</v>
      </c>
      <c r="P3123">
        <v>17545</v>
      </c>
      <c r="Q3123">
        <v>0</v>
      </c>
      <c r="R3123">
        <v>31163</v>
      </c>
      <c r="S3123">
        <v>0</v>
      </c>
      <c r="T3123">
        <v>0</v>
      </c>
      <c r="U3123">
        <v>0</v>
      </c>
      <c r="V3123">
        <v>0</v>
      </c>
      <c r="W3123">
        <v>0</v>
      </c>
      <c r="X3123">
        <v>0</v>
      </c>
      <c r="Y3123">
        <v>38</v>
      </c>
      <c r="Z3123">
        <v>29</v>
      </c>
      <c r="AA3123">
        <v>139</v>
      </c>
      <c r="AB3123">
        <v>22</v>
      </c>
      <c r="AC3123">
        <v>131</v>
      </c>
      <c r="AD3123">
        <v>28</v>
      </c>
      <c r="AE3123">
        <v>173</v>
      </c>
      <c r="AF3123">
        <v>12040</v>
      </c>
      <c r="AG3123">
        <v>81163</v>
      </c>
      <c r="AH3123">
        <v>50000</v>
      </c>
      <c r="AI3123">
        <v>0</v>
      </c>
      <c r="AJ3123">
        <v>96</v>
      </c>
      <c r="AK3123" t="s">
        <v>4</v>
      </c>
      <c r="AL3123">
        <v>0</v>
      </c>
      <c r="AM3123">
        <v>0</v>
      </c>
      <c r="AN3123">
        <v>0</v>
      </c>
      <c r="AO3123">
        <v>0</v>
      </c>
      <c r="AP3123">
        <v>0</v>
      </c>
      <c r="AQ3123">
        <v>0</v>
      </c>
      <c r="AR3123">
        <v>0</v>
      </c>
      <c r="AS3123">
        <v>0</v>
      </c>
      <c r="AT3123">
        <v>0</v>
      </c>
      <c r="AU3123">
        <v>0</v>
      </c>
      <c r="AV3123">
        <v>0</v>
      </c>
      <c r="AW3123">
        <v>0</v>
      </c>
      <c r="AX3123">
        <v>-1815</v>
      </c>
      <c r="AY3123">
        <v>29</v>
      </c>
      <c r="AZ3123">
        <v>49</v>
      </c>
      <c r="BA3123">
        <v>3145</v>
      </c>
    </row>
    <row r="3124" spans="1:53" x14ac:dyDescent="0.4">
      <c r="A3124">
        <v>3168</v>
      </c>
      <c r="B3124" s="1">
        <v>43846</v>
      </c>
      <c r="C3124">
        <v>3</v>
      </c>
      <c r="D3124" s="1">
        <v>43846.747916666667</v>
      </c>
      <c r="E3124" s="1">
        <v>43846.953472222223</v>
      </c>
      <c r="F3124">
        <v>38900</v>
      </c>
      <c r="G3124">
        <v>540</v>
      </c>
      <c r="H3124">
        <v>0</v>
      </c>
      <c r="I3124">
        <v>0</v>
      </c>
      <c r="J3124">
        <v>100</v>
      </c>
      <c r="K3124">
        <v>0</v>
      </c>
      <c r="L3124">
        <v>0</v>
      </c>
      <c r="M3124">
        <v>3934</v>
      </c>
      <c r="N3124">
        <v>0</v>
      </c>
      <c r="O3124">
        <v>0</v>
      </c>
      <c r="P3124">
        <v>-8250</v>
      </c>
      <c r="Q3124">
        <v>0</v>
      </c>
      <c r="R3124">
        <v>35024</v>
      </c>
      <c r="S3124">
        <v>0</v>
      </c>
      <c r="T3124">
        <v>0</v>
      </c>
      <c r="U3124">
        <v>0</v>
      </c>
      <c r="V3124">
        <v>3</v>
      </c>
      <c r="W3124">
        <v>0</v>
      </c>
      <c r="X3124">
        <v>0</v>
      </c>
      <c r="Y3124">
        <v>46</v>
      </c>
      <c r="Z3124">
        <v>23</v>
      </c>
      <c r="AA3124">
        <v>139</v>
      </c>
      <c r="AB3124">
        <v>22</v>
      </c>
      <c r="AC3124">
        <v>134</v>
      </c>
      <c r="AD3124">
        <v>27</v>
      </c>
      <c r="AE3124">
        <v>172</v>
      </c>
      <c r="AF3124">
        <v>12040</v>
      </c>
      <c r="AG3124">
        <v>116187</v>
      </c>
      <c r="AH3124">
        <v>50000</v>
      </c>
      <c r="AI3124">
        <v>0</v>
      </c>
      <c r="AJ3124">
        <v>108</v>
      </c>
      <c r="AK3124" t="s">
        <v>30</v>
      </c>
      <c r="AL3124">
        <v>0</v>
      </c>
      <c r="AM3124">
        <v>0</v>
      </c>
      <c r="AN3124">
        <v>0</v>
      </c>
      <c r="AO3124">
        <v>0</v>
      </c>
      <c r="AP3124">
        <v>0</v>
      </c>
      <c r="AQ3124">
        <v>0</v>
      </c>
      <c r="AR3124">
        <v>0</v>
      </c>
      <c r="AS3124">
        <v>0</v>
      </c>
      <c r="AT3124">
        <v>0</v>
      </c>
      <c r="AU3124">
        <v>0</v>
      </c>
      <c r="AV3124">
        <v>0</v>
      </c>
      <c r="AW3124">
        <v>0</v>
      </c>
      <c r="AX3124">
        <v>2915</v>
      </c>
      <c r="AY3124">
        <v>13</v>
      </c>
      <c r="AZ3124">
        <v>30</v>
      </c>
      <c r="BA3124">
        <v>2948</v>
      </c>
    </row>
    <row r="3125" spans="1:53" x14ac:dyDescent="0.4">
      <c r="A3125">
        <v>3169</v>
      </c>
      <c r="B3125" s="1">
        <v>43847</v>
      </c>
      <c r="C3125">
        <v>1</v>
      </c>
      <c r="D3125" s="1">
        <v>43847.291666666664</v>
      </c>
      <c r="E3125" s="1">
        <v>43847.448611111111</v>
      </c>
      <c r="F3125">
        <v>0</v>
      </c>
      <c r="G3125">
        <v>0</v>
      </c>
      <c r="H3125">
        <v>0</v>
      </c>
      <c r="I3125">
        <v>0</v>
      </c>
      <c r="J3125">
        <v>0</v>
      </c>
      <c r="K3125">
        <v>0</v>
      </c>
      <c r="L3125">
        <v>0</v>
      </c>
      <c r="M3125">
        <v>0</v>
      </c>
      <c r="N3125">
        <v>0</v>
      </c>
      <c r="O3125">
        <v>0</v>
      </c>
      <c r="P3125">
        <v>0</v>
      </c>
      <c r="Q3125">
        <v>0</v>
      </c>
      <c r="R3125">
        <v>0</v>
      </c>
      <c r="S3125">
        <v>0</v>
      </c>
      <c r="T3125">
        <v>0</v>
      </c>
      <c r="U3125">
        <v>0</v>
      </c>
      <c r="V3125">
        <v>0</v>
      </c>
      <c r="W3125">
        <v>0</v>
      </c>
      <c r="X3125">
        <v>0</v>
      </c>
      <c r="Y3125">
        <v>34</v>
      </c>
      <c r="Z3125">
        <v>10</v>
      </c>
      <c r="AA3125">
        <v>87</v>
      </c>
      <c r="AB3125">
        <v>23</v>
      </c>
      <c r="AC3125">
        <v>89</v>
      </c>
      <c r="AD3125">
        <v>28</v>
      </c>
      <c r="AE3125">
        <v>120</v>
      </c>
      <c r="AF3125">
        <v>0</v>
      </c>
      <c r="AG3125">
        <v>50000</v>
      </c>
      <c r="AH3125">
        <v>50000</v>
      </c>
      <c r="AI3125">
        <v>0</v>
      </c>
      <c r="AJ3125">
        <v>0</v>
      </c>
      <c r="AK3125" t="s">
        <v>6</v>
      </c>
      <c r="AL3125">
        <v>0</v>
      </c>
      <c r="AM3125">
        <v>0</v>
      </c>
      <c r="AN3125">
        <v>0</v>
      </c>
      <c r="AO3125">
        <v>0</v>
      </c>
      <c r="AP3125">
        <v>0</v>
      </c>
      <c r="AQ3125">
        <v>0</v>
      </c>
      <c r="AR3125">
        <v>0</v>
      </c>
      <c r="AS3125">
        <v>0</v>
      </c>
      <c r="AT3125">
        <v>0</v>
      </c>
      <c r="AU3125">
        <v>0</v>
      </c>
      <c r="AV3125">
        <v>0</v>
      </c>
      <c r="AW3125">
        <v>0</v>
      </c>
      <c r="AX3125">
        <v>0</v>
      </c>
      <c r="AY3125">
        <v>0</v>
      </c>
      <c r="AZ3125">
        <v>0</v>
      </c>
      <c r="BA3125">
        <v>0</v>
      </c>
    </row>
    <row r="3126" spans="1:53" x14ac:dyDescent="0.4">
      <c r="A3126">
        <v>3170</v>
      </c>
      <c r="B3126" s="1">
        <v>43847</v>
      </c>
      <c r="C3126">
        <v>2</v>
      </c>
      <c r="D3126" s="1">
        <v>43847.448611111111</v>
      </c>
      <c r="E3126" s="1">
        <v>43847.743750000001</v>
      </c>
      <c r="F3126">
        <v>25300</v>
      </c>
      <c r="G3126">
        <v>1280</v>
      </c>
      <c r="H3126">
        <v>200</v>
      </c>
      <c r="I3126">
        <v>0</v>
      </c>
      <c r="J3126">
        <v>200</v>
      </c>
      <c r="K3126">
        <v>0</v>
      </c>
      <c r="L3126">
        <v>0</v>
      </c>
      <c r="M3126">
        <v>2658</v>
      </c>
      <c r="N3126">
        <v>0</v>
      </c>
      <c r="O3126">
        <v>0</v>
      </c>
      <c r="P3126">
        <v>15125</v>
      </c>
      <c r="Q3126">
        <v>0</v>
      </c>
      <c r="R3126">
        <v>44363</v>
      </c>
      <c r="S3126">
        <v>0</v>
      </c>
      <c r="T3126">
        <v>0</v>
      </c>
      <c r="U3126">
        <v>0</v>
      </c>
      <c r="V3126">
        <v>2</v>
      </c>
      <c r="W3126">
        <v>2</v>
      </c>
      <c r="X3126">
        <v>0</v>
      </c>
      <c r="Y3126">
        <v>46</v>
      </c>
      <c r="Z3126">
        <v>15</v>
      </c>
      <c r="AA3126">
        <v>68</v>
      </c>
      <c r="AB3126">
        <v>21</v>
      </c>
      <c r="AC3126">
        <v>71</v>
      </c>
      <c r="AD3126">
        <v>21</v>
      </c>
      <c r="AE3126">
        <v>174</v>
      </c>
      <c r="AF3126">
        <v>2024</v>
      </c>
      <c r="AG3126">
        <v>94363</v>
      </c>
      <c r="AH3126">
        <v>50000</v>
      </c>
      <c r="AI3126">
        <v>0</v>
      </c>
      <c r="AJ3126">
        <v>97</v>
      </c>
      <c r="AK3126" t="s">
        <v>33</v>
      </c>
      <c r="AL3126">
        <v>0</v>
      </c>
      <c r="AM3126">
        <v>0</v>
      </c>
      <c r="AN3126">
        <v>0</v>
      </c>
      <c r="AO3126">
        <v>0</v>
      </c>
      <c r="AP3126">
        <v>0</v>
      </c>
      <c r="AQ3126">
        <v>0</v>
      </c>
      <c r="AR3126">
        <v>0</v>
      </c>
      <c r="AS3126">
        <v>0</v>
      </c>
      <c r="AT3126">
        <v>0</v>
      </c>
      <c r="AU3126">
        <v>0</v>
      </c>
      <c r="AV3126">
        <v>0</v>
      </c>
      <c r="AW3126">
        <v>0</v>
      </c>
      <c r="AX3126">
        <v>0</v>
      </c>
      <c r="AY3126">
        <v>36</v>
      </c>
      <c r="AZ3126">
        <v>68</v>
      </c>
      <c r="BA3126">
        <v>5488</v>
      </c>
    </row>
    <row r="3127" spans="1:53" x14ac:dyDescent="0.4">
      <c r="A3127">
        <v>3171</v>
      </c>
      <c r="B3127" s="1">
        <v>43848</v>
      </c>
      <c r="C3127">
        <v>1</v>
      </c>
      <c r="D3127" s="1">
        <v>43848.291666666664</v>
      </c>
      <c r="E3127" s="1">
        <v>43848.40902777778</v>
      </c>
      <c r="F3127">
        <v>0</v>
      </c>
      <c r="G3127">
        <v>0</v>
      </c>
      <c r="H3127">
        <v>0</v>
      </c>
      <c r="I3127">
        <v>0</v>
      </c>
      <c r="J3127">
        <v>0</v>
      </c>
      <c r="K3127">
        <v>0</v>
      </c>
      <c r="L3127">
        <v>0</v>
      </c>
      <c r="M3127">
        <v>0</v>
      </c>
      <c r="N3127">
        <v>0</v>
      </c>
      <c r="O3127">
        <v>0</v>
      </c>
      <c r="P3127">
        <v>0</v>
      </c>
      <c r="Q3127">
        <v>0</v>
      </c>
      <c r="R3127">
        <v>0</v>
      </c>
      <c r="S3127">
        <v>0</v>
      </c>
      <c r="T3127">
        <v>0</v>
      </c>
      <c r="U3127">
        <v>0</v>
      </c>
      <c r="V3127">
        <v>0</v>
      </c>
      <c r="W3127">
        <v>0</v>
      </c>
      <c r="X3127">
        <v>0</v>
      </c>
      <c r="Y3127">
        <v>37</v>
      </c>
      <c r="Z3127">
        <v>11</v>
      </c>
      <c r="AA3127">
        <v>58</v>
      </c>
      <c r="AB3127">
        <v>19</v>
      </c>
      <c r="AC3127">
        <v>52</v>
      </c>
      <c r="AD3127">
        <v>20</v>
      </c>
      <c r="AE3127">
        <v>130</v>
      </c>
      <c r="AF3127">
        <v>0</v>
      </c>
      <c r="AG3127">
        <v>50000</v>
      </c>
      <c r="AH3127">
        <v>50000</v>
      </c>
      <c r="AI3127">
        <v>0</v>
      </c>
      <c r="AJ3127">
        <v>0</v>
      </c>
      <c r="AK3127" t="s">
        <v>6</v>
      </c>
      <c r="AL3127">
        <v>0</v>
      </c>
      <c r="AM3127">
        <v>0</v>
      </c>
      <c r="AN3127">
        <v>0</v>
      </c>
      <c r="AO3127">
        <v>0</v>
      </c>
      <c r="AP3127">
        <v>0</v>
      </c>
      <c r="AQ3127">
        <v>0</v>
      </c>
      <c r="AR3127">
        <v>0</v>
      </c>
      <c r="AS3127">
        <v>0</v>
      </c>
      <c r="AT3127">
        <v>0</v>
      </c>
      <c r="AU3127">
        <v>0</v>
      </c>
      <c r="AV3127">
        <v>0</v>
      </c>
      <c r="AW3127">
        <v>0</v>
      </c>
      <c r="AX3127">
        <v>0</v>
      </c>
      <c r="AY3127">
        <v>0</v>
      </c>
      <c r="AZ3127">
        <v>0</v>
      </c>
      <c r="BA3127">
        <v>0</v>
      </c>
    </row>
    <row r="3128" spans="1:53" x14ac:dyDescent="0.4">
      <c r="A3128">
        <v>3172</v>
      </c>
      <c r="B3128" s="1">
        <v>43848</v>
      </c>
      <c r="C3128">
        <v>2</v>
      </c>
      <c r="D3128" s="1">
        <v>43848.40902777778</v>
      </c>
      <c r="E3128" s="1">
        <v>43848.740277777775</v>
      </c>
      <c r="F3128">
        <v>44000</v>
      </c>
      <c r="G3128">
        <v>2820</v>
      </c>
      <c r="H3128">
        <v>200</v>
      </c>
      <c r="I3128">
        <v>0</v>
      </c>
      <c r="J3128">
        <v>0</v>
      </c>
      <c r="K3128">
        <v>0</v>
      </c>
      <c r="L3128">
        <v>0</v>
      </c>
      <c r="M3128">
        <v>4702</v>
      </c>
      <c r="N3128">
        <v>0</v>
      </c>
      <c r="O3128">
        <v>0</v>
      </c>
      <c r="P3128">
        <v>22990</v>
      </c>
      <c r="Q3128">
        <v>0</v>
      </c>
      <c r="R3128">
        <v>74712</v>
      </c>
      <c r="S3128">
        <v>0</v>
      </c>
      <c r="T3128">
        <v>0</v>
      </c>
      <c r="U3128">
        <v>0</v>
      </c>
      <c r="V3128">
        <v>3</v>
      </c>
      <c r="W3128">
        <v>2</v>
      </c>
      <c r="X3128">
        <v>0</v>
      </c>
      <c r="Y3128">
        <v>65</v>
      </c>
      <c r="Z3128">
        <v>31</v>
      </c>
      <c r="AA3128">
        <v>23</v>
      </c>
      <c r="AB3128">
        <v>24</v>
      </c>
      <c r="AC3128">
        <v>37</v>
      </c>
      <c r="AD3128">
        <v>27</v>
      </c>
      <c r="AE3128">
        <v>207</v>
      </c>
      <c r="AF3128">
        <v>0</v>
      </c>
      <c r="AG3128">
        <v>124712</v>
      </c>
      <c r="AH3128">
        <v>50000</v>
      </c>
      <c r="AI3128">
        <v>0</v>
      </c>
      <c r="AJ3128">
        <v>97</v>
      </c>
      <c r="AK3128" t="s">
        <v>33</v>
      </c>
      <c r="AL3128">
        <v>0</v>
      </c>
      <c r="AM3128">
        <v>0</v>
      </c>
      <c r="AN3128">
        <v>0</v>
      </c>
      <c r="AO3128">
        <v>0</v>
      </c>
      <c r="AP3128">
        <v>0</v>
      </c>
      <c r="AQ3128">
        <v>0</v>
      </c>
      <c r="AR3128">
        <v>0</v>
      </c>
      <c r="AS3128">
        <v>0</v>
      </c>
      <c r="AT3128">
        <v>0</v>
      </c>
      <c r="AU3128">
        <v>0</v>
      </c>
      <c r="AV3128">
        <v>0</v>
      </c>
      <c r="AW3128">
        <v>0</v>
      </c>
      <c r="AX3128">
        <v>1496</v>
      </c>
      <c r="AY3128">
        <v>50</v>
      </c>
      <c r="AZ3128">
        <v>115</v>
      </c>
      <c r="BA3128">
        <v>7783</v>
      </c>
    </row>
    <row r="3129" spans="1:53" x14ac:dyDescent="0.4">
      <c r="A3129">
        <v>3173</v>
      </c>
      <c r="B3129" s="1">
        <v>43848</v>
      </c>
      <c r="C3129">
        <v>3</v>
      </c>
      <c r="D3129" s="1">
        <v>43848.740277777775</v>
      </c>
      <c r="E3129" s="1">
        <v>43849.26666666667</v>
      </c>
      <c r="F3129">
        <v>382797</v>
      </c>
      <c r="G3129">
        <v>22960</v>
      </c>
      <c r="H3129">
        <v>200</v>
      </c>
      <c r="I3129">
        <v>0</v>
      </c>
      <c r="J3129">
        <v>1350</v>
      </c>
      <c r="K3129">
        <v>3300</v>
      </c>
      <c r="L3129">
        <v>0</v>
      </c>
      <c r="M3129">
        <v>40791</v>
      </c>
      <c r="N3129">
        <v>0</v>
      </c>
      <c r="O3129">
        <v>0</v>
      </c>
      <c r="P3129">
        <v>-22990</v>
      </c>
      <c r="Q3129">
        <v>0</v>
      </c>
      <c r="R3129">
        <v>425708</v>
      </c>
      <c r="S3129">
        <v>0</v>
      </c>
      <c r="T3129">
        <v>0</v>
      </c>
      <c r="U3129">
        <v>0</v>
      </c>
      <c r="V3129">
        <v>0</v>
      </c>
      <c r="W3129">
        <v>0</v>
      </c>
      <c r="X3129">
        <v>0</v>
      </c>
      <c r="Y3129">
        <v>38</v>
      </c>
      <c r="Z3129">
        <v>10</v>
      </c>
      <c r="AA3129">
        <v>46</v>
      </c>
      <c r="AB3129">
        <v>30</v>
      </c>
      <c r="AC3129">
        <v>61</v>
      </c>
      <c r="AD3129">
        <v>30</v>
      </c>
      <c r="AE3129">
        <v>140</v>
      </c>
      <c r="AF3129">
        <v>0</v>
      </c>
      <c r="AG3129">
        <v>50000</v>
      </c>
      <c r="AH3129">
        <v>0</v>
      </c>
      <c r="AI3129">
        <v>-450420</v>
      </c>
      <c r="AJ3129">
        <v>108</v>
      </c>
      <c r="AK3129" t="s">
        <v>30</v>
      </c>
      <c r="AL3129">
        <v>0</v>
      </c>
      <c r="AM3129">
        <v>0</v>
      </c>
      <c r="AN3129">
        <v>0</v>
      </c>
      <c r="AO3129">
        <v>0</v>
      </c>
      <c r="AP3129">
        <v>0</v>
      </c>
      <c r="AQ3129">
        <v>0</v>
      </c>
      <c r="AR3129">
        <v>0</v>
      </c>
      <c r="AS3129">
        <v>0</v>
      </c>
      <c r="AT3129">
        <v>0</v>
      </c>
      <c r="AU3129">
        <v>0</v>
      </c>
      <c r="AV3129">
        <v>0</v>
      </c>
      <c r="AW3129">
        <v>0</v>
      </c>
      <c r="AX3129">
        <v>0</v>
      </c>
      <c r="AY3129">
        <v>40</v>
      </c>
      <c r="AZ3129">
        <v>190</v>
      </c>
      <c r="BA3129">
        <v>7100</v>
      </c>
    </row>
    <row r="3130" spans="1:53" x14ac:dyDescent="0.4">
      <c r="A3130">
        <v>3174</v>
      </c>
      <c r="B3130" s="1">
        <v>43849</v>
      </c>
      <c r="C3130">
        <v>1</v>
      </c>
      <c r="D3130" s="1">
        <v>43849.291666666664</v>
      </c>
      <c r="E3130" s="1">
        <v>43849.410416666666</v>
      </c>
      <c r="F3130">
        <v>0</v>
      </c>
      <c r="G3130">
        <v>0</v>
      </c>
      <c r="H3130">
        <v>0</v>
      </c>
      <c r="I3130">
        <v>0</v>
      </c>
      <c r="J3130">
        <v>0</v>
      </c>
      <c r="K3130">
        <v>0</v>
      </c>
      <c r="L3130">
        <v>0</v>
      </c>
      <c r="M3130">
        <v>0</v>
      </c>
      <c r="N3130">
        <v>0</v>
      </c>
      <c r="O3130">
        <v>0</v>
      </c>
      <c r="P3130">
        <v>0</v>
      </c>
      <c r="Q3130">
        <v>0</v>
      </c>
      <c r="R3130">
        <v>0</v>
      </c>
      <c r="S3130">
        <v>0</v>
      </c>
      <c r="T3130">
        <v>0</v>
      </c>
      <c r="U3130">
        <v>0</v>
      </c>
      <c r="V3130">
        <v>0</v>
      </c>
      <c r="W3130">
        <v>0</v>
      </c>
      <c r="X3130">
        <v>0</v>
      </c>
      <c r="Y3130">
        <v>38</v>
      </c>
      <c r="Z3130">
        <v>10</v>
      </c>
      <c r="AA3130">
        <v>46</v>
      </c>
      <c r="AB3130">
        <v>30</v>
      </c>
      <c r="AC3130">
        <v>61</v>
      </c>
      <c r="AD3130">
        <v>30</v>
      </c>
      <c r="AE3130">
        <v>140</v>
      </c>
      <c r="AF3130">
        <v>0</v>
      </c>
      <c r="AG3130">
        <v>50000</v>
      </c>
      <c r="AH3130">
        <v>50000</v>
      </c>
      <c r="AI3130">
        <v>0</v>
      </c>
      <c r="AJ3130">
        <v>0</v>
      </c>
      <c r="AK3130" t="s">
        <v>6</v>
      </c>
      <c r="AL3130">
        <v>0</v>
      </c>
      <c r="AM3130">
        <v>0</v>
      </c>
      <c r="AN3130">
        <v>0</v>
      </c>
      <c r="AO3130">
        <v>0</v>
      </c>
      <c r="AP3130">
        <v>0</v>
      </c>
      <c r="AQ3130">
        <v>0</v>
      </c>
      <c r="AR3130">
        <v>0</v>
      </c>
      <c r="AS3130">
        <v>0</v>
      </c>
      <c r="AT3130">
        <v>0</v>
      </c>
      <c r="AU3130">
        <v>0</v>
      </c>
      <c r="AV3130">
        <v>0</v>
      </c>
      <c r="AW3130">
        <v>0</v>
      </c>
      <c r="AX3130">
        <v>0</v>
      </c>
      <c r="AY3130">
        <v>0</v>
      </c>
      <c r="AZ3130">
        <v>0</v>
      </c>
      <c r="BA3130">
        <v>0</v>
      </c>
    </row>
    <row r="3131" spans="1:53" x14ac:dyDescent="0.4">
      <c r="A3131">
        <v>3175</v>
      </c>
      <c r="B3131" s="1">
        <v>43849</v>
      </c>
      <c r="C3131">
        <v>2</v>
      </c>
      <c r="D3131" s="1">
        <v>43849.410416666666</v>
      </c>
      <c r="E3131" s="1">
        <v>43849.738888888889</v>
      </c>
      <c r="F3131">
        <v>53350</v>
      </c>
      <c r="G3131">
        <v>5540</v>
      </c>
      <c r="H3131">
        <v>200</v>
      </c>
      <c r="I3131">
        <v>0</v>
      </c>
      <c r="J3131">
        <v>200</v>
      </c>
      <c r="K3131">
        <v>0</v>
      </c>
      <c r="L3131">
        <v>0</v>
      </c>
      <c r="M3131">
        <v>5889</v>
      </c>
      <c r="N3131">
        <v>0</v>
      </c>
      <c r="O3131">
        <v>0</v>
      </c>
      <c r="P3131">
        <v>20570</v>
      </c>
      <c r="Q3131">
        <v>0</v>
      </c>
      <c r="R3131">
        <v>85349</v>
      </c>
      <c r="S3131">
        <v>0</v>
      </c>
      <c r="T3131">
        <v>0</v>
      </c>
      <c r="U3131">
        <v>0</v>
      </c>
      <c r="V3131">
        <v>0</v>
      </c>
      <c r="W3131">
        <v>2</v>
      </c>
      <c r="X3131">
        <v>0</v>
      </c>
      <c r="Y3131">
        <v>92</v>
      </c>
      <c r="Z3131">
        <v>50</v>
      </c>
      <c r="AA3131">
        <v>56</v>
      </c>
      <c r="AB3131">
        <v>34</v>
      </c>
      <c r="AC3131">
        <v>69</v>
      </c>
      <c r="AD3131">
        <v>37</v>
      </c>
      <c r="AE3131">
        <v>174</v>
      </c>
      <c r="AF3131">
        <v>0</v>
      </c>
      <c r="AG3131">
        <v>135349</v>
      </c>
      <c r="AH3131">
        <v>50000</v>
      </c>
      <c r="AI3131">
        <v>0</v>
      </c>
      <c r="AJ3131">
        <v>93</v>
      </c>
      <c r="AK3131" t="s">
        <v>20</v>
      </c>
      <c r="AL3131">
        <v>0</v>
      </c>
      <c r="AM3131">
        <v>0</v>
      </c>
      <c r="AN3131">
        <v>0</v>
      </c>
      <c r="AO3131">
        <v>0</v>
      </c>
      <c r="AP3131">
        <v>0</v>
      </c>
      <c r="AQ3131">
        <v>0</v>
      </c>
      <c r="AR3131">
        <v>0</v>
      </c>
      <c r="AS3131">
        <v>0</v>
      </c>
      <c r="AT3131">
        <v>0</v>
      </c>
      <c r="AU3131">
        <v>0</v>
      </c>
      <c r="AV3131">
        <v>0</v>
      </c>
      <c r="AW3131">
        <v>0</v>
      </c>
      <c r="AX3131">
        <v>-22</v>
      </c>
      <c r="AY3131">
        <v>51</v>
      </c>
      <c r="AZ3131">
        <v>130</v>
      </c>
      <c r="BA3131">
        <v>7573</v>
      </c>
    </row>
    <row r="3132" spans="1:53" x14ac:dyDescent="0.4">
      <c r="A3132">
        <v>3176</v>
      </c>
      <c r="B3132" s="1">
        <v>43849</v>
      </c>
      <c r="C3132">
        <v>3</v>
      </c>
      <c r="D3132" s="1">
        <v>43849.738888888889</v>
      </c>
      <c r="E3132" s="1">
        <v>43849.94027777778</v>
      </c>
      <c r="F3132">
        <v>43000</v>
      </c>
      <c r="G3132">
        <v>2290</v>
      </c>
      <c r="H3132">
        <v>200</v>
      </c>
      <c r="I3132">
        <v>0</v>
      </c>
      <c r="J3132">
        <v>0</v>
      </c>
      <c r="K3132">
        <v>0</v>
      </c>
      <c r="L3132">
        <v>0</v>
      </c>
      <c r="M3132">
        <v>4549</v>
      </c>
      <c r="N3132">
        <v>0</v>
      </c>
      <c r="O3132">
        <v>0</v>
      </c>
      <c r="P3132">
        <v>-20570</v>
      </c>
      <c r="Q3132">
        <v>0</v>
      </c>
      <c r="R3132">
        <v>29469</v>
      </c>
      <c r="S3132">
        <v>0</v>
      </c>
      <c r="T3132">
        <v>0</v>
      </c>
      <c r="U3132">
        <v>0</v>
      </c>
      <c r="V3132">
        <v>0</v>
      </c>
      <c r="W3132">
        <v>3</v>
      </c>
      <c r="X3132">
        <v>0</v>
      </c>
      <c r="Y3132">
        <v>101</v>
      </c>
      <c r="Z3132">
        <v>51</v>
      </c>
      <c r="AA3132">
        <v>61</v>
      </c>
      <c r="AB3132">
        <v>34</v>
      </c>
      <c r="AC3132">
        <v>85</v>
      </c>
      <c r="AD3132">
        <v>39</v>
      </c>
      <c r="AE3132">
        <v>173</v>
      </c>
      <c r="AF3132">
        <v>14300</v>
      </c>
      <c r="AG3132">
        <v>164818</v>
      </c>
      <c r="AH3132">
        <v>50000</v>
      </c>
      <c r="AI3132">
        <v>0</v>
      </c>
      <c r="AJ3132">
        <v>99</v>
      </c>
      <c r="AK3132" t="s">
        <v>9</v>
      </c>
      <c r="AL3132">
        <v>0</v>
      </c>
      <c r="AM3132">
        <v>0</v>
      </c>
      <c r="AN3132">
        <v>0</v>
      </c>
      <c r="AO3132">
        <v>0</v>
      </c>
      <c r="AP3132">
        <v>0</v>
      </c>
      <c r="AQ3132">
        <v>0</v>
      </c>
      <c r="AR3132">
        <v>0</v>
      </c>
      <c r="AS3132">
        <v>0</v>
      </c>
      <c r="AT3132">
        <v>0</v>
      </c>
      <c r="AU3132">
        <v>0</v>
      </c>
      <c r="AV3132">
        <v>0</v>
      </c>
      <c r="AW3132">
        <v>0</v>
      </c>
      <c r="AX3132">
        <v>7535</v>
      </c>
      <c r="AY3132">
        <v>12</v>
      </c>
      <c r="AZ3132">
        <v>26</v>
      </c>
      <c r="BA3132">
        <v>2673</v>
      </c>
    </row>
    <row r="3133" spans="1:53" x14ac:dyDescent="0.4">
      <c r="A3133">
        <v>3177</v>
      </c>
      <c r="B3133" s="1">
        <v>43850</v>
      </c>
      <c r="C3133">
        <v>1</v>
      </c>
      <c r="D3133" s="1">
        <v>43850.291666666664</v>
      </c>
      <c r="E3133" s="1">
        <v>43850.455555555556</v>
      </c>
      <c r="F3133">
        <v>0</v>
      </c>
      <c r="G3133">
        <v>0</v>
      </c>
      <c r="H3133">
        <v>0</v>
      </c>
      <c r="I3133">
        <v>0</v>
      </c>
      <c r="J3133">
        <v>0</v>
      </c>
      <c r="K3133">
        <v>0</v>
      </c>
      <c r="L3133">
        <v>0</v>
      </c>
      <c r="M3133">
        <v>0</v>
      </c>
      <c r="N3133">
        <v>0</v>
      </c>
      <c r="O3133">
        <v>0</v>
      </c>
      <c r="P3133">
        <v>0</v>
      </c>
      <c r="Q3133">
        <v>0</v>
      </c>
      <c r="R3133">
        <v>0</v>
      </c>
      <c r="S3133">
        <v>0</v>
      </c>
      <c r="T3133">
        <v>0</v>
      </c>
      <c r="U3133">
        <v>0</v>
      </c>
      <c r="V3133">
        <v>0</v>
      </c>
      <c r="W3133">
        <v>0</v>
      </c>
      <c r="X3133">
        <v>0</v>
      </c>
      <c r="Y3133">
        <v>36</v>
      </c>
      <c r="Z3133">
        <v>10</v>
      </c>
      <c r="AA3133">
        <v>64</v>
      </c>
      <c r="AB3133">
        <v>32</v>
      </c>
      <c r="AC3133">
        <v>70</v>
      </c>
      <c r="AD3133">
        <v>36</v>
      </c>
      <c r="AE3133">
        <v>120</v>
      </c>
      <c r="AF3133">
        <v>0</v>
      </c>
      <c r="AG3133">
        <v>50000</v>
      </c>
      <c r="AH3133">
        <v>0</v>
      </c>
      <c r="AI3133">
        <v>50000</v>
      </c>
      <c r="AJ3133">
        <v>0</v>
      </c>
      <c r="AK3133" t="s">
        <v>6</v>
      </c>
      <c r="AL3133">
        <v>0</v>
      </c>
      <c r="AM3133">
        <v>0</v>
      </c>
      <c r="AN3133">
        <v>0</v>
      </c>
      <c r="AO3133">
        <v>0</v>
      </c>
      <c r="AP3133">
        <v>0</v>
      </c>
      <c r="AQ3133">
        <v>0</v>
      </c>
      <c r="AR3133">
        <v>0</v>
      </c>
      <c r="AS3133">
        <v>0</v>
      </c>
      <c r="AT3133">
        <v>0</v>
      </c>
      <c r="AU3133">
        <v>0</v>
      </c>
      <c r="AV3133">
        <v>0</v>
      </c>
      <c r="AW3133">
        <v>0</v>
      </c>
      <c r="AX3133">
        <v>0</v>
      </c>
      <c r="AY3133">
        <v>0</v>
      </c>
      <c r="AZ3133">
        <v>0</v>
      </c>
      <c r="BA3133">
        <v>0</v>
      </c>
    </row>
    <row r="3134" spans="1:53" x14ac:dyDescent="0.4">
      <c r="A3134">
        <v>3178</v>
      </c>
      <c r="B3134" s="1">
        <v>43850</v>
      </c>
      <c r="C3134">
        <v>2</v>
      </c>
      <c r="D3134" s="1">
        <v>43850.455555555556</v>
      </c>
      <c r="E3134" s="1">
        <v>43850.747916666667</v>
      </c>
      <c r="F3134">
        <v>25300</v>
      </c>
      <c r="G3134">
        <v>1240</v>
      </c>
      <c r="H3134">
        <v>200</v>
      </c>
      <c r="I3134">
        <v>0</v>
      </c>
      <c r="J3134">
        <v>300</v>
      </c>
      <c r="K3134">
        <v>0</v>
      </c>
      <c r="L3134">
        <v>0</v>
      </c>
      <c r="M3134">
        <v>2644</v>
      </c>
      <c r="N3134">
        <v>0</v>
      </c>
      <c r="O3134">
        <v>0</v>
      </c>
      <c r="P3134">
        <v>25300</v>
      </c>
      <c r="Q3134">
        <v>0</v>
      </c>
      <c r="R3134">
        <v>54384</v>
      </c>
      <c r="S3134">
        <v>0</v>
      </c>
      <c r="T3134">
        <v>0</v>
      </c>
      <c r="U3134">
        <v>0</v>
      </c>
      <c r="V3134">
        <v>1</v>
      </c>
      <c r="W3134">
        <v>2</v>
      </c>
      <c r="X3134">
        <v>0</v>
      </c>
      <c r="Y3134">
        <v>62</v>
      </c>
      <c r="Z3134">
        <v>27</v>
      </c>
      <c r="AA3134">
        <v>54</v>
      </c>
      <c r="AB3134">
        <v>39</v>
      </c>
      <c r="AC3134">
        <v>112</v>
      </c>
      <c r="AD3134">
        <v>48</v>
      </c>
      <c r="AE3134">
        <v>174</v>
      </c>
      <c r="AF3134">
        <v>0</v>
      </c>
      <c r="AG3134">
        <v>104384</v>
      </c>
      <c r="AH3134">
        <v>50000</v>
      </c>
      <c r="AI3134">
        <v>0</v>
      </c>
      <c r="AJ3134">
        <v>96</v>
      </c>
      <c r="AK3134" t="s">
        <v>4</v>
      </c>
      <c r="AL3134">
        <v>0</v>
      </c>
      <c r="AM3134">
        <v>0</v>
      </c>
      <c r="AN3134">
        <v>0</v>
      </c>
      <c r="AO3134">
        <v>0</v>
      </c>
      <c r="AP3134">
        <v>0</v>
      </c>
      <c r="AQ3134">
        <v>0</v>
      </c>
      <c r="AR3134">
        <v>0</v>
      </c>
      <c r="AS3134">
        <v>0</v>
      </c>
      <c r="AT3134">
        <v>0</v>
      </c>
      <c r="AU3134">
        <v>0</v>
      </c>
      <c r="AV3134">
        <v>0</v>
      </c>
      <c r="AW3134">
        <v>0</v>
      </c>
      <c r="AX3134">
        <v>-176</v>
      </c>
      <c r="AY3134">
        <v>45</v>
      </c>
      <c r="AZ3134">
        <v>86</v>
      </c>
      <c r="BA3134">
        <v>6510</v>
      </c>
    </row>
    <row r="3135" spans="1:53" x14ac:dyDescent="0.4">
      <c r="A3135">
        <v>3179</v>
      </c>
      <c r="B3135" s="1">
        <v>43850</v>
      </c>
      <c r="C3135">
        <v>3</v>
      </c>
      <c r="D3135" s="1">
        <v>43850.747916666667</v>
      </c>
      <c r="E3135" s="1">
        <v>43850.95</v>
      </c>
      <c r="F3135">
        <v>28700</v>
      </c>
      <c r="G3135">
        <v>1220</v>
      </c>
      <c r="H3135">
        <v>0</v>
      </c>
      <c r="I3135">
        <v>0</v>
      </c>
      <c r="J3135">
        <v>100</v>
      </c>
      <c r="K3135">
        <v>0</v>
      </c>
      <c r="L3135">
        <v>0</v>
      </c>
      <c r="M3135">
        <v>2982</v>
      </c>
      <c r="N3135">
        <v>0</v>
      </c>
      <c r="O3135">
        <v>0</v>
      </c>
      <c r="P3135">
        <v>-25300</v>
      </c>
      <c r="Q3135">
        <v>0</v>
      </c>
      <c r="R3135">
        <v>7502</v>
      </c>
      <c r="S3135">
        <v>0</v>
      </c>
      <c r="T3135">
        <v>0</v>
      </c>
      <c r="U3135">
        <v>0</v>
      </c>
      <c r="V3135">
        <v>2</v>
      </c>
      <c r="W3135">
        <v>1</v>
      </c>
      <c r="X3135">
        <v>0</v>
      </c>
      <c r="Y3135">
        <v>66</v>
      </c>
      <c r="Z3135">
        <v>25</v>
      </c>
      <c r="AA3135">
        <v>49</v>
      </c>
      <c r="AB3135">
        <v>37</v>
      </c>
      <c r="AC3135">
        <v>122</v>
      </c>
      <c r="AD3135">
        <v>49</v>
      </c>
      <c r="AE3135">
        <v>176</v>
      </c>
      <c r="AF3135">
        <v>0</v>
      </c>
      <c r="AG3135">
        <v>111891</v>
      </c>
      <c r="AH3135">
        <v>50000</v>
      </c>
      <c r="AI3135">
        <v>5</v>
      </c>
      <c r="AJ3135">
        <v>84</v>
      </c>
      <c r="AK3135" t="s">
        <v>16</v>
      </c>
      <c r="AL3135">
        <v>0</v>
      </c>
      <c r="AM3135">
        <v>0</v>
      </c>
      <c r="AN3135">
        <v>0</v>
      </c>
      <c r="AO3135">
        <v>0</v>
      </c>
      <c r="AP3135">
        <v>0</v>
      </c>
      <c r="AQ3135">
        <v>0</v>
      </c>
      <c r="AR3135">
        <v>0</v>
      </c>
      <c r="AS3135">
        <v>0</v>
      </c>
      <c r="AT3135">
        <v>0</v>
      </c>
      <c r="AU3135">
        <v>0</v>
      </c>
      <c r="AV3135">
        <v>0</v>
      </c>
      <c r="AW3135">
        <v>0</v>
      </c>
      <c r="AX3135">
        <v>11946</v>
      </c>
      <c r="AY3135">
        <v>5</v>
      </c>
      <c r="AZ3135">
        <v>17</v>
      </c>
      <c r="BA3135">
        <v>1584</v>
      </c>
    </row>
    <row r="3136" spans="1:53" x14ac:dyDescent="0.4">
      <c r="A3136">
        <v>3180</v>
      </c>
      <c r="B3136" s="1">
        <v>43850</v>
      </c>
      <c r="C3136">
        <v>4</v>
      </c>
      <c r="D3136" s="1">
        <v>43850.95</v>
      </c>
      <c r="E3136" s="1">
        <v>43851.23541666667</v>
      </c>
      <c r="F3136">
        <v>29000</v>
      </c>
      <c r="G3136">
        <v>2420</v>
      </c>
      <c r="H3136">
        <v>200</v>
      </c>
      <c r="I3136">
        <v>0</v>
      </c>
      <c r="J3136">
        <v>0</v>
      </c>
      <c r="K3136">
        <v>3300</v>
      </c>
      <c r="L3136">
        <v>0</v>
      </c>
      <c r="M3136">
        <v>3492</v>
      </c>
      <c r="N3136">
        <v>0</v>
      </c>
      <c r="O3136">
        <v>0</v>
      </c>
      <c r="P3136">
        <v>0</v>
      </c>
      <c r="Q3136">
        <v>0</v>
      </c>
      <c r="R3136">
        <v>38412</v>
      </c>
      <c r="S3136">
        <v>0</v>
      </c>
      <c r="T3136">
        <v>0</v>
      </c>
      <c r="U3136">
        <v>0</v>
      </c>
      <c r="V3136">
        <v>0</v>
      </c>
      <c r="W3136">
        <v>0</v>
      </c>
      <c r="X3136">
        <v>0</v>
      </c>
      <c r="Y3136">
        <v>37</v>
      </c>
      <c r="Z3136">
        <v>11</v>
      </c>
      <c r="AA3136">
        <v>41</v>
      </c>
      <c r="AB3136">
        <v>37</v>
      </c>
      <c r="AC3136">
        <v>120</v>
      </c>
      <c r="AD3136">
        <v>47</v>
      </c>
      <c r="AE3136">
        <v>115</v>
      </c>
      <c r="AF3136">
        <v>0</v>
      </c>
      <c r="AG3136">
        <v>50000</v>
      </c>
      <c r="AH3136">
        <v>0</v>
      </c>
      <c r="AI3136">
        <v>-50298</v>
      </c>
      <c r="AJ3136">
        <v>107</v>
      </c>
      <c r="AK3136" t="s">
        <v>40</v>
      </c>
      <c r="AL3136">
        <v>0</v>
      </c>
      <c r="AM3136">
        <v>0</v>
      </c>
      <c r="AN3136">
        <v>0</v>
      </c>
      <c r="AO3136">
        <v>0</v>
      </c>
      <c r="AP3136">
        <v>0</v>
      </c>
      <c r="AQ3136">
        <v>0</v>
      </c>
      <c r="AR3136">
        <v>0</v>
      </c>
      <c r="AS3136">
        <v>0</v>
      </c>
      <c r="AT3136">
        <v>0</v>
      </c>
      <c r="AU3136">
        <v>0</v>
      </c>
      <c r="AV3136">
        <v>0</v>
      </c>
      <c r="AW3136">
        <v>0</v>
      </c>
      <c r="AX3136">
        <v>0</v>
      </c>
      <c r="AY3136">
        <v>3</v>
      </c>
      <c r="AZ3136">
        <v>7</v>
      </c>
      <c r="BA3136">
        <v>835</v>
      </c>
    </row>
    <row r="3137" spans="1:53" x14ac:dyDescent="0.4">
      <c r="A3137">
        <v>3181</v>
      </c>
      <c r="B3137" s="1">
        <v>43851</v>
      </c>
      <c r="C3137">
        <v>1</v>
      </c>
      <c r="D3137" s="1">
        <v>43851.291666666664</v>
      </c>
      <c r="E3137" s="1">
        <v>43851.448611111111</v>
      </c>
      <c r="F3137">
        <v>0</v>
      </c>
      <c r="G3137">
        <v>0</v>
      </c>
      <c r="H3137">
        <v>0</v>
      </c>
      <c r="I3137">
        <v>0</v>
      </c>
      <c r="J3137">
        <v>0</v>
      </c>
      <c r="K3137">
        <v>0</v>
      </c>
      <c r="L3137">
        <v>0</v>
      </c>
      <c r="M3137">
        <v>0</v>
      </c>
      <c r="N3137">
        <v>0</v>
      </c>
      <c r="O3137">
        <v>0</v>
      </c>
      <c r="P3137">
        <v>0</v>
      </c>
      <c r="Q3137">
        <v>0</v>
      </c>
      <c r="R3137">
        <v>0</v>
      </c>
      <c r="S3137">
        <v>0</v>
      </c>
      <c r="T3137">
        <v>0</v>
      </c>
      <c r="U3137">
        <v>0</v>
      </c>
      <c r="V3137">
        <v>0</v>
      </c>
      <c r="W3137">
        <v>0</v>
      </c>
      <c r="X3137">
        <v>0</v>
      </c>
      <c r="Y3137">
        <v>37</v>
      </c>
      <c r="Z3137">
        <v>11</v>
      </c>
      <c r="AA3137">
        <v>41</v>
      </c>
      <c r="AB3137">
        <v>37</v>
      </c>
      <c r="AC3137">
        <v>120</v>
      </c>
      <c r="AD3137">
        <v>47</v>
      </c>
      <c r="AE3137">
        <v>115</v>
      </c>
      <c r="AF3137">
        <v>0</v>
      </c>
      <c r="AG3137">
        <v>50000</v>
      </c>
      <c r="AH3137">
        <v>50000</v>
      </c>
      <c r="AI3137">
        <v>0</v>
      </c>
      <c r="AJ3137">
        <v>0</v>
      </c>
      <c r="AK3137" t="s">
        <v>6</v>
      </c>
      <c r="AL3137">
        <v>0</v>
      </c>
      <c r="AM3137">
        <v>0</v>
      </c>
      <c r="AN3137">
        <v>0</v>
      </c>
      <c r="AO3137">
        <v>0</v>
      </c>
      <c r="AP3137">
        <v>0</v>
      </c>
      <c r="AQ3137">
        <v>0</v>
      </c>
      <c r="AR3137">
        <v>0</v>
      </c>
      <c r="AS3137">
        <v>0</v>
      </c>
      <c r="AT3137">
        <v>0</v>
      </c>
      <c r="AU3137">
        <v>0</v>
      </c>
      <c r="AV3137">
        <v>0</v>
      </c>
      <c r="AW3137">
        <v>0</v>
      </c>
      <c r="AX3137">
        <v>0</v>
      </c>
      <c r="AY3137">
        <v>0</v>
      </c>
      <c r="AZ3137">
        <v>0</v>
      </c>
      <c r="BA3137">
        <v>0</v>
      </c>
    </row>
    <row r="3138" spans="1:53" x14ac:dyDescent="0.4">
      <c r="A3138">
        <v>3182</v>
      </c>
      <c r="B3138" s="1">
        <v>43851</v>
      </c>
      <c r="C3138">
        <v>2</v>
      </c>
      <c r="D3138" s="1">
        <v>43851.448611111111</v>
      </c>
      <c r="E3138" s="1">
        <v>43851.75</v>
      </c>
      <c r="F3138">
        <v>22000</v>
      </c>
      <c r="G3138">
        <v>3800</v>
      </c>
      <c r="H3138">
        <v>0</v>
      </c>
      <c r="I3138">
        <v>0</v>
      </c>
      <c r="J3138">
        <v>0</v>
      </c>
      <c r="K3138">
        <v>200</v>
      </c>
      <c r="L3138">
        <v>0</v>
      </c>
      <c r="M3138">
        <v>2600</v>
      </c>
      <c r="N3138">
        <v>0</v>
      </c>
      <c r="O3138">
        <v>0</v>
      </c>
      <c r="P3138">
        <v>11495</v>
      </c>
      <c r="Q3138">
        <v>0</v>
      </c>
      <c r="R3138">
        <v>40095</v>
      </c>
      <c r="S3138">
        <v>0</v>
      </c>
      <c r="T3138">
        <v>0</v>
      </c>
      <c r="U3138">
        <v>0</v>
      </c>
      <c r="V3138">
        <v>3</v>
      </c>
      <c r="W3138">
        <v>1</v>
      </c>
      <c r="X3138">
        <v>0</v>
      </c>
      <c r="Y3138">
        <v>46</v>
      </c>
      <c r="Z3138">
        <v>9</v>
      </c>
      <c r="AA3138">
        <v>10</v>
      </c>
      <c r="AB3138">
        <v>41</v>
      </c>
      <c r="AC3138">
        <v>115</v>
      </c>
      <c r="AD3138">
        <v>53</v>
      </c>
      <c r="AE3138">
        <v>130</v>
      </c>
      <c r="AF3138">
        <v>0</v>
      </c>
      <c r="AG3138">
        <v>90095</v>
      </c>
      <c r="AH3138">
        <v>50000</v>
      </c>
      <c r="AI3138">
        <v>0</v>
      </c>
      <c r="AJ3138">
        <v>100</v>
      </c>
      <c r="AK3138" t="s">
        <v>0</v>
      </c>
      <c r="AL3138">
        <v>0</v>
      </c>
      <c r="AM3138">
        <v>0</v>
      </c>
      <c r="AN3138">
        <v>0</v>
      </c>
      <c r="AO3138">
        <v>0</v>
      </c>
      <c r="AP3138">
        <v>0</v>
      </c>
      <c r="AQ3138">
        <v>0</v>
      </c>
      <c r="AR3138">
        <v>0</v>
      </c>
      <c r="AS3138">
        <v>0</v>
      </c>
      <c r="AT3138">
        <v>0</v>
      </c>
      <c r="AU3138">
        <v>0</v>
      </c>
      <c r="AV3138">
        <v>0</v>
      </c>
      <c r="AW3138">
        <v>0</v>
      </c>
      <c r="AX3138">
        <v>1452</v>
      </c>
      <c r="AY3138">
        <v>38</v>
      </c>
      <c r="AZ3138">
        <v>57</v>
      </c>
      <c r="BA3138">
        <v>5989</v>
      </c>
    </row>
    <row r="3139" spans="1:53" x14ac:dyDescent="0.4">
      <c r="A3139">
        <v>3183</v>
      </c>
      <c r="B3139" s="1">
        <v>43851</v>
      </c>
      <c r="C3139">
        <v>3</v>
      </c>
      <c r="D3139" s="1">
        <v>43851.75</v>
      </c>
      <c r="E3139" s="1">
        <v>43852.240277777775</v>
      </c>
      <c r="F3139">
        <v>63050</v>
      </c>
      <c r="G3139">
        <v>7020</v>
      </c>
      <c r="H3139">
        <v>0</v>
      </c>
      <c r="I3139">
        <v>0</v>
      </c>
      <c r="J3139">
        <v>0</v>
      </c>
      <c r="K3139">
        <v>7200</v>
      </c>
      <c r="L3139">
        <v>0</v>
      </c>
      <c r="M3139">
        <v>7727</v>
      </c>
      <c r="N3139">
        <v>0</v>
      </c>
      <c r="O3139">
        <v>0</v>
      </c>
      <c r="P3139">
        <v>-4895</v>
      </c>
      <c r="Q3139">
        <v>0</v>
      </c>
      <c r="R3139">
        <v>80102</v>
      </c>
      <c r="S3139">
        <v>0</v>
      </c>
      <c r="T3139">
        <v>0</v>
      </c>
      <c r="U3139">
        <v>0</v>
      </c>
      <c r="V3139">
        <v>0</v>
      </c>
      <c r="W3139">
        <v>0</v>
      </c>
      <c r="X3139">
        <v>0</v>
      </c>
      <c r="Y3139">
        <v>37</v>
      </c>
      <c r="Z3139">
        <v>12</v>
      </c>
      <c r="AA3139">
        <v>35</v>
      </c>
      <c r="AB3139">
        <v>39</v>
      </c>
      <c r="AC3139">
        <v>118</v>
      </c>
      <c r="AD3139">
        <v>50</v>
      </c>
      <c r="AE3139">
        <v>120</v>
      </c>
      <c r="AF3139">
        <v>0</v>
      </c>
      <c r="AG3139">
        <v>50000</v>
      </c>
      <c r="AH3139">
        <v>0</v>
      </c>
      <c r="AI3139">
        <v>-70197</v>
      </c>
      <c r="AJ3139">
        <v>99</v>
      </c>
      <c r="AK3139" t="s">
        <v>9</v>
      </c>
      <c r="AL3139">
        <v>0</v>
      </c>
      <c r="AM3139">
        <v>0</v>
      </c>
      <c r="AN3139">
        <v>0</v>
      </c>
      <c r="AO3139">
        <v>0</v>
      </c>
      <c r="AP3139">
        <v>0</v>
      </c>
      <c r="AQ3139">
        <v>0</v>
      </c>
      <c r="AR3139">
        <v>0</v>
      </c>
      <c r="AS3139">
        <v>0</v>
      </c>
      <c r="AT3139">
        <v>0</v>
      </c>
      <c r="AU3139">
        <v>0</v>
      </c>
      <c r="AV3139">
        <v>0</v>
      </c>
      <c r="AW3139">
        <v>0</v>
      </c>
      <c r="AX3139">
        <v>0</v>
      </c>
      <c r="AY3139">
        <v>16</v>
      </c>
      <c r="AZ3139">
        <v>40</v>
      </c>
      <c r="BA3139">
        <v>2761</v>
      </c>
    </row>
    <row r="3140" spans="1:53" x14ac:dyDescent="0.4">
      <c r="A3140">
        <v>3184</v>
      </c>
      <c r="B3140" s="1">
        <v>43852</v>
      </c>
      <c r="C3140">
        <v>1</v>
      </c>
      <c r="D3140" s="1">
        <v>43852.291666666664</v>
      </c>
      <c r="E3140" s="1">
        <v>43852.445833333331</v>
      </c>
      <c r="F3140">
        <v>0</v>
      </c>
      <c r="G3140">
        <v>0</v>
      </c>
      <c r="H3140">
        <v>0</v>
      </c>
      <c r="I3140">
        <v>0</v>
      </c>
      <c r="J3140">
        <v>0</v>
      </c>
      <c r="K3140">
        <v>0</v>
      </c>
      <c r="L3140">
        <v>0</v>
      </c>
      <c r="M3140">
        <v>0</v>
      </c>
      <c r="N3140">
        <v>0</v>
      </c>
      <c r="O3140">
        <v>0</v>
      </c>
      <c r="P3140">
        <v>0</v>
      </c>
      <c r="Q3140">
        <v>0</v>
      </c>
      <c r="R3140">
        <v>0</v>
      </c>
      <c r="S3140">
        <v>0</v>
      </c>
      <c r="T3140">
        <v>0</v>
      </c>
      <c r="U3140">
        <v>0</v>
      </c>
      <c r="V3140">
        <v>0</v>
      </c>
      <c r="W3140">
        <v>0</v>
      </c>
      <c r="X3140">
        <v>0</v>
      </c>
      <c r="Y3140">
        <v>37</v>
      </c>
      <c r="Z3140">
        <v>12</v>
      </c>
      <c r="AA3140">
        <v>35</v>
      </c>
      <c r="AB3140">
        <v>39</v>
      </c>
      <c r="AC3140">
        <v>118</v>
      </c>
      <c r="AD3140">
        <v>50</v>
      </c>
      <c r="AE3140">
        <v>120</v>
      </c>
      <c r="AF3140">
        <v>0</v>
      </c>
      <c r="AG3140">
        <v>50000</v>
      </c>
      <c r="AH3140">
        <v>50000</v>
      </c>
      <c r="AI3140">
        <v>0</v>
      </c>
      <c r="AJ3140">
        <v>0</v>
      </c>
      <c r="AK3140" t="s">
        <v>6</v>
      </c>
      <c r="AL3140">
        <v>0</v>
      </c>
      <c r="AM3140">
        <v>0</v>
      </c>
      <c r="AN3140">
        <v>0</v>
      </c>
      <c r="AO3140">
        <v>0</v>
      </c>
      <c r="AP3140">
        <v>0</v>
      </c>
      <c r="AQ3140">
        <v>0</v>
      </c>
      <c r="AR3140">
        <v>0</v>
      </c>
      <c r="AS3140">
        <v>0</v>
      </c>
      <c r="AT3140">
        <v>0</v>
      </c>
      <c r="AU3140">
        <v>0</v>
      </c>
      <c r="AV3140">
        <v>0</v>
      </c>
      <c r="AW3140">
        <v>0</v>
      </c>
      <c r="AX3140">
        <v>0</v>
      </c>
      <c r="AY3140">
        <v>0</v>
      </c>
      <c r="AZ3140">
        <v>0</v>
      </c>
      <c r="BA3140">
        <v>0</v>
      </c>
    </row>
    <row r="3141" spans="1:53" x14ac:dyDescent="0.4">
      <c r="A3141">
        <v>3185</v>
      </c>
      <c r="B3141" s="1">
        <v>43852</v>
      </c>
      <c r="C3141">
        <v>2</v>
      </c>
      <c r="D3141" s="1">
        <v>43852.445833333331</v>
      </c>
      <c r="E3141" s="1">
        <v>43852.749305555553</v>
      </c>
      <c r="F3141">
        <v>16500</v>
      </c>
      <c r="G3141">
        <v>730</v>
      </c>
      <c r="H3141">
        <v>200</v>
      </c>
      <c r="I3141">
        <v>0</v>
      </c>
      <c r="J3141">
        <v>0</v>
      </c>
      <c r="K3141">
        <v>0</v>
      </c>
      <c r="L3141">
        <v>0</v>
      </c>
      <c r="M3141">
        <v>1743</v>
      </c>
      <c r="N3141">
        <v>0</v>
      </c>
      <c r="O3141">
        <v>0</v>
      </c>
      <c r="P3141">
        <v>12595</v>
      </c>
      <c r="Q3141">
        <v>0</v>
      </c>
      <c r="R3141">
        <v>31768</v>
      </c>
      <c r="S3141">
        <v>0</v>
      </c>
      <c r="T3141">
        <v>0</v>
      </c>
      <c r="U3141">
        <v>0</v>
      </c>
      <c r="V3141">
        <v>0</v>
      </c>
      <c r="W3141">
        <v>4</v>
      </c>
      <c r="X3141">
        <v>0</v>
      </c>
      <c r="Y3141">
        <v>40</v>
      </c>
      <c r="Z3141">
        <v>28</v>
      </c>
      <c r="AA3141">
        <v>40</v>
      </c>
      <c r="AB3141">
        <v>34</v>
      </c>
      <c r="AC3141">
        <v>102</v>
      </c>
      <c r="AD3141">
        <v>56</v>
      </c>
      <c r="AE3141">
        <v>163</v>
      </c>
      <c r="AF3141">
        <v>0</v>
      </c>
      <c r="AG3141">
        <v>81163</v>
      </c>
      <c r="AH3141">
        <v>50000</v>
      </c>
      <c r="AI3141">
        <v>-605</v>
      </c>
      <c r="AJ3141">
        <v>97</v>
      </c>
      <c r="AK3141" t="s">
        <v>33</v>
      </c>
      <c r="AL3141">
        <v>0</v>
      </c>
      <c r="AM3141">
        <v>0</v>
      </c>
      <c r="AN3141">
        <v>0</v>
      </c>
      <c r="AO3141">
        <v>0</v>
      </c>
      <c r="AP3141">
        <v>0</v>
      </c>
      <c r="AQ3141">
        <v>0</v>
      </c>
      <c r="AR3141">
        <v>0</v>
      </c>
      <c r="AS3141">
        <v>0</v>
      </c>
      <c r="AT3141">
        <v>0</v>
      </c>
      <c r="AU3141">
        <v>0</v>
      </c>
      <c r="AV3141">
        <v>0</v>
      </c>
      <c r="AW3141">
        <v>0</v>
      </c>
      <c r="AX3141">
        <v>0</v>
      </c>
      <c r="AY3141">
        <v>32</v>
      </c>
      <c r="AZ3141">
        <v>51</v>
      </c>
      <c r="BA3141">
        <v>4421</v>
      </c>
    </row>
    <row r="3142" spans="1:53" x14ac:dyDescent="0.4">
      <c r="A3142">
        <v>3186</v>
      </c>
      <c r="B3142" s="1">
        <v>43852</v>
      </c>
      <c r="C3142">
        <v>3</v>
      </c>
      <c r="D3142" s="1">
        <v>43852.749305555553</v>
      </c>
      <c r="E3142" s="1">
        <v>43852.953472222223</v>
      </c>
      <c r="F3142">
        <v>38900</v>
      </c>
      <c r="G3142">
        <v>1200</v>
      </c>
      <c r="H3142">
        <v>0</v>
      </c>
      <c r="I3142">
        <v>0</v>
      </c>
      <c r="J3142">
        <v>100</v>
      </c>
      <c r="K3142">
        <v>0</v>
      </c>
      <c r="L3142">
        <v>0</v>
      </c>
      <c r="M3142">
        <v>4000</v>
      </c>
      <c r="N3142">
        <v>0</v>
      </c>
      <c r="O3142">
        <v>0</v>
      </c>
      <c r="P3142">
        <v>-12595</v>
      </c>
      <c r="Q3142">
        <v>0</v>
      </c>
      <c r="R3142">
        <v>31405</v>
      </c>
      <c r="S3142">
        <v>0</v>
      </c>
      <c r="T3142">
        <v>0</v>
      </c>
      <c r="U3142">
        <v>0</v>
      </c>
      <c r="V3142">
        <v>0</v>
      </c>
      <c r="W3142">
        <v>3</v>
      </c>
      <c r="X3142">
        <v>0</v>
      </c>
      <c r="Y3142">
        <v>45</v>
      </c>
      <c r="Z3142">
        <v>27</v>
      </c>
      <c r="AA3142">
        <v>99</v>
      </c>
      <c r="AB3142">
        <v>35</v>
      </c>
      <c r="AC3142">
        <v>146</v>
      </c>
      <c r="AD3142">
        <v>54</v>
      </c>
      <c r="AE3142">
        <v>168</v>
      </c>
      <c r="AF3142">
        <v>25520</v>
      </c>
      <c r="AG3142">
        <v>112568</v>
      </c>
      <c r="AH3142">
        <v>50000</v>
      </c>
      <c r="AI3142">
        <v>-605</v>
      </c>
      <c r="AJ3142">
        <v>98</v>
      </c>
      <c r="AK3142" t="s">
        <v>35</v>
      </c>
      <c r="AL3142">
        <v>0</v>
      </c>
      <c r="AM3142">
        <v>0</v>
      </c>
      <c r="AN3142">
        <v>0</v>
      </c>
      <c r="AO3142">
        <v>0</v>
      </c>
      <c r="AP3142">
        <v>0</v>
      </c>
      <c r="AQ3142">
        <v>0</v>
      </c>
      <c r="AR3142">
        <v>0</v>
      </c>
      <c r="AS3142">
        <v>0</v>
      </c>
      <c r="AT3142">
        <v>0</v>
      </c>
      <c r="AU3142">
        <v>0</v>
      </c>
      <c r="AV3142">
        <v>0</v>
      </c>
      <c r="AW3142">
        <v>0</v>
      </c>
      <c r="AX3142">
        <v>8734</v>
      </c>
      <c r="AY3142">
        <v>6</v>
      </c>
      <c r="AZ3142">
        <v>24</v>
      </c>
      <c r="BA3142">
        <v>1475</v>
      </c>
    </row>
    <row r="3143" spans="1:53" x14ac:dyDescent="0.4">
      <c r="A3143">
        <v>3187</v>
      </c>
      <c r="B3143" s="1">
        <v>43853</v>
      </c>
      <c r="C3143">
        <v>1</v>
      </c>
      <c r="D3143" s="1">
        <v>43853.291666666664</v>
      </c>
      <c r="E3143" s="1">
        <v>43853.452777777777</v>
      </c>
      <c r="F3143">
        <v>0</v>
      </c>
      <c r="G3143">
        <v>0</v>
      </c>
      <c r="H3143">
        <v>0</v>
      </c>
      <c r="I3143">
        <v>0</v>
      </c>
      <c r="J3143">
        <v>0</v>
      </c>
      <c r="K3143">
        <v>0</v>
      </c>
      <c r="L3143">
        <v>0</v>
      </c>
      <c r="M3143">
        <v>0</v>
      </c>
      <c r="N3143">
        <v>0</v>
      </c>
      <c r="O3143">
        <v>0</v>
      </c>
      <c r="P3143">
        <v>0</v>
      </c>
      <c r="Q3143">
        <v>0</v>
      </c>
      <c r="R3143">
        <v>0</v>
      </c>
      <c r="S3143">
        <v>0</v>
      </c>
      <c r="T3143">
        <v>0</v>
      </c>
      <c r="U3143">
        <v>0</v>
      </c>
      <c r="V3143">
        <v>0</v>
      </c>
      <c r="W3143">
        <v>0</v>
      </c>
      <c r="X3143">
        <v>0</v>
      </c>
      <c r="Y3143">
        <v>34</v>
      </c>
      <c r="Z3143">
        <v>12</v>
      </c>
      <c r="AA3143">
        <v>69</v>
      </c>
      <c r="AB3143">
        <v>35</v>
      </c>
      <c r="AC3143">
        <v>97</v>
      </c>
      <c r="AD3143">
        <v>52</v>
      </c>
      <c r="AE3143">
        <v>120</v>
      </c>
      <c r="AF3143">
        <v>0</v>
      </c>
      <c r="AG3143">
        <v>50000</v>
      </c>
      <c r="AH3143">
        <v>0</v>
      </c>
      <c r="AI3143">
        <v>50000</v>
      </c>
      <c r="AJ3143">
        <v>0</v>
      </c>
      <c r="AK3143" t="s">
        <v>6</v>
      </c>
      <c r="AL3143">
        <v>0</v>
      </c>
      <c r="AM3143">
        <v>0</v>
      </c>
      <c r="AN3143">
        <v>0</v>
      </c>
      <c r="AO3143">
        <v>0</v>
      </c>
      <c r="AP3143">
        <v>0</v>
      </c>
      <c r="AQ3143">
        <v>0</v>
      </c>
      <c r="AR3143">
        <v>0</v>
      </c>
      <c r="AS3143">
        <v>0</v>
      </c>
      <c r="AT3143">
        <v>0</v>
      </c>
      <c r="AU3143">
        <v>0</v>
      </c>
      <c r="AV3143">
        <v>0</v>
      </c>
      <c r="AW3143">
        <v>0</v>
      </c>
      <c r="AX3143">
        <v>0</v>
      </c>
      <c r="AY3143">
        <v>0</v>
      </c>
      <c r="AZ3143">
        <v>0</v>
      </c>
      <c r="BA3143">
        <v>0</v>
      </c>
    </row>
    <row r="3144" spans="1:53" x14ac:dyDescent="0.4">
      <c r="A3144">
        <v>3188</v>
      </c>
      <c r="B3144" s="1">
        <v>43853</v>
      </c>
      <c r="C3144">
        <v>2</v>
      </c>
      <c r="D3144" s="1">
        <v>43853.452777777777</v>
      </c>
      <c r="E3144" s="1">
        <v>43853.754166666666</v>
      </c>
      <c r="F3144">
        <v>27500</v>
      </c>
      <c r="G3144">
        <v>840</v>
      </c>
      <c r="H3144">
        <v>200</v>
      </c>
      <c r="I3144">
        <v>0</v>
      </c>
      <c r="J3144">
        <v>200</v>
      </c>
      <c r="K3144">
        <v>0</v>
      </c>
      <c r="L3144">
        <v>0</v>
      </c>
      <c r="M3144">
        <v>2834</v>
      </c>
      <c r="N3144">
        <v>0</v>
      </c>
      <c r="O3144">
        <v>0</v>
      </c>
      <c r="P3144">
        <v>22220</v>
      </c>
      <c r="Q3144">
        <v>0</v>
      </c>
      <c r="R3144">
        <v>53394</v>
      </c>
      <c r="S3144">
        <v>0</v>
      </c>
      <c r="T3144">
        <v>0</v>
      </c>
      <c r="U3144">
        <v>0</v>
      </c>
      <c r="V3144">
        <v>1</v>
      </c>
      <c r="W3144">
        <v>2</v>
      </c>
      <c r="X3144">
        <v>0</v>
      </c>
      <c r="Y3144">
        <v>58</v>
      </c>
      <c r="Z3144">
        <v>30</v>
      </c>
      <c r="AA3144">
        <v>62</v>
      </c>
      <c r="AB3144">
        <v>32</v>
      </c>
      <c r="AC3144">
        <v>97</v>
      </c>
      <c r="AD3144">
        <v>50</v>
      </c>
      <c r="AE3144">
        <v>164</v>
      </c>
      <c r="AF3144">
        <v>1210</v>
      </c>
      <c r="AG3144">
        <v>103394</v>
      </c>
      <c r="AH3144">
        <v>50000</v>
      </c>
      <c r="AI3144">
        <v>0</v>
      </c>
      <c r="AJ3144">
        <v>100</v>
      </c>
      <c r="AK3144" t="s">
        <v>0</v>
      </c>
      <c r="AL3144">
        <v>0</v>
      </c>
      <c r="AM3144">
        <v>0</v>
      </c>
      <c r="AN3144">
        <v>0</v>
      </c>
      <c r="AO3144">
        <v>0</v>
      </c>
      <c r="AP3144">
        <v>0</v>
      </c>
      <c r="AQ3144">
        <v>0</v>
      </c>
      <c r="AR3144">
        <v>0</v>
      </c>
      <c r="AS3144">
        <v>0</v>
      </c>
      <c r="AT3144">
        <v>0</v>
      </c>
      <c r="AU3144">
        <v>0</v>
      </c>
      <c r="AV3144">
        <v>0</v>
      </c>
      <c r="AW3144">
        <v>0</v>
      </c>
      <c r="AX3144">
        <v>1320</v>
      </c>
      <c r="AY3144">
        <v>46</v>
      </c>
      <c r="AZ3144">
        <v>85</v>
      </c>
      <c r="BA3144">
        <v>5982</v>
      </c>
    </row>
    <row r="3145" spans="1:53" x14ac:dyDescent="0.4">
      <c r="A3145">
        <v>3189</v>
      </c>
      <c r="B3145" s="1">
        <v>43853</v>
      </c>
      <c r="C3145">
        <v>3</v>
      </c>
      <c r="D3145" s="1">
        <v>43853.754166666666</v>
      </c>
      <c r="E3145" s="1">
        <v>43853.95416666667</v>
      </c>
      <c r="F3145">
        <v>31250</v>
      </c>
      <c r="G3145">
        <v>3240</v>
      </c>
      <c r="H3145">
        <v>0</v>
      </c>
      <c r="I3145">
        <v>0</v>
      </c>
      <c r="J3145">
        <v>150</v>
      </c>
      <c r="K3145">
        <v>0</v>
      </c>
      <c r="L3145">
        <v>0</v>
      </c>
      <c r="M3145">
        <v>3434</v>
      </c>
      <c r="N3145">
        <v>0</v>
      </c>
      <c r="O3145">
        <v>0</v>
      </c>
      <c r="P3145">
        <v>-14520</v>
      </c>
      <c r="Q3145">
        <v>0</v>
      </c>
      <c r="R3145">
        <v>23254</v>
      </c>
      <c r="S3145">
        <v>0</v>
      </c>
      <c r="T3145">
        <v>0</v>
      </c>
      <c r="U3145">
        <v>0</v>
      </c>
      <c r="V3145">
        <v>2</v>
      </c>
      <c r="W3145">
        <v>3</v>
      </c>
      <c r="X3145">
        <v>0</v>
      </c>
      <c r="Y3145">
        <v>61</v>
      </c>
      <c r="Z3145">
        <v>35</v>
      </c>
      <c r="AA3145">
        <v>57</v>
      </c>
      <c r="AB3145">
        <v>33</v>
      </c>
      <c r="AC3145">
        <v>100</v>
      </c>
      <c r="AD3145">
        <v>49</v>
      </c>
      <c r="AE3145">
        <v>175</v>
      </c>
      <c r="AF3145">
        <v>4378</v>
      </c>
      <c r="AG3145">
        <v>126648</v>
      </c>
      <c r="AH3145">
        <v>50000</v>
      </c>
      <c r="AI3145">
        <v>0</v>
      </c>
      <c r="AJ3145">
        <v>100</v>
      </c>
      <c r="AK3145" t="s">
        <v>0</v>
      </c>
      <c r="AL3145">
        <v>0</v>
      </c>
      <c r="AM3145">
        <v>0</v>
      </c>
      <c r="AN3145">
        <v>0</v>
      </c>
      <c r="AO3145">
        <v>0</v>
      </c>
      <c r="AP3145">
        <v>0</v>
      </c>
      <c r="AQ3145">
        <v>0</v>
      </c>
      <c r="AR3145">
        <v>0</v>
      </c>
      <c r="AS3145">
        <v>0</v>
      </c>
      <c r="AT3145">
        <v>0</v>
      </c>
      <c r="AU3145">
        <v>0</v>
      </c>
      <c r="AV3145">
        <v>0</v>
      </c>
      <c r="AW3145">
        <v>0</v>
      </c>
      <c r="AX3145">
        <v>12119</v>
      </c>
      <c r="AY3145">
        <v>7</v>
      </c>
      <c r="AZ3145">
        <v>28</v>
      </c>
      <c r="BA3145">
        <v>2259</v>
      </c>
    </row>
    <row r="3146" spans="1:53" x14ac:dyDescent="0.4">
      <c r="A3146">
        <v>3190</v>
      </c>
      <c r="B3146" s="1">
        <v>43854</v>
      </c>
      <c r="C3146">
        <v>1</v>
      </c>
      <c r="D3146" s="1">
        <v>43854.291666666664</v>
      </c>
      <c r="E3146" s="1">
        <v>43854.451388888891</v>
      </c>
      <c r="F3146">
        <v>0</v>
      </c>
      <c r="G3146">
        <v>0</v>
      </c>
      <c r="H3146">
        <v>0</v>
      </c>
      <c r="I3146">
        <v>0</v>
      </c>
      <c r="J3146">
        <v>0</v>
      </c>
      <c r="K3146">
        <v>0</v>
      </c>
      <c r="L3146">
        <v>0</v>
      </c>
      <c r="M3146">
        <v>0</v>
      </c>
      <c r="N3146">
        <v>0</v>
      </c>
      <c r="O3146">
        <v>0</v>
      </c>
      <c r="P3146">
        <v>0</v>
      </c>
      <c r="Q3146">
        <v>0</v>
      </c>
      <c r="R3146">
        <v>0</v>
      </c>
      <c r="S3146">
        <v>0</v>
      </c>
      <c r="T3146">
        <v>0</v>
      </c>
      <c r="U3146">
        <v>0</v>
      </c>
      <c r="V3146">
        <v>0</v>
      </c>
      <c r="W3146">
        <v>0</v>
      </c>
      <c r="X3146">
        <v>0</v>
      </c>
      <c r="Y3146">
        <v>36</v>
      </c>
      <c r="Z3146">
        <v>11</v>
      </c>
      <c r="AA3146">
        <v>56</v>
      </c>
      <c r="AB3146">
        <v>31</v>
      </c>
      <c r="AC3146">
        <v>98</v>
      </c>
      <c r="AD3146">
        <v>50</v>
      </c>
      <c r="AE3146">
        <v>120</v>
      </c>
      <c r="AF3146">
        <v>0</v>
      </c>
      <c r="AG3146">
        <v>50000</v>
      </c>
      <c r="AH3146">
        <v>50000</v>
      </c>
      <c r="AI3146">
        <v>0</v>
      </c>
      <c r="AJ3146">
        <v>0</v>
      </c>
      <c r="AK3146" t="s">
        <v>6</v>
      </c>
      <c r="AL3146">
        <v>0</v>
      </c>
      <c r="AM3146">
        <v>0</v>
      </c>
      <c r="AN3146">
        <v>0</v>
      </c>
      <c r="AO3146">
        <v>0</v>
      </c>
      <c r="AP3146">
        <v>0</v>
      </c>
      <c r="AQ3146">
        <v>0</v>
      </c>
      <c r="AR3146">
        <v>0</v>
      </c>
      <c r="AS3146">
        <v>0</v>
      </c>
      <c r="AT3146">
        <v>0</v>
      </c>
      <c r="AU3146">
        <v>0</v>
      </c>
      <c r="AV3146">
        <v>0</v>
      </c>
      <c r="AW3146">
        <v>0</v>
      </c>
      <c r="AX3146">
        <v>0</v>
      </c>
      <c r="AY3146">
        <v>0</v>
      </c>
      <c r="AZ3146">
        <v>0</v>
      </c>
      <c r="BA3146">
        <v>0</v>
      </c>
    </row>
    <row r="3147" spans="1:53" x14ac:dyDescent="0.4">
      <c r="A3147">
        <v>3191</v>
      </c>
      <c r="B3147" s="1">
        <v>43854</v>
      </c>
      <c r="C3147">
        <v>2</v>
      </c>
      <c r="D3147" s="1">
        <v>43854.451388888891</v>
      </c>
      <c r="E3147" s="1">
        <v>43854.738888888889</v>
      </c>
      <c r="F3147">
        <v>25850</v>
      </c>
      <c r="G3147">
        <v>1360</v>
      </c>
      <c r="H3147">
        <v>200</v>
      </c>
      <c r="I3147">
        <v>0</v>
      </c>
      <c r="J3147">
        <v>0</v>
      </c>
      <c r="K3147">
        <v>0</v>
      </c>
      <c r="L3147">
        <v>0</v>
      </c>
      <c r="M3147">
        <v>2741</v>
      </c>
      <c r="N3147">
        <v>0</v>
      </c>
      <c r="O3147">
        <v>0</v>
      </c>
      <c r="P3147">
        <v>18645</v>
      </c>
      <c r="Q3147">
        <v>0</v>
      </c>
      <c r="R3147">
        <v>48796</v>
      </c>
      <c r="S3147">
        <v>0</v>
      </c>
      <c r="T3147">
        <v>0</v>
      </c>
      <c r="U3147">
        <v>0</v>
      </c>
      <c r="V3147">
        <v>1</v>
      </c>
      <c r="W3147">
        <v>0</v>
      </c>
      <c r="X3147">
        <v>0</v>
      </c>
      <c r="Y3147">
        <v>65</v>
      </c>
      <c r="Z3147">
        <v>22</v>
      </c>
      <c r="AA3147">
        <v>41</v>
      </c>
      <c r="AB3147">
        <v>32</v>
      </c>
      <c r="AC3147">
        <v>89</v>
      </c>
      <c r="AD3147">
        <v>46</v>
      </c>
      <c r="AE3147">
        <v>147</v>
      </c>
      <c r="AF3147">
        <v>5829</v>
      </c>
      <c r="AG3147">
        <v>98796</v>
      </c>
      <c r="AH3147">
        <v>50000</v>
      </c>
      <c r="AI3147">
        <v>0</v>
      </c>
      <c r="AJ3147">
        <v>97</v>
      </c>
      <c r="AK3147" t="s">
        <v>33</v>
      </c>
      <c r="AL3147">
        <v>0</v>
      </c>
      <c r="AM3147">
        <v>0</v>
      </c>
      <c r="AN3147">
        <v>0</v>
      </c>
      <c r="AO3147">
        <v>0</v>
      </c>
      <c r="AP3147">
        <v>0</v>
      </c>
      <c r="AQ3147">
        <v>0</v>
      </c>
      <c r="AR3147">
        <v>0</v>
      </c>
      <c r="AS3147">
        <v>0</v>
      </c>
      <c r="AT3147">
        <v>0</v>
      </c>
      <c r="AU3147">
        <v>0</v>
      </c>
      <c r="AV3147">
        <v>0</v>
      </c>
      <c r="AW3147">
        <v>0</v>
      </c>
      <c r="AX3147">
        <v>-3300</v>
      </c>
      <c r="AY3147">
        <v>38</v>
      </c>
      <c r="AZ3147">
        <v>76</v>
      </c>
      <c r="BA3147">
        <v>4949</v>
      </c>
    </row>
    <row r="3148" spans="1:53" x14ac:dyDescent="0.4">
      <c r="A3148">
        <v>3192</v>
      </c>
      <c r="B3148" s="1">
        <v>43855</v>
      </c>
      <c r="C3148">
        <v>1</v>
      </c>
      <c r="D3148" s="1">
        <v>43855.291666666664</v>
      </c>
      <c r="E3148" s="1">
        <v>43855.401388888888</v>
      </c>
      <c r="F3148">
        <v>0</v>
      </c>
      <c r="G3148">
        <v>0</v>
      </c>
      <c r="H3148">
        <v>0</v>
      </c>
      <c r="I3148">
        <v>0</v>
      </c>
      <c r="J3148">
        <v>0</v>
      </c>
      <c r="K3148">
        <v>0</v>
      </c>
      <c r="L3148">
        <v>0</v>
      </c>
      <c r="M3148">
        <v>0</v>
      </c>
      <c r="N3148">
        <v>0</v>
      </c>
      <c r="O3148">
        <v>0</v>
      </c>
      <c r="P3148">
        <v>0</v>
      </c>
      <c r="Q3148">
        <v>0</v>
      </c>
      <c r="R3148">
        <v>0</v>
      </c>
      <c r="S3148">
        <v>0</v>
      </c>
      <c r="T3148">
        <v>0</v>
      </c>
      <c r="U3148">
        <v>0</v>
      </c>
      <c r="V3148">
        <v>0</v>
      </c>
      <c r="W3148">
        <v>0</v>
      </c>
      <c r="X3148">
        <v>0</v>
      </c>
      <c r="Y3148">
        <v>35</v>
      </c>
      <c r="Z3148">
        <v>7</v>
      </c>
      <c r="AA3148">
        <v>82</v>
      </c>
      <c r="AB3148">
        <v>32</v>
      </c>
      <c r="AC3148">
        <v>139</v>
      </c>
      <c r="AD3148">
        <v>41</v>
      </c>
      <c r="AE3148">
        <v>105</v>
      </c>
      <c r="AF3148">
        <v>0</v>
      </c>
      <c r="AG3148">
        <v>50000</v>
      </c>
      <c r="AH3148">
        <v>50000</v>
      </c>
      <c r="AI3148">
        <v>0</v>
      </c>
      <c r="AJ3148">
        <v>0</v>
      </c>
      <c r="AK3148" t="s">
        <v>6</v>
      </c>
      <c r="AL3148">
        <v>0</v>
      </c>
      <c r="AM3148">
        <v>0</v>
      </c>
      <c r="AN3148">
        <v>0</v>
      </c>
      <c r="AO3148">
        <v>0</v>
      </c>
      <c r="AP3148">
        <v>0</v>
      </c>
      <c r="AQ3148">
        <v>0</v>
      </c>
      <c r="AR3148">
        <v>0</v>
      </c>
      <c r="AS3148">
        <v>0</v>
      </c>
      <c r="AT3148">
        <v>0</v>
      </c>
      <c r="AU3148">
        <v>0</v>
      </c>
      <c r="AV3148">
        <v>0</v>
      </c>
      <c r="AW3148">
        <v>0</v>
      </c>
      <c r="AX3148">
        <v>0</v>
      </c>
      <c r="AY3148">
        <v>0</v>
      </c>
      <c r="AZ3148">
        <v>0</v>
      </c>
      <c r="BA3148">
        <v>0</v>
      </c>
    </row>
    <row r="3149" spans="1:53" x14ac:dyDescent="0.4">
      <c r="A3149">
        <v>3193</v>
      </c>
      <c r="B3149" s="1">
        <v>43855</v>
      </c>
      <c r="C3149">
        <v>2</v>
      </c>
      <c r="D3149" s="1">
        <v>43855.401388888888</v>
      </c>
      <c r="E3149" s="1">
        <v>43855.737500000003</v>
      </c>
      <c r="F3149">
        <v>40700</v>
      </c>
      <c r="G3149">
        <v>5680</v>
      </c>
      <c r="H3149">
        <v>200</v>
      </c>
      <c r="I3149">
        <v>0</v>
      </c>
      <c r="J3149">
        <v>0</v>
      </c>
      <c r="K3149">
        <v>0</v>
      </c>
      <c r="L3149">
        <v>0</v>
      </c>
      <c r="M3149">
        <v>4658</v>
      </c>
      <c r="N3149">
        <v>0</v>
      </c>
      <c r="O3149">
        <v>0</v>
      </c>
      <c r="P3149">
        <v>21780</v>
      </c>
      <c r="Q3149">
        <v>0</v>
      </c>
      <c r="R3149">
        <v>73018</v>
      </c>
      <c r="S3149">
        <v>0</v>
      </c>
      <c r="T3149">
        <v>0</v>
      </c>
      <c r="U3149">
        <v>0</v>
      </c>
      <c r="V3149">
        <v>1</v>
      </c>
      <c r="W3149">
        <v>3</v>
      </c>
      <c r="X3149">
        <v>0</v>
      </c>
      <c r="Y3149">
        <v>70</v>
      </c>
      <c r="Z3149">
        <v>37</v>
      </c>
      <c r="AA3149">
        <v>53</v>
      </c>
      <c r="AB3149">
        <v>27</v>
      </c>
      <c r="AC3149">
        <v>130</v>
      </c>
      <c r="AD3149">
        <v>41</v>
      </c>
      <c r="AE3149">
        <v>153</v>
      </c>
      <c r="AF3149">
        <v>1210</v>
      </c>
      <c r="AG3149">
        <v>123018</v>
      </c>
      <c r="AH3149">
        <v>50000</v>
      </c>
      <c r="AI3149">
        <v>0</v>
      </c>
      <c r="AJ3149">
        <v>82</v>
      </c>
      <c r="AK3149" t="s">
        <v>41</v>
      </c>
      <c r="AL3149">
        <v>0</v>
      </c>
      <c r="AM3149">
        <v>0</v>
      </c>
      <c r="AN3149">
        <v>0</v>
      </c>
      <c r="AO3149">
        <v>0</v>
      </c>
      <c r="AP3149">
        <v>0</v>
      </c>
      <c r="AQ3149">
        <v>0</v>
      </c>
      <c r="AR3149">
        <v>0</v>
      </c>
      <c r="AS3149">
        <v>0</v>
      </c>
      <c r="AT3149">
        <v>0</v>
      </c>
      <c r="AU3149">
        <v>0</v>
      </c>
      <c r="AV3149">
        <v>0</v>
      </c>
      <c r="AW3149">
        <v>0</v>
      </c>
      <c r="AX3149">
        <v>0</v>
      </c>
      <c r="AY3149">
        <v>51</v>
      </c>
      <c r="AZ3149">
        <v>110</v>
      </c>
      <c r="BA3149">
        <v>7880</v>
      </c>
    </row>
    <row r="3150" spans="1:53" x14ac:dyDescent="0.4">
      <c r="A3150">
        <v>3194</v>
      </c>
      <c r="B3150" s="1">
        <v>43856</v>
      </c>
      <c r="C3150">
        <v>1</v>
      </c>
      <c r="D3150" s="1">
        <v>43856.291666666664</v>
      </c>
      <c r="E3150" s="1">
        <v>43856.410416666666</v>
      </c>
      <c r="F3150">
        <v>0</v>
      </c>
      <c r="G3150">
        <v>0</v>
      </c>
      <c r="H3150">
        <v>0</v>
      </c>
      <c r="I3150">
        <v>0</v>
      </c>
      <c r="J3150">
        <v>0</v>
      </c>
      <c r="K3150">
        <v>0</v>
      </c>
      <c r="L3150">
        <v>0</v>
      </c>
      <c r="M3150">
        <v>0</v>
      </c>
      <c r="N3150">
        <v>0</v>
      </c>
      <c r="O3150">
        <v>0</v>
      </c>
      <c r="P3150">
        <v>0</v>
      </c>
      <c r="Q3150">
        <v>0</v>
      </c>
      <c r="R3150">
        <v>0</v>
      </c>
      <c r="S3150">
        <v>0</v>
      </c>
      <c r="T3150">
        <v>0</v>
      </c>
      <c r="U3150">
        <v>0</v>
      </c>
      <c r="V3150">
        <v>0</v>
      </c>
      <c r="W3150">
        <v>0</v>
      </c>
      <c r="X3150">
        <v>0</v>
      </c>
      <c r="Y3150">
        <v>38</v>
      </c>
      <c r="Z3150">
        <v>9</v>
      </c>
      <c r="AA3150">
        <v>49</v>
      </c>
      <c r="AB3150">
        <v>22</v>
      </c>
      <c r="AC3150">
        <v>116</v>
      </c>
      <c r="AD3150">
        <v>40</v>
      </c>
      <c r="AE3150">
        <v>140</v>
      </c>
      <c r="AF3150">
        <v>0</v>
      </c>
      <c r="AG3150">
        <v>50000</v>
      </c>
      <c r="AH3150">
        <v>50000</v>
      </c>
      <c r="AI3150">
        <v>0</v>
      </c>
      <c r="AJ3150">
        <v>0</v>
      </c>
      <c r="AK3150" t="s">
        <v>6</v>
      </c>
      <c r="AL3150">
        <v>0</v>
      </c>
      <c r="AM3150">
        <v>0</v>
      </c>
      <c r="AN3150">
        <v>0</v>
      </c>
      <c r="AO3150">
        <v>0</v>
      </c>
      <c r="AP3150">
        <v>0</v>
      </c>
      <c r="AQ3150">
        <v>0</v>
      </c>
      <c r="AR3150">
        <v>0</v>
      </c>
      <c r="AS3150">
        <v>0</v>
      </c>
      <c r="AT3150">
        <v>0</v>
      </c>
      <c r="AU3150">
        <v>0</v>
      </c>
      <c r="AV3150">
        <v>0</v>
      </c>
      <c r="AW3150">
        <v>0</v>
      </c>
      <c r="AX3150">
        <v>0</v>
      </c>
      <c r="AY3150">
        <v>0</v>
      </c>
      <c r="AZ3150">
        <v>0</v>
      </c>
      <c r="BA3150">
        <v>0</v>
      </c>
    </row>
    <row r="3151" spans="1:53" x14ac:dyDescent="0.4">
      <c r="A3151">
        <v>3195</v>
      </c>
      <c r="B3151" s="1">
        <v>43856</v>
      </c>
      <c r="C3151">
        <v>2</v>
      </c>
      <c r="D3151" s="1">
        <v>43856.410416666666</v>
      </c>
      <c r="E3151" s="1">
        <v>43856.738194444442</v>
      </c>
      <c r="F3151">
        <v>44000</v>
      </c>
      <c r="G3151">
        <v>2320</v>
      </c>
      <c r="H3151">
        <v>0</v>
      </c>
      <c r="I3151">
        <v>0</v>
      </c>
      <c r="J3151">
        <v>100</v>
      </c>
      <c r="K3151">
        <v>0</v>
      </c>
      <c r="L3151">
        <v>0</v>
      </c>
      <c r="M3151">
        <v>4622</v>
      </c>
      <c r="N3151">
        <v>0</v>
      </c>
      <c r="O3151">
        <v>0</v>
      </c>
      <c r="P3151">
        <v>24090</v>
      </c>
      <c r="Q3151">
        <v>0</v>
      </c>
      <c r="R3151">
        <v>74932</v>
      </c>
      <c r="S3151">
        <v>0</v>
      </c>
      <c r="T3151">
        <v>0</v>
      </c>
      <c r="U3151">
        <v>0</v>
      </c>
      <c r="V3151">
        <v>3</v>
      </c>
      <c r="W3151">
        <v>0</v>
      </c>
      <c r="X3151">
        <v>0</v>
      </c>
      <c r="Y3151">
        <v>73</v>
      </c>
      <c r="Z3151">
        <v>32</v>
      </c>
      <c r="AA3151">
        <v>33</v>
      </c>
      <c r="AB3151">
        <v>22</v>
      </c>
      <c r="AC3151">
        <v>109</v>
      </c>
      <c r="AD3151">
        <v>49</v>
      </c>
      <c r="AE3151">
        <v>197</v>
      </c>
      <c r="AF3151">
        <v>0</v>
      </c>
      <c r="AG3151">
        <v>124932</v>
      </c>
      <c r="AH3151">
        <v>50000</v>
      </c>
      <c r="AI3151">
        <v>0</v>
      </c>
      <c r="AJ3151">
        <v>93</v>
      </c>
      <c r="AK3151" t="s">
        <v>20</v>
      </c>
      <c r="AL3151">
        <v>0</v>
      </c>
      <c r="AM3151">
        <v>0</v>
      </c>
      <c r="AN3151">
        <v>0</v>
      </c>
      <c r="AO3151">
        <v>0</v>
      </c>
      <c r="AP3151">
        <v>0</v>
      </c>
      <c r="AQ3151">
        <v>0</v>
      </c>
      <c r="AR3151">
        <v>0</v>
      </c>
      <c r="AS3151">
        <v>0</v>
      </c>
      <c r="AT3151">
        <v>0</v>
      </c>
      <c r="AU3151">
        <v>0</v>
      </c>
      <c r="AV3151">
        <v>0</v>
      </c>
      <c r="AW3151">
        <v>0</v>
      </c>
      <c r="AX3151">
        <v>2849</v>
      </c>
      <c r="AY3151">
        <v>53</v>
      </c>
      <c r="AZ3151">
        <v>118</v>
      </c>
      <c r="BA3151">
        <v>7818</v>
      </c>
    </row>
    <row r="3152" spans="1:53" x14ac:dyDescent="0.4">
      <c r="A3152">
        <v>3196</v>
      </c>
      <c r="B3152" s="1">
        <v>43856</v>
      </c>
      <c r="C3152">
        <v>3</v>
      </c>
      <c r="D3152" s="1">
        <v>43856.738194444442</v>
      </c>
      <c r="E3152" s="1">
        <v>43856.955555555556</v>
      </c>
      <c r="F3152">
        <v>39025</v>
      </c>
      <c r="G3152">
        <v>5990</v>
      </c>
      <c r="H3152">
        <v>0</v>
      </c>
      <c r="I3152">
        <v>0</v>
      </c>
      <c r="J3152">
        <v>1900</v>
      </c>
      <c r="K3152">
        <v>0</v>
      </c>
      <c r="L3152">
        <v>0</v>
      </c>
      <c r="M3152">
        <v>4312</v>
      </c>
      <c r="N3152">
        <v>0</v>
      </c>
      <c r="O3152">
        <v>0</v>
      </c>
      <c r="P3152">
        <v>-21230</v>
      </c>
      <c r="Q3152">
        <v>0</v>
      </c>
      <c r="R3152">
        <v>26197</v>
      </c>
      <c r="S3152">
        <v>0</v>
      </c>
      <c r="T3152">
        <v>0</v>
      </c>
      <c r="U3152">
        <v>0</v>
      </c>
      <c r="V3152">
        <v>5</v>
      </c>
      <c r="W3152">
        <v>0</v>
      </c>
      <c r="X3152">
        <v>0</v>
      </c>
      <c r="Y3152">
        <v>79</v>
      </c>
      <c r="Z3152">
        <v>34</v>
      </c>
      <c r="AA3152">
        <v>28</v>
      </c>
      <c r="AB3152">
        <v>20</v>
      </c>
      <c r="AC3152">
        <v>91</v>
      </c>
      <c r="AD3152">
        <v>46</v>
      </c>
      <c r="AE3152">
        <v>189</v>
      </c>
      <c r="AF3152">
        <v>0</v>
      </c>
      <c r="AG3152">
        <v>151129</v>
      </c>
      <c r="AH3152">
        <v>50000</v>
      </c>
      <c r="AI3152">
        <v>0</v>
      </c>
      <c r="AJ3152">
        <v>107</v>
      </c>
      <c r="AK3152" t="s">
        <v>40</v>
      </c>
      <c r="AL3152">
        <v>0</v>
      </c>
      <c r="AM3152">
        <v>0</v>
      </c>
      <c r="AN3152">
        <v>0</v>
      </c>
      <c r="AO3152">
        <v>0</v>
      </c>
      <c r="AP3152">
        <v>0</v>
      </c>
      <c r="AQ3152">
        <v>0</v>
      </c>
      <c r="AR3152">
        <v>0</v>
      </c>
      <c r="AS3152">
        <v>0</v>
      </c>
      <c r="AT3152">
        <v>0</v>
      </c>
      <c r="AU3152">
        <v>0</v>
      </c>
      <c r="AV3152">
        <v>0</v>
      </c>
      <c r="AW3152">
        <v>0</v>
      </c>
      <c r="AX3152">
        <v>30035</v>
      </c>
      <c r="AY3152">
        <v>11</v>
      </c>
      <c r="AZ3152">
        <v>32</v>
      </c>
      <c r="BA3152">
        <v>2864</v>
      </c>
    </row>
    <row r="3153" spans="1:53" x14ac:dyDescent="0.4">
      <c r="A3153">
        <v>3197</v>
      </c>
      <c r="B3153" s="1">
        <v>43857</v>
      </c>
      <c r="C3153">
        <v>1</v>
      </c>
      <c r="D3153" s="1">
        <v>43857.291666666664</v>
      </c>
      <c r="E3153" s="1">
        <v>43857.457638888889</v>
      </c>
      <c r="F3153">
        <v>0</v>
      </c>
      <c r="G3153">
        <v>0</v>
      </c>
      <c r="H3153">
        <v>0</v>
      </c>
      <c r="I3153">
        <v>0</v>
      </c>
      <c r="J3153">
        <v>0</v>
      </c>
      <c r="K3153">
        <v>0</v>
      </c>
      <c r="L3153">
        <v>0</v>
      </c>
      <c r="M3153">
        <v>0</v>
      </c>
      <c r="N3153">
        <v>0</v>
      </c>
      <c r="O3153">
        <v>0</v>
      </c>
      <c r="P3153">
        <v>0</v>
      </c>
      <c r="Q3153">
        <v>0</v>
      </c>
      <c r="R3153">
        <v>0</v>
      </c>
      <c r="S3153">
        <v>0</v>
      </c>
      <c r="T3153">
        <v>0</v>
      </c>
      <c r="U3153">
        <v>0</v>
      </c>
      <c r="V3153">
        <v>0</v>
      </c>
      <c r="W3153">
        <v>0</v>
      </c>
      <c r="X3153">
        <v>0</v>
      </c>
      <c r="Y3153">
        <v>38</v>
      </c>
      <c r="Z3153">
        <v>10</v>
      </c>
      <c r="AA3153">
        <v>47</v>
      </c>
      <c r="AB3153">
        <v>20</v>
      </c>
      <c r="AC3153">
        <v>93</v>
      </c>
      <c r="AD3153">
        <v>46</v>
      </c>
      <c r="AE3153">
        <v>140</v>
      </c>
      <c r="AF3153">
        <v>0</v>
      </c>
      <c r="AG3153">
        <v>50000</v>
      </c>
      <c r="AH3153">
        <v>0</v>
      </c>
      <c r="AI3153">
        <v>50000</v>
      </c>
      <c r="AJ3153">
        <v>0</v>
      </c>
      <c r="AK3153" t="s">
        <v>6</v>
      </c>
      <c r="AL3153">
        <v>0</v>
      </c>
      <c r="AM3153">
        <v>0</v>
      </c>
      <c r="AN3153">
        <v>0</v>
      </c>
      <c r="AO3153">
        <v>0</v>
      </c>
      <c r="AP3153">
        <v>0</v>
      </c>
      <c r="AQ3153">
        <v>0</v>
      </c>
      <c r="AR3153">
        <v>0</v>
      </c>
      <c r="AS3153">
        <v>0</v>
      </c>
      <c r="AT3153">
        <v>0</v>
      </c>
      <c r="AU3153">
        <v>0</v>
      </c>
      <c r="AV3153">
        <v>0</v>
      </c>
      <c r="AW3153">
        <v>0</v>
      </c>
      <c r="AX3153">
        <v>0</v>
      </c>
      <c r="AY3153">
        <v>0</v>
      </c>
      <c r="AZ3153">
        <v>0</v>
      </c>
      <c r="BA3153">
        <v>0</v>
      </c>
    </row>
    <row r="3154" spans="1:53" x14ac:dyDescent="0.4">
      <c r="A3154">
        <v>3198</v>
      </c>
      <c r="B3154" s="1">
        <v>43857</v>
      </c>
      <c r="C3154">
        <v>2</v>
      </c>
      <c r="D3154" s="1">
        <v>43857.457638888889</v>
      </c>
      <c r="E3154" s="1">
        <v>43857.748611111114</v>
      </c>
      <c r="F3154">
        <v>15950</v>
      </c>
      <c r="G3154">
        <v>2640</v>
      </c>
      <c r="H3154">
        <v>200</v>
      </c>
      <c r="I3154">
        <v>0</v>
      </c>
      <c r="J3154">
        <v>200</v>
      </c>
      <c r="K3154">
        <v>0</v>
      </c>
      <c r="L3154">
        <v>0</v>
      </c>
      <c r="M3154">
        <v>1859</v>
      </c>
      <c r="N3154">
        <v>0</v>
      </c>
      <c r="O3154">
        <v>0</v>
      </c>
      <c r="P3154">
        <v>13915</v>
      </c>
      <c r="Q3154">
        <v>0</v>
      </c>
      <c r="R3154">
        <v>34364</v>
      </c>
      <c r="S3154">
        <v>0</v>
      </c>
      <c r="T3154">
        <v>0</v>
      </c>
      <c r="U3154">
        <v>0</v>
      </c>
      <c r="V3154">
        <v>5</v>
      </c>
      <c r="W3154">
        <v>0</v>
      </c>
      <c r="X3154">
        <v>0</v>
      </c>
      <c r="Y3154">
        <v>15</v>
      </c>
      <c r="Z3154">
        <v>20</v>
      </c>
      <c r="AA3154">
        <v>72</v>
      </c>
      <c r="AB3154">
        <v>20</v>
      </c>
      <c r="AC3154">
        <v>76</v>
      </c>
      <c r="AD3154">
        <v>50</v>
      </c>
      <c r="AE3154">
        <v>154</v>
      </c>
      <c r="AF3154">
        <v>0</v>
      </c>
      <c r="AG3154">
        <v>84364</v>
      </c>
      <c r="AH3154">
        <v>50000</v>
      </c>
      <c r="AI3154">
        <v>0</v>
      </c>
      <c r="AJ3154">
        <v>96</v>
      </c>
      <c r="AK3154" t="s">
        <v>4</v>
      </c>
      <c r="AL3154">
        <v>0</v>
      </c>
      <c r="AM3154">
        <v>0</v>
      </c>
      <c r="AN3154">
        <v>0</v>
      </c>
      <c r="AO3154">
        <v>0</v>
      </c>
      <c r="AP3154">
        <v>0</v>
      </c>
      <c r="AQ3154">
        <v>0</v>
      </c>
      <c r="AR3154">
        <v>0</v>
      </c>
      <c r="AS3154">
        <v>0</v>
      </c>
      <c r="AT3154">
        <v>0</v>
      </c>
      <c r="AU3154">
        <v>0</v>
      </c>
      <c r="AV3154">
        <v>0</v>
      </c>
      <c r="AW3154">
        <v>0</v>
      </c>
      <c r="AX3154">
        <v>0</v>
      </c>
      <c r="AY3154">
        <v>31</v>
      </c>
      <c r="AZ3154">
        <v>51</v>
      </c>
      <c r="BA3154">
        <v>4520</v>
      </c>
    </row>
    <row r="3155" spans="1:53" x14ac:dyDescent="0.4">
      <c r="A3155">
        <v>3199</v>
      </c>
      <c r="B3155" s="1">
        <v>43857</v>
      </c>
      <c r="C3155">
        <v>3</v>
      </c>
      <c r="D3155" s="1">
        <v>43857.748611111114</v>
      </c>
      <c r="E3155" s="1">
        <v>43857.954861111109</v>
      </c>
      <c r="F3155">
        <v>19950</v>
      </c>
      <c r="G3155">
        <v>280</v>
      </c>
      <c r="H3155">
        <v>200</v>
      </c>
      <c r="I3155">
        <v>0</v>
      </c>
      <c r="J3155">
        <v>0</v>
      </c>
      <c r="K3155">
        <v>0</v>
      </c>
      <c r="L3155">
        <v>0</v>
      </c>
      <c r="M3155">
        <v>2043</v>
      </c>
      <c r="N3155">
        <v>0</v>
      </c>
      <c r="O3155">
        <v>0</v>
      </c>
      <c r="P3155">
        <v>15015</v>
      </c>
      <c r="Q3155">
        <v>0</v>
      </c>
      <c r="R3155">
        <v>37488</v>
      </c>
      <c r="S3155">
        <v>0</v>
      </c>
      <c r="T3155">
        <v>0</v>
      </c>
      <c r="U3155">
        <v>0</v>
      </c>
      <c r="V3155">
        <v>8</v>
      </c>
      <c r="W3155">
        <v>0</v>
      </c>
      <c r="X3155">
        <v>0</v>
      </c>
      <c r="Y3155">
        <v>12</v>
      </c>
      <c r="Z3155">
        <v>21</v>
      </c>
      <c r="AA3155">
        <v>74</v>
      </c>
      <c r="AB3155">
        <v>15</v>
      </c>
      <c r="AC3155">
        <v>68</v>
      </c>
      <c r="AD3155">
        <v>50</v>
      </c>
      <c r="AE3155">
        <v>152</v>
      </c>
      <c r="AF3155">
        <v>10120</v>
      </c>
      <c r="AG3155">
        <v>121852</v>
      </c>
      <c r="AH3155">
        <v>50000</v>
      </c>
      <c r="AI3155">
        <v>0</v>
      </c>
      <c r="AJ3155">
        <v>107</v>
      </c>
      <c r="AK3155" t="s">
        <v>40</v>
      </c>
      <c r="AL3155">
        <v>0</v>
      </c>
      <c r="AM3155">
        <v>0</v>
      </c>
      <c r="AN3155">
        <v>0</v>
      </c>
      <c r="AO3155">
        <v>0</v>
      </c>
      <c r="AP3155">
        <v>0</v>
      </c>
      <c r="AQ3155">
        <v>0</v>
      </c>
      <c r="AR3155">
        <v>0</v>
      </c>
      <c r="AS3155">
        <v>0</v>
      </c>
      <c r="AT3155">
        <v>0</v>
      </c>
      <c r="AU3155">
        <v>0</v>
      </c>
      <c r="AV3155">
        <v>0</v>
      </c>
      <c r="AW3155">
        <v>0</v>
      </c>
      <c r="AX3155">
        <v>0</v>
      </c>
      <c r="AY3155">
        <v>7</v>
      </c>
      <c r="AZ3155">
        <v>22</v>
      </c>
      <c r="BA3155">
        <v>1345</v>
      </c>
    </row>
    <row r="3156" spans="1:53" x14ac:dyDescent="0.4">
      <c r="A3156">
        <v>3200</v>
      </c>
      <c r="B3156" s="1">
        <v>43858</v>
      </c>
      <c r="C3156">
        <v>1</v>
      </c>
      <c r="D3156" s="1">
        <v>43858.291666666664</v>
      </c>
      <c r="E3156" s="1">
        <v>43858.444444444445</v>
      </c>
      <c r="F3156">
        <v>0</v>
      </c>
      <c r="G3156">
        <v>0</v>
      </c>
      <c r="H3156">
        <v>0</v>
      </c>
      <c r="I3156">
        <v>0</v>
      </c>
      <c r="J3156">
        <v>0</v>
      </c>
      <c r="K3156">
        <v>0</v>
      </c>
      <c r="L3156">
        <v>0</v>
      </c>
      <c r="M3156">
        <v>0</v>
      </c>
      <c r="N3156">
        <v>0</v>
      </c>
      <c r="O3156">
        <v>0</v>
      </c>
      <c r="P3156">
        <v>0</v>
      </c>
      <c r="Q3156">
        <v>0</v>
      </c>
      <c r="R3156">
        <v>0</v>
      </c>
      <c r="S3156">
        <v>0</v>
      </c>
      <c r="T3156">
        <v>0</v>
      </c>
      <c r="U3156">
        <v>0</v>
      </c>
      <c r="V3156">
        <v>1</v>
      </c>
      <c r="W3156">
        <v>2</v>
      </c>
      <c r="X3156">
        <v>0</v>
      </c>
      <c r="Y3156">
        <v>19</v>
      </c>
      <c r="Z3156">
        <v>7</v>
      </c>
      <c r="AA3156">
        <v>60</v>
      </c>
      <c r="AB3156">
        <v>13</v>
      </c>
      <c r="AC3156">
        <v>50</v>
      </c>
      <c r="AD3156">
        <v>46</v>
      </c>
      <c r="AE3156">
        <v>120</v>
      </c>
      <c r="AF3156">
        <v>0</v>
      </c>
      <c r="AG3156">
        <v>50000</v>
      </c>
      <c r="AH3156">
        <v>50000</v>
      </c>
      <c r="AI3156">
        <v>0</v>
      </c>
      <c r="AJ3156">
        <v>0</v>
      </c>
      <c r="AK3156" t="s">
        <v>6</v>
      </c>
      <c r="AL3156">
        <v>0</v>
      </c>
      <c r="AM3156">
        <v>0</v>
      </c>
      <c r="AN3156">
        <v>0</v>
      </c>
      <c r="AO3156">
        <v>0</v>
      </c>
      <c r="AP3156">
        <v>0</v>
      </c>
      <c r="AQ3156">
        <v>0</v>
      </c>
      <c r="AR3156">
        <v>0</v>
      </c>
      <c r="AS3156">
        <v>0</v>
      </c>
      <c r="AT3156">
        <v>0</v>
      </c>
      <c r="AU3156">
        <v>0</v>
      </c>
      <c r="AV3156">
        <v>0</v>
      </c>
      <c r="AW3156">
        <v>0</v>
      </c>
      <c r="AX3156">
        <v>0</v>
      </c>
      <c r="AY3156">
        <v>0</v>
      </c>
      <c r="AZ3156">
        <v>0</v>
      </c>
      <c r="BA3156">
        <v>0</v>
      </c>
    </row>
    <row r="3157" spans="1:53" x14ac:dyDescent="0.4">
      <c r="A3157">
        <v>3201</v>
      </c>
      <c r="B3157" s="1">
        <v>43858</v>
      </c>
      <c r="C3157">
        <v>2</v>
      </c>
      <c r="D3157" s="1">
        <v>43858.444444444445</v>
      </c>
      <c r="E3157" s="1">
        <v>43858.736111111109</v>
      </c>
      <c r="F3157">
        <v>24750</v>
      </c>
      <c r="G3157">
        <v>680</v>
      </c>
      <c r="H3157">
        <v>0</v>
      </c>
      <c r="I3157">
        <v>0</v>
      </c>
      <c r="J3157">
        <v>100</v>
      </c>
      <c r="K3157">
        <v>0</v>
      </c>
      <c r="L3157">
        <v>0</v>
      </c>
      <c r="M3157">
        <v>2533</v>
      </c>
      <c r="N3157">
        <v>0</v>
      </c>
      <c r="O3157">
        <v>0</v>
      </c>
      <c r="P3157">
        <v>19965</v>
      </c>
      <c r="Q3157">
        <v>0</v>
      </c>
      <c r="R3157">
        <v>47828</v>
      </c>
      <c r="S3157">
        <v>0</v>
      </c>
      <c r="T3157">
        <v>0</v>
      </c>
      <c r="U3157">
        <v>0</v>
      </c>
      <c r="V3157">
        <v>6</v>
      </c>
      <c r="W3157">
        <v>0</v>
      </c>
      <c r="X3157">
        <v>0</v>
      </c>
      <c r="Y3157">
        <v>14</v>
      </c>
      <c r="Z3157">
        <v>30</v>
      </c>
      <c r="AA3157">
        <v>75</v>
      </c>
      <c r="AB3157">
        <v>11</v>
      </c>
      <c r="AC3157">
        <v>46</v>
      </c>
      <c r="AD3157">
        <v>34</v>
      </c>
      <c r="AE3157">
        <v>148</v>
      </c>
      <c r="AF3157">
        <v>0</v>
      </c>
      <c r="AG3157">
        <v>97828</v>
      </c>
      <c r="AH3157">
        <v>50000</v>
      </c>
      <c r="AI3157">
        <v>0</v>
      </c>
      <c r="AJ3157">
        <v>97</v>
      </c>
      <c r="AK3157" t="s">
        <v>33</v>
      </c>
      <c r="AL3157">
        <v>0</v>
      </c>
      <c r="AM3157">
        <v>0</v>
      </c>
      <c r="AN3157">
        <v>0</v>
      </c>
      <c r="AO3157">
        <v>0</v>
      </c>
      <c r="AP3157">
        <v>0</v>
      </c>
      <c r="AQ3157">
        <v>0</v>
      </c>
      <c r="AR3157">
        <v>0</v>
      </c>
      <c r="AS3157">
        <v>0</v>
      </c>
      <c r="AT3157">
        <v>0</v>
      </c>
      <c r="AU3157">
        <v>0</v>
      </c>
      <c r="AV3157">
        <v>0</v>
      </c>
      <c r="AW3157">
        <v>0</v>
      </c>
      <c r="AX3157">
        <v>-1210</v>
      </c>
      <c r="AY3157">
        <v>43</v>
      </c>
      <c r="AZ3157">
        <v>78</v>
      </c>
      <c r="BA3157">
        <v>5944</v>
      </c>
    </row>
    <row r="3158" spans="1:53" x14ac:dyDescent="0.4">
      <c r="A3158">
        <v>3202</v>
      </c>
      <c r="B3158" s="1">
        <v>43858</v>
      </c>
      <c r="C3158">
        <v>3</v>
      </c>
      <c r="D3158" s="1">
        <v>43858.736111111109</v>
      </c>
      <c r="E3158" s="1">
        <v>43858.950694444444</v>
      </c>
      <c r="F3158">
        <v>42950</v>
      </c>
      <c r="G3158">
        <v>920</v>
      </c>
      <c r="H3158">
        <v>0</v>
      </c>
      <c r="I3158">
        <v>0</v>
      </c>
      <c r="J3158">
        <v>0</v>
      </c>
      <c r="K3158">
        <v>0</v>
      </c>
      <c r="L3158">
        <v>0</v>
      </c>
      <c r="M3158">
        <v>4387</v>
      </c>
      <c r="N3158">
        <v>0</v>
      </c>
      <c r="O3158">
        <v>0</v>
      </c>
      <c r="P3158">
        <v>-19965</v>
      </c>
      <c r="Q3158">
        <v>0</v>
      </c>
      <c r="R3158">
        <v>28292</v>
      </c>
      <c r="S3158">
        <v>0</v>
      </c>
      <c r="T3158">
        <v>0</v>
      </c>
      <c r="U3158">
        <v>0</v>
      </c>
      <c r="V3158">
        <v>8</v>
      </c>
      <c r="W3158">
        <v>1</v>
      </c>
      <c r="X3158">
        <v>0</v>
      </c>
      <c r="Y3158">
        <v>6</v>
      </c>
      <c r="Z3158">
        <v>28</v>
      </c>
      <c r="AA3158">
        <v>75</v>
      </c>
      <c r="AB3158">
        <v>9</v>
      </c>
      <c r="AC3158">
        <v>46</v>
      </c>
      <c r="AD3158">
        <v>34</v>
      </c>
      <c r="AE3158">
        <v>147</v>
      </c>
      <c r="AF3158">
        <v>12393</v>
      </c>
      <c r="AG3158">
        <v>126120</v>
      </c>
      <c r="AH3158">
        <v>50000</v>
      </c>
      <c r="AI3158">
        <v>0</v>
      </c>
      <c r="AJ3158">
        <v>100</v>
      </c>
      <c r="AK3158" t="s">
        <v>0</v>
      </c>
      <c r="AL3158">
        <v>0</v>
      </c>
      <c r="AM3158">
        <v>0</v>
      </c>
      <c r="AN3158">
        <v>0</v>
      </c>
      <c r="AO3158">
        <v>0</v>
      </c>
      <c r="AP3158">
        <v>0</v>
      </c>
      <c r="AQ3158">
        <v>0</v>
      </c>
      <c r="AR3158">
        <v>0</v>
      </c>
      <c r="AS3158">
        <v>0</v>
      </c>
      <c r="AT3158">
        <v>0</v>
      </c>
      <c r="AU3158">
        <v>0</v>
      </c>
      <c r="AV3158">
        <v>0</v>
      </c>
      <c r="AW3158">
        <v>0</v>
      </c>
      <c r="AX3158">
        <v>14795</v>
      </c>
      <c r="AY3158">
        <v>15</v>
      </c>
      <c r="AZ3158">
        <v>37</v>
      </c>
      <c r="BA3158">
        <v>2947</v>
      </c>
    </row>
    <row r="3159" spans="1:53" x14ac:dyDescent="0.4">
      <c r="A3159">
        <v>3203</v>
      </c>
      <c r="B3159" s="1">
        <v>43858</v>
      </c>
      <c r="C3159">
        <v>4</v>
      </c>
      <c r="D3159" s="1">
        <v>43858.950694444444</v>
      </c>
      <c r="E3159" s="1">
        <v>43859.229861111111</v>
      </c>
      <c r="F3159">
        <v>22600</v>
      </c>
      <c r="G3159">
        <v>540</v>
      </c>
      <c r="H3159">
        <v>0</v>
      </c>
      <c r="I3159">
        <v>0</v>
      </c>
      <c r="J3159">
        <v>0</v>
      </c>
      <c r="K3159">
        <v>0</v>
      </c>
      <c r="L3159">
        <v>0</v>
      </c>
      <c r="M3159">
        <v>2314</v>
      </c>
      <c r="N3159">
        <v>0</v>
      </c>
      <c r="O3159">
        <v>0</v>
      </c>
      <c r="P3159">
        <v>0</v>
      </c>
      <c r="Q3159">
        <v>0</v>
      </c>
      <c r="R3159">
        <v>25454</v>
      </c>
      <c r="S3159">
        <v>0</v>
      </c>
      <c r="T3159">
        <v>0</v>
      </c>
      <c r="U3159">
        <v>0</v>
      </c>
      <c r="V3159">
        <v>0</v>
      </c>
      <c r="W3159">
        <v>1</v>
      </c>
      <c r="X3159">
        <v>0</v>
      </c>
      <c r="Y3159">
        <v>23</v>
      </c>
      <c r="Z3159">
        <v>23</v>
      </c>
      <c r="AA3159">
        <v>92</v>
      </c>
      <c r="AB3159">
        <v>10</v>
      </c>
      <c r="AC3159">
        <v>48</v>
      </c>
      <c r="AD3159">
        <v>34</v>
      </c>
      <c r="AE3159">
        <v>150</v>
      </c>
      <c r="AF3159">
        <v>0</v>
      </c>
      <c r="AG3159">
        <v>50000</v>
      </c>
      <c r="AH3159">
        <v>0</v>
      </c>
      <c r="AI3159">
        <v>-51574</v>
      </c>
      <c r="AJ3159">
        <v>99</v>
      </c>
      <c r="AK3159" t="s">
        <v>9</v>
      </c>
      <c r="AL3159">
        <v>0</v>
      </c>
      <c r="AM3159">
        <v>0</v>
      </c>
      <c r="AN3159">
        <v>0</v>
      </c>
      <c r="AO3159">
        <v>0</v>
      </c>
      <c r="AP3159">
        <v>0</v>
      </c>
      <c r="AQ3159">
        <v>0</v>
      </c>
      <c r="AR3159">
        <v>0</v>
      </c>
      <c r="AS3159">
        <v>0</v>
      </c>
      <c r="AT3159">
        <v>0</v>
      </c>
      <c r="AU3159">
        <v>0</v>
      </c>
      <c r="AV3159">
        <v>0</v>
      </c>
      <c r="AW3159">
        <v>0</v>
      </c>
      <c r="AX3159">
        <v>0</v>
      </c>
      <c r="AY3159">
        <v>1</v>
      </c>
      <c r="AZ3159">
        <v>3</v>
      </c>
      <c r="BA3159">
        <v>213</v>
      </c>
    </row>
    <row r="3160" spans="1:53" x14ac:dyDescent="0.4">
      <c r="A3160">
        <v>3204</v>
      </c>
      <c r="B3160" s="1">
        <v>43859</v>
      </c>
      <c r="C3160">
        <v>1</v>
      </c>
      <c r="D3160" s="1">
        <v>43859.291666666664</v>
      </c>
      <c r="E3160" s="1">
        <v>43859.446527777778</v>
      </c>
      <c r="F3160">
        <v>0</v>
      </c>
      <c r="G3160">
        <v>0</v>
      </c>
      <c r="H3160">
        <v>0</v>
      </c>
      <c r="I3160">
        <v>0</v>
      </c>
      <c r="J3160">
        <v>0</v>
      </c>
      <c r="K3160">
        <v>0</v>
      </c>
      <c r="L3160">
        <v>0</v>
      </c>
      <c r="M3160">
        <v>0</v>
      </c>
      <c r="N3160">
        <v>0</v>
      </c>
      <c r="O3160">
        <v>0</v>
      </c>
      <c r="P3160">
        <v>0</v>
      </c>
      <c r="Q3160">
        <v>0</v>
      </c>
      <c r="R3160">
        <v>0</v>
      </c>
      <c r="S3160">
        <v>0</v>
      </c>
      <c r="T3160">
        <v>0</v>
      </c>
      <c r="U3160">
        <v>0</v>
      </c>
      <c r="V3160">
        <v>0</v>
      </c>
      <c r="W3160">
        <v>1</v>
      </c>
      <c r="X3160">
        <v>0</v>
      </c>
      <c r="Y3160">
        <v>23</v>
      </c>
      <c r="Z3160">
        <v>23</v>
      </c>
      <c r="AA3160">
        <v>92</v>
      </c>
      <c r="AB3160">
        <v>10</v>
      </c>
      <c r="AC3160">
        <v>48</v>
      </c>
      <c r="AD3160">
        <v>34</v>
      </c>
      <c r="AE3160">
        <v>150</v>
      </c>
      <c r="AF3160">
        <v>0</v>
      </c>
      <c r="AG3160">
        <v>50000</v>
      </c>
      <c r="AH3160">
        <v>50000</v>
      </c>
      <c r="AI3160">
        <v>0</v>
      </c>
      <c r="AJ3160">
        <v>0</v>
      </c>
      <c r="AK3160" t="s">
        <v>6</v>
      </c>
      <c r="AL3160">
        <v>0</v>
      </c>
      <c r="AM3160">
        <v>0</v>
      </c>
      <c r="AN3160">
        <v>0</v>
      </c>
      <c r="AO3160">
        <v>0</v>
      </c>
      <c r="AP3160">
        <v>0</v>
      </c>
      <c r="AQ3160">
        <v>0</v>
      </c>
      <c r="AR3160">
        <v>0</v>
      </c>
      <c r="AS3160">
        <v>0</v>
      </c>
      <c r="AT3160">
        <v>0</v>
      </c>
      <c r="AU3160">
        <v>0</v>
      </c>
      <c r="AV3160">
        <v>0</v>
      </c>
      <c r="AW3160">
        <v>0</v>
      </c>
      <c r="AX3160">
        <v>0</v>
      </c>
      <c r="AY3160">
        <v>0</v>
      </c>
      <c r="AZ3160">
        <v>0</v>
      </c>
      <c r="BA3160">
        <v>0</v>
      </c>
    </row>
    <row r="3161" spans="1:53" x14ac:dyDescent="0.4">
      <c r="A3161">
        <v>3205</v>
      </c>
      <c r="B3161" s="1">
        <v>43859</v>
      </c>
      <c r="C3161">
        <v>2</v>
      </c>
      <c r="D3161" s="1">
        <v>43859.446527777778</v>
      </c>
      <c r="E3161" s="1">
        <v>43859.749305555553</v>
      </c>
      <c r="F3161">
        <v>28050</v>
      </c>
      <c r="G3161">
        <v>1340</v>
      </c>
      <c r="H3161">
        <v>200</v>
      </c>
      <c r="I3161">
        <v>0</v>
      </c>
      <c r="J3161">
        <v>0</v>
      </c>
      <c r="K3161">
        <v>0</v>
      </c>
      <c r="L3161">
        <v>0</v>
      </c>
      <c r="M3161">
        <v>2959</v>
      </c>
      <c r="N3161">
        <v>0</v>
      </c>
      <c r="O3161">
        <v>0</v>
      </c>
      <c r="P3161">
        <v>22385</v>
      </c>
      <c r="Q3161">
        <v>0</v>
      </c>
      <c r="R3161">
        <v>54934</v>
      </c>
      <c r="S3161">
        <v>0</v>
      </c>
      <c r="T3161">
        <v>0</v>
      </c>
      <c r="U3161">
        <v>0</v>
      </c>
      <c r="V3161">
        <v>1</v>
      </c>
      <c r="W3161">
        <v>0</v>
      </c>
      <c r="X3161">
        <v>0</v>
      </c>
      <c r="Y3161">
        <v>56</v>
      </c>
      <c r="Z3161">
        <v>58</v>
      </c>
      <c r="AA3161">
        <v>82</v>
      </c>
      <c r="AB3161">
        <v>6</v>
      </c>
      <c r="AC3161">
        <v>47</v>
      </c>
      <c r="AD3161">
        <v>32</v>
      </c>
      <c r="AE3161">
        <v>199</v>
      </c>
      <c r="AF3161">
        <v>605</v>
      </c>
      <c r="AG3161">
        <v>104934</v>
      </c>
      <c r="AH3161">
        <v>50000</v>
      </c>
      <c r="AI3161">
        <v>0</v>
      </c>
      <c r="AJ3161">
        <v>97</v>
      </c>
      <c r="AK3161" t="s">
        <v>33</v>
      </c>
      <c r="AL3161">
        <v>0</v>
      </c>
      <c r="AM3161">
        <v>0</v>
      </c>
      <c r="AN3161">
        <v>0</v>
      </c>
      <c r="AO3161">
        <v>0</v>
      </c>
      <c r="AP3161">
        <v>0</v>
      </c>
      <c r="AQ3161">
        <v>0</v>
      </c>
      <c r="AR3161">
        <v>0</v>
      </c>
      <c r="AS3161">
        <v>0</v>
      </c>
      <c r="AT3161">
        <v>0</v>
      </c>
      <c r="AU3161">
        <v>0</v>
      </c>
      <c r="AV3161">
        <v>0</v>
      </c>
      <c r="AW3161">
        <v>0</v>
      </c>
      <c r="AX3161">
        <v>-3784</v>
      </c>
      <c r="AY3161">
        <v>48</v>
      </c>
      <c r="AZ3161">
        <v>86</v>
      </c>
      <c r="BA3161">
        <v>6534</v>
      </c>
    </row>
    <row r="3162" spans="1:53" x14ac:dyDescent="0.4">
      <c r="A3162">
        <v>3206</v>
      </c>
      <c r="B3162" s="1">
        <v>43859</v>
      </c>
      <c r="C3162">
        <v>3</v>
      </c>
      <c r="D3162" s="1">
        <v>43859.749305555553</v>
      </c>
      <c r="E3162" s="1">
        <v>43859.954861111109</v>
      </c>
      <c r="F3162">
        <v>56150</v>
      </c>
      <c r="G3162">
        <v>1510</v>
      </c>
      <c r="H3162">
        <v>0</v>
      </c>
      <c r="I3162">
        <v>0</v>
      </c>
      <c r="J3162">
        <v>0</v>
      </c>
      <c r="K3162">
        <v>0</v>
      </c>
      <c r="L3162">
        <v>0</v>
      </c>
      <c r="M3162">
        <v>5766</v>
      </c>
      <c r="N3162">
        <v>0</v>
      </c>
      <c r="O3162">
        <v>0</v>
      </c>
      <c r="P3162">
        <v>-19635</v>
      </c>
      <c r="Q3162">
        <v>0</v>
      </c>
      <c r="R3162">
        <v>43791</v>
      </c>
      <c r="S3162">
        <v>0</v>
      </c>
      <c r="T3162">
        <v>0</v>
      </c>
      <c r="U3162">
        <v>0</v>
      </c>
      <c r="V3162">
        <v>3</v>
      </c>
      <c r="W3162">
        <v>0</v>
      </c>
      <c r="X3162">
        <v>0</v>
      </c>
      <c r="Y3162">
        <v>75</v>
      </c>
      <c r="Z3162">
        <v>60</v>
      </c>
      <c r="AA3162">
        <v>89</v>
      </c>
      <c r="AB3162">
        <v>7</v>
      </c>
      <c r="AC3162">
        <v>48</v>
      </c>
      <c r="AD3162">
        <v>34</v>
      </c>
      <c r="AE3162">
        <v>195</v>
      </c>
      <c r="AF3162">
        <v>3630</v>
      </c>
      <c r="AG3162">
        <v>148725</v>
      </c>
      <c r="AH3162">
        <v>50000</v>
      </c>
      <c r="AI3162">
        <v>0</v>
      </c>
      <c r="AJ3162">
        <v>108</v>
      </c>
      <c r="AK3162" t="s">
        <v>30</v>
      </c>
      <c r="AL3162">
        <v>0</v>
      </c>
      <c r="AM3162">
        <v>0</v>
      </c>
      <c r="AN3162">
        <v>0</v>
      </c>
      <c r="AO3162">
        <v>0</v>
      </c>
      <c r="AP3162">
        <v>0</v>
      </c>
      <c r="AQ3162">
        <v>0</v>
      </c>
      <c r="AR3162">
        <v>0</v>
      </c>
      <c r="AS3162">
        <v>0</v>
      </c>
      <c r="AT3162">
        <v>0</v>
      </c>
      <c r="AU3162">
        <v>0</v>
      </c>
      <c r="AV3162">
        <v>0</v>
      </c>
      <c r="AW3162">
        <v>0</v>
      </c>
      <c r="AX3162">
        <v>21593</v>
      </c>
      <c r="AY3162">
        <v>10</v>
      </c>
      <c r="AZ3162">
        <v>37</v>
      </c>
      <c r="BA3162">
        <v>2769</v>
      </c>
    </row>
    <row r="3163" spans="1:53" x14ac:dyDescent="0.4">
      <c r="A3163">
        <v>3207</v>
      </c>
      <c r="B3163" s="1">
        <v>43859</v>
      </c>
      <c r="C3163">
        <v>4</v>
      </c>
      <c r="D3163" s="1">
        <v>43859.954861111109</v>
      </c>
      <c r="E3163" s="1">
        <v>43860.073611111111</v>
      </c>
      <c r="F3163">
        <v>23600</v>
      </c>
      <c r="G3163">
        <v>1630</v>
      </c>
      <c r="H3163">
        <v>200</v>
      </c>
      <c r="I3163">
        <v>0</v>
      </c>
      <c r="J3163">
        <v>100</v>
      </c>
      <c r="K3163">
        <v>0</v>
      </c>
      <c r="L3163">
        <v>0</v>
      </c>
      <c r="M3163">
        <v>2533</v>
      </c>
      <c r="N3163">
        <v>0</v>
      </c>
      <c r="O3163">
        <v>0</v>
      </c>
      <c r="P3163">
        <v>4290</v>
      </c>
      <c r="Q3163">
        <v>0</v>
      </c>
      <c r="R3163">
        <v>32153</v>
      </c>
      <c r="S3163">
        <v>0</v>
      </c>
      <c r="T3163">
        <v>0</v>
      </c>
      <c r="U3163">
        <v>0</v>
      </c>
      <c r="V3163">
        <v>5</v>
      </c>
      <c r="W3163">
        <v>2</v>
      </c>
      <c r="X3163">
        <v>0</v>
      </c>
      <c r="Y3163">
        <v>78</v>
      </c>
      <c r="Z3163">
        <v>59</v>
      </c>
      <c r="AA3163">
        <v>84</v>
      </c>
      <c r="AB3163">
        <v>6</v>
      </c>
      <c r="AC3163">
        <v>46</v>
      </c>
      <c r="AD3163">
        <v>34</v>
      </c>
      <c r="AE3163">
        <v>198</v>
      </c>
      <c r="AF3163">
        <v>3850</v>
      </c>
      <c r="AG3163">
        <v>180878</v>
      </c>
      <c r="AH3163">
        <v>50000</v>
      </c>
      <c r="AI3163">
        <v>0</v>
      </c>
      <c r="AJ3163">
        <v>100</v>
      </c>
      <c r="AK3163" t="s">
        <v>0</v>
      </c>
      <c r="AL3163">
        <v>0</v>
      </c>
      <c r="AM3163">
        <v>0</v>
      </c>
      <c r="AN3163">
        <v>0</v>
      </c>
      <c r="AO3163">
        <v>0</v>
      </c>
      <c r="AP3163">
        <v>0</v>
      </c>
      <c r="AQ3163">
        <v>0</v>
      </c>
      <c r="AR3163">
        <v>0</v>
      </c>
      <c r="AS3163">
        <v>0</v>
      </c>
      <c r="AT3163">
        <v>0</v>
      </c>
      <c r="AU3163">
        <v>0</v>
      </c>
      <c r="AV3163">
        <v>0</v>
      </c>
      <c r="AW3163">
        <v>0</v>
      </c>
      <c r="AX3163">
        <v>0</v>
      </c>
      <c r="AY3163">
        <v>2</v>
      </c>
      <c r="AZ3163">
        <v>10</v>
      </c>
      <c r="BA3163">
        <v>198</v>
      </c>
    </row>
    <row r="3164" spans="1:53" x14ac:dyDescent="0.4">
      <c r="A3164">
        <v>3208</v>
      </c>
      <c r="B3164" s="1">
        <v>43860</v>
      </c>
      <c r="C3164">
        <v>1</v>
      </c>
      <c r="D3164" s="1">
        <v>43860.291666666664</v>
      </c>
      <c r="E3164" s="1">
        <v>43860.451388888891</v>
      </c>
      <c r="F3164">
        <v>0</v>
      </c>
      <c r="G3164">
        <v>0</v>
      </c>
      <c r="H3164">
        <v>0</v>
      </c>
      <c r="I3164">
        <v>0</v>
      </c>
      <c r="J3164">
        <v>0</v>
      </c>
      <c r="K3164">
        <v>0</v>
      </c>
      <c r="L3164">
        <v>0</v>
      </c>
      <c r="M3164">
        <v>0</v>
      </c>
      <c r="N3164">
        <v>0</v>
      </c>
      <c r="O3164">
        <v>0</v>
      </c>
      <c r="P3164">
        <v>0</v>
      </c>
      <c r="Q3164">
        <v>0</v>
      </c>
      <c r="R3164">
        <v>0</v>
      </c>
      <c r="S3164">
        <v>0</v>
      </c>
      <c r="T3164">
        <v>0</v>
      </c>
      <c r="U3164">
        <v>0</v>
      </c>
      <c r="V3164">
        <v>0</v>
      </c>
      <c r="W3164">
        <v>0</v>
      </c>
      <c r="X3164">
        <v>0</v>
      </c>
      <c r="Y3164">
        <v>34</v>
      </c>
      <c r="Z3164">
        <v>10</v>
      </c>
      <c r="AA3164">
        <v>98</v>
      </c>
      <c r="AB3164">
        <v>7</v>
      </c>
      <c r="AC3164">
        <v>54</v>
      </c>
      <c r="AD3164">
        <v>33</v>
      </c>
      <c r="AE3164">
        <v>145</v>
      </c>
      <c r="AF3164">
        <v>0</v>
      </c>
      <c r="AG3164">
        <v>50000</v>
      </c>
      <c r="AH3164">
        <v>0</v>
      </c>
      <c r="AI3164">
        <v>50000</v>
      </c>
      <c r="AJ3164">
        <v>0</v>
      </c>
      <c r="AK3164" t="s">
        <v>6</v>
      </c>
      <c r="AL3164">
        <v>0</v>
      </c>
      <c r="AM3164">
        <v>0</v>
      </c>
      <c r="AN3164">
        <v>0</v>
      </c>
      <c r="AO3164">
        <v>0</v>
      </c>
      <c r="AP3164">
        <v>0</v>
      </c>
      <c r="AQ3164">
        <v>0</v>
      </c>
      <c r="AR3164">
        <v>0</v>
      </c>
      <c r="AS3164">
        <v>0</v>
      </c>
      <c r="AT3164">
        <v>0</v>
      </c>
      <c r="AU3164">
        <v>0</v>
      </c>
      <c r="AV3164">
        <v>0</v>
      </c>
      <c r="AW3164">
        <v>0</v>
      </c>
      <c r="AX3164">
        <v>0</v>
      </c>
      <c r="AY3164">
        <v>0</v>
      </c>
      <c r="AZ3164">
        <v>0</v>
      </c>
      <c r="BA3164">
        <v>0</v>
      </c>
    </row>
    <row r="3165" spans="1:53" x14ac:dyDescent="0.4">
      <c r="A3165">
        <v>3209</v>
      </c>
      <c r="B3165" s="1">
        <v>43860</v>
      </c>
      <c r="C3165">
        <v>2</v>
      </c>
      <c r="D3165" s="1">
        <v>43860.451388888891</v>
      </c>
      <c r="E3165" s="1">
        <v>43860.740972222222</v>
      </c>
      <c r="F3165">
        <v>18425</v>
      </c>
      <c r="G3165">
        <v>0</v>
      </c>
      <c r="H3165">
        <v>200</v>
      </c>
      <c r="I3165">
        <v>0</v>
      </c>
      <c r="J3165">
        <v>100</v>
      </c>
      <c r="K3165">
        <v>0</v>
      </c>
      <c r="L3165">
        <v>0</v>
      </c>
      <c r="M3165">
        <v>1852</v>
      </c>
      <c r="N3165">
        <v>0</v>
      </c>
      <c r="O3165">
        <v>0</v>
      </c>
      <c r="P3165">
        <v>18755</v>
      </c>
      <c r="Q3165">
        <v>0</v>
      </c>
      <c r="R3165">
        <v>39132</v>
      </c>
      <c r="S3165">
        <v>0</v>
      </c>
      <c r="T3165">
        <v>0</v>
      </c>
      <c r="U3165">
        <v>0</v>
      </c>
      <c r="V3165">
        <v>1</v>
      </c>
      <c r="W3165">
        <v>1</v>
      </c>
      <c r="X3165">
        <v>0</v>
      </c>
      <c r="Y3165">
        <v>46</v>
      </c>
      <c r="Z3165">
        <v>25</v>
      </c>
      <c r="AA3165">
        <v>111</v>
      </c>
      <c r="AB3165">
        <v>7</v>
      </c>
      <c r="AC3165">
        <v>143</v>
      </c>
      <c r="AD3165">
        <v>31</v>
      </c>
      <c r="AE3165">
        <v>187</v>
      </c>
      <c r="AF3165">
        <v>2420</v>
      </c>
      <c r="AG3165">
        <v>89142</v>
      </c>
      <c r="AH3165">
        <v>50000</v>
      </c>
      <c r="AI3165">
        <v>10</v>
      </c>
      <c r="AJ3165">
        <v>96</v>
      </c>
      <c r="AK3165" t="s">
        <v>4</v>
      </c>
      <c r="AL3165">
        <v>0</v>
      </c>
      <c r="AM3165">
        <v>0</v>
      </c>
      <c r="AN3165">
        <v>0</v>
      </c>
      <c r="AO3165">
        <v>0</v>
      </c>
      <c r="AP3165">
        <v>0</v>
      </c>
      <c r="AQ3165">
        <v>0</v>
      </c>
      <c r="AR3165">
        <v>0</v>
      </c>
      <c r="AS3165">
        <v>0</v>
      </c>
      <c r="AT3165">
        <v>0</v>
      </c>
      <c r="AU3165">
        <v>0</v>
      </c>
      <c r="AV3165">
        <v>0</v>
      </c>
      <c r="AW3165">
        <v>0</v>
      </c>
      <c r="AX3165">
        <v>-1210</v>
      </c>
      <c r="AY3165">
        <v>39</v>
      </c>
      <c r="AZ3165">
        <v>65</v>
      </c>
      <c r="BA3165">
        <v>5044</v>
      </c>
    </row>
    <row r="3166" spans="1:53" x14ac:dyDescent="0.4">
      <c r="A3166">
        <v>3210</v>
      </c>
      <c r="B3166" s="1">
        <v>43860</v>
      </c>
      <c r="C3166">
        <v>3</v>
      </c>
      <c r="D3166" s="1">
        <v>43860.740972222222</v>
      </c>
      <c r="E3166" s="1">
        <v>43860.970138888886</v>
      </c>
      <c r="F3166">
        <v>40750</v>
      </c>
      <c r="G3166">
        <v>1640</v>
      </c>
      <c r="H3166">
        <v>0</v>
      </c>
      <c r="I3166">
        <v>0</v>
      </c>
      <c r="J3166">
        <v>0</v>
      </c>
      <c r="K3166">
        <v>0</v>
      </c>
      <c r="L3166">
        <v>0</v>
      </c>
      <c r="M3166">
        <v>4239</v>
      </c>
      <c r="N3166">
        <v>0</v>
      </c>
      <c r="O3166">
        <v>0</v>
      </c>
      <c r="P3166">
        <v>-12155</v>
      </c>
      <c r="Q3166">
        <v>0</v>
      </c>
      <c r="R3166">
        <v>34474</v>
      </c>
      <c r="S3166">
        <v>0</v>
      </c>
      <c r="T3166">
        <v>0</v>
      </c>
      <c r="U3166">
        <v>0</v>
      </c>
      <c r="V3166">
        <v>3</v>
      </c>
      <c r="W3166">
        <v>1</v>
      </c>
      <c r="X3166">
        <v>0</v>
      </c>
      <c r="Y3166">
        <v>55</v>
      </c>
      <c r="Z3166">
        <v>27</v>
      </c>
      <c r="AA3166">
        <v>113</v>
      </c>
      <c r="AB3166">
        <v>7</v>
      </c>
      <c r="AC3166">
        <v>148</v>
      </c>
      <c r="AD3166">
        <v>29</v>
      </c>
      <c r="AE3166">
        <v>176</v>
      </c>
      <c r="AF3166">
        <v>6655</v>
      </c>
      <c r="AG3166">
        <v>123606</v>
      </c>
      <c r="AH3166">
        <v>50000</v>
      </c>
      <c r="AI3166">
        <v>0</v>
      </c>
      <c r="AJ3166">
        <v>108</v>
      </c>
      <c r="AK3166" t="s">
        <v>30</v>
      </c>
      <c r="AL3166">
        <v>0</v>
      </c>
      <c r="AM3166">
        <v>0</v>
      </c>
      <c r="AN3166">
        <v>0</v>
      </c>
      <c r="AO3166">
        <v>0</v>
      </c>
      <c r="AP3166">
        <v>0</v>
      </c>
      <c r="AQ3166">
        <v>0</v>
      </c>
      <c r="AR3166">
        <v>0</v>
      </c>
      <c r="AS3166">
        <v>0</v>
      </c>
      <c r="AT3166">
        <v>0</v>
      </c>
      <c r="AU3166">
        <v>0</v>
      </c>
      <c r="AV3166">
        <v>0</v>
      </c>
      <c r="AW3166">
        <v>0</v>
      </c>
      <c r="AX3166">
        <v>24440</v>
      </c>
      <c r="AY3166">
        <v>19</v>
      </c>
      <c r="AZ3166">
        <v>52</v>
      </c>
      <c r="BA3166">
        <v>2757</v>
      </c>
    </row>
    <row r="3167" spans="1:53" x14ac:dyDescent="0.4">
      <c r="A3167">
        <v>3211</v>
      </c>
      <c r="B3167" s="1">
        <v>43861</v>
      </c>
      <c r="C3167">
        <v>1</v>
      </c>
      <c r="D3167" s="1">
        <v>43861.291666666664</v>
      </c>
      <c r="E3167" s="1">
        <v>43861.443749999999</v>
      </c>
      <c r="F3167">
        <v>0</v>
      </c>
      <c r="G3167">
        <v>0</v>
      </c>
      <c r="H3167">
        <v>0</v>
      </c>
      <c r="I3167">
        <v>0</v>
      </c>
      <c r="J3167">
        <v>0</v>
      </c>
      <c r="K3167">
        <v>0</v>
      </c>
      <c r="L3167">
        <v>0</v>
      </c>
      <c r="M3167">
        <v>0</v>
      </c>
      <c r="N3167">
        <v>0</v>
      </c>
      <c r="O3167">
        <v>0</v>
      </c>
      <c r="P3167">
        <v>0</v>
      </c>
      <c r="Q3167">
        <v>0</v>
      </c>
      <c r="R3167">
        <v>0</v>
      </c>
      <c r="S3167">
        <v>0</v>
      </c>
      <c r="T3167">
        <v>0</v>
      </c>
      <c r="U3167">
        <v>0</v>
      </c>
      <c r="V3167">
        <v>0</v>
      </c>
      <c r="W3167">
        <v>0</v>
      </c>
      <c r="X3167">
        <v>0</v>
      </c>
      <c r="Y3167">
        <v>34</v>
      </c>
      <c r="Z3167">
        <v>10</v>
      </c>
      <c r="AA3167">
        <v>93</v>
      </c>
      <c r="AB3167">
        <v>4</v>
      </c>
      <c r="AC3167">
        <v>123</v>
      </c>
      <c r="AD3167">
        <v>29</v>
      </c>
      <c r="AE3167">
        <v>125</v>
      </c>
      <c r="AF3167">
        <v>0</v>
      </c>
      <c r="AG3167">
        <v>50000</v>
      </c>
      <c r="AH3167">
        <v>50000</v>
      </c>
      <c r="AI3167">
        <v>0</v>
      </c>
      <c r="AJ3167">
        <v>0</v>
      </c>
      <c r="AK3167" t="s">
        <v>6</v>
      </c>
      <c r="AL3167">
        <v>0</v>
      </c>
      <c r="AM3167">
        <v>0</v>
      </c>
      <c r="AN3167">
        <v>0</v>
      </c>
      <c r="AO3167">
        <v>0</v>
      </c>
      <c r="AP3167">
        <v>0</v>
      </c>
      <c r="AQ3167">
        <v>0</v>
      </c>
      <c r="AR3167">
        <v>0</v>
      </c>
      <c r="AS3167">
        <v>0</v>
      </c>
      <c r="AT3167">
        <v>0</v>
      </c>
      <c r="AU3167">
        <v>0</v>
      </c>
      <c r="AV3167">
        <v>0</v>
      </c>
      <c r="AW3167">
        <v>0</v>
      </c>
      <c r="AX3167">
        <v>0</v>
      </c>
      <c r="AY3167">
        <v>0</v>
      </c>
      <c r="AZ3167">
        <v>0</v>
      </c>
      <c r="BA3167">
        <v>0</v>
      </c>
    </row>
    <row r="3168" spans="1:53" x14ac:dyDescent="0.4">
      <c r="A3168">
        <v>3212</v>
      </c>
      <c r="B3168" s="1">
        <v>43861</v>
      </c>
      <c r="C3168">
        <v>2</v>
      </c>
      <c r="D3168" s="1">
        <v>43861.443749999999</v>
      </c>
      <c r="E3168" s="1">
        <v>43861.748611111114</v>
      </c>
      <c r="F3168">
        <v>26400</v>
      </c>
      <c r="G3168">
        <v>560</v>
      </c>
      <c r="H3168">
        <v>200</v>
      </c>
      <c r="I3168">
        <v>0</v>
      </c>
      <c r="J3168">
        <v>0</v>
      </c>
      <c r="K3168">
        <v>0</v>
      </c>
      <c r="L3168">
        <v>0</v>
      </c>
      <c r="M3168">
        <v>2716</v>
      </c>
      <c r="N3168">
        <v>0</v>
      </c>
      <c r="O3168">
        <v>0</v>
      </c>
      <c r="P3168">
        <v>15730</v>
      </c>
      <c r="Q3168">
        <v>0</v>
      </c>
      <c r="R3168">
        <v>45606</v>
      </c>
      <c r="S3168">
        <v>0</v>
      </c>
      <c r="T3168">
        <v>0</v>
      </c>
      <c r="U3168">
        <v>0</v>
      </c>
      <c r="V3168">
        <v>2</v>
      </c>
      <c r="W3168">
        <v>0</v>
      </c>
      <c r="X3168">
        <v>0</v>
      </c>
      <c r="Y3168">
        <v>51</v>
      </c>
      <c r="Z3168">
        <v>30</v>
      </c>
      <c r="AA3168">
        <v>83</v>
      </c>
      <c r="AB3168">
        <v>2</v>
      </c>
      <c r="AC3168">
        <v>89</v>
      </c>
      <c r="AD3168">
        <v>27</v>
      </c>
      <c r="AE3168">
        <v>181</v>
      </c>
      <c r="AF3168">
        <v>0</v>
      </c>
      <c r="AG3168">
        <v>95606</v>
      </c>
      <c r="AH3168">
        <v>50000</v>
      </c>
      <c r="AI3168">
        <v>0</v>
      </c>
      <c r="AJ3168">
        <v>100</v>
      </c>
      <c r="AK3168" t="s">
        <v>0</v>
      </c>
      <c r="AL3168">
        <v>0</v>
      </c>
      <c r="AM3168">
        <v>0</v>
      </c>
      <c r="AN3168">
        <v>0</v>
      </c>
      <c r="AO3168">
        <v>0</v>
      </c>
      <c r="AP3168">
        <v>0</v>
      </c>
      <c r="AQ3168">
        <v>0</v>
      </c>
      <c r="AR3168">
        <v>0</v>
      </c>
      <c r="AS3168">
        <v>0</v>
      </c>
      <c r="AT3168">
        <v>0</v>
      </c>
      <c r="AU3168">
        <v>0</v>
      </c>
      <c r="AV3168">
        <v>0</v>
      </c>
      <c r="AW3168">
        <v>0</v>
      </c>
      <c r="AX3168">
        <v>10890</v>
      </c>
      <c r="AY3168">
        <v>44</v>
      </c>
      <c r="AZ3168">
        <v>76</v>
      </c>
      <c r="BA3168">
        <v>5628</v>
      </c>
    </row>
    <row r="3169" spans="1:53" x14ac:dyDescent="0.4">
      <c r="A3169">
        <v>3213</v>
      </c>
      <c r="B3169" s="1">
        <v>43861</v>
      </c>
      <c r="C3169">
        <v>3</v>
      </c>
      <c r="D3169" s="1">
        <v>43861.748611111114</v>
      </c>
      <c r="E3169" s="1">
        <v>43862.01458333333</v>
      </c>
      <c r="F3169">
        <v>184500</v>
      </c>
      <c r="G3169">
        <v>5810</v>
      </c>
      <c r="H3169">
        <v>200</v>
      </c>
      <c r="I3169">
        <v>0</v>
      </c>
      <c r="J3169">
        <v>0</v>
      </c>
      <c r="K3169">
        <v>0</v>
      </c>
      <c r="L3169">
        <v>0</v>
      </c>
      <c r="M3169">
        <v>19051</v>
      </c>
      <c r="N3169">
        <v>0</v>
      </c>
      <c r="O3169">
        <v>0</v>
      </c>
      <c r="P3169">
        <v>22880</v>
      </c>
      <c r="Q3169">
        <v>0</v>
      </c>
      <c r="R3169">
        <v>232441</v>
      </c>
      <c r="S3169">
        <v>0</v>
      </c>
      <c r="T3169">
        <v>0</v>
      </c>
      <c r="U3169">
        <v>0</v>
      </c>
      <c r="V3169">
        <v>16</v>
      </c>
      <c r="W3169">
        <v>1</v>
      </c>
      <c r="X3169">
        <v>0</v>
      </c>
      <c r="Y3169">
        <v>44</v>
      </c>
      <c r="Z3169">
        <v>27</v>
      </c>
      <c r="AA3169">
        <v>79</v>
      </c>
      <c r="AB3169">
        <v>1</v>
      </c>
      <c r="AC3169">
        <v>93</v>
      </c>
      <c r="AD3169">
        <v>25</v>
      </c>
      <c r="AE3169">
        <v>176</v>
      </c>
      <c r="AF3169">
        <v>96366</v>
      </c>
      <c r="AG3169">
        <v>328047</v>
      </c>
      <c r="AH3169">
        <v>50000</v>
      </c>
      <c r="AI3169">
        <v>0</v>
      </c>
      <c r="AJ3169">
        <v>108</v>
      </c>
      <c r="AK3169" t="s">
        <v>30</v>
      </c>
      <c r="AL3169">
        <v>0</v>
      </c>
      <c r="AM3169">
        <v>0</v>
      </c>
      <c r="AN3169">
        <v>0</v>
      </c>
      <c r="AO3169">
        <v>0</v>
      </c>
      <c r="AP3169">
        <v>0</v>
      </c>
      <c r="AQ3169">
        <v>0</v>
      </c>
      <c r="AR3169">
        <v>0</v>
      </c>
      <c r="AS3169">
        <v>0</v>
      </c>
      <c r="AT3169">
        <v>0</v>
      </c>
      <c r="AU3169">
        <v>0</v>
      </c>
      <c r="AV3169">
        <v>0</v>
      </c>
      <c r="AW3169">
        <v>0</v>
      </c>
      <c r="AX3169">
        <v>32049</v>
      </c>
      <c r="AY3169">
        <v>29</v>
      </c>
      <c r="AZ3169">
        <v>127</v>
      </c>
      <c r="BA3169">
        <v>4704</v>
      </c>
    </row>
    <row r="3170" spans="1:53" x14ac:dyDescent="0.4">
      <c r="A3170">
        <v>3214</v>
      </c>
      <c r="B3170" s="1">
        <v>43862</v>
      </c>
      <c r="C3170">
        <v>1</v>
      </c>
      <c r="D3170" s="1">
        <v>43862.291666666664</v>
      </c>
      <c r="E3170" s="1">
        <v>43862.404861111114</v>
      </c>
      <c r="F3170">
        <v>0</v>
      </c>
      <c r="G3170">
        <v>0</v>
      </c>
      <c r="H3170">
        <v>0</v>
      </c>
      <c r="I3170">
        <v>0</v>
      </c>
      <c r="J3170">
        <v>0</v>
      </c>
      <c r="K3170">
        <v>0</v>
      </c>
      <c r="L3170">
        <v>0</v>
      </c>
      <c r="M3170">
        <v>0</v>
      </c>
      <c r="N3170">
        <v>0</v>
      </c>
      <c r="O3170">
        <v>0</v>
      </c>
      <c r="P3170">
        <v>0</v>
      </c>
      <c r="Q3170">
        <v>0</v>
      </c>
      <c r="R3170">
        <v>0</v>
      </c>
      <c r="S3170">
        <v>0</v>
      </c>
      <c r="T3170">
        <v>0</v>
      </c>
      <c r="U3170">
        <v>0</v>
      </c>
      <c r="V3170">
        <v>0</v>
      </c>
      <c r="W3170">
        <v>0</v>
      </c>
      <c r="X3170">
        <v>0</v>
      </c>
      <c r="Y3170">
        <v>35</v>
      </c>
      <c r="Z3170">
        <v>11</v>
      </c>
      <c r="AA3170">
        <v>82</v>
      </c>
      <c r="AB3170">
        <v>2</v>
      </c>
      <c r="AC3170">
        <v>95</v>
      </c>
      <c r="AD3170">
        <v>25</v>
      </c>
      <c r="AE3170">
        <v>125</v>
      </c>
      <c r="AF3170">
        <v>0</v>
      </c>
      <c r="AG3170">
        <v>50000</v>
      </c>
      <c r="AH3170">
        <v>50000</v>
      </c>
      <c r="AI3170">
        <v>0</v>
      </c>
      <c r="AJ3170">
        <v>0</v>
      </c>
      <c r="AK3170" t="s">
        <v>6</v>
      </c>
      <c r="AL3170">
        <v>0</v>
      </c>
      <c r="AM3170">
        <v>0</v>
      </c>
      <c r="AN3170">
        <v>0</v>
      </c>
      <c r="AO3170">
        <v>0</v>
      </c>
      <c r="AP3170">
        <v>0</v>
      </c>
      <c r="AQ3170">
        <v>0</v>
      </c>
      <c r="AR3170">
        <v>0</v>
      </c>
      <c r="AS3170">
        <v>0</v>
      </c>
      <c r="AT3170">
        <v>0</v>
      </c>
      <c r="AU3170">
        <v>0</v>
      </c>
      <c r="AV3170">
        <v>0</v>
      </c>
      <c r="AW3170">
        <v>0</v>
      </c>
      <c r="AX3170">
        <v>0</v>
      </c>
      <c r="AY3170">
        <v>0</v>
      </c>
      <c r="AZ3170">
        <v>0</v>
      </c>
      <c r="BA3170">
        <v>0</v>
      </c>
    </row>
    <row r="3171" spans="1:53" x14ac:dyDescent="0.4">
      <c r="A3171">
        <v>3215</v>
      </c>
      <c r="B3171" s="1">
        <v>43862</v>
      </c>
      <c r="C3171">
        <v>2</v>
      </c>
      <c r="D3171" s="1">
        <v>43862.404861111114</v>
      </c>
      <c r="E3171" s="1">
        <v>43862.730555555558</v>
      </c>
      <c r="F3171">
        <v>46200</v>
      </c>
      <c r="G3171">
        <v>2780</v>
      </c>
      <c r="H3171">
        <v>200</v>
      </c>
      <c r="I3171">
        <v>0</v>
      </c>
      <c r="J3171">
        <v>2050</v>
      </c>
      <c r="K3171">
        <v>0</v>
      </c>
      <c r="L3171">
        <v>0</v>
      </c>
      <c r="M3171">
        <v>4713</v>
      </c>
      <c r="N3171">
        <v>0</v>
      </c>
      <c r="O3171">
        <v>0</v>
      </c>
      <c r="P3171">
        <v>16225</v>
      </c>
      <c r="Q3171">
        <v>0</v>
      </c>
      <c r="R3171">
        <v>68068</v>
      </c>
      <c r="S3171">
        <v>0</v>
      </c>
      <c r="T3171">
        <v>0</v>
      </c>
      <c r="U3171">
        <v>0</v>
      </c>
      <c r="V3171">
        <v>3</v>
      </c>
      <c r="W3171">
        <v>0</v>
      </c>
      <c r="X3171">
        <v>0</v>
      </c>
      <c r="Y3171">
        <v>67</v>
      </c>
      <c r="Z3171">
        <v>27</v>
      </c>
      <c r="AA3171">
        <v>36</v>
      </c>
      <c r="AB3171">
        <v>4</v>
      </c>
      <c r="AC3171">
        <v>62</v>
      </c>
      <c r="AD3171">
        <v>19</v>
      </c>
      <c r="AE3171">
        <v>138</v>
      </c>
      <c r="AF3171">
        <v>2915</v>
      </c>
      <c r="AG3171">
        <v>118068</v>
      </c>
      <c r="AH3171">
        <v>50000</v>
      </c>
      <c r="AI3171">
        <v>0</v>
      </c>
      <c r="AJ3171">
        <v>90</v>
      </c>
      <c r="AK3171" t="s">
        <v>38</v>
      </c>
      <c r="AL3171">
        <v>0</v>
      </c>
      <c r="AM3171">
        <v>0</v>
      </c>
      <c r="AN3171">
        <v>0</v>
      </c>
      <c r="AO3171">
        <v>0</v>
      </c>
      <c r="AP3171">
        <v>0</v>
      </c>
      <c r="AQ3171">
        <v>0</v>
      </c>
      <c r="AR3171">
        <v>0</v>
      </c>
      <c r="AS3171">
        <v>0</v>
      </c>
      <c r="AT3171">
        <v>0</v>
      </c>
      <c r="AU3171">
        <v>0</v>
      </c>
      <c r="AV3171">
        <v>0</v>
      </c>
      <c r="AW3171">
        <v>0</v>
      </c>
      <c r="AX3171">
        <v>726</v>
      </c>
      <c r="AY3171">
        <v>48</v>
      </c>
      <c r="AZ3171">
        <v>105</v>
      </c>
      <c r="BA3171">
        <v>7682</v>
      </c>
    </row>
    <row r="3172" spans="1:53" x14ac:dyDescent="0.4">
      <c r="A3172">
        <v>3216</v>
      </c>
      <c r="B3172" s="1">
        <v>43862</v>
      </c>
      <c r="C3172">
        <v>3</v>
      </c>
      <c r="D3172" s="1">
        <v>43862.730555555558</v>
      </c>
      <c r="E3172" s="1">
        <v>43863.078472222223</v>
      </c>
      <c r="F3172">
        <v>284975</v>
      </c>
      <c r="G3172">
        <v>27200</v>
      </c>
      <c r="H3172">
        <v>200</v>
      </c>
      <c r="I3172">
        <v>0</v>
      </c>
      <c r="J3172">
        <v>800</v>
      </c>
      <c r="K3172">
        <v>0</v>
      </c>
      <c r="L3172">
        <v>0</v>
      </c>
      <c r="M3172">
        <v>31158</v>
      </c>
      <c r="N3172">
        <v>0</v>
      </c>
      <c r="O3172">
        <v>0</v>
      </c>
      <c r="P3172">
        <v>6875</v>
      </c>
      <c r="Q3172">
        <v>0</v>
      </c>
      <c r="R3172">
        <v>349608</v>
      </c>
      <c r="S3172">
        <v>0</v>
      </c>
      <c r="T3172">
        <v>0</v>
      </c>
      <c r="U3172">
        <v>0</v>
      </c>
      <c r="V3172">
        <v>20</v>
      </c>
      <c r="W3172">
        <v>4</v>
      </c>
      <c r="X3172">
        <v>0</v>
      </c>
      <c r="Y3172">
        <v>109</v>
      </c>
      <c r="Z3172">
        <v>34</v>
      </c>
      <c r="AA3172">
        <v>43</v>
      </c>
      <c r="AB3172">
        <v>6</v>
      </c>
      <c r="AC3172">
        <v>75</v>
      </c>
      <c r="AD3172">
        <v>21</v>
      </c>
      <c r="AE3172">
        <v>149</v>
      </c>
      <c r="AF3172">
        <v>116072</v>
      </c>
      <c r="AG3172">
        <v>467676</v>
      </c>
      <c r="AH3172">
        <v>50000</v>
      </c>
      <c r="AI3172">
        <v>0</v>
      </c>
      <c r="AJ3172">
        <v>100</v>
      </c>
      <c r="AK3172" t="s">
        <v>0</v>
      </c>
      <c r="AL3172">
        <v>0</v>
      </c>
      <c r="AM3172">
        <v>0</v>
      </c>
      <c r="AN3172">
        <v>0</v>
      </c>
      <c r="AO3172">
        <v>0</v>
      </c>
      <c r="AP3172">
        <v>0</v>
      </c>
      <c r="AQ3172">
        <v>0</v>
      </c>
      <c r="AR3172">
        <v>0</v>
      </c>
      <c r="AS3172">
        <v>0</v>
      </c>
      <c r="AT3172">
        <v>0</v>
      </c>
      <c r="AU3172">
        <v>0</v>
      </c>
      <c r="AV3172">
        <v>0</v>
      </c>
      <c r="AW3172">
        <v>0</v>
      </c>
      <c r="AX3172">
        <v>3520</v>
      </c>
      <c r="AY3172">
        <v>34</v>
      </c>
      <c r="AZ3172">
        <v>146</v>
      </c>
      <c r="BA3172">
        <v>5412</v>
      </c>
    </row>
    <row r="3173" spans="1:53" x14ac:dyDescent="0.4">
      <c r="A3173">
        <v>3217</v>
      </c>
      <c r="B3173" s="1">
        <v>43863</v>
      </c>
      <c r="C3173">
        <v>1</v>
      </c>
      <c r="D3173" s="1">
        <v>43863.291666666664</v>
      </c>
      <c r="E3173" s="1">
        <v>43863.40625</v>
      </c>
      <c r="F3173">
        <v>0</v>
      </c>
      <c r="G3173">
        <v>0</v>
      </c>
      <c r="H3173">
        <v>0</v>
      </c>
      <c r="I3173">
        <v>0</v>
      </c>
      <c r="J3173">
        <v>0</v>
      </c>
      <c r="K3173">
        <v>0</v>
      </c>
      <c r="L3173">
        <v>0</v>
      </c>
      <c r="M3173">
        <v>0</v>
      </c>
      <c r="N3173">
        <v>0</v>
      </c>
      <c r="O3173">
        <v>0</v>
      </c>
      <c r="P3173">
        <v>0</v>
      </c>
      <c r="Q3173">
        <v>0</v>
      </c>
      <c r="R3173">
        <v>0</v>
      </c>
      <c r="S3173">
        <v>0</v>
      </c>
      <c r="T3173">
        <v>0</v>
      </c>
      <c r="U3173">
        <v>0</v>
      </c>
      <c r="V3173">
        <v>0</v>
      </c>
      <c r="W3173">
        <v>0</v>
      </c>
      <c r="X3173">
        <v>0</v>
      </c>
      <c r="Y3173">
        <v>38</v>
      </c>
      <c r="Z3173">
        <v>13</v>
      </c>
      <c r="AA3173">
        <v>42</v>
      </c>
      <c r="AB3173">
        <v>5</v>
      </c>
      <c r="AC3173">
        <v>81</v>
      </c>
      <c r="AD3173">
        <v>20</v>
      </c>
      <c r="AE3173">
        <v>140</v>
      </c>
      <c r="AF3173">
        <v>0</v>
      </c>
      <c r="AG3173">
        <v>50000</v>
      </c>
      <c r="AH3173">
        <v>50000</v>
      </c>
      <c r="AI3173">
        <v>0</v>
      </c>
      <c r="AJ3173">
        <v>0</v>
      </c>
      <c r="AK3173" t="s">
        <v>6</v>
      </c>
      <c r="AL3173">
        <v>0</v>
      </c>
      <c r="AM3173">
        <v>0</v>
      </c>
      <c r="AN3173">
        <v>0</v>
      </c>
      <c r="AO3173">
        <v>0</v>
      </c>
      <c r="AP3173">
        <v>0</v>
      </c>
      <c r="AQ3173">
        <v>0</v>
      </c>
      <c r="AR3173">
        <v>0</v>
      </c>
      <c r="AS3173">
        <v>0</v>
      </c>
      <c r="AT3173">
        <v>0</v>
      </c>
      <c r="AU3173">
        <v>0</v>
      </c>
      <c r="AV3173">
        <v>0</v>
      </c>
      <c r="AW3173">
        <v>0</v>
      </c>
      <c r="AX3173">
        <v>0</v>
      </c>
      <c r="AY3173">
        <v>0</v>
      </c>
      <c r="AZ3173">
        <v>0</v>
      </c>
      <c r="BA3173">
        <v>0</v>
      </c>
    </row>
    <row r="3174" spans="1:53" x14ac:dyDescent="0.4">
      <c r="A3174">
        <v>3218</v>
      </c>
      <c r="B3174" s="1">
        <v>43863</v>
      </c>
      <c r="C3174">
        <v>2</v>
      </c>
      <c r="D3174" s="1">
        <v>43863.40625</v>
      </c>
      <c r="E3174" s="1">
        <v>43863.731249999997</v>
      </c>
      <c r="F3174">
        <v>50050</v>
      </c>
      <c r="G3174">
        <v>3240</v>
      </c>
      <c r="H3174">
        <v>0</v>
      </c>
      <c r="I3174">
        <v>0</v>
      </c>
      <c r="J3174">
        <v>0</v>
      </c>
      <c r="K3174">
        <v>0</v>
      </c>
      <c r="L3174">
        <v>0</v>
      </c>
      <c r="M3174">
        <v>5329</v>
      </c>
      <c r="N3174">
        <v>0</v>
      </c>
      <c r="O3174">
        <v>0</v>
      </c>
      <c r="P3174">
        <v>15620</v>
      </c>
      <c r="Q3174">
        <v>0</v>
      </c>
      <c r="R3174">
        <v>74239</v>
      </c>
      <c r="S3174">
        <v>0</v>
      </c>
      <c r="T3174">
        <v>0</v>
      </c>
      <c r="U3174">
        <v>0</v>
      </c>
      <c r="V3174">
        <v>1</v>
      </c>
      <c r="W3174">
        <v>4</v>
      </c>
      <c r="X3174">
        <v>0</v>
      </c>
      <c r="Y3174">
        <v>69</v>
      </c>
      <c r="Z3174">
        <v>34</v>
      </c>
      <c r="AA3174">
        <v>6</v>
      </c>
      <c r="AB3174">
        <v>1</v>
      </c>
      <c r="AC3174">
        <v>31</v>
      </c>
      <c r="AD3174">
        <v>6</v>
      </c>
      <c r="AE3174">
        <v>204</v>
      </c>
      <c r="AF3174">
        <v>7045</v>
      </c>
      <c r="AG3174">
        <v>124239</v>
      </c>
      <c r="AH3174">
        <v>50000</v>
      </c>
      <c r="AI3174">
        <v>0</v>
      </c>
      <c r="AJ3174">
        <v>97</v>
      </c>
      <c r="AK3174" t="s">
        <v>33</v>
      </c>
      <c r="AL3174">
        <v>0</v>
      </c>
      <c r="AM3174">
        <v>0</v>
      </c>
      <c r="AN3174">
        <v>0</v>
      </c>
      <c r="AO3174">
        <v>0</v>
      </c>
      <c r="AP3174">
        <v>0</v>
      </c>
      <c r="AQ3174">
        <v>0</v>
      </c>
      <c r="AR3174">
        <v>0</v>
      </c>
      <c r="AS3174">
        <v>0</v>
      </c>
      <c r="AT3174">
        <v>0</v>
      </c>
      <c r="AU3174">
        <v>0</v>
      </c>
      <c r="AV3174">
        <v>0</v>
      </c>
      <c r="AW3174">
        <v>0</v>
      </c>
      <c r="AX3174">
        <v>-2410</v>
      </c>
      <c r="AY3174">
        <v>52</v>
      </c>
      <c r="AZ3174">
        <v>115</v>
      </c>
      <c r="BA3174">
        <v>7687</v>
      </c>
    </row>
    <row r="3175" spans="1:53" x14ac:dyDescent="0.4">
      <c r="A3175">
        <v>3219</v>
      </c>
      <c r="B3175" s="1">
        <v>43864</v>
      </c>
      <c r="C3175">
        <v>1</v>
      </c>
      <c r="D3175" s="1">
        <v>43864.291666666664</v>
      </c>
      <c r="E3175" s="1">
        <v>43864.45416666667</v>
      </c>
      <c r="F3175">
        <v>0</v>
      </c>
      <c r="G3175">
        <v>0</v>
      </c>
      <c r="H3175">
        <v>0</v>
      </c>
      <c r="I3175">
        <v>0</v>
      </c>
      <c r="J3175">
        <v>0</v>
      </c>
      <c r="K3175">
        <v>0</v>
      </c>
      <c r="L3175">
        <v>0</v>
      </c>
      <c r="M3175">
        <v>0</v>
      </c>
      <c r="N3175">
        <v>0</v>
      </c>
      <c r="O3175">
        <v>0</v>
      </c>
      <c r="P3175">
        <v>0</v>
      </c>
      <c r="Q3175">
        <v>0</v>
      </c>
      <c r="R3175">
        <v>0</v>
      </c>
      <c r="S3175">
        <v>0</v>
      </c>
      <c r="T3175">
        <v>0</v>
      </c>
      <c r="U3175">
        <v>0</v>
      </c>
      <c r="V3175">
        <v>0</v>
      </c>
      <c r="W3175">
        <v>0</v>
      </c>
      <c r="X3175">
        <v>0</v>
      </c>
      <c r="Y3175">
        <v>39</v>
      </c>
      <c r="Z3175">
        <v>16</v>
      </c>
      <c r="AA3175">
        <v>24</v>
      </c>
      <c r="AB3175">
        <v>3</v>
      </c>
      <c r="AC3175">
        <v>28</v>
      </c>
      <c r="AD3175">
        <v>13</v>
      </c>
      <c r="AE3175">
        <v>105</v>
      </c>
      <c r="AF3175">
        <v>0</v>
      </c>
      <c r="AG3175">
        <v>50000</v>
      </c>
      <c r="AH3175">
        <v>0</v>
      </c>
      <c r="AI3175">
        <v>50000</v>
      </c>
      <c r="AJ3175">
        <v>0</v>
      </c>
      <c r="AK3175" t="s">
        <v>6</v>
      </c>
      <c r="AL3175">
        <v>0</v>
      </c>
      <c r="AM3175">
        <v>0</v>
      </c>
      <c r="AN3175">
        <v>0</v>
      </c>
      <c r="AO3175">
        <v>0</v>
      </c>
      <c r="AP3175">
        <v>0</v>
      </c>
      <c r="AQ3175">
        <v>0</v>
      </c>
      <c r="AR3175">
        <v>0</v>
      </c>
      <c r="AS3175">
        <v>0</v>
      </c>
      <c r="AT3175">
        <v>0</v>
      </c>
      <c r="AU3175">
        <v>0</v>
      </c>
      <c r="AV3175">
        <v>0</v>
      </c>
      <c r="AW3175">
        <v>0</v>
      </c>
      <c r="AX3175">
        <v>0</v>
      </c>
      <c r="AY3175">
        <v>0</v>
      </c>
      <c r="AZ3175">
        <v>0</v>
      </c>
      <c r="BA3175">
        <v>0</v>
      </c>
    </row>
    <row r="3176" spans="1:53" x14ac:dyDescent="0.4">
      <c r="A3176">
        <v>3220</v>
      </c>
      <c r="B3176" s="1">
        <v>43864</v>
      </c>
      <c r="C3176">
        <v>2</v>
      </c>
      <c r="D3176" s="1">
        <v>43864.45416666667</v>
      </c>
      <c r="E3176" s="1">
        <v>43864.750694444447</v>
      </c>
      <c r="F3176">
        <v>22000</v>
      </c>
      <c r="G3176">
        <v>3340</v>
      </c>
      <c r="H3176">
        <v>200</v>
      </c>
      <c r="I3176">
        <v>0</v>
      </c>
      <c r="J3176">
        <v>0</v>
      </c>
      <c r="K3176">
        <v>0</v>
      </c>
      <c r="L3176">
        <v>0</v>
      </c>
      <c r="M3176">
        <v>2554</v>
      </c>
      <c r="N3176">
        <v>0</v>
      </c>
      <c r="O3176">
        <v>0</v>
      </c>
      <c r="P3176">
        <v>20570</v>
      </c>
      <c r="Q3176">
        <v>0</v>
      </c>
      <c r="R3176">
        <v>48664</v>
      </c>
      <c r="S3176">
        <v>0</v>
      </c>
      <c r="T3176">
        <v>0</v>
      </c>
      <c r="U3176">
        <v>0</v>
      </c>
      <c r="V3176">
        <v>3</v>
      </c>
      <c r="W3176">
        <v>1</v>
      </c>
      <c r="X3176">
        <v>0</v>
      </c>
      <c r="Y3176">
        <v>36</v>
      </c>
      <c r="Z3176">
        <v>30</v>
      </c>
      <c r="AA3176">
        <v>41</v>
      </c>
      <c r="AB3176">
        <v>9</v>
      </c>
      <c r="AC3176">
        <v>54</v>
      </c>
      <c r="AD3176">
        <v>22</v>
      </c>
      <c r="AE3176">
        <v>143</v>
      </c>
      <c r="AF3176">
        <v>7321</v>
      </c>
      <c r="AG3176">
        <v>98664</v>
      </c>
      <c r="AH3176">
        <v>50000</v>
      </c>
      <c r="AI3176">
        <v>0</v>
      </c>
      <c r="AJ3176">
        <v>101</v>
      </c>
      <c r="AK3176" t="s">
        <v>28</v>
      </c>
      <c r="AL3176">
        <v>0</v>
      </c>
      <c r="AM3176">
        <v>0</v>
      </c>
      <c r="AN3176">
        <v>0</v>
      </c>
      <c r="AO3176">
        <v>0</v>
      </c>
      <c r="AP3176">
        <v>0</v>
      </c>
      <c r="AQ3176">
        <v>0</v>
      </c>
      <c r="AR3176">
        <v>0</v>
      </c>
      <c r="AS3176">
        <v>0</v>
      </c>
      <c r="AT3176">
        <v>0</v>
      </c>
      <c r="AU3176">
        <v>0</v>
      </c>
      <c r="AV3176">
        <v>0</v>
      </c>
      <c r="AW3176">
        <v>0</v>
      </c>
      <c r="AX3176">
        <v>-616</v>
      </c>
      <c r="AY3176">
        <v>42</v>
      </c>
      <c r="AZ3176">
        <v>74</v>
      </c>
      <c r="BA3176">
        <v>5620</v>
      </c>
    </row>
    <row r="3177" spans="1:53" x14ac:dyDescent="0.4">
      <c r="A3177">
        <v>3221</v>
      </c>
      <c r="B3177" s="1">
        <v>43864</v>
      </c>
      <c r="C3177">
        <v>3</v>
      </c>
      <c r="D3177" s="1">
        <v>43864.750694444447</v>
      </c>
      <c r="E3177" s="1">
        <v>43864.950694444444</v>
      </c>
      <c r="F3177">
        <v>25850</v>
      </c>
      <c r="G3177">
        <v>1080</v>
      </c>
      <c r="H3177">
        <v>0</v>
      </c>
      <c r="I3177">
        <v>0</v>
      </c>
      <c r="J3177">
        <v>0</v>
      </c>
      <c r="K3177">
        <v>0</v>
      </c>
      <c r="L3177">
        <v>0</v>
      </c>
      <c r="M3177">
        <v>2693</v>
      </c>
      <c r="N3177">
        <v>0</v>
      </c>
      <c r="O3177">
        <v>0</v>
      </c>
      <c r="P3177">
        <v>-14850</v>
      </c>
      <c r="Q3177">
        <v>0</v>
      </c>
      <c r="R3177">
        <v>14773</v>
      </c>
      <c r="S3177">
        <v>0</v>
      </c>
      <c r="T3177">
        <v>0</v>
      </c>
      <c r="U3177">
        <v>0</v>
      </c>
      <c r="V3177">
        <v>3</v>
      </c>
      <c r="W3177">
        <v>3</v>
      </c>
      <c r="X3177">
        <v>0</v>
      </c>
      <c r="Y3177">
        <v>41</v>
      </c>
      <c r="Z3177">
        <v>30</v>
      </c>
      <c r="AA3177">
        <v>37</v>
      </c>
      <c r="AB3177">
        <v>11</v>
      </c>
      <c r="AC3177">
        <v>60</v>
      </c>
      <c r="AD3177">
        <v>23</v>
      </c>
      <c r="AE3177">
        <v>151</v>
      </c>
      <c r="AF3177">
        <v>7321</v>
      </c>
      <c r="AG3177">
        <v>113437</v>
      </c>
      <c r="AH3177">
        <v>50000</v>
      </c>
      <c r="AI3177">
        <v>0</v>
      </c>
      <c r="AJ3177">
        <v>94</v>
      </c>
      <c r="AK3177" t="s">
        <v>43</v>
      </c>
      <c r="AL3177">
        <v>0</v>
      </c>
      <c r="AM3177">
        <v>0</v>
      </c>
      <c r="AN3177">
        <v>0</v>
      </c>
      <c r="AO3177">
        <v>0</v>
      </c>
      <c r="AP3177">
        <v>0</v>
      </c>
      <c r="AQ3177">
        <v>0</v>
      </c>
      <c r="AR3177">
        <v>0</v>
      </c>
      <c r="AS3177">
        <v>0</v>
      </c>
      <c r="AT3177">
        <v>0</v>
      </c>
      <c r="AU3177">
        <v>0</v>
      </c>
      <c r="AV3177">
        <v>0</v>
      </c>
      <c r="AW3177">
        <v>0</v>
      </c>
      <c r="AX3177">
        <v>12061</v>
      </c>
      <c r="AY3177">
        <v>8</v>
      </c>
      <c r="AZ3177">
        <v>20</v>
      </c>
      <c r="BA3177">
        <v>2547</v>
      </c>
    </row>
    <row r="3178" spans="1:53" x14ac:dyDescent="0.4">
      <c r="A3178">
        <v>3222</v>
      </c>
      <c r="B3178" s="1">
        <v>43864</v>
      </c>
      <c r="C3178">
        <v>4</v>
      </c>
      <c r="D3178" s="1">
        <v>43864.950694444444</v>
      </c>
      <c r="E3178" s="1">
        <v>43865.256249999999</v>
      </c>
      <c r="F3178">
        <v>19325</v>
      </c>
      <c r="G3178">
        <v>3190</v>
      </c>
      <c r="H3178">
        <v>0</v>
      </c>
      <c r="I3178">
        <v>0</v>
      </c>
      <c r="J3178">
        <v>0</v>
      </c>
      <c r="K3178">
        <v>0</v>
      </c>
      <c r="L3178">
        <v>0</v>
      </c>
      <c r="M3178">
        <v>2251</v>
      </c>
      <c r="N3178">
        <v>0</v>
      </c>
      <c r="O3178">
        <v>0</v>
      </c>
      <c r="P3178">
        <v>-5720</v>
      </c>
      <c r="Q3178">
        <v>0</v>
      </c>
      <c r="R3178">
        <v>19046</v>
      </c>
      <c r="S3178">
        <v>0</v>
      </c>
      <c r="T3178">
        <v>0</v>
      </c>
      <c r="U3178">
        <v>0</v>
      </c>
      <c r="V3178">
        <v>0</v>
      </c>
      <c r="W3178">
        <v>0</v>
      </c>
      <c r="X3178">
        <v>0</v>
      </c>
      <c r="Y3178">
        <v>38</v>
      </c>
      <c r="Z3178">
        <v>13</v>
      </c>
      <c r="AA3178">
        <v>41</v>
      </c>
      <c r="AB3178">
        <v>12</v>
      </c>
      <c r="AC3178">
        <v>55</v>
      </c>
      <c r="AD3178">
        <v>21</v>
      </c>
      <c r="AE3178">
        <v>145</v>
      </c>
      <c r="AF3178">
        <v>0</v>
      </c>
      <c r="AG3178">
        <v>50000</v>
      </c>
      <c r="AH3178">
        <v>0</v>
      </c>
      <c r="AI3178">
        <v>-32483</v>
      </c>
      <c r="AJ3178">
        <v>107</v>
      </c>
      <c r="AK3178" t="s">
        <v>40</v>
      </c>
      <c r="AL3178">
        <v>0</v>
      </c>
      <c r="AM3178">
        <v>0</v>
      </c>
      <c r="AN3178">
        <v>0</v>
      </c>
      <c r="AO3178">
        <v>0</v>
      </c>
      <c r="AP3178">
        <v>0</v>
      </c>
      <c r="AQ3178">
        <v>0</v>
      </c>
      <c r="AR3178">
        <v>0</v>
      </c>
      <c r="AS3178">
        <v>0</v>
      </c>
      <c r="AT3178">
        <v>0</v>
      </c>
      <c r="AU3178">
        <v>0</v>
      </c>
      <c r="AV3178">
        <v>0</v>
      </c>
      <c r="AW3178">
        <v>0</v>
      </c>
      <c r="AX3178">
        <v>0</v>
      </c>
      <c r="AY3178">
        <v>1</v>
      </c>
      <c r="AZ3178">
        <v>2</v>
      </c>
      <c r="BA3178">
        <v>393</v>
      </c>
    </row>
    <row r="3179" spans="1:53" x14ac:dyDescent="0.4">
      <c r="A3179">
        <v>3223</v>
      </c>
      <c r="B3179" s="1">
        <v>43865</v>
      </c>
      <c r="C3179">
        <v>1</v>
      </c>
      <c r="D3179" s="1">
        <v>43865.291666666664</v>
      </c>
      <c r="E3179" s="1">
        <v>43865.453472222223</v>
      </c>
      <c r="F3179">
        <v>0</v>
      </c>
      <c r="G3179">
        <v>0</v>
      </c>
      <c r="H3179">
        <v>0</v>
      </c>
      <c r="I3179">
        <v>0</v>
      </c>
      <c r="J3179">
        <v>0</v>
      </c>
      <c r="K3179">
        <v>0</v>
      </c>
      <c r="L3179">
        <v>0</v>
      </c>
      <c r="M3179">
        <v>0</v>
      </c>
      <c r="N3179">
        <v>0</v>
      </c>
      <c r="O3179">
        <v>0</v>
      </c>
      <c r="P3179">
        <v>0</v>
      </c>
      <c r="Q3179">
        <v>0</v>
      </c>
      <c r="R3179">
        <v>0</v>
      </c>
      <c r="S3179">
        <v>0</v>
      </c>
      <c r="T3179">
        <v>0</v>
      </c>
      <c r="U3179">
        <v>0</v>
      </c>
      <c r="V3179">
        <v>0</v>
      </c>
      <c r="W3179">
        <v>0</v>
      </c>
      <c r="X3179">
        <v>0</v>
      </c>
      <c r="Y3179">
        <v>38</v>
      </c>
      <c r="Z3179">
        <v>13</v>
      </c>
      <c r="AA3179">
        <v>41</v>
      </c>
      <c r="AB3179">
        <v>12</v>
      </c>
      <c r="AC3179">
        <v>55</v>
      </c>
      <c r="AD3179">
        <v>21</v>
      </c>
      <c r="AE3179">
        <v>145</v>
      </c>
      <c r="AF3179">
        <v>0</v>
      </c>
      <c r="AG3179">
        <v>50000</v>
      </c>
      <c r="AH3179">
        <v>50000</v>
      </c>
      <c r="AI3179">
        <v>0</v>
      </c>
      <c r="AJ3179">
        <v>0</v>
      </c>
      <c r="AK3179" t="s">
        <v>6</v>
      </c>
      <c r="AL3179">
        <v>0</v>
      </c>
      <c r="AM3179">
        <v>0</v>
      </c>
      <c r="AN3179">
        <v>0</v>
      </c>
      <c r="AO3179">
        <v>0</v>
      </c>
      <c r="AP3179">
        <v>0</v>
      </c>
      <c r="AQ3179">
        <v>0</v>
      </c>
      <c r="AR3179">
        <v>0</v>
      </c>
      <c r="AS3179">
        <v>0</v>
      </c>
      <c r="AT3179">
        <v>0</v>
      </c>
      <c r="AU3179">
        <v>0</v>
      </c>
      <c r="AV3179">
        <v>0</v>
      </c>
      <c r="AW3179">
        <v>0</v>
      </c>
      <c r="AX3179">
        <v>0</v>
      </c>
      <c r="AY3179">
        <v>0</v>
      </c>
      <c r="AZ3179">
        <v>0</v>
      </c>
      <c r="BA3179">
        <v>0</v>
      </c>
    </row>
    <row r="3180" spans="1:53" x14ac:dyDescent="0.4">
      <c r="A3180">
        <v>3224</v>
      </c>
      <c r="B3180" s="1">
        <v>43865</v>
      </c>
      <c r="C3180">
        <v>2</v>
      </c>
      <c r="D3180" s="1">
        <v>43865.453472222223</v>
      </c>
      <c r="E3180" s="1">
        <v>43865.738194444442</v>
      </c>
      <c r="F3180">
        <v>34100</v>
      </c>
      <c r="G3180">
        <v>2400</v>
      </c>
      <c r="H3180">
        <v>0</v>
      </c>
      <c r="I3180">
        <v>0</v>
      </c>
      <c r="J3180">
        <v>100</v>
      </c>
      <c r="K3180">
        <v>0</v>
      </c>
      <c r="L3180">
        <v>0</v>
      </c>
      <c r="M3180">
        <v>3640</v>
      </c>
      <c r="N3180">
        <v>0</v>
      </c>
      <c r="O3180">
        <v>0</v>
      </c>
      <c r="P3180">
        <v>11495</v>
      </c>
      <c r="Q3180">
        <v>0</v>
      </c>
      <c r="R3180">
        <v>51535</v>
      </c>
      <c r="S3180">
        <v>0</v>
      </c>
      <c r="T3180">
        <v>0</v>
      </c>
      <c r="U3180">
        <v>0</v>
      </c>
      <c r="V3180">
        <v>1</v>
      </c>
      <c r="W3180">
        <v>1</v>
      </c>
      <c r="X3180">
        <v>0</v>
      </c>
      <c r="Y3180">
        <v>62</v>
      </c>
      <c r="Z3180">
        <v>36</v>
      </c>
      <c r="AA3180">
        <v>37</v>
      </c>
      <c r="AB3180">
        <v>12</v>
      </c>
      <c r="AC3180">
        <v>71</v>
      </c>
      <c r="AD3180">
        <v>28</v>
      </c>
      <c r="AE3180">
        <v>175</v>
      </c>
      <c r="AF3180">
        <v>1210</v>
      </c>
      <c r="AG3180">
        <v>101535</v>
      </c>
      <c r="AH3180">
        <v>50000</v>
      </c>
      <c r="AI3180">
        <v>0</v>
      </c>
      <c r="AJ3180">
        <v>97</v>
      </c>
      <c r="AK3180" t="s">
        <v>33</v>
      </c>
      <c r="AL3180">
        <v>0</v>
      </c>
      <c r="AM3180">
        <v>0</v>
      </c>
      <c r="AN3180">
        <v>0</v>
      </c>
      <c r="AO3180">
        <v>0</v>
      </c>
      <c r="AP3180">
        <v>0</v>
      </c>
      <c r="AQ3180">
        <v>0</v>
      </c>
      <c r="AR3180">
        <v>0</v>
      </c>
      <c r="AS3180">
        <v>0</v>
      </c>
      <c r="AT3180">
        <v>0</v>
      </c>
      <c r="AU3180">
        <v>0</v>
      </c>
      <c r="AV3180">
        <v>0</v>
      </c>
      <c r="AW3180">
        <v>0</v>
      </c>
      <c r="AX3180">
        <v>594</v>
      </c>
      <c r="AY3180">
        <v>41</v>
      </c>
      <c r="AZ3180">
        <v>79</v>
      </c>
      <c r="BA3180">
        <v>6363</v>
      </c>
    </row>
    <row r="3181" spans="1:53" x14ac:dyDescent="0.4">
      <c r="A3181">
        <v>3225</v>
      </c>
      <c r="B3181" s="1">
        <v>43865</v>
      </c>
      <c r="C3181">
        <v>3</v>
      </c>
      <c r="D3181" s="1">
        <v>43865.738194444442</v>
      </c>
      <c r="E3181" s="1">
        <v>43865.95</v>
      </c>
      <c r="F3181">
        <v>21450</v>
      </c>
      <c r="G3181">
        <v>540</v>
      </c>
      <c r="H3181">
        <v>0</v>
      </c>
      <c r="I3181">
        <v>0</v>
      </c>
      <c r="J3181">
        <v>0</v>
      </c>
      <c r="K3181">
        <v>0</v>
      </c>
      <c r="L3181">
        <v>0</v>
      </c>
      <c r="M3181">
        <v>2199</v>
      </c>
      <c r="N3181">
        <v>0</v>
      </c>
      <c r="O3181">
        <v>0</v>
      </c>
      <c r="P3181">
        <v>-3575</v>
      </c>
      <c r="Q3181">
        <v>0</v>
      </c>
      <c r="R3181">
        <v>20614</v>
      </c>
      <c r="S3181">
        <v>0</v>
      </c>
      <c r="T3181">
        <v>0</v>
      </c>
      <c r="U3181">
        <v>0</v>
      </c>
      <c r="V3181">
        <v>2</v>
      </c>
      <c r="W3181">
        <v>2</v>
      </c>
      <c r="X3181">
        <v>0</v>
      </c>
      <c r="Y3181">
        <v>67</v>
      </c>
      <c r="Z3181">
        <v>36</v>
      </c>
      <c r="AA3181">
        <v>44</v>
      </c>
      <c r="AB3181">
        <v>11</v>
      </c>
      <c r="AC3181">
        <v>69</v>
      </c>
      <c r="AD3181">
        <v>25</v>
      </c>
      <c r="AE3181">
        <v>174</v>
      </c>
      <c r="AF3181">
        <v>1210</v>
      </c>
      <c r="AG3181">
        <v>122149</v>
      </c>
      <c r="AH3181">
        <v>50000</v>
      </c>
      <c r="AI3181">
        <v>0</v>
      </c>
      <c r="AJ3181">
        <v>89</v>
      </c>
      <c r="AK3181" t="s">
        <v>46</v>
      </c>
      <c r="AL3181">
        <v>0</v>
      </c>
      <c r="AM3181">
        <v>0</v>
      </c>
      <c r="AN3181">
        <v>0</v>
      </c>
      <c r="AO3181">
        <v>0</v>
      </c>
      <c r="AP3181">
        <v>0</v>
      </c>
      <c r="AQ3181">
        <v>0</v>
      </c>
      <c r="AR3181">
        <v>0</v>
      </c>
      <c r="AS3181">
        <v>0</v>
      </c>
      <c r="AT3181">
        <v>0</v>
      </c>
      <c r="AU3181">
        <v>0</v>
      </c>
      <c r="AV3181">
        <v>0</v>
      </c>
      <c r="AW3181">
        <v>0</v>
      </c>
      <c r="AX3181">
        <v>6963</v>
      </c>
      <c r="AY3181">
        <v>9</v>
      </c>
      <c r="AZ3181">
        <v>22</v>
      </c>
      <c r="BA3181">
        <v>1679</v>
      </c>
    </row>
    <row r="3182" spans="1:53" x14ac:dyDescent="0.4">
      <c r="A3182">
        <v>3226</v>
      </c>
      <c r="B3182" s="1">
        <v>43865</v>
      </c>
      <c r="C3182">
        <v>4</v>
      </c>
      <c r="D3182" s="1">
        <v>43865.95</v>
      </c>
      <c r="E3182" s="1">
        <v>43866.113194444442</v>
      </c>
      <c r="F3182">
        <v>13700</v>
      </c>
      <c r="G3182">
        <v>1180</v>
      </c>
      <c r="H3182">
        <v>400</v>
      </c>
      <c r="I3182">
        <v>0</v>
      </c>
      <c r="J3182">
        <v>0</v>
      </c>
      <c r="K3182">
        <v>0</v>
      </c>
      <c r="L3182">
        <v>0</v>
      </c>
      <c r="M3182">
        <v>1528</v>
      </c>
      <c r="N3182">
        <v>0</v>
      </c>
      <c r="O3182">
        <v>0</v>
      </c>
      <c r="P3182">
        <v>-880</v>
      </c>
      <c r="Q3182">
        <v>0</v>
      </c>
      <c r="R3182">
        <v>15928</v>
      </c>
      <c r="S3182">
        <v>0</v>
      </c>
      <c r="T3182">
        <v>0</v>
      </c>
      <c r="U3182">
        <v>0</v>
      </c>
      <c r="V3182">
        <v>3</v>
      </c>
      <c r="W3182">
        <v>2</v>
      </c>
      <c r="X3182">
        <v>0</v>
      </c>
      <c r="Y3182">
        <v>67</v>
      </c>
      <c r="Z3182">
        <v>35</v>
      </c>
      <c r="AA3182">
        <v>40</v>
      </c>
      <c r="AB3182">
        <v>11</v>
      </c>
      <c r="AC3182">
        <v>67</v>
      </c>
      <c r="AD3182">
        <v>24</v>
      </c>
      <c r="AE3182">
        <v>174</v>
      </c>
      <c r="AF3182">
        <v>8063</v>
      </c>
      <c r="AG3182">
        <v>138077</v>
      </c>
      <c r="AH3182">
        <v>50000</v>
      </c>
      <c r="AI3182">
        <v>0</v>
      </c>
      <c r="AJ3182">
        <v>84</v>
      </c>
      <c r="AK3182" t="s">
        <v>16</v>
      </c>
      <c r="AL3182">
        <v>0</v>
      </c>
      <c r="AM3182">
        <v>0</v>
      </c>
      <c r="AN3182">
        <v>0</v>
      </c>
      <c r="AO3182">
        <v>0</v>
      </c>
      <c r="AP3182">
        <v>0</v>
      </c>
      <c r="AQ3182">
        <v>0</v>
      </c>
      <c r="AR3182">
        <v>0</v>
      </c>
      <c r="AS3182">
        <v>0</v>
      </c>
      <c r="AT3182">
        <v>0</v>
      </c>
      <c r="AU3182">
        <v>0</v>
      </c>
      <c r="AV3182">
        <v>0</v>
      </c>
      <c r="AW3182">
        <v>0</v>
      </c>
      <c r="AX3182">
        <v>1958</v>
      </c>
      <c r="AY3182">
        <v>3</v>
      </c>
      <c r="AZ3182">
        <v>6</v>
      </c>
      <c r="BA3182">
        <v>433</v>
      </c>
    </row>
    <row r="3183" spans="1:53" x14ac:dyDescent="0.4">
      <c r="A3183">
        <v>3227</v>
      </c>
      <c r="B3183" s="1">
        <v>43865</v>
      </c>
      <c r="C3183">
        <v>5</v>
      </c>
      <c r="D3183" s="1">
        <v>43866.113194444442</v>
      </c>
      <c r="E3183" s="1">
        <v>43866.229166666664</v>
      </c>
      <c r="F3183">
        <v>8600</v>
      </c>
      <c r="G3183">
        <v>680</v>
      </c>
      <c r="H3183">
        <v>0</v>
      </c>
      <c r="I3183">
        <v>0</v>
      </c>
      <c r="J3183">
        <v>0</v>
      </c>
      <c r="K3183">
        <v>0</v>
      </c>
      <c r="L3183">
        <v>0</v>
      </c>
      <c r="M3183">
        <v>928</v>
      </c>
      <c r="N3183">
        <v>0</v>
      </c>
      <c r="O3183">
        <v>0</v>
      </c>
      <c r="P3183">
        <v>-7040</v>
      </c>
      <c r="Q3183">
        <v>0</v>
      </c>
      <c r="R3183">
        <v>3168</v>
      </c>
      <c r="S3183">
        <v>0</v>
      </c>
      <c r="T3183">
        <v>0</v>
      </c>
      <c r="U3183">
        <v>0</v>
      </c>
      <c r="V3183">
        <v>0</v>
      </c>
      <c r="W3183">
        <v>0</v>
      </c>
      <c r="X3183">
        <v>0</v>
      </c>
      <c r="Y3183">
        <v>37</v>
      </c>
      <c r="Z3183">
        <v>14</v>
      </c>
      <c r="AA3183">
        <v>45</v>
      </c>
      <c r="AB3183">
        <v>12</v>
      </c>
      <c r="AC3183">
        <v>71</v>
      </c>
      <c r="AD3183">
        <v>24</v>
      </c>
      <c r="AE3183">
        <v>70</v>
      </c>
      <c r="AF3183">
        <v>0</v>
      </c>
      <c r="AG3183">
        <v>50000</v>
      </c>
      <c r="AH3183">
        <v>0</v>
      </c>
      <c r="AI3183">
        <v>-41245</v>
      </c>
      <c r="AJ3183">
        <v>84</v>
      </c>
      <c r="AK3183" t="s">
        <v>16</v>
      </c>
      <c r="AL3183">
        <v>0</v>
      </c>
      <c r="AM3183">
        <v>0</v>
      </c>
      <c r="AN3183">
        <v>0</v>
      </c>
      <c r="AO3183">
        <v>0</v>
      </c>
      <c r="AP3183">
        <v>0</v>
      </c>
      <c r="AQ3183">
        <v>0</v>
      </c>
      <c r="AR3183">
        <v>0</v>
      </c>
      <c r="AS3183">
        <v>0</v>
      </c>
      <c r="AT3183">
        <v>0</v>
      </c>
      <c r="AU3183">
        <v>0</v>
      </c>
      <c r="AV3183">
        <v>0</v>
      </c>
      <c r="AW3183">
        <v>0</v>
      </c>
      <c r="AX3183">
        <v>0</v>
      </c>
      <c r="AY3183">
        <v>0</v>
      </c>
      <c r="AZ3183">
        <v>0</v>
      </c>
      <c r="BA3183">
        <v>302</v>
      </c>
    </row>
    <row r="3184" spans="1:53" x14ac:dyDescent="0.4">
      <c r="A3184">
        <v>3228</v>
      </c>
      <c r="B3184" s="1">
        <v>43866</v>
      </c>
      <c r="C3184">
        <v>1</v>
      </c>
      <c r="D3184" s="1">
        <v>43866.291666666664</v>
      </c>
      <c r="E3184" s="1">
        <v>43866.441666666666</v>
      </c>
      <c r="F3184">
        <v>0</v>
      </c>
      <c r="G3184">
        <v>0</v>
      </c>
      <c r="H3184">
        <v>0</v>
      </c>
      <c r="I3184">
        <v>0</v>
      </c>
      <c r="J3184">
        <v>0</v>
      </c>
      <c r="K3184">
        <v>0</v>
      </c>
      <c r="L3184">
        <v>0</v>
      </c>
      <c r="M3184">
        <v>0</v>
      </c>
      <c r="N3184">
        <v>0</v>
      </c>
      <c r="O3184">
        <v>0</v>
      </c>
      <c r="P3184">
        <v>0</v>
      </c>
      <c r="Q3184">
        <v>0</v>
      </c>
      <c r="R3184">
        <v>0</v>
      </c>
      <c r="S3184">
        <v>0</v>
      </c>
      <c r="T3184">
        <v>0</v>
      </c>
      <c r="U3184">
        <v>0</v>
      </c>
      <c r="V3184">
        <v>0</v>
      </c>
      <c r="W3184">
        <v>0</v>
      </c>
      <c r="X3184">
        <v>0</v>
      </c>
      <c r="Y3184">
        <v>37</v>
      </c>
      <c r="Z3184">
        <v>14</v>
      </c>
      <c r="AA3184">
        <v>45</v>
      </c>
      <c r="AB3184">
        <v>12</v>
      </c>
      <c r="AC3184">
        <v>71</v>
      </c>
      <c r="AD3184">
        <v>24</v>
      </c>
      <c r="AE3184">
        <v>70</v>
      </c>
      <c r="AF3184">
        <v>0</v>
      </c>
      <c r="AG3184">
        <v>50000</v>
      </c>
      <c r="AH3184">
        <v>50000</v>
      </c>
      <c r="AI3184">
        <v>0</v>
      </c>
      <c r="AJ3184">
        <v>0</v>
      </c>
      <c r="AK3184" t="s">
        <v>6</v>
      </c>
      <c r="AL3184">
        <v>0</v>
      </c>
      <c r="AM3184">
        <v>0</v>
      </c>
      <c r="AN3184">
        <v>0</v>
      </c>
      <c r="AO3184">
        <v>0</v>
      </c>
      <c r="AP3184">
        <v>0</v>
      </c>
      <c r="AQ3184">
        <v>0</v>
      </c>
      <c r="AR3184">
        <v>0</v>
      </c>
      <c r="AS3184">
        <v>0</v>
      </c>
      <c r="AT3184">
        <v>0</v>
      </c>
      <c r="AU3184">
        <v>0</v>
      </c>
      <c r="AV3184">
        <v>0</v>
      </c>
      <c r="AW3184">
        <v>0</v>
      </c>
      <c r="AX3184">
        <v>0</v>
      </c>
      <c r="AY3184">
        <v>0</v>
      </c>
      <c r="AZ3184">
        <v>0</v>
      </c>
      <c r="BA3184">
        <v>0</v>
      </c>
    </row>
    <row r="3185" spans="1:53" x14ac:dyDescent="0.4">
      <c r="A3185">
        <v>3229</v>
      </c>
      <c r="B3185" s="1">
        <v>43866</v>
      </c>
      <c r="C3185">
        <v>2</v>
      </c>
      <c r="D3185" s="1">
        <v>43866.441666666666</v>
      </c>
      <c r="E3185" s="1">
        <v>43866.743055555555</v>
      </c>
      <c r="F3185">
        <v>26400</v>
      </c>
      <c r="G3185">
        <v>940</v>
      </c>
      <c r="H3185">
        <v>200</v>
      </c>
      <c r="I3185">
        <v>0</v>
      </c>
      <c r="J3185">
        <v>100</v>
      </c>
      <c r="K3185">
        <v>0</v>
      </c>
      <c r="L3185">
        <v>0</v>
      </c>
      <c r="M3185">
        <v>2744</v>
      </c>
      <c r="N3185">
        <v>0</v>
      </c>
      <c r="O3185">
        <v>0</v>
      </c>
      <c r="P3185">
        <v>6655</v>
      </c>
      <c r="Q3185">
        <v>0</v>
      </c>
      <c r="R3185">
        <v>36839</v>
      </c>
      <c r="S3185">
        <v>0</v>
      </c>
      <c r="T3185">
        <v>0</v>
      </c>
      <c r="U3185">
        <v>0</v>
      </c>
      <c r="V3185">
        <v>2</v>
      </c>
      <c r="W3185">
        <v>0</v>
      </c>
      <c r="X3185">
        <v>0</v>
      </c>
      <c r="Y3185">
        <v>48</v>
      </c>
      <c r="Z3185">
        <v>23</v>
      </c>
      <c r="AA3185">
        <v>59</v>
      </c>
      <c r="AB3185">
        <v>9</v>
      </c>
      <c r="AC3185">
        <v>73</v>
      </c>
      <c r="AD3185">
        <v>35</v>
      </c>
      <c r="AE3185">
        <v>84</v>
      </c>
      <c r="AF3185">
        <v>0</v>
      </c>
      <c r="AG3185">
        <v>86839</v>
      </c>
      <c r="AH3185">
        <v>50000</v>
      </c>
      <c r="AI3185">
        <v>0</v>
      </c>
      <c r="AJ3185">
        <v>97</v>
      </c>
      <c r="AK3185" t="s">
        <v>33</v>
      </c>
      <c r="AL3185">
        <v>0</v>
      </c>
      <c r="AM3185">
        <v>0</v>
      </c>
      <c r="AN3185">
        <v>0</v>
      </c>
      <c r="AO3185">
        <v>0</v>
      </c>
      <c r="AP3185">
        <v>0</v>
      </c>
      <c r="AQ3185">
        <v>0</v>
      </c>
      <c r="AR3185">
        <v>0</v>
      </c>
      <c r="AS3185">
        <v>0</v>
      </c>
      <c r="AT3185">
        <v>0</v>
      </c>
      <c r="AU3185">
        <v>0</v>
      </c>
      <c r="AV3185">
        <v>0</v>
      </c>
      <c r="AW3185">
        <v>0</v>
      </c>
      <c r="AX3185">
        <v>1210</v>
      </c>
      <c r="AY3185">
        <v>34</v>
      </c>
      <c r="AZ3185">
        <v>57</v>
      </c>
      <c r="BA3185">
        <v>5515</v>
      </c>
    </row>
    <row r="3186" spans="1:53" x14ac:dyDescent="0.4">
      <c r="A3186">
        <v>3230</v>
      </c>
      <c r="B3186" s="1">
        <v>43866</v>
      </c>
      <c r="C3186">
        <v>3</v>
      </c>
      <c r="D3186" s="1">
        <v>43866.743055555555</v>
      </c>
      <c r="E3186" s="1">
        <v>43866.958333333336</v>
      </c>
      <c r="F3186">
        <v>19650</v>
      </c>
      <c r="G3186">
        <v>400</v>
      </c>
      <c r="H3186">
        <v>200</v>
      </c>
      <c r="I3186">
        <v>0</v>
      </c>
      <c r="J3186">
        <v>0</v>
      </c>
      <c r="K3186">
        <v>0</v>
      </c>
      <c r="L3186">
        <v>0</v>
      </c>
      <c r="M3186">
        <v>2025</v>
      </c>
      <c r="N3186">
        <v>0</v>
      </c>
      <c r="O3186">
        <v>0</v>
      </c>
      <c r="P3186">
        <v>-6655</v>
      </c>
      <c r="Q3186">
        <v>0</v>
      </c>
      <c r="R3186">
        <v>15620</v>
      </c>
      <c r="S3186">
        <v>0</v>
      </c>
      <c r="T3186">
        <v>0</v>
      </c>
      <c r="U3186">
        <v>0</v>
      </c>
      <c r="V3186">
        <v>2</v>
      </c>
      <c r="W3186">
        <v>1</v>
      </c>
      <c r="X3186">
        <v>0</v>
      </c>
      <c r="Y3186">
        <v>61</v>
      </c>
      <c r="Z3186">
        <v>21</v>
      </c>
      <c r="AA3186">
        <v>47</v>
      </c>
      <c r="AB3186">
        <v>7</v>
      </c>
      <c r="AC3186">
        <v>66</v>
      </c>
      <c r="AD3186">
        <v>32</v>
      </c>
      <c r="AE3186">
        <v>89</v>
      </c>
      <c r="AF3186">
        <v>0</v>
      </c>
      <c r="AG3186">
        <v>102459</v>
      </c>
      <c r="AH3186">
        <v>50000</v>
      </c>
      <c r="AI3186">
        <v>0</v>
      </c>
      <c r="AJ3186">
        <v>90</v>
      </c>
      <c r="AK3186" t="s">
        <v>38</v>
      </c>
      <c r="AL3186">
        <v>0</v>
      </c>
      <c r="AM3186">
        <v>0</v>
      </c>
      <c r="AN3186">
        <v>0</v>
      </c>
      <c r="AO3186">
        <v>0</v>
      </c>
      <c r="AP3186">
        <v>0</v>
      </c>
      <c r="AQ3186">
        <v>0</v>
      </c>
      <c r="AR3186">
        <v>0</v>
      </c>
      <c r="AS3186">
        <v>0</v>
      </c>
      <c r="AT3186">
        <v>0</v>
      </c>
      <c r="AU3186">
        <v>0</v>
      </c>
      <c r="AV3186">
        <v>0</v>
      </c>
      <c r="AW3186">
        <v>0</v>
      </c>
      <c r="AX3186">
        <v>19910</v>
      </c>
      <c r="AY3186">
        <v>14</v>
      </c>
      <c r="AZ3186">
        <v>27</v>
      </c>
      <c r="BA3186">
        <v>1674</v>
      </c>
    </row>
    <row r="3187" spans="1:53" x14ac:dyDescent="0.4">
      <c r="A3187">
        <v>3231</v>
      </c>
      <c r="B3187" s="1">
        <v>43866</v>
      </c>
      <c r="C3187">
        <v>4</v>
      </c>
      <c r="D3187" s="1">
        <v>43866.958333333336</v>
      </c>
      <c r="E3187" s="1">
        <v>43867.081250000003</v>
      </c>
      <c r="F3187">
        <v>19200</v>
      </c>
      <c r="G3187">
        <v>0</v>
      </c>
      <c r="H3187">
        <v>200</v>
      </c>
      <c r="I3187">
        <v>0</v>
      </c>
      <c r="J3187">
        <v>0</v>
      </c>
      <c r="K3187">
        <v>0</v>
      </c>
      <c r="L3187">
        <v>0</v>
      </c>
      <c r="M3187">
        <v>1940</v>
      </c>
      <c r="N3187">
        <v>0</v>
      </c>
      <c r="O3187">
        <v>0</v>
      </c>
      <c r="P3187">
        <v>0</v>
      </c>
      <c r="Q3187">
        <v>0</v>
      </c>
      <c r="R3187">
        <v>21340</v>
      </c>
      <c r="S3187">
        <v>0</v>
      </c>
      <c r="T3187">
        <v>0</v>
      </c>
      <c r="U3187">
        <v>0</v>
      </c>
      <c r="V3187">
        <v>3</v>
      </c>
      <c r="W3187">
        <v>1</v>
      </c>
      <c r="X3187">
        <v>0</v>
      </c>
      <c r="Y3187">
        <v>72</v>
      </c>
      <c r="Z3187">
        <v>21</v>
      </c>
      <c r="AA3187">
        <v>39</v>
      </c>
      <c r="AB3187">
        <v>6</v>
      </c>
      <c r="AC3187">
        <v>64</v>
      </c>
      <c r="AD3187">
        <v>31</v>
      </c>
      <c r="AE3187">
        <v>94</v>
      </c>
      <c r="AF3187">
        <v>1210</v>
      </c>
      <c r="AG3187">
        <v>123799</v>
      </c>
      <c r="AH3187">
        <v>50000</v>
      </c>
      <c r="AI3187">
        <v>0</v>
      </c>
      <c r="AJ3187">
        <v>100</v>
      </c>
      <c r="AK3187" t="s">
        <v>0</v>
      </c>
      <c r="AL3187">
        <v>0</v>
      </c>
      <c r="AM3187">
        <v>0</v>
      </c>
      <c r="AN3187">
        <v>0</v>
      </c>
      <c r="AO3187">
        <v>0</v>
      </c>
      <c r="AP3187">
        <v>0</v>
      </c>
      <c r="AQ3187">
        <v>0</v>
      </c>
      <c r="AR3187">
        <v>0</v>
      </c>
      <c r="AS3187">
        <v>0</v>
      </c>
      <c r="AT3187">
        <v>0</v>
      </c>
      <c r="AU3187">
        <v>0</v>
      </c>
      <c r="AV3187">
        <v>0</v>
      </c>
      <c r="AW3187">
        <v>0</v>
      </c>
      <c r="AX3187">
        <v>0</v>
      </c>
      <c r="AY3187">
        <v>0</v>
      </c>
      <c r="AZ3187">
        <v>1</v>
      </c>
      <c r="BA3187">
        <v>97</v>
      </c>
    </row>
    <row r="3188" spans="1:53" x14ac:dyDescent="0.4">
      <c r="A3188">
        <v>3232</v>
      </c>
      <c r="B3188" s="1">
        <v>43867</v>
      </c>
      <c r="C3188">
        <v>1</v>
      </c>
      <c r="D3188" s="1">
        <v>43867.291666666664</v>
      </c>
      <c r="E3188" s="1">
        <v>43867.458333333336</v>
      </c>
      <c r="F3188">
        <v>0</v>
      </c>
      <c r="G3188">
        <v>0</v>
      </c>
      <c r="H3188">
        <v>0</v>
      </c>
      <c r="I3188">
        <v>0</v>
      </c>
      <c r="J3188">
        <v>0</v>
      </c>
      <c r="K3188">
        <v>0</v>
      </c>
      <c r="L3188">
        <v>0</v>
      </c>
      <c r="M3188">
        <v>0</v>
      </c>
      <c r="N3188">
        <v>0</v>
      </c>
      <c r="O3188">
        <v>0</v>
      </c>
      <c r="P3188">
        <v>0</v>
      </c>
      <c r="Q3188">
        <v>0</v>
      </c>
      <c r="R3188">
        <v>0</v>
      </c>
      <c r="S3188">
        <v>0</v>
      </c>
      <c r="T3188">
        <v>0</v>
      </c>
      <c r="U3188">
        <v>0</v>
      </c>
      <c r="V3188">
        <v>0</v>
      </c>
      <c r="W3188">
        <v>0</v>
      </c>
      <c r="X3188">
        <v>0</v>
      </c>
      <c r="Y3188">
        <v>35</v>
      </c>
      <c r="Z3188">
        <v>20</v>
      </c>
      <c r="AA3188">
        <v>38</v>
      </c>
      <c r="AB3188">
        <v>6</v>
      </c>
      <c r="AC3188">
        <v>65</v>
      </c>
      <c r="AD3188">
        <v>32</v>
      </c>
      <c r="AE3188">
        <v>90</v>
      </c>
      <c r="AF3188">
        <v>0</v>
      </c>
      <c r="AG3188">
        <v>50000</v>
      </c>
      <c r="AH3188">
        <v>0</v>
      </c>
      <c r="AI3188">
        <v>50000</v>
      </c>
      <c r="AJ3188">
        <v>0</v>
      </c>
      <c r="AK3188" t="s">
        <v>6</v>
      </c>
      <c r="AL3188">
        <v>0</v>
      </c>
      <c r="AM3188">
        <v>0</v>
      </c>
      <c r="AN3188">
        <v>0</v>
      </c>
      <c r="AO3188">
        <v>0</v>
      </c>
      <c r="AP3188">
        <v>0</v>
      </c>
      <c r="AQ3188">
        <v>0</v>
      </c>
      <c r="AR3188">
        <v>0</v>
      </c>
      <c r="AS3188">
        <v>0</v>
      </c>
      <c r="AT3188">
        <v>0</v>
      </c>
      <c r="AU3188">
        <v>0</v>
      </c>
      <c r="AV3188">
        <v>0</v>
      </c>
      <c r="AW3188">
        <v>0</v>
      </c>
      <c r="AX3188">
        <v>0</v>
      </c>
      <c r="AY3188">
        <v>0</v>
      </c>
      <c r="AZ3188">
        <v>0</v>
      </c>
      <c r="BA3188">
        <v>0</v>
      </c>
    </row>
    <row r="3189" spans="1:53" x14ac:dyDescent="0.4">
      <c r="A3189">
        <v>3233</v>
      </c>
      <c r="B3189" s="1">
        <v>43867</v>
      </c>
      <c r="C3189">
        <v>2</v>
      </c>
      <c r="D3189" s="1">
        <v>43867.458333333336</v>
      </c>
      <c r="E3189" s="1">
        <v>43867.755555555559</v>
      </c>
      <c r="F3189">
        <v>18150</v>
      </c>
      <c r="G3189">
        <v>0</v>
      </c>
      <c r="H3189">
        <v>0</v>
      </c>
      <c r="I3189">
        <v>0</v>
      </c>
      <c r="J3189">
        <v>0</v>
      </c>
      <c r="K3189">
        <v>0</v>
      </c>
      <c r="L3189">
        <v>0</v>
      </c>
      <c r="M3189">
        <v>1815</v>
      </c>
      <c r="N3189">
        <v>0</v>
      </c>
      <c r="O3189">
        <v>0</v>
      </c>
      <c r="P3189">
        <v>24200</v>
      </c>
      <c r="Q3189">
        <v>0</v>
      </c>
      <c r="R3189">
        <v>44165</v>
      </c>
      <c r="S3189">
        <v>0</v>
      </c>
      <c r="T3189">
        <v>0</v>
      </c>
      <c r="U3189">
        <v>0</v>
      </c>
      <c r="V3189">
        <v>1</v>
      </c>
      <c r="W3189">
        <v>0</v>
      </c>
      <c r="X3189">
        <v>0</v>
      </c>
      <c r="Y3189">
        <v>63</v>
      </c>
      <c r="Z3189">
        <v>28</v>
      </c>
      <c r="AA3189">
        <v>57</v>
      </c>
      <c r="AB3189">
        <v>11</v>
      </c>
      <c r="AC3189">
        <v>62</v>
      </c>
      <c r="AD3189">
        <v>36</v>
      </c>
      <c r="AE3189">
        <v>115</v>
      </c>
      <c r="AF3189">
        <v>0</v>
      </c>
      <c r="AG3189">
        <v>94165</v>
      </c>
      <c r="AH3189">
        <v>50000</v>
      </c>
      <c r="AI3189">
        <v>0</v>
      </c>
      <c r="AJ3189">
        <v>96</v>
      </c>
      <c r="AK3189" t="s">
        <v>4</v>
      </c>
      <c r="AL3189">
        <v>0</v>
      </c>
      <c r="AM3189">
        <v>0</v>
      </c>
      <c r="AN3189">
        <v>0</v>
      </c>
      <c r="AO3189">
        <v>0</v>
      </c>
      <c r="AP3189">
        <v>0</v>
      </c>
      <c r="AQ3189">
        <v>0</v>
      </c>
      <c r="AR3189">
        <v>0</v>
      </c>
      <c r="AS3189">
        <v>0</v>
      </c>
      <c r="AT3189">
        <v>0</v>
      </c>
      <c r="AU3189">
        <v>0</v>
      </c>
      <c r="AV3189">
        <v>0</v>
      </c>
      <c r="AW3189">
        <v>0</v>
      </c>
      <c r="AX3189">
        <v>1936</v>
      </c>
      <c r="AY3189">
        <v>39</v>
      </c>
      <c r="AZ3189">
        <v>70</v>
      </c>
      <c r="BA3189">
        <v>5344</v>
      </c>
    </row>
    <row r="3190" spans="1:53" x14ac:dyDescent="0.4">
      <c r="A3190">
        <v>3234</v>
      </c>
      <c r="B3190" s="1">
        <v>43867</v>
      </c>
      <c r="C3190">
        <v>3</v>
      </c>
      <c r="D3190" s="1">
        <v>43867.755555555559</v>
      </c>
      <c r="E3190" s="1">
        <v>43867.963194444441</v>
      </c>
      <c r="F3190">
        <v>27100</v>
      </c>
      <c r="G3190">
        <v>1760</v>
      </c>
      <c r="H3190">
        <v>200</v>
      </c>
      <c r="I3190">
        <v>0</v>
      </c>
      <c r="J3190">
        <v>0</v>
      </c>
      <c r="K3190">
        <v>0</v>
      </c>
      <c r="L3190">
        <v>0</v>
      </c>
      <c r="M3190">
        <v>2906</v>
      </c>
      <c r="N3190">
        <v>0</v>
      </c>
      <c r="O3190">
        <v>0</v>
      </c>
      <c r="P3190">
        <v>-24200</v>
      </c>
      <c r="Q3190">
        <v>0</v>
      </c>
      <c r="R3190">
        <v>7766</v>
      </c>
      <c r="S3190">
        <v>0</v>
      </c>
      <c r="T3190">
        <v>0</v>
      </c>
      <c r="U3190">
        <v>0</v>
      </c>
      <c r="V3190">
        <v>0</v>
      </c>
      <c r="W3190">
        <v>1</v>
      </c>
      <c r="X3190">
        <v>0</v>
      </c>
      <c r="Y3190">
        <v>57</v>
      </c>
      <c r="Z3190">
        <v>31</v>
      </c>
      <c r="AA3190">
        <v>167</v>
      </c>
      <c r="AB3190">
        <v>58</v>
      </c>
      <c r="AC3190">
        <v>106</v>
      </c>
      <c r="AD3190">
        <v>34</v>
      </c>
      <c r="AE3190">
        <v>120</v>
      </c>
      <c r="AF3190">
        <v>3481</v>
      </c>
      <c r="AG3190">
        <v>101931</v>
      </c>
      <c r="AH3190">
        <v>50000</v>
      </c>
      <c r="AI3190">
        <v>0</v>
      </c>
      <c r="AJ3190">
        <v>84</v>
      </c>
      <c r="AK3190" t="s">
        <v>16</v>
      </c>
      <c r="AL3190">
        <v>0</v>
      </c>
      <c r="AM3190">
        <v>0</v>
      </c>
      <c r="AN3190">
        <v>0</v>
      </c>
      <c r="AO3190">
        <v>0</v>
      </c>
      <c r="AP3190">
        <v>0</v>
      </c>
      <c r="AQ3190">
        <v>0</v>
      </c>
      <c r="AR3190">
        <v>0</v>
      </c>
      <c r="AS3190">
        <v>0</v>
      </c>
      <c r="AT3190">
        <v>0</v>
      </c>
      <c r="AU3190">
        <v>0</v>
      </c>
      <c r="AV3190">
        <v>0</v>
      </c>
      <c r="AW3190">
        <v>0</v>
      </c>
      <c r="AX3190">
        <v>0</v>
      </c>
      <c r="AY3190">
        <v>5</v>
      </c>
      <c r="AZ3190">
        <v>9</v>
      </c>
      <c r="BA3190">
        <v>1554</v>
      </c>
    </row>
    <row r="3191" spans="1:53" x14ac:dyDescent="0.4">
      <c r="A3191">
        <v>3235</v>
      </c>
      <c r="B3191" s="1">
        <v>43868</v>
      </c>
      <c r="C3191">
        <v>1</v>
      </c>
      <c r="D3191" s="1">
        <v>43868.291666666664</v>
      </c>
      <c r="E3191" s="1">
        <v>43868.447916666664</v>
      </c>
      <c r="F3191">
        <v>0</v>
      </c>
      <c r="G3191">
        <v>0</v>
      </c>
      <c r="H3191">
        <v>0</v>
      </c>
      <c r="I3191">
        <v>0</v>
      </c>
      <c r="J3191">
        <v>0</v>
      </c>
      <c r="K3191">
        <v>0</v>
      </c>
      <c r="L3191">
        <v>0</v>
      </c>
      <c r="M3191">
        <v>0</v>
      </c>
      <c r="N3191">
        <v>0</v>
      </c>
      <c r="O3191">
        <v>0</v>
      </c>
      <c r="P3191">
        <v>0</v>
      </c>
      <c r="Q3191">
        <v>0</v>
      </c>
      <c r="R3191">
        <v>0</v>
      </c>
      <c r="S3191">
        <v>0</v>
      </c>
      <c r="T3191">
        <v>0</v>
      </c>
      <c r="U3191">
        <v>0</v>
      </c>
      <c r="V3191">
        <v>0</v>
      </c>
      <c r="W3191">
        <v>0</v>
      </c>
      <c r="X3191">
        <v>0</v>
      </c>
      <c r="Y3191">
        <v>30</v>
      </c>
      <c r="Z3191">
        <v>8</v>
      </c>
      <c r="AA3191">
        <v>118</v>
      </c>
      <c r="AB3191">
        <v>58</v>
      </c>
      <c r="AC3191">
        <v>101</v>
      </c>
      <c r="AD3191">
        <v>34</v>
      </c>
      <c r="AE3191">
        <v>120</v>
      </c>
      <c r="AF3191">
        <v>0</v>
      </c>
      <c r="AG3191">
        <v>50000</v>
      </c>
      <c r="AH3191">
        <v>50000</v>
      </c>
      <c r="AI3191">
        <v>0</v>
      </c>
      <c r="AJ3191">
        <v>0</v>
      </c>
      <c r="AK3191" t="s">
        <v>6</v>
      </c>
      <c r="AL3191">
        <v>0</v>
      </c>
      <c r="AM3191">
        <v>0</v>
      </c>
      <c r="AN3191">
        <v>0</v>
      </c>
      <c r="AO3191">
        <v>0</v>
      </c>
      <c r="AP3191">
        <v>0</v>
      </c>
      <c r="AQ3191">
        <v>0</v>
      </c>
      <c r="AR3191">
        <v>0</v>
      </c>
      <c r="AS3191">
        <v>0</v>
      </c>
      <c r="AT3191">
        <v>0</v>
      </c>
      <c r="AU3191">
        <v>0</v>
      </c>
      <c r="AV3191">
        <v>0</v>
      </c>
      <c r="AW3191">
        <v>0</v>
      </c>
      <c r="AX3191">
        <v>0</v>
      </c>
      <c r="AY3191">
        <v>0</v>
      </c>
      <c r="AZ3191">
        <v>0</v>
      </c>
      <c r="BA3191">
        <v>0</v>
      </c>
    </row>
    <row r="3192" spans="1:53" x14ac:dyDescent="0.4">
      <c r="A3192">
        <v>3236</v>
      </c>
      <c r="B3192" s="1">
        <v>43868</v>
      </c>
      <c r="C3192">
        <v>2</v>
      </c>
      <c r="D3192" s="1">
        <v>43868.447916666664</v>
      </c>
      <c r="E3192" s="1">
        <v>43868.740277777775</v>
      </c>
      <c r="F3192">
        <v>19800</v>
      </c>
      <c r="G3192">
        <v>400</v>
      </c>
      <c r="H3192">
        <v>200</v>
      </c>
      <c r="I3192">
        <v>0</v>
      </c>
      <c r="J3192">
        <v>100</v>
      </c>
      <c r="K3192">
        <v>0</v>
      </c>
      <c r="L3192">
        <v>0</v>
      </c>
      <c r="M3192">
        <v>2030</v>
      </c>
      <c r="N3192">
        <v>0</v>
      </c>
      <c r="O3192">
        <v>0</v>
      </c>
      <c r="P3192">
        <v>18755</v>
      </c>
      <c r="Q3192">
        <v>0</v>
      </c>
      <c r="R3192">
        <v>41085</v>
      </c>
      <c r="S3192">
        <v>0</v>
      </c>
      <c r="T3192">
        <v>0</v>
      </c>
      <c r="U3192">
        <v>0</v>
      </c>
      <c r="V3192">
        <v>2</v>
      </c>
      <c r="W3192">
        <v>1</v>
      </c>
      <c r="X3192">
        <v>0</v>
      </c>
      <c r="Y3192">
        <v>45</v>
      </c>
      <c r="Z3192">
        <v>18</v>
      </c>
      <c r="AA3192">
        <v>67</v>
      </c>
      <c r="AB3192">
        <v>50</v>
      </c>
      <c r="AC3192">
        <v>71</v>
      </c>
      <c r="AD3192">
        <v>42</v>
      </c>
      <c r="AE3192">
        <v>150</v>
      </c>
      <c r="AF3192">
        <v>1815</v>
      </c>
      <c r="AG3192">
        <v>91085</v>
      </c>
      <c r="AH3192">
        <v>50000</v>
      </c>
      <c r="AI3192">
        <v>0</v>
      </c>
      <c r="AJ3192">
        <v>97</v>
      </c>
      <c r="AK3192" t="s">
        <v>33</v>
      </c>
      <c r="AL3192">
        <v>0</v>
      </c>
      <c r="AM3192">
        <v>0</v>
      </c>
      <c r="AN3192">
        <v>0</v>
      </c>
      <c r="AO3192">
        <v>0</v>
      </c>
      <c r="AP3192">
        <v>0</v>
      </c>
      <c r="AQ3192">
        <v>0</v>
      </c>
      <c r="AR3192">
        <v>0</v>
      </c>
      <c r="AS3192">
        <v>0</v>
      </c>
      <c r="AT3192">
        <v>0</v>
      </c>
      <c r="AU3192">
        <v>0</v>
      </c>
      <c r="AV3192">
        <v>0</v>
      </c>
      <c r="AW3192">
        <v>0</v>
      </c>
      <c r="AX3192">
        <v>440</v>
      </c>
      <c r="AY3192">
        <v>33</v>
      </c>
      <c r="AZ3192">
        <v>67</v>
      </c>
      <c r="BA3192">
        <v>4839</v>
      </c>
    </row>
    <row r="3193" spans="1:53" x14ac:dyDescent="0.4">
      <c r="A3193">
        <v>3237</v>
      </c>
      <c r="B3193" s="1">
        <v>43868</v>
      </c>
      <c r="C3193">
        <v>3</v>
      </c>
      <c r="D3193" s="1">
        <v>43868.740277777775</v>
      </c>
      <c r="E3193" s="1">
        <v>43869.109722222223</v>
      </c>
      <c r="F3193">
        <v>209350</v>
      </c>
      <c r="G3193">
        <v>6440</v>
      </c>
      <c r="H3193">
        <v>600</v>
      </c>
      <c r="I3193">
        <v>0</v>
      </c>
      <c r="J3193">
        <v>900</v>
      </c>
      <c r="K3193">
        <v>0</v>
      </c>
      <c r="L3193">
        <v>0</v>
      </c>
      <c r="M3193">
        <v>21549</v>
      </c>
      <c r="N3193">
        <v>0</v>
      </c>
      <c r="O3193">
        <v>0</v>
      </c>
      <c r="P3193">
        <v>34265</v>
      </c>
      <c r="Q3193">
        <v>0</v>
      </c>
      <c r="R3193">
        <v>271304</v>
      </c>
      <c r="S3193">
        <v>0</v>
      </c>
      <c r="T3193">
        <v>0</v>
      </c>
      <c r="U3193">
        <v>0</v>
      </c>
      <c r="V3193">
        <v>22</v>
      </c>
      <c r="W3193">
        <v>1</v>
      </c>
      <c r="X3193">
        <v>0</v>
      </c>
      <c r="Y3193">
        <v>50</v>
      </c>
      <c r="Z3193">
        <v>14</v>
      </c>
      <c r="AA3193">
        <v>52</v>
      </c>
      <c r="AB3193">
        <v>50</v>
      </c>
      <c r="AC3193">
        <v>79</v>
      </c>
      <c r="AD3193">
        <v>39</v>
      </c>
      <c r="AE3193">
        <v>137</v>
      </c>
      <c r="AF3193">
        <v>71567</v>
      </c>
      <c r="AG3193">
        <v>362389</v>
      </c>
      <c r="AH3193">
        <v>50000</v>
      </c>
      <c r="AI3193">
        <v>0</v>
      </c>
      <c r="AJ3193">
        <v>108</v>
      </c>
      <c r="AK3193" t="s">
        <v>30</v>
      </c>
      <c r="AL3193">
        <v>0</v>
      </c>
      <c r="AM3193">
        <v>0</v>
      </c>
      <c r="AN3193">
        <v>0</v>
      </c>
      <c r="AO3193">
        <v>0</v>
      </c>
      <c r="AP3193">
        <v>0</v>
      </c>
      <c r="AQ3193">
        <v>0</v>
      </c>
      <c r="AR3193">
        <v>0</v>
      </c>
      <c r="AS3193">
        <v>0</v>
      </c>
      <c r="AT3193">
        <v>0</v>
      </c>
      <c r="AU3193">
        <v>0</v>
      </c>
      <c r="AV3193">
        <v>0</v>
      </c>
      <c r="AW3193">
        <v>0</v>
      </c>
      <c r="AX3193">
        <v>53251</v>
      </c>
      <c r="AY3193">
        <v>37</v>
      </c>
      <c r="AZ3193">
        <v>154</v>
      </c>
      <c r="BA3193">
        <v>5108</v>
      </c>
    </row>
    <row r="3194" spans="1:53" x14ac:dyDescent="0.4">
      <c r="A3194">
        <v>3238</v>
      </c>
      <c r="B3194" s="1">
        <v>43868</v>
      </c>
      <c r="C3194">
        <v>4</v>
      </c>
      <c r="D3194" s="1">
        <v>43869.109722222223</v>
      </c>
      <c r="E3194" s="1">
        <v>43869.259722222225</v>
      </c>
      <c r="F3194">
        <v>90150</v>
      </c>
      <c r="G3194">
        <v>5530</v>
      </c>
      <c r="H3194">
        <v>0</v>
      </c>
      <c r="I3194">
        <v>0</v>
      </c>
      <c r="J3194">
        <v>450</v>
      </c>
      <c r="K3194">
        <v>4400</v>
      </c>
      <c r="L3194">
        <v>0</v>
      </c>
      <c r="M3194">
        <v>9963</v>
      </c>
      <c r="N3194">
        <v>0</v>
      </c>
      <c r="O3194">
        <v>0</v>
      </c>
      <c r="P3194">
        <v>-53020</v>
      </c>
      <c r="Q3194">
        <v>0</v>
      </c>
      <c r="R3194">
        <v>56573</v>
      </c>
      <c r="S3194">
        <v>0</v>
      </c>
      <c r="T3194">
        <v>0</v>
      </c>
      <c r="U3194">
        <v>0</v>
      </c>
      <c r="V3194">
        <v>0</v>
      </c>
      <c r="W3194">
        <v>0</v>
      </c>
      <c r="X3194">
        <v>0</v>
      </c>
      <c r="Y3194">
        <v>35</v>
      </c>
      <c r="Z3194">
        <v>12</v>
      </c>
      <c r="AA3194">
        <v>53</v>
      </c>
      <c r="AB3194">
        <v>50</v>
      </c>
      <c r="AC3194">
        <v>86</v>
      </c>
      <c r="AD3194">
        <v>40</v>
      </c>
      <c r="AE3194">
        <v>140</v>
      </c>
      <c r="AF3194">
        <v>0</v>
      </c>
      <c r="AG3194">
        <v>50000</v>
      </c>
      <c r="AH3194">
        <v>0</v>
      </c>
      <c r="AI3194">
        <v>-318962</v>
      </c>
      <c r="AJ3194">
        <v>108</v>
      </c>
      <c r="AK3194" t="s">
        <v>30</v>
      </c>
      <c r="AL3194">
        <v>0</v>
      </c>
      <c r="AM3194">
        <v>0</v>
      </c>
      <c r="AN3194">
        <v>0</v>
      </c>
      <c r="AO3194">
        <v>0</v>
      </c>
      <c r="AP3194">
        <v>0</v>
      </c>
      <c r="AQ3194">
        <v>0</v>
      </c>
      <c r="AR3194">
        <v>0</v>
      </c>
      <c r="AS3194">
        <v>0</v>
      </c>
      <c r="AT3194">
        <v>0</v>
      </c>
      <c r="AU3194">
        <v>0</v>
      </c>
      <c r="AV3194">
        <v>0</v>
      </c>
      <c r="AW3194">
        <v>0</v>
      </c>
      <c r="AX3194">
        <v>0</v>
      </c>
      <c r="AY3194">
        <v>0</v>
      </c>
      <c r="AZ3194">
        <v>0</v>
      </c>
      <c r="BA3194">
        <v>1109</v>
      </c>
    </row>
    <row r="3195" spans="1:53" x14ac:dyDescent="0.4">
      <c r="A3195">
        <v>3239</v>
      </c>
      <c r="B3195" s="1">
        <v>43869</v>
      </c>
      <c r="C3195">
        <v>1</v>
      </c>
      <c r="D3195" s="1">
        <v>43869.291666666664</v>
      </c>
      <c r="E3195" s="1">
        <v>43869.40902777778</v>
      </c>
      <c r="F3195">
        <v>0</v>
      </c>
      <c r="G3195">
        <v>0</v>
      </c>
      <c r="H3195">
        <v>0</v>
      </c>
      <c r="I3195">
        <v>0</v>
      </c>
      <c r="J3195">
        <v>0</v>
      </c>
      <c r="K3195">
        <v>0</v>
      </c>
      <c r="L3195">
        <v>0</v>
      </c>
      <c r="M3195">
        <v>0</v>
      </c>
      <c r="N3195">
        <v>0</v>
      </c>
      <c r="O3195">
        <v>0</v>
      </c>
      <c r="P3195">
        <v>0</v>
      </c>
      <c r="Q3195">
        <v>0</v>
      </c>
      <c r="R3195">
        <v>0</v>
      </c>
      <c r="S3195">
        <v>0</v>
      </c>
      <c r="T3195">
        <v>0</v>
      </c>
      <c r="U3195">
        <v>0</v>
      </c>
      <c r="V3195">
        <v>0</v>
      </c>
      <c r="W3195">
        <v>0</v>
      </c>
      <c r="X3195">
        <v>0</v>
      </c>
      <c r="Y3195">
        <v>35</v>
      </c>
      <c r="Z3195">
        <v>12</v>
      </c>
      <c r="AA3195">
        <v>53</v>
      </c>
      <c r="AB3195">
        <v>50</v>
      </c>
      <c r="AC3195">
        <v>86</v>
      </c>
      <c r="AD3195">
        <v>40</v>
      </c>
      <c r="AE3195">
        <v>140</v>
      </c>
      <c r="AF3195">
        <v>0</v>
      </c>
      <c r="AG3195">
        <v>50000</v>
      </c>
      <c r="AH3195">
        <v>50000</v>
      </c>
      <c r="AI3195">
        <v>0</v>
      </c>
      <c r="AJ3195">
        <v>0</v>
      </c>
      <c r="AK3195" t="s">
        <v>6</v>
      </c>
      <c r="AL3195">
        <v>0</v>
      </c>
      <c r="AM3195">
        <v>0</v>
      </c>
      <c r="AN3195">
        <v>0</v>
      </c>
      <c r="AO3195">
        <v>0</v>
      </c>
      <c r="AP3195">
        <v>0</v>
      </c>
      <c r="AQ3195">
        <v>0</v>
      </c>
      <c r="AR3195">
        <v>0</v>
      </c>
      <c r="AS3195">
        <v>0</v>
      </c>
      <c r="AT3195">
        <v>0</v>
      </c>
      <c r="AU3195">
        <v>0</v>
      </c>
      <c r="AV3195">
        <v>0</v>
      </c>
      <c r="AW3195">
        <v>0</v>
      </c>
      <c r="AX3195">
        <v>0</v>
      </c>
      <c r="AY3195">
        <v>0</v>
      </c>
      <c r="AZ3195">
        <v>0</v>
      </c>
      <c r="BA3195">
        <v>0</v>
      </c>
    </row>
    <row r="3196" spans="1:53" x14ac:dyDescent="0.4">
      <c r="A3196">
        <v>3240</v>
      </c>
      <c r="B3196" s="1">
        <v>43869</v>
      </c>
      <c r="C3196">
        <v>2</v>
      </c>
      <c r="D3196" s="1">
        <v>43869.40902777778</v>
      </c>
      <c r="E3196" s="1">
        <v>43869.73333333333</v>
      </c>
      <c r="F3196">
        <v>45650</v>
      </c>
      <c r="G3196">
        <v>2520</v>
      </c>
      <c r="H3196">
        <v>200</v>
      </c>
      <c r="I3196">
        <v>0</v>
      </c>
      <c r="J3196">
        <v>0</v>
      </c>
      <c r="K3196">
        <v>0</v>
      </c>
      <c r="L3196">
        <v>0</v>
      </c>
      <c r="M3196">
        <v>4837</v>
      </c>
      <c r="N3196">
        <v>0</v>
      </c>
      <c r="O3196">
        <v>0</v>
      </c>
      <c r="P3196">
        <v>21065</v>
      </c>
      <c r="Q3196">
        <v>0</v>
      </c>
      <c r="R3196">
        <v>74272</v>
      </c>
      <c r="S3196">
        <v>0</v>
      </c>
      <c r="T3196">
        <v>0</v>
      </c>
      <c r="U3196">
        <v>0</v>
      </c>
      <c r="V3196">
        <v>3</v>
      </c>
      <c r="W3196">
        <v>3</v>
      </c>
      <c r="X3196">
        <v>0</v>
      </c>
      <c r="Y3196">
        <v>55</v>
      </c>
      <c r="Z3196">
        <v>29</v>
      </c>
      <c r="AA3196">
        <v>58</v>
      </c>
      <c r="AB3196">
        <v>39</v>
      </c>
      <c r="AC3196">
        <v>45</v>
      </c>
      <c r="AD3196">
        <v>39</v>
      </c>
      <c r="AE3196">
        <v>167</v>
      </c>
      <c r="AF3196">
        <v>1210</v>
      </c>
      <c r="AG3196">
        <v>124272</v>
      </c>
      <c r="AH3196">
        <v>50000</v>
      </c>
      <c r="AI3196">
        <v>0</v>
      </c>
      <c r="AJ3196">
        <v>93</v>
      </c>
      <c r="AK3196" t="s">
        <v>20</v>
      </c>
      <c r="AL3196">
        <v>0</v>
      </c>
      <c r="AM3196">
        <v>0</v>
      </c>
      <c r="AN3196">
        <v>0</v>
      </c>
      <c r="AO3196">
        <v>0</v>
      </c>
      <c r="AP3196">
        <v>0</v>
      </c>
      <c r="AQ3196">
        <v>0</v>
      </c>
      <c r="AR3196">
        <v>0</v>
      </c>
      <c r="AS3196">
        <v>0</v>
      </c>
      <c r="AT3196">
        <v>0</v>
      </c>
      <c r="AU3196">
        <v>0</v>
      </c>
      <c r="AV3196">
        <v>0</v>
      </c>
      <c r="AW3196">
        <v>0</v>
      </c>
      <c r="AX3196">
        <v>1452</v>
      </c>
      <c r="AY3196">
        <v>47</v>
      </c>
      <c r="AZ3196">
        <v>109</v>
      </c>
      <c r="BA3196">
        <v>7494</v>
      </c>
    </row>
    <row r="3197" spans="1:53" x14ac:dyDescent="0.4">
      <c r="A3197">
        <v>3241</v>
      </c>
      <c r="B3197" s="1">
        <v>43869</v>
      </c>
      <c r="C3197">
        <v>3</v>
      </c>
      <c r="D3197" s="1">
        <v>43869.73333333333</v>
      </c>
      <c r="E3197" s="1">
        <v>43869.963194444441</v>
      </c>
      <c r="F3197">
        <v>169796</v>
      </c>
      <c r="G3197">
        <v>12200</v>
      </c>
      <c r="H3197">
        <v>0</v>
      </c>
      <c r="I3197">
        <v>0</v>
      </c>
      <c r="J3197">
        <v>100</v>
      </c>
      <c r="K3197">
        <v>0</v>
      </c>
      <c r="L3197">
        <v>0</v>
      </c>
      <c r="M3197">
        <v>18190</v>
      </c>
      <c r="N3197">
        <v>0</v>
      </c>
      <c r="O3197">
        <v>0</v>
      </c>
      <c r="P3197">
        <v>-21065</v>
      </c>
      <c r="Q3197">
        <v>0</v>
      </c>
      <c r="R3197">
        <v>179021</v>
      </c>
      <c r="S3197">
        <v>0</v>
      </c>
      <c r="T3197">
        <v>0</v>
      </c>
      <c r="U3197">
        <v>0</v>
      </c>
      <c r="V3197">
        <v>13</v>
      </c>
      <c r="W3197">
        <v>3</v>
      </c>
      <c r="X3197">
        <v>0</v>
      </c>
      <c r="Y3197">
        <v>83</v>
      </c>
      <c r="Z3197">
        <v>28</v>
      </c>
      <c r="AA3197">
        <v>54</v>
      </c>
      <c r="AB3197">
        <v>38</v>
      </c>
      <c r="AC3197">
        <v>38</v>
      </c>
      <c r="AD3197">
        <v>38</v>
      </c>
      <c r="AE3197">
        <v>172</v>
      </c>
      <c r="AF3197">
        <v>53251</v>
      </c>
      <c r="AG3197">
        <v>303293</v>
      </c>
      <c r="AH3197">
        <v>50000</v>
      </c>
      <c r="AI3197">
        <v>0</v>
      </c>
      <c r="AJ3197">
        <v>100</v>
      </c>
      <c r="AK3197" t="s">
        <v>0</v>
      </c>
      <c r="AL3197">
        <v>0</v>
      </c>
      <c r="AM3197">
        <v>0</v>
      </c>
      <c r="AN3197">
        <v>0</v>
      </c>
      <c r="AO3197">
        <v>0</v>
      </c>
      <c r="AP3197">
        <v>0</v>
      </c>
      <c r="AQ3197">
        <v>0</v>
      </c>
      <c r="AR3197">
        <v>0</v>
      </c>
      <c r="AS3197">
        <v>0</v>
      </c>
      <c r="AT3197">
        <v>0</v>
      </c>
      <c r="AU3197">
        <v>0</v>
      </c>
      <c r="AV3197">
        <v>0</v>
      </c>
      <c r="AW3197">
        <v>0</v>
      </c>
      <c r="AX3197">
        <v>126753</v>
      </c>
      <c r="AY3197">
        <v>26</v>
      </c>
      <c r="AZ3197">
        <v>148</v>
      </c>
      <c r="BA3197">
        <v>3898</v>
      </c>
    </row>
    <row r="3198" spans="1:53" x14ac:dyDescent="0.4">
      <c r="A3198">
        <v>3242</v>
      </c>
      <c r="B3198" s="1">
        <v>43870</v>
      </c>
      <c r="C3198">
        <v>1</v>
      </c>
      <c r="D3198" s="1">
        <v>43870.291666666664</v>
      </c>
      <c r="E3198" s="1">
        <v>43870.40347222222</v>
      </c>
      <c r="F3198">
        <v>0</v>
      </c>
      <c r="G3198">
        <v>0</v>
      </c>
      <c r="H3198">
        <v>0</v>
      </c>
      <c r="I3198">
        <v>0</v>
      </c>
      <c r="J3198">
        <v>0</v>
      </c>
      <c r="K3198">
        <v>0</v>
      </c>
      <c r="L3198">
        <v>0</v>
      </c>
      <c r="M3198">
        <v>0</v>
      </c>
      <c r="N3198">
        <v>0</v>
      </c>
      <c r="O3198">
        <v>0</v>
      </c>
      <c r="P3198">
        <v>0</v>
      </c>
      <c r="Q3198">
        <v>0</v>
      </c>
      <c r="R3198">
        <v>0</v>
      </c>
      <c r="S3198">
        <v>0</v>
      </c>
      <c r="T3198">
        <v>0</v>
      </c>
      <c r="U3198">
        <v>0</v>
      </c>
      <c r="V3198">
        <v>0</v>
      </c>
      <c r="W3198">
        <v>0</v>
      </c>
      <c r="X3198">
        <v>0</v>
      </c>
      <c r="Y3198">
        <v>30</v>
      </c>
      <c r="Z3198">
        <v>10</v>
      </c>
      <c r="AA3198">
        <v>116</v>
      </c>
      <c r="AB3198">
        <v>41</v>
      </c>
      <c r="AC3198">
        <v>104</v>
      </c>
      <c r="AD3198">
        <v>37</v>
      </c>
      <c r="AE3198">
        <v>125</v>
      </c>
      <c r="AF3198">
        <v>0</v>
      </c>
      <c r="AG3198">
        <v>50000</v>
      </c>
      <c r="AH3198">
        <v>50000</v>
      </c>
      <c r="AI3198">
        <v>0</v>
      </c>
      <c r="AJ3198">
        <v>0</v>
      </c>
      <c r="AK3198" t="s">
        <v>6</v>
      </c>
      <c r="AL3198">
        <v>0</v>
      </c>
      <c r="AM3198">
        <v>0</v>
      </c>
      <c r="AN3198">
        <v>0</v>
      </c>
      <c r="AO3198">
        <v>0</v>
      </c>
      <c r="AP3198">
        <v>0</v>
      </c>
      <c r="AQ3198">
        <v>0</v>
      </c>
      <c r="AR3198">
        <v>0</v>
      </c>
      <c r="AS3198">
        <v>0</v>
      </c>
      <c r="AT3198">
        <v>0</v>
      </c>
      <c r="AU3198">
        <v>0</v>
      </c>
      <c r="AV3198">
        <v>0</v>
      </c>
      <c r="AW3198">
        <v>0</v>
      </c>
      <c r="AX3198">
        <v>0</v>
      </c>
      <c r="AY3198">
        <v>0</v>
      </c>
      <c r="AZ3198">
        <v>0</v>
      </c>
      <c r="BA3198">
        <v>0</v>
      </c>
    </row>
    <row r="3199" spans="1:53" x14ac:dyDescent="0.4">
      <c r="A3199">
        <v>3243</v>
      </c>
      <c r="B3199" s="1">
        <v>43870</v>
      </c>
      <c r="C3199">
        <v>2</v>
      </c>
      <c r="D3199" s="1">
        <v>43870.40347222222</v>
      </c>
      <c r="E3199" s="1">
        <v>43870.731249999997</v>
      </c>
      <c r="F3199">
        <v>53350</v>
      </c>
      <c r="G3199">
        <v>3200</v>
      </c>
      <c r="H3199">
        <v>200</v>
      </c>
      <c r="I3199">
        <v>0</v>
      </c>
      <c r="J3199">
        <v>100</v>
      </c>
      <c r="K3199">
        <v>0</v>
      </c>
      <c r="L3199">
        <v>0</v>
      </c>
      <c r="M3199">
        <v>5665</v>
      </c>
      <c r="N3199">
        <v>0</v>
      </c>
      <c r="O3199">
        <v>0</v>
      </c>
      <c r="P3199">
        <v>15730</v>
      </c>
      <c r="Q3199">
        <v>0</v>
      </c>
      <c r="R3199">
        <v>78045</v>
      </c>
      <c r="S3199">
        <v>0</v>
      </c>
      <c r="T3199">
        <v>0</v>
      </c>
      <c r="U3199">
        <v>0</v>
      </c>
      <c r="V3199">
        <v>3</v>
      </c>
      <c r="W3199">
        <v>1</v>
      </c>
      <c r="X3199">
        <v>0</v>
      </c>
      <c r="Y3199">
        <v>60</v>
      </c>
      <c r="Z3199">
        <v>36</v>
      </c>
      <c r="AA3199">
        <v>115</v>
      </c>
      <c r="AB3199">
        <v>42</v>
      </c>
      <c r="AC3199">
        <v>102</v>
      </c>
      <c r="AD3199">
        <v>47</v>
      </c>
      <c r="AE3199">
        <v>190</v>
      </c>
      <c r="AF3199">
        <v>0</v>
      </c>
      <c r="AG3199">
        <v>128045</v>
      </c>
      <c r="AH3199">
        <v>50000</v>
      </c>
      <c r="AI3199">
        <v>0</v>
      </c>
      <c r="AJ3199">
        <v>82</v>
      </c>
      <c r="AK3199" t="s">
        <v>41</v>
      </c>
      <c r="AL3199">
        <v>0</v>
      </c>
      <c r="AM3199">
        <v>0</v>
      </c>
      <c r="AN3199">
        <v>0</v>
      </c>
      <c r="AO3199">
        <v>0</v>
      </c>
      <c r="AP3199">
        <v>0</v>
      </c>
      <c r="AQ3199">
        <v>0</v>
      </c>
      <c r="AR3199">
        <v>0</v>
      </c>
      <c r="AS3199">
        <v>0</v>
      </c>
      <c r="AT3199">
        <v>0</v>
      </c>
      <c r="AU3199">
        <v>0</v>
      </c>
      <c r="AV3199">
        <v>0</v>
      </c>
      <c r="AW3199">
        <v>0</v>
      </c>
      <c r="AX3199">
        <v>1804</v>
      </c>
      <c r="AY3199">
        <v>46</v>
      </c>
      <c r="AZ3199">
        <v>119</v>
      </c>
      <c r="BA3199">
        <v>7572</v>
      </c>
    </row>
    <row r="3200" spans="1:53" x14ac:dyDescent="0.4">
      <c r="A3200">
        <v>3244</v>
      </c>
      <c r="B3200" s="1">
        <v>43871</v>
      </c>
      <c r="C3200">
        <v>1</v>
      </c>
      <c r="D3200" s="1">
        <v>43871.291666666664</v>
      </c>
      <c r="E3200" s="1">
        <v>43871.455555555556</v>
      </c>
      <c r="F3200">
        <v>0</v>
      </c>
      <c r="G3200">
        <v>0</v>
      </c>
      <c r="H3200">
        <v>0</v>
      </c>
      <c r="I3200">
        <v>0</v>
      </c>
      <c r="J3200">
        <v>0</v>
      </c>
      <c r="K3200">
        <v>0</v>
      </c>
      <c r="L3200">
        <v>0</v>
      </c>
      <c r="M3200">
        <v>0</v>
      </c>
      <c r="N3200">
        <v>0</v>
      </c>
      <c r="O3200">
        <v>0</v>
      </c>
      <c r="P3200">
        <v>0</v>
      </c>
      <c r="Q3200">
        <v>0</v>
      </c>
      <c r="R3200">
        <v>0</v>
      </c>
      <c r="S3200">
        <v>0</v>
      </c>
      <c r="T3200">
        <v>0</v>
      </c>
      <c r="U3200">
        <v>0</v>
      </c>
      <c r="V3200">
        <v>0</v>
      </c>
      <c r="W3200">
        <v>0</v>
      </c>
      <c r="X3200">
        <v>0</v>
      </c>
      <c r="Y3200">
        <v>29</v>
      </c>
      <c r="Z3200">
        <v>10</v>
      </c>
      <c r="AA3200">
        <v>127</v>
      </c>
      <c r="AB3200">
        <v>41</v>
      </c>
      <c r="AC3200">
        <v>89</v>
      </c>
      <c r="AD3200">
        <v>44</v>
      </c>
      <c r="AE3200">
        <v>140</v>
      </c>
      <c r="AF3200">
        <v>0</v>
      </c>
      <c r="AG3200">
        <v>50000</v>
      </c>
      <c r="AH3200">
        <v>0</v>
      </c>
      <c r="AI3200">
        <v>50000</v>
      </c>
      <c r="AJ3200">
        <v>0</v>
      </c>
      <c r="AK3200" t="s">
        <v>6</v>
      </c>
      <c r="AL3200">
        <v>0</v>
      </c>
      <c r="AM3200">
        <v>0</v>
      </c>
      <c r="AN3200">
        <v>0</v>
      </c>
      <c r="AO3200">
        <v>0</v>
      </c>
      <c r="AP3200">
        <v>0</v>
      </c>
      <c r="AQ3200">
        <v>0</v>
      </c>
      <c r="AR3200">
        <v>0</v>
      </c>
      <c r="AS3200">
        <v>0</v>
      </c>
      <c r="AT3200">
        <v>0</v>
      </c>
      <c r="AU3200">
        <v>0</v>
      </c>
      <c r="AV3200">
        <v>0</v>
      </c>
      <c r="AW3200">
        <v>0</v>
      </c>
      <c r="AX3200">
        <v>0</v>
      </c>
      <c r="AY3200">
        <v>0</v>
      </c>
      <c r="AZ3200">
        <v>0</v>
      </c>
      <c r="BA3200">
        <v>0</v>
      </c>
    </row>
    <row r="3201" spans="1:53" x14ac:dyDescent="0.4">
      <c r="A3201">
        <v>3245</v>
      </c>
      <c r="B3201" s="1">
        <v>43871</v>
      </c>
      <c r="C3201">
        <v>2</v>
      </c>
      <c r="D3201" s="1">
        <v>43871.455555555556</v>
      </c>
      <c r="E3201" s="1">
        <v>43871.749305555553</v>
      </c>
      <c r="F3201">
        <v>27500</v>
      </c>
      <c r="G3201">
        <v>3020</v>
      </c>
      <c r="H3201">
        <v>200</v>
      </c>
      <c r="I3201">
        <v>0</v>
      </c>
      <c r="J3201">
        <v>0</v>
      </c>
      <c r="K3201">
        <v>0</v>
      </c>
      <c r="L3201">
        <v>0</v>
      </c>
      <c r="M3201">
        <v>3072</v>
      </c>
      <c r="N3201">
        <v>0</v>
      </c>
      <c r="O3201">
        <v>0</v>
      </c>
      <c r="P3201">
        <v>22770</v>
      </c>
      <c r="Q3201">
        <v>0</v>
      </c>
      <c r="R3201">
        <v>56562</v>
      </c>
      <c r="S3201">
        <v>0</v>
      </c>
      <c r="T3201">
        <v>0</v>
      </c>
      <c r="U3201">
        <v>0</v>
      </c>
      <c r="V3201">
        <v>2</v>
      </c>
      <c r="W3201">
        <v>1</v>
      </c>
      <c r="X3201">
        <v>0</v>
      </c>
      <c r="Y3201">
        <v>46</v>
      </c>
      <c r="Z3201">
        <v>36</v>
      </c>
      <c r="AA3201">
        <v>106</v>
      </c>
      <c r="AB3201">
        <v>48</v>
      </c>
      <c r="AC3201">
        <v>111</v>
      </c>
      <c r="AD3201">
        <v>46</v>
      </c>
      <c r="AE3201">
        <v>198</v>
      </c>
      <c r="AF3201">
        <v>3025</v>
      </c>
      <c r="AG3201">
        <v>106563</v>
      </c>
      <c r="AH3201">
        <v>50000</v>
      </c>
      <c r="AI3201">
        <v>1</v>
      </c>
      <c r="AJ3201">
        <v>96</v>
      </c>
      <c r="AK3201" t="s">
        <v>4</v>
      </c>
      <c r="AL3201">
        <v>0</v>
      </c>
      <c r="AM3201">
        <v>0</v>
      </c>
      <c r="AN3201">
        <v>0</v>
      </c>
      <c r="AO3201">
        <v>0</v>
      </c>
      <c r="AP3201">
        <v>0</v>
      </c>
      <c r="AQ3201">
        <v>0</v>
      </c>
      <c r="AR3201">
        <v>0</v>
      </c>
      <c r="AS3201">
        <v>0</v>
      </c>
      <c r="AT3201">
        <v>0</v>
      </c>
      <c r="AU3201">
        <v>0</v>
      </c>
      <c r="AV3201">
        <v>0</v>
      </c>
      <c r="AW3201">
        <v>0</v>
      </c>
      <c r="AX3201">
        <v>1892</v>
      </c>
      <c r="AY3201">
        <v>41</v>
      </c>
      <c r="AZ3201">
        <v>85</v>
      </c>
      <c r="BA3201">
        <v>5772</v>
      </c>
    </row>
    <row r="3202" spans="1:53" x14ac:dyDescent="0.4">
      <c r="A3202">
        <v>3246</v>
      </c>
      <c r="B3202" s="1">
        <v>43871</v>
      </c>
      <c r="C3202">
        <v>3</v>
      </c>
      <c r="D3202" s="1">
        <v>43871.749305555553</v>
      </c>
      <c r="E3202" s="1">
        <v>43871.961111111108</v>
      </c>
      <c r="F3202">
        <v>47500</v>
      </c>
      <c r="G3202">
        <v>4690</v>
      </c>
      <c r="H3202">
        <v>200</v>
      </c>
      <c r="I3202">
        <v>0</v>
      </c>
      <c r="J3202">
        <v>200</v>
      </c>
      <c r="K3202">
        <v>0</v>
      </c>
      <c r="L3202">
        <v>0</v>
      </c>
      <c r="M3202">
        <v>5219</v>
      </c>
      <c r="N3202">
        <v>0</v>
      </c>
      <c r="O3202">
        <v>0</v>
      </c>
      <c r="P3202">
        <v>-22770</v>
      </c>
      <c r="Q3202">
        <v>0</v>
      </c>
      <c r="R3202">
        <v>34639</v>
      </c>
      <c r="S3202">
        <v>0</v>
      </c>
      <c r="T3202">
        <v>0</v>
      </c>
      <c r="U3202">
        <v>0</v>
      </c>
      <c r="V3202">
        <v>4</v>
      </c>
      <c r="W3202">
        <v>1</v>
      </c>
      <c r="X3202">
        <v>0</v>
      </c>
      <c r="Y3202">
        <v>55</v>
      </c>
      <c r="Z3202">
        <v>34</v>
      </c>
      <c r="AA3202">
        <v>124</v>
      </c>
      <c r="AB3202">
        <v>50</v>
      </c>
      <c r="AC3202">
        <v>111</v>
      </c>
      <c r="AD3202">
        <v>44</v>
      </c>
      <c r="AE3202">
        <v>194</v>
      </c>
      <c r="AF3202">
        <v>7777</v>
      </c>
      <c r="AG3202">
        <v>141201</v>
      </c>
      <c r="AH3202">
        <v>50000</v>
      </c>
      <c r="AI3202">
        <v>0</v>
      </c>
      <c r="AJ3202">
        <v>100</v>
      </c>
      <c r="AK3202" t="s">
        <v>0</v>
      </c>
      <c r="AL3202">
        <v>0</v>
      </c>
      <c r="AM3202">
        <v>0</v>
      </c>
      <c r="AN3202">
        <v>0</v>
      </c>
      <c r="AO3202">
        <v>0</v>
      </c>
      <c r="AP3202">
        <v>0</v>
      </c>
      <c r="AQ3202">
        <v>0</v>
      </c>
      <c r="AR3202">
        <v>0</v>
      </c>
      <c r="AS3202">
        <v>0</v>
      </c>
      <c r="AT3202">
        <v>0</v>
      </c>
      <c r="AU3202">
        <v>0</v>
      </c>
      <c r="AV3202">
        <v>0</v>
      </c>
      <c r="AW3202">
        <v>0</v>
      </c>
      <c r="AX3202">
        <v>39501</v>
      </c>
      <c r="AY3202">
        <v>9</v>
      </c>
      <c r="AZ3202">
        <v>36</v>
      </c>
      <c r="BA3202">
        <v>2253</v>
      </c>
    </row>
    <row r="3203" spans="1:53" x14ac:dyDescent="0.4">
      <c r="A3203">
        <v>3247</v>
      </c>
      <c r="B3203" s="1">
        <v>43872</v>
      </c>
      <c r="C3203">
        <v>1</v>
      </c>
      <c r="D3203" s="1">
        <v>43872.291666666664</v>
      </c>
      <c r="E3203" s="1">
        <v>43872.402777777781</v>
      </c>
      <c r="F3203">
        <v>0</v>
      </c>
      <c r="G3203">
        <v>0</v>
      </c>
      <c r="H3203">
        <v>0</v>
      </c>
      <c r="I3203">
        <v>0</v>
      </c>
      <c r="J3203">
        <v>0</v>
      </c>
      <c r="K3203">
        <v>0</v>
      </c>
      <c r="L3203">
        <v>0</v>
      </c>
      <c r="M3203">
        <v>0</v>
      </c>
      <c r="N3203">
        <v>0</v>
      </c>
      <c r="O3203">
        <v>0</v>
      </c>
      <c r="P3203">
        <v>0</v>
      </c>
      <c r="Q3203">
        <v>0</v>
      </c>
      <c r="R3203">
        <v>0</v>
      </c>
      <c r="S3203">
        <v>0</v>
      </c>
      <c r="T3203">
        <v>0</v>
      </c>
      <c r="U3203">
        <v>0</v>
      </c>
      <c r="V3203">
        <v>0</v>
      </c>
      <c r="W3203">
        <v>0</v>
      </c>
      <c r="X3203">
        <v>0</v>
      </c>
      <c r="Y3203">
        <v>29</v>
      </c>
      <c r="Z3203">
        <v>11</v>
      </c>
      <c r="AA3203">
        <v>120</v>
      </c>
      <c r="AB3203">
        <v>48</v>
      </c>
      <c r="AC3203">
        <v>77</v>
      </c>
      <c r="AD3203">
        <v>39</v>
      </c>
      <c r="AE3203">
        <v>135</v>
      </c>
      <c r="AF3203">
        <v>0</v>
      </c>
      <c r="AG3203">
        <v>50000</v>
      </c>
      <c r="AH3203">
        <v>50000</v>
      </c>
      <c r="AI3203">
        <v>0</v>
      </c>
      <c r="AJ3203">
        <v>0</v>
      </c>
      <c r="AK3203" t="s">
        <v>6</v>
      </c>
      <c r="AL3203">
        <v>0</v>
      </c>
      <c r="AM3203">
        <v>0</v>
      </c>
      <c r="AN3203">
        <v>0</v>
      </c>
      <c r="AO3203">
        <v>0</v>
      </c>
      <c r="AP3203">
        <v>0</v>
      </c>
      <c r="AQ3203">
        <v>0</v>
      </c>
      <c r="AR3203">
        <v>0</v>
      </c>
      <c r="AS3203">
        <v>0</v>
      </c>
      <c r="AT3203">
        <v>0</v>
      </c>
      <c r="AU3203">
        <v>0</v>
      </c>
      <c r="AV3203">
        <v>0</v>
      </c>
      <c r="AW3203">
        <v>0</v>
      </c>
      <c r="AX3203">
        <v>0</v>
      </c>
      <c r="AY3203">
        <v>0</v>
      </c>
      <c r="AZ3203">
        <v>0</v>
      </c>
      <c r="BA3203">
        <v>0</v>
      </c>
    </row>
    <row r="3204" spans="1:53" x14ac:dyDescent="0.4">
      <c r="A3204">
        <v>3248</v>
      </c>
      <c r="B3204" s="1">
        <v>43872</v>
      </c>
      <c r="C3204">
        <v>2</v>
      </c>
      <c r="D3204" s="1">
        <v>43872.402777777781</v>
      </c>
      <c r="E3204" s="1">
        <v>43872.736805555556</v>
      </c>
      <c r="F3204">
        <v>48950</v>
      </c>
      <c r="G3204">
        <v>2860</v>
      </c>
      <c r="H3204">
        <v>200</v>
      </c>
      <c r="I3204">
        <v>0</v>
      </c>
      <c r="J3204">
        <v>0</v>
      </c>
      <c r="K3204">
        <v>0</v>
      </c>
      <c r="L3204">
        <v>0</v>
      </c>
      <c r="M3204">
        <v>5201</v>
      </c>
      <c r="N3204">
        <v>0</v>
      </c>
      <c r="O3204">
        <v>0</v>
      </c>
      <c r="P3204">
        <v>23595</v>
      </c>
      <c r="Q3204">
        <v>0</v>
      </c>
      <c r="R3204">
        <v>80806</v>
      </c>
      <c r="S3204">
        <v>0</v>
      </c>
      <c r="T3204">
        <v>0</v>
      </c>
      <c r="U3204">
        <v>0</v>
      </c>
      <c r="V3204">
        <v>0</v>
      </c>
      <c r="W3204">
        <v>3</v>
      </c>
      <c r="X3204">
        <v>0</v>
      </c>
      <c r="Y3204">
        <v>85</v>
      </c>
      <c r="Z3204">
        <v>35</v>
      </c>
      <c r="AA3204">
        <v>117</v>
      </c>
      <c r="AB3204">
        <v>26</v>
      </c>
      <c r="AC3204">
        <v>10</v>
      </c>
      <c r="AD3204">
        <v>6</v>
      </c>
      <c r="AE3204">
        <v>176</v>
      </c>
      <c r="AF3204">
        <v>0</v>
      </c>
      <c r="AG3204">
        <v>130806</v>
      </c>
      <c r="AH3204">
        <v>50000</v>
      </c>
      <c r="AI3204">
        <v>0</v>
      </c>
      <c r="AJ3204">
        <v>93</v>
      </c>
      <c r="AK3204" t="s">
        <v>20</v>
      </c>
      <c r="AL3204">
        <v>0</v>
      </c>
      <c r="AM3204">
        <v>0</v>
      </c>
      <c r="AN3204">
        <v>0</v>
      </c>
      <c r="AO3204">
        <v>0</v>
      </c>
      <c r="AP3204">
        <v>0</v>
      </c>
      <c r="AQ3204">
        <v>0</v>
      </c>
      <c r="AR3204">
        <v>0</v>
      </c>
      <c r="AS3204">
        <v>0</v>
      </c>
      <c r="AT3204">
        <v>0</v>
      </c>
      <c r="AU3204">
        <v>0</v>
      </c>
      <c r="AV3204">
        <v>0</v>
      </c>
      <c r="AW3204">
        <v>0</v>
      </c>
      <c r="AX3204">
        <v>-902</v>
      </c>
      <c r="AY3204">
        <v>53</v>
      </c>
      <c r="AZ3204">
        <v>128</v>
      </c>
      <c r="BA3204">
        <v>7800</v>
      </c>
    </row>
    <row r="3205" spans="1:53" x14ac:dyDescent="0.4">
      <c r="A3205">
        <v>3249</v>
      </c>
      <c r="B3205" s="1">
        <v>43872</v>
      </c>
      <c r="C3205">
        <v>3</v>
      </c>
      <c r="D3205" s="1">
        <v>43872.736805555556</v>
      </c>
      <c r="E3205" s="1">
        <v>43872.945833333331</v>
      </c>
      <c r="F3205">
        <v>37125</v>
      </c>
      <c r="G3205">
        <v>280</v>
      </c>
      <c r="H3205">
        <v>0</v>
      </c>
      <c r="I3205">
        <v>0</v>
      </c>
      <c r="J3205">
        <v>0</v>
      </c>
      <c r="K3205">
        <v>0</v>
      </c>
      <c r="L3205">
        <v>0</v>
      </c>
      <c r="M3205">
        <v>3741</v>
      </c>
      <c r="N3205">
        <v>0</v>
      </c>
      <c r="O3205">
        <v>0</v>
      </c>
      <c r="P3205">
        <v>-23595</v>
      </c>
      <c r="Q3205">
        <v>0</v>
      </c>
      <c r="R3205">
        <v>17551</v>
      </c>
      <c r="S3205">
        <v>0</v>
      </c>
      <c r="T3205">
        <v>0</v>
      </c>
      <c r="U3205">
        <v>0</v>
      </c>
      <c r="V3205">
        <v>0</v>
      </c>
      <c r="W3205">
        <v>4</v>
      </c>
      <c r="X3205">
        <v>0</v>
      </c>
      <c r="Y3205">
        <v>97</v>
      </c>
      <c r="Z3205">
        <v>36</v>
      </c>
      <c r="AA3205">
        <v>119</v>
      </c>
      <c r="AB3205">
        <v>23</v>
      </c>
      <c r="AC3205">
        <v>9</v>
      </c>
      <c r="AD3205">
        <v>8</v>
      </c>
      <c r="AE3205">
        <v>177</v>
      </c>
      <c r="AF3205">
        <v>0</v>
      </c>
      <c r="AG3205">
        <v>148357</v>
      </c>
      <c r="AH3205">
        <v>50000</v>
      </c>
      <c r="AI3205">
        <v>0</v>
      </c>
      <c r="AJ3205">
        <v>100</v>
      </c>
      <c r="AK3205" t="s">
        <v>0</v>
      </c>
      <c r="AL3205">
        <v>0</v>
      </c>
      <c r="AM3205">
        <v>0</v>
      </c>
      <c r="AN3205">
        <v>0</v>
      </c>
      <c r="AO3205">
        <v>0</v>
      </c>
      <c r="AP3205">
        <v>0</v>
      </c>
      <c r="AQ3205">
        <v>0</v>
      </c>
      <c r="AR3205">
        <v>0</v>
      </c>
      <c r="AS3205">
        <v>0</v>
      </c>
      <c r="AT3205">
        <v>0</v>
      </c>
      <c r="AU3205">
        <v>0</v>
      </c>
      <c r="AV3205">
        <v>0</v>
      </c>
      <c r="AW3205">
        <v>0</v>
      </c>
      <c r="AX3205">
        <v>21549</v>
      </c>
      <c r="AY3205">
        <v>11</v>
      </c>
      <c r="AZ3205">
        <v>35</v>
      </c>
      <c r="BA3205">
        <v>2603</v>
      </c>
    </row>
    <row r="3206" spans="1:53" x14ac:dyDescent="0.4">
      <c r="A3206">
        <v>3250</v>
      </c>
      <c r="B3206" s="1">
        <v>43872</v>
      </c>
      <c r="C3206">
        <v>4</v>
      </c>
      <c r="D3206" s="1">
        <v>43872.945833333331</v>
      </c>
      <c r="E3206" s="1">
        <v>43873.222222222219</v>
      </c>
      <c r="F3206">
        <v>32925</v>
      </c>
      <c r="G3206">
        <v>2790</v>
      </c>
      <c r="H3206">
        <v>0</v>
      </c>
      <c r="I3206">
        <v>0</v>
      </c>
      <c r="J3206">
        <v>0</v>
      </c>
      <c r="K3206">
        <v>0</v>
      </c>
      <c r="L3206">
        <v>0</v>
      </c>
      <c r="M3206">
        <v>3572</v>
      </c>
      <c r="N3206">
        <v>0</v>
      </c>
      <c r="O3206">
        <v>0</v>
      </c>
      <c r="P3206">
        <v>0</v>
      </c>
      <c r="Q3206">
        <v>0</v>
      </c>
      <c r="R3206">
        <v>39287</v>
      </c>
      <c r="S3206">
        <v>0</v>
      </c>
      <c r="T3206">
        <v>0</v>
      </c>
      <c r="U3206">
        <v>0</v>
      </c>
      <c r="V3206">
        <v>0</v>
      </c>
      <c r="W3206">
        <v>0</v>
      </c>
      <c r="X3206">
        <v>0</v>
      </c>
      <c r="Y3206">
        <v>32</v>
      </c>
      <c r="Z3206">
        <v>11</v>
      </c>
      <c r="AA3206">
        <v>111</v>
      </c>
      <c r="AB3206">
        <v>23</v>
      </c>
      <c r="AC3206">
        <v>10</v>
      </c>
      <c r="AD3206">
        <v>6</v>
      </c>
      <c r="AE3206">
        <v>120</v>
      </c>
      <c r="AF3206">
        <v>0</v>
      </c>
      <c r="AG3206">
        <v>50000</v>
      </c>
      <c r="AH3206">
        <v>0</v>
      </c>
      <c r="AI3206">
        <v>-87644</v>
      </c>
      <c r="AJ3206">
        <v>107</v>
      </c>
      <c r="AK3206" t="s">
        <v>40</v>
      </c>
      <c r="AL3206">
        <v>0</v>
      </c>
      <c r="AM3206">
        <v>0</v>
      </c>
      <c r="AN3206">
        <v>0</v>
      </c>
      <c r="AO3206">
        <v>0</v>
      </c>
      <c r="AP3206">
        <v>0</v>
      </c>
      <c r="AQ3206">
        <v>0</v>
      </c>
      <c r="AR3206">
        <v>0</v>
      </c>
      <c r="AS3206">
        <v>0</v>
      </c>
      <c r="AT3206">
        <v>0</v>
      </c>
      <c r="AU3206">
        <v>0</v>
      </c>
      <c r="AV3206">
        <v>0</v>
      </c>
      <c r="AW3206">
        <v>0</v>
      </c>
      <c r="AX3206">
        <v>0</v>
      </c>
      <c r="AY3206">
        <v>1</v>
      </c>
      <c r="AZ3206">
        <v>3</v>
      </c>
      <c r="BA3206">
        <v>345</v>
      </c>
    </row>
    <row r="3207" spans="1:53" x14ac:dyDescent="0.4">
      <c r="A3207">
        <v>3251</v>
      </c>
      <c r="B3207" s="1">
        <v>43873</v>
      </c>
      <c r="C3207">
        <v>1</v>
      </c>
      <c r="D3207" s="1">
        <v>43873.291666666664</v>
      </c>
      <c r="E3207" s="1">
        <v>43873.444444444445</v>
      </c>
      <c r="F3207">
        <v>0</v>
      </c>
      <c r="G3207">
        <v>0</v>
      </c>
      <c r="H3207">
        <v>0</v>
      </c>
      <c r="I3207">
        <v>0</v>
      </c>
      <c r="J3207">
        <v>0</v>
      </c>
      <c r="K3207">
        <v>0</v>
      </c>
      <c r="L3207">
        <v>0</v>
      </c>
      <c r="M3207">
        <v>0</v>
      </c>
      <c r="N3207">
        <v>0</v>
      </c>
      <c r="O3207">
        <v>0</v>
      </c>
      <c r="P3207">
        <v>0</v>
      </c>
      <c r="Q3207">
        <v>0</v>
      </c>
      <c r="R3207">
        <v>0</v>
      </c>
      <c r="S3207">
        <v>0</v>
      </c>
      <c r="T3207">
        <v>0</v>
      </c>
      <c r="U3207">
        <v>0</v>
      </c>
      <c r="V3207">
        <v>0</v>
      </c>
      <c r="W3207">
        <v>0</v>
      </c>
      <c r="X3207">
        <v>0</v>
      </c>
      <c r="Y3207">
        <v>32</v>
      </c>
      <c r="Z3207">
        <v>11</v>
      </c>
      <c r="AA3207">
        <v>111</v>
      </c>
      <c r="AB3207">
        <v>23</v>
      </c>
      <c r="AC3207">
        <v>10</v>
      </c>
      <c r="AD3207">
        <v>6</v>
      </c>
      <c r="AE3207">
        <v>120</v>
      </c>
      <c r="AF3207">
        <v>0</v>
      </c>
      <c r="AG3207">
        <v>50000</v>
      </c>
      <c r="AH3207">
        <v>50000</v>
      </c>
      <c r="AI3207">
        <v>0</v>
      </c>
      <c r="AJ3207">
        <v>0</v>
      </c>
      <c r="AK3207" t="s">
        <v>6</v>
      </c>
      <c r="AL3207">
        <v>0</v>
      </c>
      <c r="AM3207">
        <v>0</v>
      </c>
      <c r="AN3207">
        <v>0</v>
      </c>
      <c r="AO3207">
        <v>0</v>
      </c>
      <c r="AP3207">
        <v>0</v>
      </c>
      <c r="AQ3207">
        <v>0</v>
      </c>
      <c r="AR3207">
        <v>0</v>
      </c>
      <c r="AS3207">
        <v>0</v>
      </c>
      <c r="AT3207">
        <v>0</v>
      </c>
      <c r="AU3207">
        <v>0</v>
      </c>
      <c r="AV3207">
        <v>0</v>
      </c>
      <c r="AW3207">
        <v>0</v>
      </c>
      <c r="AX3207">
        <v>0</v>
      </c>
      <c r="AY3207">
        <v>0</v>
      </c>
      <c r="AZ3207">
        <v>0</v>
      </c>
      <c r="BA3207">
        <v>0</v>
      </c>
    </row>
    <row r="3208" spans="1:53" x14ac:dyDescent="0.4">
      <c r="A3208">
        <v>3252</v>
      </c>
      <c r="B3208" s="1">
        <v>43873</v>
      </c>
      <c r="C3208">
        <v>2</v>
      </c>
      <c r="D3208" s="1">
        <v>43873.444444444445</v>
      </c>
      <c r="E3208" s="1">
        <v>43873.740277777775</v>
      </c>
      <c r="F3208">
        <v>23100</v>
      </c>
      <c r="G3208">
        <v>540</v>
      </c>
      <c r="H3208">
        <v>200</v>
      </c>
      <c r="I3208">
        <v>0</v>
      </c>
      <c r="J3208">
        <v>0</v>
      </c>
      <c r="K3208">
        <v>0</v>
      </c>
      <c r="L3208">
        <v>0</v>
      </c>
      <c r="M3208">
        <v>2384</v>
      </c>
      <c r="N3208">
        <v>0</v>
      </c>
      <c r="O3208">
        <v>0</v>
      </c>
      <c r="P3208">
        <v>12705</v>
      </c>
      <c r="Q3208">
        <v>0</v>
      </c>
      <c r="R3208">
        <v>38929</v>
      </c>
      <c r="S3208">
        <v>0</v>
      </c>
      <c r="T3208">
        <v>0</v>
      </c>
      <c r="U3208">
        <v>0</v>
      </c>
      <c r="V3208">
        <v>0</v>
      </c>
      <c r="W3208">
        <v>2</v>
      </c>
      <c r="X3208">
        <v>0</v>
      </c>
      <c r="Y3208">
        <v>54</v>
      </c>
      <c r="Z3208">
        <v>33</v>
      </c>
      <c r="AA3208">
        <v>72</v>
      </c>
      <c r="AB3208">
        <v>20</v>
      </c>
      <c r="AC3208">
        <v>7</v>
      </c>
      <c r="AD3208">
        <v>4</v>
      </c>
      <c r="AE3208">
        <v>139</v>
      </c>
      <c r="AF3208">
        <v>0</v>
      </c>
      <c r="AG3208">
        <v>88929</v>
      </c>
      <c r="AH3208">
        <v>50000</v>
      </c>
      <c r="AI3208">
        <v>0</v>
      </c>
      <c r="AJ3208">
        <v>97</v>
      </c>
      <c r="AK3208" t="s">
        <v>33</v>
      </c>
      <c r="AL3208">
        <v>0</v>
      </c>
      <c r="AM3208">
        <v>0</v>
      </c>
      <c r="AN3208">
        <v>0</v>
      </c>
      <c r="AO3208">
        <v>0</v>
      </c>
      <c r="AP3208">
        <v>0</v>
      </c>
      <c r="AQ3208">
        <v>0</v>
      </c>
      <c r="AR3208">
        <v>0</v>
      </c>
      <c r="AS3208">
        <v>0</v>
      </c>
      <c r="AT3208">
        <v>0</v>
      </c>
      <c r="AU3208">
        <v>0</v>
      </c>
      <c r="AV3208">
        <v>0</v>
      </c>
      <c r="AW3208">
        <v>0</v>
      </c>
      <c r="AX3208">
        <v>-616</v>
      </c>
      <c r="AY3208">
        <v>37</v>
      </c>
      <c r="AZ3208">
        <v>63</v>
      </c>
      <c r="BA3208">
        <v>5183</v>
      </c>
    </row>
    <row r="3209" spans="1:53" x14ac:dyDescent="0.4">
      <c r="A3209">
        <v>3253</v>
      </c>
      <c r="B3209" s="1">
        <v>43873</v>
      </c>
      <c r="C3209">
        <v>3</v>
      </c>
      <c r="D3209" s="1">
        <v>43873.740277777775</v>
      </c>
      <c r="E3209" s="1">
        <v>43873.956944444442</v>
      </c>
      <c r="F3209">
        <v>31850</v>
      </c>
      <c r="G3209">
        <v>2000</v>
      </c>
      <c r="H3209">
        <v>0</v>
      </c>
      <c r="I3209">
        <v>0</v>
      </c>
      <c r="J3209">
        <v>0</v>
      </c>
      <c r="K3209">
        <v>0</v>
      </c>
      <c r="L3209">
        <v>0</v>
      </c>
      <c r="M3209">
        <v>3385</v>
      </c>
      <c r="N3209">
        <v>0</v>
      </c>
      <c r="O3209">
        <v>0</v>
      </c>
      <c r="P3209">
        <v>-12705</v>
      </c>
      <c r="Q3209">
        <v>0</v>
      </c>
      <c r="R3209">
        <v>24530</v>
      </c>
      <c r="S3209">
        <v>0</v>
      </c>
      <c r="T3209">
        <v>0</v>
      </c>
      <c r="U3209">
        <v>0</v>
      </c>
      <c r="V3209">
        <v>0</v>
      </c>
      <c r="W3209">
        <v>6</v>
      </c>
      <c r="X3209">
        <v>0</v>
      </c>
      <c r="Y3209">
        <v>59</v>
      </c>
      <c r="Z3209">
        <v>32</v>
      </c>
      <c r="AA3209">
        <v>73</v>
      </c>
      <c r="AB3209">
        <v>18</v>
      </c>
      <c r="AC3209">
        <v>10</v>
      </c>
      <c r="AD3209">
        <v>4</v>
      </c>
      <c r="AE3209">
        <v>139</v>
      </c>
      <c r="AF3209">
        <v>0</v>
      </c>
      <c r="AG3209">
        <v>113459</v>
      </c>
      <c r="AH3209">
        <v>50000</v>
      </c>
      <c r="AI3209">
        <v>0</v>
      </c>
      <c r="AJ3209">
        <v>106</v>
      </c>
      <c r="AK3209" t="s">
        <v>44</v>
      </c>
      <c r="AL3209">
        <v>0</v>
      </c>
      <c r="AM3209">
        <v>0</v>
      </c>
      <c r="AN3209">
        <v>0</v>
      </c>
      <c r="AO3209">
        <v>0</v>
      </c>
      <c r="AP3209">
        <v>0</v>
      </c>
      <c r="AQ3209">
        <v>0</v>
      </c>
      <c r="AR3209">
        <v>0</v>
      </c>
      <c r="AS3209">
        <v>0</v>
      </c>
      <c r="AT3209">
        <v>0</v>
      </c>
      <c r="AU3209">
        <v>0</v>
      </c>
      <c r="AV3209">
        <v>0</v>
      </c>
      <c r="AW3209">
        <v>0</v>
      </c>
      <c r="AX3209">
        <v>6655</v>
      </c>
      <c r="AY3209">
        <v>6</v>
      </c>
      <c r="AZ3209">
        <v>24</v>
      </c>
      <c r="BA3209">
        <v>1653</v>
      </c>
    </row>
    <row r="3210" spans="1:53" x14ac:dyDescent="0.4">
      <c r="A3210">
        <v>3254</v>
      </c>
      <c r="B3210" s="1">
        <v>43874</v>
      </c>
      <c r="C3210">
        <v>1</v>
      </c>
      <c r="D3210" s="1">
        <v>43874.291666666664</v>
      </c>
      <c r="E3210" s="1">
        <v>43874.452777777777</v>
      </c>
      <c r="F3210">
        <v>0</v>
      </c>
      <c r="G3210">
        <v>0</v>
      </c>
      <c r="H3210">
        <v>0</v>
      </c>
      <c r="I3210">
        <v>0</v>
      </c>
      <c r="J3210">
        <v>0</v>
      </c>
      <c r="K3210">
        <v>0</v>
      </c>
      <c r="L3210">
        <v>0</v>
      </c>
      <c r="M3210">
        <v>0</v>
      </c>
      <c r="N3210">
        <v>0</v>
      </c>
      <c r="O3210">
        <v>0</v>
      </c>
      <c r="P3210">
        <v>0</v>
      </c>
      <c r="Q3210">
        <v>0</v>
      </c>
      <c r="R3210">
        <v>0</v>
      </c>
      <c r="S3210">
        <v>0</v>
      </c>
      <c r="T3210">
        <v>0</v>
      </c>
      <c r="U3210">
        <v>0</v>
      </c>
      <c r="V3210">
        <v>0</v>
      </c>
      <c r="W3210">
        <v>1</v>
      </c>
      <c r="X3210">
        <v>0</v>
      </c>
      <c r="Y3210">
        <v>27</v>
      </c>
      <c r="Z3210">
        <v>8</v>
      </c>
      <c r="AA3210">
        <v>91</v>
      </c>
      <c r="AB3210">
        <v>70</v>
      </c>
      <c r="AC3210">
        <v>124</v>
      </c>
      <c r="AD3210">
        <v>4</v>
      </c>
      <c r="AE3210">
        <v>140</v>
      </c>
      <c r="AF3210">
        <v>0</v>
      </c>
      <c r="AG3210">
        <v>50000</v>
      </c>
      <c r="AH3210">
        <v>0</v>
      </c>
      <c r="AI3210">
        <v>50000</v>
      </c>
      <c r="AJ3210">
        <v>0</v>
      </c>
      <c r="AK3210" t="s">
        <v>6</v>
      </c>
      <c r="AL3210">
        <v>0</v>
      </c>
      <c r="AM3210">
        <v>0</v>
      </c>
      <c r="AN3210">
        <v>0</v>
      </c>
      <c r="AO3210">
        <v>0</v>
      </c>
      <c r="AP3210">
        <v>0</v>
      </c>
      <c r="AQ3210">
        <v>0</v>
      </c>
      <c r="AR3210">
        <v>0</v>
      </c>
      <c r="AS3210">
        <v>0</v>
      </c>
      <c r="AT3210">
        <v>0</v>
      </c>
      <c r="AU3210">
        <v>0</v>
      </c>
      <c r="AV3210">
        <v>0</v>
      </c>
      <c r="AW3210">
        <v>0</v>
      </c>
      <c r="AX3210">
        <v>0</v>
      </c>
      <c r="AY3210">
        <v>0</v>
      </c>
      <c r="AZ3210">
        <v>0</v>
      </c>
      <c r="BA3210">
        <v>0</v>
      </c>
    </row>
    <row r="3211" spans="1:53" x14ac:dyDescent="0.4">
      <c r="A3211">
        <v>3255</v>
      </c>
      <c r="B3211" s="1">
        <v>43874</v>
      </c>
      <c r="C3211">
        <v>2</v>
      </c>
      <c r="D3211" s="1">
        <v>43874.452777777777</v>
      </c>
      <c r="E3211" s="1">
        <v>43874.743055555555</v>
      </c>
      <c r="F3211">
        <v>23100</v>
      </c>
      <c r="G3211">
        <v>7660</v>
      </c>
      <c r="H3211">
        <v>200</v>
      </c>
      <c r="I3211">
        <v>0</v>
      </c>
      <c r="J3211">
        <v>100</v>
      </c>
      <c r="K3211">
        <v>0</v>
      </c>
      <c r="L3211">
        <v>0</v>
      </c>
      <c r="M3211">
        <v>3086</v>
      </c>
      <c r="N3211">
        <v>0</v>
      </c>
      <c r="O3211">
        <v>0</v>
      </c>
      <c r="P3211">
        <v>13310</v>
      </c>
      <c r="Q3211">
        <v>0</v>
      </c>
      <c r="R3211">
        <v>47256</v>
      </c>
      <c r="S3211">
        <v>0</v>
      </c>
      <c r="T3211">
        <v>0</v>
      </c>
      <c r="U3211">
        <v>0</v>
      </c>
      <c r="V3211">
        <v>2</v>
      </c>
      <c r="W3211">
        <v>1</v>
      </c>
      <c r="X3211">
        <v>0</v>
      </c>
      <c r="Y3211">
        <v>47</v>
      </c>
      <c r="Z3211">
        <v>16</v>
      </c>
      <c r="AA3211">
        <v>117</v>
      </c>
      <c r="AB3211">
        <v>70</v>
      </c>
      <c r="AC3211">
        <v>122</v>
      </c>
      <c r="AD3211">
        <v>12</v>
      </c>
      <c r="AE3211">
        <v>171</v>
      </c>
      <c r="AF3211">
        <v>605</v>
      </c>
      <c r="AG3211">
        <v>97256</v>
      </c>
      <c r="AH3211">
        <v>50000</v>
      </c>
      <c r="AI3211">
        <v>0</v>
      </c>
      <c r="AJ3211">
        <v>96</v>
      </c>
      <c r="AK3211" t="s">
        <v>4</v>
      </c>
      <c r="AL3211">
        <v>0</v>
      </c>
      <c r="AM3211">
        <v>0</v>
      </c>
      <c r="AN3211">
        <v>0</v>
      </c>
      <c r="AO3211">
        <v>0</v>
      </c>
      <c r="AP3211">
        <v>0</v>
      </c>
      <c r="AQ3211">
        <v>0</v>
      </c>
      <c r="AR3211">
        <v>0</v>
      </c>
      <c r="AS3211">
        <v>0</v>
      </c>
      <c r="AT3211">
        <v>0</v>
      </c>
      <c r="AU3211">
        <v>0</v>
      </c>
      <c r="AV3211">
        <v>0</v>
      </c>
      <c r="AW3211">
        <v>0</v>
      </c>
      <c r="AX3211">
        <v>2046</v>
      </c>
      <c r="AY3211">
        <v>32</v>
      </c>
      <c r="AZ3211">
        <v>60</v>
      </c>
      <c r="BA3211">
        <v>4687</v>
      </c>
    </row>
    <row r="3212" spans="1:53" x14ac:dyDescent="0.4">
      <c r="A3212">
        <v>3256</v>
      </c>
      <c r="B3212" s="1">
        <v>43874</v>
      </c>
      <c r="C3212">
        <v>3</v>
      </c>
      <c r="D3212" s="1">
        <v>43874.743055555555</v>
      </c>
      <c r="E3212" s="1">
        <v>43874.954861111109</v>
      </c>
      <c r="F3212">
        <v>29250</v>
      </c>
      <c r="G3212">
        <v>5700</v>
      </c>
      <c r="H3212">
        <v>0</v>
      </c>
      <c r="I3212">
        <v>0</v>
      </c>
      <c r="J3212">
        <v>0</v>
      </c>
      <c r="K3212">
        <v>0</v>
      </c>
      <c r="L3212">
        <v>0</v>
      </c>
      <c r="M3212">
        <v>3495</v>
      </c>
      <c r="N3212">
        <v>0</v>
      </c>
      <c r="O3212">
        <v>0</v>
      </c>
      <c r="P3212">
        <v>-13310</v>
      </c>
      <c r="Q3212">
        <v>0</v>
      </c>
      <c r="R3212">
        <v>25135</v>
      </c>
      <c r="S3212">
        <v>0</v>
      </c>
      <c r="T3212">
        <v>0</v>
      </c>
      <c r="U3212">
        <v>0</v>
      </c>
      <c r="V3212">
        <v>3</v>
      </c>
      <c r="W3212">
        <v>2</v>
      </c>
      <c r="X3212">
        <v>0</v>
      </c>
      <c r="Y3212">
        <v>54</v>
      </c>
      <c r="Z3212">
        <v>18</v>
      </c>
      <c r="AA3212">
        <v>104</v>
      </c>
      <c r="AB3212">
        <v>67</v>
      </c>
      <c r="AC3212">
        <v>118</v>
      </c>
      <c r="AD3212">
        <v>12</v>
      </c>
      <c r="AE3212">
        <v>166</v>
      </c>
      <c r="AF3212">
        <v>4235</v>
      </c>
      <c r="AG3212">
        <v>122391</v>
      </c>
      <c r="AH3212">
        <v>50000</v>
      </c>
      <c r="AI3212">
        <v>0</v>
      </c>
      <c r="AJ3212">
        <v>101</v>
      </c>
      <c r="AK3212" t="s">
        <v>28</v>
      </c>
      <c r="AL3212">
        <v>0</v>
      </c>
      <c r="AM3212">
        <v>0</v>
      </c>
      <c r="AN3212">
        <v>0</v>
      </c>
      <c r="AO3212">
        <v>0</v>
      </c>
      <c r="AP3212">
        <v>0</v>
      </c>
      <c r="AQ3212">
        <v>0</v>
      </c>
      <c r="AR3212">
        <v>0</v>
      </c>
      <c r="AS3212">
        <v>0</v>
      </c>
      <c r="AT3212">
        <v>0</v>
      </c>
      <c r="AU3212">
        <v>0</v>
      </c>
      <c r="AV3212">
        <v>0</v>
      </c>
      <c r="AW3212">
        <v>0</v>
      </c>
      <c r="AX3212">
        <v>8965</v>
      </c>
      <c r="AY3212">
        <v>11</v>
      </c>
      <c r="AZ3212">
        <v>22</v>
      </c>
      <c r="BA3212">
        <v>2032</v>
      </c>
    </row>
    <row r="3213" spans="1:53" x14ac:dyDescent="0.4">
      <c r="A3213">
        <v>3257</v>
      </c>
      <c r="B3213" s="1">
        <v>43875</v>
      </c>
      <c r="C3213">
        <v>1</v>
      </c>
      <c r="D3213" s="1">
        <v>43875.291666666664</v>
      </c>
      <c r="E3213" s="1">
        <v>43875.453472222223</v>
      </c>
      <c r="F3213">
        <v>0</v>
      </c>
      <c r="G3213">
        <v>0</v>
      </c>
      <c r="H3213">
        <v>0</v>
      </c>
      <c r="I3213">
        <v>0</v>
      </c>
      <c r="J3213">
        <v>0</v>
      </c>
      <c r="K3213">
        <v>0</v>
      </c>
      <c r="L3213">
        <v>0</v>
      </c>
      <c r="M3213">
        <v>0</v>
      </c>
      <c r="N3213">
        <v>0</v>
      </c>
      <c r="O3213">
        <v>0</v>
      </c>
      <c r="P3213">
        <v>0</v>
      </c>
      <c r="Q3213">
        <v>0</v>
      </c>
      <c r="R3213">
        <v>0</v>
      </c>
      <c r="S3213">
        <v>0</v>
      </c>
      <c r="T3213">
        <v>0</v>
      </c>
      <c r="U3213">
        <v>0</v>
      </c>
      <c r="V3213">
        <v>0</v>
      </c>
      <c r="W3213">
        <v>0</v>
      </c>
      <c r="X3213">
        <v>0</v>
      </c>
      <c r="Y3213">
        <v>30</v>
      </c>
      <c r="Z3213">
        <v>11</v>
      </c>
      <c r="AA3213">
        <v>100</v>
      </c>
      <c r="AB3213">
        <v>64</v>
      </c>
      <c r="AC3213">
        <v>114</v>
      </c>
      <c r="AD3213">
        <v>10</v>
      </c>
      <c r="AE3213">
        <v>110</v>
      </c>
      <c r="AF3213">
        <v>0</v>
      </c>
      <c r="AG3213">
        <v>50000</v>
      </c>
      <c r="AH3213">
        <v>50000</v>
      </c>
      <c r="AI3213">
        <v>0</v>
      </c>
      <c r="AJ3213">
        <v>0</v>
      </c>
      <c r="AK3213" t="s">
        <v>6</v>
      </c>
      <c r="AL3213">
        <v>0</v>
      </c>
      <c r="AM3213">
        <v>0</v>
      </c>
      <c r="AN3213">
        <v>0</v>
      </c>
      <c r="AO3213">
        <v>0</v>
      </c>
      <c r="AP3213">
        <v>0</v>
      </c>
      <c r="AQ3213">
        <v>0</v>
      </c>
      <c r="AR3213">
        <v>0</v>
      </c>
      <c r="AS3213">
        <v>0</v>
      </c>
      <c r="AT3213">
        <v>0</v>
      </c>
      <c r="AU3213">
        <v>0</v>
      </c>
      <c r="AV3213">
        <v>0</v>
      </c>
      <c r="AW3213">
        <v>0</v>
      </c>
      <c r="AX3213">
        <v>0</v>
      </c>
      <c r="AY3213">
        <v>0</v>
      </c>
      <c r="AZ3213">
        <v>0</v>
      </c>
      <c r="BA3213">
        <v>0</v>
      </c>
    </row>
    <row r="3214" spans="1:53" x14ac:dyDescent="0.4">
      <c r="A3214">
        <v>3258</v>
      </c>
      <c r="B3214" s="1">
        <v>43875</v>
      </c>
      <c r="C3214">
        <v>2</v>
      </c>
      <c r="D3214" s="1">
        <v>43875.453472222223</v>
      </c>
      <c r="E3214" s="1">
        <v>43875.746527777781</v>
      </c>
      <c r="F3214">
        <v>24750</v>
      </c>
      <c r="G3214">
        <v>1620</v>
      </c>
      <c r="H3214">
        <v>0</v>
      </c>
      <c r="I3214">
        <v>0</v>
      </c>
      <c r="J3214">
        <v>50</v>
      </c>
      <c r="K3214">
        <v>600</v>
      </c>
      <c r="L3214">
        <v>0</v>
      </c>
      <c r="M3214">
        <v>2692</v>
      </c>
      <c r="N3214">
        <v>0</v>
      </c>
      <c r="O3214">
        <v>0</v>
      </c>
      <c r="P3214">
        <v>18040</v>
      </c>
      <c r="Q3214">
        <v>0</v>
      </c>
      <c r="R3214">
        <v>47652</v>
      </c>
      <c r="S3214">
        <v>0</v>
      </c>
      <c r="T3214">
        <v>0</v>
      </c>
      <c r="U3214">
        <v>0</v>
      </c>
      <c r="V3214">
        <v>0</v>
      </c>
      <c r="W3214">
        <v>0</v>
      </c>
      <c r="X3214">
        <v>0</v>
      </c>
      <c r="Y3214">
        <v>75</v>
      </c>
      <c r="Z3214">
        <v>27</v>
      </c>
      <c r="AA3214">
        <v>44</v>
      </c>
      <c r="AB3214">
        <v>60</v>
      </c>
      <c r="AC3214">
        <v>91</v>
      </c>
      <c r="AD3214">
        <v>15</v>
      </c>
      <c r="AE3214">
        <v>162</v>
      </c>
      <c r="AF3214">
        <v>0</v>
      </c>
      <c r="AG3214">
        <v>97047</v>
      </c>
      <c r="AH3214">
        <v>50000</v>
      </c>
      <c r="AI3214">
        <v>-605</v>
      </c>
      <c r="AJ3214">
        <v>97</v>
      </c>
      <c r="AK3214" t="s">
        <v>33</v>
      </c>
      <c r="AL3214">
        <v>0</v>
      </c>
      <c r="AM3214">
        <v>0</v>
      </c>
      <c r="AN3214">
        <v>0</v>
      </c>
      <c r="AO3214">
        <v>0</v>
      </c>
      <c r="AP3214">
        <v>0</v>
      </c>
      <c r="AQ3214">
        <v>0</v>
      </c>
      <c r="AR3214">
        <v>0</v>
      </c>
      <c r="AS3214">
        <v>0</v>
      </c>
      <c r="AT3214">
        <v>0</v>
      </c>
      <c r="AU3214">
        <v>0</v>
      </c>
      <c r="AV3214">
        <v>0</v>
      </c>
      <c r="AW3214">
        <v>0</v>
      </c>
      <c r="AX3214">
        <v>1298</v>
      </c>
      <c r="AY3214">
        <v>39</v>
      </c>
      <c r="AZ3214">
        <v>73</v>
      </c>
      <c r="BA3214">
        <v>5560</v>
      </c>
    </row>
    <row r="3215" spans="1:53" x14ac:dyDescent="0.4">
      <c r="A3215">
        <v>3259</v>
      </c>
      <c r="B3215" s="1">
        <v>43875</v>
      </c>
      <c r="C3215">
        <v>3</v>
      </c>
      <c r="D3215" s="1">
        <v>43875.746527777781</v>
      </c>
      <c r="E3215" s="1">
        <v>43875.955555555556</v>
      </c>
      <c r="F3215">
        <v>41200</v>
      </c>
      <c r="G3215">
        <v>2230</v>
      </c>
      <c r="H3215">
        <v>0</v>
      </c>
      <c r="I3215">
        <v>0</v>
      </c>
      <c r="J3215">
        <v>2800</v>
      </c>
      <c r="K3215">
        <v>0</v>
      </c>
      <c r="L3215">
        <v>0</v>
      </c>
      <c r="M3215">
        <v>4063</v>
      </c>
      <c r="N3215">
        <v>0</v>
      </c>
      <c r="O3215">
        <v>0</v>
      </c>
      <c r="P3215">
        <v>-18040</v>
      </c>
      <c r="Q3215">
        <v>0</v>
      </c>
      <c r="R3215">
        <v>26653</v>
      </c>
      <c r="S3215">
        <v>0</v>
      </c>
      <c r="T3215">
        <v>0</v>
      </c>
      <c r="U3215">
        <v>0</v>
      </c>
      <c r="V3215">
        <v>1</v>
      </c>
      <c r="W3215">
        <v>1</v>
      </c>
      <c r="X3215">
        <v>0</v>
      </c>
      <c r="Y3215">
        <v>79</v>
      </c>
      <c r="Z3215">
        <v>28</v>
      </c>
      <c r="AA3215">
        <v>45</v>
      </c>
      <c r="AB3215">
        <v>57</v>
      </c>
      <c r="AC3215">
        <v>97</v>
      </c>
      <c r="AD3215">
        <v>14</v>
      </c>
      <c r="AE3215">
        <v>160</v>
      </c>
      <c r="AF3215">
        <v>7150</v>
      </c>
      <c r="AG3215">
        <v>123700</v>
      </c>
      <c r="AH3215">
        <v>50000</v>
      </c>
      <c r="AI3215">
        <v>-605</v>
      </c>
      <c r="AJ3215">
        <v>84</v>
      </c>
      <c r="AK3215" t="s">
        <v>16</v>
      </c>
      <c r="AL3215">
        <v>0</v>
      </c>
      <c r="AM3215">
        <v>0</v>
      </c>
      <c r="AN3215">
        <v>0</v>
      </c>
      <c r="AO3215">
        <v>0</v>
      </c>
      <c r="AP3215">
        <v>0</v>
      </c>
      <c r="AQ3215">
        <v>0</v>
      </c>
      <c r="AR3215">
        <v>0</v>
      </c>
      <c r="AS3215">
        <v>0</v>
      </c>
      <c r="AT3215">
        <v>0</v>
      </c>
      <c r="AU3215">
        <v>0</v>
      </c>
      <c r="AV3215">
        <v>0</v>
      </c>
      <c r="AW3215">
        <v>0</v>
      </c>
      <c r="AX3215">
        <v>63527</v>
      </c>
      <c r="AY3215">
        <v>21</v>
      </c>
      <c r="AZ3215">
        <v>64</v>
      </c>
      <c r="BA3215">
        <v>2749</v>
      </c>
    </row>
    <row r="3216" spans="1:53" x14ac:dyDescent="0.4">
      <c r="A3216">
        <v>3260</v>
      </c>
      <c r="B3216" s="1">
        <v>43875</v>
      </c>
      <c r="C3216">
        <v>4</v>
      </c>
      <c r="D3216" s="1">
        <v>43875.955555555556</v>
      </c>
      <c r="E3216" s="1">
        <v>43876.261805555558</v>
      </c>
      <c r="F3216">
        <v>123198</v>
      </c>
      <c r="G3216">
        <v>2420</v>
      </c>
      <c r="H3216">
        <v>200</v>
      </c>
      <c r="I3216">
        <v>0</v>
      </c>
      <c r="J3216">
        <v>0</v>
      </c>
      <c r="K3216">
        <v>0</v>
      </c>
      <c r="L3216">
        <v>0</v>
      </c>
      <c r="M3216">
        <v>12581</v>
      </c>
      <c r="N3216">
        <v>0</v>
      </c>
      <c r="O3216">
        <v>0</v>
      </c>
      <c r="P3216">
        <v>0</v>
      </c>
      <c r="Q3216">
        <v>0</v>
      </c>
      <c r="R3216">
        <v>138399</v>
      </c>
      <c r="S3216">
        <v>0</v>
      </c>
      <c r="T3216">
        <v>0</v>
      </c>
      <c r="U3216">
        <v>0</v>
      </c>
      <c r="V3216">
        <v>0</v>
      </c>
      <c r="W3216">
        <v>0</v>
      </c>
      <c r="X3216">
        <v>0</v>
      </c>
      <c r="Y3216">
        <v>35</v>
      </c>
      <c r="Z3216">
        <v>12</v>
      </c>
      <c r="AA3216">
        <v>50</v>
      </c>
      <c r="AB3216">
        <v>56</v>
      </c>
      <c r="AC3216">
        <v>97</v>
      </c>
      <c r="AD3216">
        <v>12</v>
      </c>
      <c r="AE3216">
        <v>170</v>
      </c>
      <c r="AF3216">
        <v>0</v>
      </c>
      <c r="AG3216">
        <v>50000</v>
      </c>
      <c r="AH3216">
        <v>0</v>
      </c>
      <c r="AI3216">
        <v>-162704</v>
      </c>
      <c r="AJ3216">
        <v>94</v>
      </c>
      <c r="AK3216" t="s">
        <v>43</v>
      </c>
      <c r="AL3216">
        <v>0</v>
      </c>
      <c r="AM3216">
        <v>0</v>
      </c>
      <c r="AN3216">
        <v>0</v>
      </c>
      <c r="AO3216">
        <v>0</v>
      </c>
      <c r="AP3216">
        <v>0</v>
      </c>
      <c r="AQ3216">
        <v>0</v>
      </c>
      <c r="AR3216">
        <v>0</v>
      </c>
      <c r="AS3216">
        <v>0</v>
      </c>
      <c r="AT3216">
        <v>0</v>
      </c>
      <c r="AU3216">
        <v>0</v>
      </c>
      <c r="AV3216">
        <v>0</v>
      </c>
      <c r="AW3216">
        <v>0</v>
      </c>
      <c r="AX3216">
        <v>0</v>
      </c>
      <c r="AY3216">
        <v>7</v>
      </c>
      <c r="AZ3216">
        <v>16</v>
      </c>
      <c r="BA3216">
        <v>2403</v>
      </c>
    </row>
    <row r="3217" spans="1:53" x14ac:dyDescent="0.4">
      <c r="A3217">
        <v>3261</v>
      </c>
      <c r="B3217" s="1">
        <v>43876</v>
      </c>
      <c r="C3217">
        <v>1</v>
      </c>
      <c r="D3217" s="1">
        <v>43876.291666666664</v>
      </c>
      <c r="E3217" s="1">
        <v>43876.404861111114</v>
      </c>
      <c r="F3217">
        <v>0</v>
      </c>
      <c r="G3217">
        <v>0</v>
      </c>
      <c r="H3217">
        <v>0</v>
      </c>
      <c r="I3217">
        <v>0</v>
      </c>
      <c r="J3217">
        <v>0</v>
      </c>
      <c r="K3217">
        <v>0</v>
      </c>
      <c r="L3217">
        <v>0</v>
      </c>
      <c r="M3217">
        <v>0</v>
      </c>
      <c r="N3217">
        <v>0</v>
      </c>
      <c r="O3217">
        <v>0</v>
      </c>
      <c r="P3217">
        <v>0</v>
      </c>
      <c r="Q3217">
        <v>0</v>
      </c>
      <c r="R3217">
        <v>0</v>
      </c>
      <c r="S3217">
        <v>0</v>
      </c>
      <c r="T3217">
        <v>0</v>
      </c>
      <c r="U3217">
        <v>0</v>
      </c>
      <c r="V3217">
        <v>0</v>
      </c>
      <c r="W3217">
        <v>0</v>
      </c>
      <c r="X3217">
        <v>0</v>
      </c>
      <c r="Y3217">
        <v>35</v>
      </c>
      <c r="Z3217">
        <v>12</v>
      </c>
      <c r="AA3217">
        <v>50</v>
      </c>
      <c r="AB3217">
        <v>56</v>
      </c>
      <c r="AC3217">
        <v>97</v>
      </c>
      <c r="AD3217">
        <v>12</v>
      </c>
      <c r="AE3217">
        <v>170</v>
      </c>
      <c r="AF3217">
        <v>0</v>
      </c>
      <c r="AG3217">
        <v>50000</v>
      </c>
      <c r="AH3217">
        <v>50000</v>
      </c>
      <c r="AI3217">
        <v>0</v>
      </c>
      <c r="AJ3217">
        <v>0</v>
      </c>
      <c r="AK3217" t="s">
        <v>6</v>
      </c>
      <c r="AL3217">
        <v>0</v>
      </c>
      <c r="AM3217">
        <v>0</v>
      </c>
      <c r="AN3217">
        <v>0</v>
      </c>
      <c r="AO3217">
        <v>0</v>
      </c>
      <c r="AP3217">
        <v>0</v>
      </c>
      <c r="AQ3217">
        <v>0</v>
      </c>
      <c r="AR3217">
        <v>0</v>
      </c>
      <c r="AS3217">
        <v>0</v>
      </c>
      <c r="AT3217">
        <v>0</v>
      </c>
      <c r="AU3217">
        <v>0</v>
      </c>
      <c r="AV3217">
        <v>0</v>
      </c>
      <c r="AW3217">
        <v>0</v>
      </c>
      <c r="AX3217">
        <v>0</v>
      </c>
      <c r="AY3217">
        <v>0</v>
      </c>
      <c r="AZ3217">
        <v>0</v>
      </c>
      <c r="BA3217">
        <v>0</v>
      </c>
    </row>
    <row r="3218" spans="1:53" x14ac:dyDescent="0.4">
      <c r="A3218">
        <v>3262</v>
      </c>
      <c r="B3218" s="1">
        <v>43876</v>
      </c>
      <c r="C3218">
        <v>2</v>
      </c>
      <c r="D3218" s="1">
        <v>43876.404861111114</v>
      </c>
      <c r="E3218" s="1">
        <v>43876.732638888891</v>
      </c>
      <c r="F3218">
        <v>37950</v>
      </c>
      <c r="G3218">
        <v>2320</v>
      </c>
      <c r="H3218">
        <v>200</v>
      </c>
      <c r="I3218">
        <v>0</v>
      </c>
      <c r="J3218">
        <v>100</v>
      </c>
      <c r="K3218">
        <v>0</v>
      </c>
      <c r="L3218">
        <v>0</v>
      </c>
      <c r="M3218">
        <v>4037</v>
      </c>
      <c r="N3218">
        <v>0</v>
      </c>
      <c r="O3218">
        <v>0</v>
      </c>
      <c r="P3218">
        <v>18755</v>
      </c>
      <c r="Q3218">
        <v>0</v>
      </c>
      <c r="R3218">
        <v>63162</v>
      </c>
      <c r="S3218">
        <v>0</v>
      </c>
      <c r="T3218">
        <v>0</v>
      </c>
      <c r="U3218">
        <v>0</v>
      </c>
      <c r="V3218">
        <v>2</v>
      </c>
      <c r="W3218">
        <v>1</v>
      </c>
      <c r="X3218">
        <v>0</v>
      </c>
      <c r="Y3218">
        <v>58</v>
      </c>
      <c r="Z3218">
        <v>31</v>
      </c>
      <c r="AA3218">
        <v>16</v>
      </c>
      <c r="AB3218">
        <v>49</v>
      </c>
      <c r="AC3218">
        <v>79</v>
      </c>
      <c r="AD3218">
        <v>4</v>
      </c>
      <c r="AE3218">
        <v>188</v>
      </c>
      <c r="AF3218">
        <v>9614</v>
      </c>
      <c r="AG3218">
        <v>113162</v>
      </c>
      <c r="AH3218">
        <v>50000</v>
      </c>
      <c r="AI3218">
        <v>0</v>
      </c>
      <c r="AJ3218">
        <v>82</v>
      </c>
      <c r="AK3218" t="s">
        <v>41</v>
      </c>
      <c r="AL3218">
        <v>0</v>
      </c>
      <c r="AM3218">
        <v>0</v>
      </c>
      <c r="AN3218">
        <v>0</v>
      </c>
      <c r="AO3218">
        <v>0</v>
      </c>
      <c r="AP3218">
        <v>0</v>
      </c>
      <c r="AQ3218">
        <v>0</v>
      </c>
      <c r="AR3218">
        <v>0</v>
      </c>
      <c r="AS3218">
        <v>0</v>
      </c>
      <c r="AT3218">
        <v>0</v>
      </c>
      <c r="AU3218">
        <v>0</v>
      </c>
      <c r="AV3218">
        <v>0</v>
      </c>
      <c r="AW3218">
        <v>0</v>
      </c>
      <c r="AX3218">
        <v>594</v>
      </c>
      <c r="AY3218">
        <v>48</v>
      </c>
      <c r="AZ3218">
        <v>96</v>
      </c>
      <c r="BA3218">
        <v>7520</v>
      </c>
    </row>
    <row r="3219" spans="1:53" x14ac:dyDescent="0.4">
      <c r="A3219">
        <v>3263</v>
      </c>
      <c r="B3219" s="1">
        <v>43876</v>
      </c>
      <c r="C3219">
        <v>3</v>
      </c>
      <c r="D3219" s="1">
        <v>43876.732638888891</v>
      </c>
      <c r="E3219" s="1">
        <v>43877.263194444444</v>
      </c>
      <c r="F3219">
        <v>322300</v>
      </c>
      <c r="G3219">
        <v>12460</v>
      </c>
      <c r="H3219">
        <v>0</v>
      </c>
      <c r="I3219">
        <v>0</v>
      </c>
      <c r="J3219">
        <v>1300</v>
      </c>
      <c r="K3219">
        <v>0</v>
      </c>
      <c r="L3219">
        <v>0</v>
      </c>
      <c r="M3219">
        <v>33346</v>
      </c>
      <c r="N3219">
        <v>0</v>
      </c>
      <c r="O3219">
        <v>0</v>
      </c>
      <c r="P3219">
        <v>-18755</v>
      </c>
      <c r="Q3219">
        <v>0</v>
      </c>
      <c r="R3219">
        <v>348051</v>
      </c>
      <c r="S3219">
        <v>0</v>
      </c>
      <c r="T3219">
        <v>0</v>
      </c>
      <c r="U3219">
        <v>0</v>
      </c>
      <c r="V3219">
        <v>0</v>
      </c>
      <c r="W3219">
        <v>0</v>
      </c>
      <c r="X3219">
        <v>0</v>
      </c>
      <c r="Y3219">
        <v>33</v>
      </c>
      <c r="Z3219">
        <v>20</v>
      </c>
      <c r="AA3219">
        <v>40</v>
      </c>
      <c r="AB3219">
        <v>41</v>
      </c>
      <c r="AC3219">
        <v>75</v>
      </c>
      <c r="AD3219">
        <v>2</v>
      </c>
      <c r="AE3219">
        <v>190</v>
      </c>
      <c r="AF3219">
        <v>0</v>
      </c>
      <c r="AG3219">
        <v>50000</v>
      </c>
      <c r="AH3219">
        <v>0</v>
      </c>
      <c r="AI3219">
        <v>-361213</v>
      </c>
      <c r="AJ3219">
        <v>108</v>
      </c>
      <c r="AK3219" t="s">
        <v>30</v>
      </c>
      <c r="AL3219">
        <v>0</v>
      </c>
      <c r="AM3219">
        <v>0</v>
      </c>
      <c r="AN3219">
        <v>0</v>
      </c>
      <c r="AO3219">
        <v>0</v>
      </c>
      <c r="AP3219">
        <v>0</v>
      </c>
      <c r="AQ3219">
        <v>0</v>
      </c>
      <c r="AR3219">
        <v>0</v>
      </c>
      <c r="AS3219">
        <v>0</v>
      </c>
      <c r="AT3219">
        <v>0</v>
      </c>
      <c r="AU3219">
        <v>0</v>
      </c>
      <c r="AV3219">
        <v>0</v>
      </c>
      <c r="AW3219">
        <v>0</v>
      </c>
      <c r="AX3219">
        <v>0</v>
      </c>
      <c r="AY3219">
        <v>40</v>
      </c>
      <c r="AZ3219">
        <v>162</v>
      </c>
      <c r="BA3219">
        <v>7221</v>
      </c>
    </row>
    <row r="3220" spans="1:53" x14ac:dyDescent="0.4">
      <c r="A3220">
        <v>3264</v>
      </c>
      <c r="B3220" s="1">
        <v>43877</v>
      </c>
      <c r="C3220">
        <v>1</v>
      </c>
      <c r="D3220" s="1">
        <v>43877.291666666664</v>
      </c>
      <c r="E3220" s="1">
        <v>43877.743055555555</v>
      </c>
      <c r="F3220">
        <v>33000</v>
      </c>
      <c r="G3220">
        <v>2580</v>
      </c>
      <c r="H3220">
        <v>0</v>
      </c>
      <c r="I3220">
        <v>0</v>
      </c>
      <c r="J3220">
        <v>250</v>
      </c>
      <c r="K3220">
        <v>0</v>
      </c>
      <c r="L3220">
        <v>0</v>
      </c>
      <c r="M3220">
        <v>3533</v>
      </c>
      <c r="N3220">
        <v>0</v>
      </c>
      <c r="O3220">
        <v>0</v>
      </c>
      <c r="P3220">
        <v>22083</v>
      </c>
      <c r="Q3220">
        <v>0</v>
      </c>
      <c r="R3220">
        <v>60946</v>
      </c>
      <c r="S3220">
        <v>0</v>
      </c>
      <c r="T3220">
        <v>0</v>
      </c>
      <c r="U3220">
        <v>0</v>
      </c>
      <c r="V3220">
        <v>1</v>
      </c>
      <c r="W3220">
        <v>4</v>
      </c>
      <c r="X3220">
        <v>0</v>
      </c>
      <c r="Y3220">
        <v>57</v>
      </c>
      <c r="Z3220">
        <v>34</v>
      </c>
      <c r="AA3220">
        <v>32</v>
      </c>
      <c r="AB3220">
        <v>35</v>
      </c>
      <c r="AC3220">
        <v>59</v>
      </c>
      <c r="AD3220">
        <v>0</v>
      </c>
      <c r="AE3220">
        <v>196</v>
      </c>
      <c r="AF3220">
        <v>1210</v>
      </c>
      <c r="AG3220">
        <v>110946</v>
      </c>
      <c r="AH3220">
        <v>50000</v>
      </c>
      <c r="AI3220">
        <v>0</v>
      </c>
      <c r="AJ3220">
        <v>98</v>
      </c>
      <c r="AK3220" t="s">
        <v>35</v>
      </c>
      <c r="AL3220">
        <v>0</v>
      </c>
      <c r="AM3220">
        <v>0</v>
      </c>
      <c r="AN3220">
        <v>0</v>
      </c>
      <c r="AO3220">
        <v>0</v>
      </c>
      <c r="AP3220">
        <v>0</v>
      </c>
      <c r="AQ3220">
        <v>0</v>
      </c>
      <c r="AR3220">
        <v>0</v>
      </c>
      <c r="AS3220">
        <v>0</v>
      </c>
      <c r="AT3220">
        <v>0</v>
      </c>
      <c r="AU3220">
        <v>0</v>
      </c>
      <c r="AV3220">
        <v>0</v>
      </c>
      <c r="AW3220">
        <v>0</v>
      </c>
      <c r="AX3220">
        <v>-990</v>
      </c>
      <c r="AY3220">
        <v>46</v>
      </c>
      <c r="AZ3220">
        <v>97</v>
      </c>
      <c r="BA3220">
        <v>6553</v>
      </c>
    </row>
    <row r="3221" spans="1:53" x14ac:dyDescent="0.4">
      <c r="A3221">
        <v>3265</v>
      </c>
      <c r="B3221" s="1">
        <v>43877</v>
      </c>
      <c r="C3221">
        <v>2</v>
      </c>
      <c r="D3221" s="1">
        <v>43877.743055555555</v>
      </c>
      <c r="E3221" s="1">
        <v>43877.961111111108</v>
      </c>
      <c r="F3221">
        <v>42925</v>
      </c>
      <c r="G3221">
        <v>1300</v>
      </c>
      <c r="H3221">
        <v>0</v>
      </c>
      <c r="I3221">
        <v>0</v>
      </c>
      <c r="J3221">
        <v>0</v>
      </c>
      <c r="K3221">
        <v>0</v>
      </c>
      <c r="L3221">
        <v>0</v>
      </c>
      <c r="M3221">
        <v>4423</v>
      </c>
      <c r="N3221">
        <v>0</v>
      </c>
      <c r="O3221">
        <v>0</v>
      </c>
      <c r="P3221">
        <v>-16363</v>
      </c>
      <c r="Q3221">
        <v>0</v>
      </c>
      <c r="R3221">
        <v>32285</v>
      </c>
      <c r="S3221">
        <v>0</v>
      </c>
      <c r="T3221">
        <v>0</v>
      </c>
      <c r="U3221">
        <v>0</v>
      </c>
      <c r="V3221">
        <v>3</v>
      </c>
      <c r="W3221">
        <v>5</v>
      </c>
      <c r="X3221">
        <v>0</v>
      </c>
      <c r="Y3221">
        <v>62</v>
      </c>
      <c r="Z3221">
        <v>35</v>
      </c>
      <c r="AA3221">
        <v>47</v>
      </c>
      <c r="AB3221">
        <v>35</v>
      </c>
      <c r="AC3221">
        <v>77</v>
      </c>
      <c r="AD3221">
        <v>2</v>
      </c>
      <c r="AE3221">
        <v>191</v>
      </c>
      <c r="AF3221">
        <v>1210</v>
      </c>
      <c r="AG3221">
        <v>143131</v>
      </c>
      <c r="AH3221">
        <v>50000</v>
      </c>
      <c r="AI3221">
        <v>-100</v>
      </c>
      <c r="AJ3221">
        <v>101</v>
      </c>
      <c r="AK3221" t="s">
        <v>28</v>
      </c>
      <c r="AL3221">
        <v>0</v>
      </c>
      <c r="AM3221">
        <v>0</v>
      </c>
      <c r="AN3221">
        <v>0</v>
      </c>
      <c r="AO3221">
        <v>0</v>
      </c>
      <c r="AP3221">
        <v>0</v>
      </c>
      <c r="AQ3221">
        <v>0</v>
      </c>
      <c r="AR3221">
        <v>0</v>
      </c>
      <c r="AS3221">
        <v>0</v>
      </c>
      <c r="AT3221">
        <v>0</v>
      </c>
      <c r="AU3221">
        <v>0</v>
      </c>
      <c r="AV3221">
        <v>0</v>
      </c>
      <c r="AW3221">
        <v>0</v>
      </c>
      <c r="AX3221">
        <v>0</v>
      </c>
      <c r="AY3221">
        <v>9</v>
      </c>
      <c r="AZ3221">
        <v>22</v>
      </c>
      <c r="BA3221">
        <v>2381</v>
      </c>
    </row>
    <row r="3222" spans="1:53" x14ac:dyDescent="0.4">
      <c r="A3222">
        <v>3266</v>
      </c>
      <c r="B3222" s="1">
        <v>43878</v>
      </c>
      <c r="C3222">
        <v>1</v>
      </c>
      <c r="D3222" s="1">
        <v>43878.291666666664</v>
      </c>
      <c r="E3222" s="1">
        <v>43878.455555555556</v>
      </c>
      <c r="F3222">
        <v>0</v>
      </c>
      <c r="G3222">
        <v>0</v>
      </c>
      <c r="H3222">
        <v>0</v>
      </c>
      <c r="I3222">
        <v>0</v>
      </c>
      <c r="J3222">
        <v>0</v>
      </c>
      <c r="K3222">
        <v>0</v>
      </c>
      <c r="L3222">
        <v>0</v>
      </c>
      <c r="M3222">
        <v>0</v>
      </c>
      <c r="N3222">
        <v>0</v>
      </c>
      <c r="O3222">
        <v>0</v>
      </c>
      <c r="P3222">
        <v>0</v>
      </c>
      <c r="Q3222">
        <v>0</v>
      </c>
      <c r="R3222">
        <v>0</v>
      </c>
      <c r="S3222">
        <v>0</v>
      </c>
      <c r="T3222">
        <v>0</v>
      </c>
      <c r="U3222">
        <v>0</v>
      </c>
      <c r="V3222">
        <v>0</v>
      </c>
      <c r="W3222">
        <v>0</v>
      </c>
      <c r="X3222">
        <v>0</v>
      </c>
      <c r="Y3222">
        <v>32</v>
      </c>
      <c r="Z3222">
        <v>23</v>
      </c>
      <c r="AA3222">
        <v>40</v>
      </c>
      <c r="AB3222">
        <v>32</v>
      </c>
      <c r="AC3222">
        <v>75</v>
      </c>
      <c r="AD3222">
        <v>2</v>
      </c>
      <c r="AE3222">
        <v>140</v>
      </c>
      <c r="AF3222">
        <v>0</v>
      </c>
      <c r="AG3222">
        <v>50000</v>
      </c>
      <c r="AH3222">
        <v>0</v>
      </c>
      <c r="AI3222">
        <v>50000</v>
      </c>
      <c r="AJ3222">
        <v>0</v>
      </c>
      <c r="AK3222" t="s">
        <v>6</v>
      </c>
      <c r="AL3222">
        <v>0</v>
      </c>
      <c r="AM3222">
        <v>0</v>
      </c>
      <c r="AN3222">
        <v>0</v>
      </c>
      <c r="AO3222">
        <v>0</v>
      </c>
      <c r="AP3222">
        <v>0</v>
      </c>
      <c r="AQ3222">
        <v>0</v>
      </c>
      <c r="AR3222">
        <v>0</v>
      </c>
      <c r="AS3222">
        <v>0</v>
      </c>
      <c r="AT3222">
        <v>0</v>
      </c>
      <c r="AU3222">
        <v>0</v>
      </c>
      <c r="AV3222">
        <v>0</v>
      </c>
      <c r="AW3222">
        <v>0</v>
      </c>
      <c r="AX3222">
        <v>0</v>
      </c>
      <c r="AY3222">
        <v>0</v>
      </c>
      <c r="AZ3222">
        <v>0</v>
      </c>
      <c r="BA3222">
        <v>0</v>
      </c>
    </row>
    <row r="3223" spans="1:53" x14ac:dyDescent="0.4">
      <c r="A3223">
        <v>3267</v>
      </c>
      <c r="B3223" s="1">
        <v>43878</v>
      </c>
      <c r="C3223">
        <v>2</v>
      </c>
      <c r="D3223" s="1">
        <v>43878.455555555556</v>
      </c>
      <c r="E3223" s="1">
        <v>43878.745833333334</v>
      </c>
      <c r="F3223">
        <v>24750</v>
      </c>
      <c r="G3223">
        <v>2280</v>
      </c>
      <c r="H3223">
        <v>0</v>
      </c>
      <c r="I3223">
        <v>0</v>
      </c>
      <c r="J3223">
        <v>0</v>
      </c>
      <c r="K3223">
        <v>0</v>
      </c>
      <c r="L3223">
        <v>0</v>
      </c>
      <c r="M3223">
        <v>2703</v>
      </c>
      <c r="N3223">
        <v>0</v>
      </c>
      <c r="O3223">
        <v>0</v>
      </c>
      <c r="P3223">
        <v>23595</v>
      </c>
      <c r="Q3223">
        <v>0</v>
      </c>
      <c r="R3223">
        <v>53328</v>
      </c>
      <c r="S3223">
        <v>0</v>
      </c>
      <c r="T3223">
        <v>0</v>
      </c>
      <c r="U3223">
        <v>0</v>
      </c>
      <c r="V3223">
        <v>1</v>
      </c>
      <c r="W3223">
        <v>3</v>
      </c>
      <c r="X3223">
        <v>0</v>
      </c>
      <c r="Y3223">
        <v>54</v>
      </c>
      <c r="Z3223">
        <v>35</v>
      </c>
      <c r="AA3223">
        <v>40</v>
      </c>
      <c r="AB3223">
        <v>33</v>
      </c>
      <c r="AC3223">
        <v>88</v>
      </c>
      <c r="AD3223">
        <v>21</v>
      </c>
      <c r="AE3223">
        <v>193</v>
      </c>
      <c r="AF3223">
        <v>0</v>
      </c>
      <c r="AG3223">
        <v>103328</v>
      </c>
      <c r="AH3223">
        <v>50000</v>
      </c>
      <c r="AI3223">
        <v>0</v>
      </c>
      <c r="AJ3223">
        <v>96</v>
      </c>
      <c r="AK3223" t="s">
        <v>4</v>
      </c>
      <c r="AL3223">
        <v>0</v>
      </c>
      <c r="AM3223">
        <v>0</v>
      </c>
      <c r="AN3223">
        <v>0</v>
      </c>
      <c r="AO3223">
        <v>0</v>
      </c>
      <c r="AP3223">
        <v>0</v>
      </c>
      <c r="AQ3223">
        <v>0</v>
      </c>
      <c r="AR3223">
        <v>0</v>
      </c>
      <c r="AS3223">
        <v>0</v>
      </c>
      <c r="AT3223">
        <v>0</v>
      </c>
      <c r="AU3223">
        <v>0</v>
      </c>
      <c r="AV3223">
        <v>0</v>
      </c>
      <c r="AW3223">
        <v>0</v>
      </c>
      <c r="AX3223">
        <v>594</v>
      </c>
      <c r="AY3223">
        <v>43</v>
      </c>
      <c r="AZ3223">
        <v>82</v>
      </c>
      <c r="BA3223">
        <v>5970</v>
      </c>
    </row>
    <row r="3224" spans="1:53" x14ac:dyDescent="0.4">
      <c r="A3224">
        <v>3268</v>
      </c>
      <c r="B3224" s="1">
        <v>43878</v>
      </c>
      <c r="C3224">
        <v>3</v>
      </c>
      <c r="D3224" s="1">
        <v>43878.745833333334</v>
      </c>
      <c r="E3224" s="1">
        <v>43878.959027777775</v>
      </c>
      <c r="F3224">
        <v>38200</v>
      </c>
      <c r="G3224">
        <v>1300</v>
      </c>
      <c r="H3224">
        <v>0</v>
      </c>
      <c r="I3224">
        <v>0</v>
      </c>
      <c r="J3224">
        <v>0</v>
      </c>
      <c r="K3224">
        <v>0</v>
      </c>
      <c r="L3224">
        <v>0</v>
      </c>
      <c r="M3224">
        <v>3950</v>
      </c>
      <c r="N3224">
        <v>0</v>
      </c>
      <c r="O3224">
        <v>0</v>
      </c>
      <c r="P3224">
        <v>-23595</v>
      </c>
      <c r="Q3224">
        <v>0</v>
      </c>
      <c r="R3224">
        <v>19855</v>
      </c>
      <c r="S3224">
        <v>0</v>
      </c>
      <c r="T3224">
        <v>0</v>
      </c>
      <c r="U3224">
        <v>0</v>
      </c>
      <c r="V3224">
        <v>3</v>
      </c>
      <c r="W3224">
        <v>1</v>
      </c>
      <c r="X3224">
        <v>0</v>
      </c>
      <c r="Y3224">
        <v>56</v>
      </c>
      <c r="Z3224">
        <v>35</v>
      </c>
      <c r="AA3224">
        <v>53</v>
      </c>
      <c r="AB3224">
        <v>33</v>
      </c>
      <c r="AC3224">
        <v>84</v>
      </c>
      <c r="AD3224">
        <v>20</v>
      </c>
      <c r="AE3224">
        <v>193</v>
      </c>
      <c r="AF3224">
        <v>6600</v>
      </c>
      <c r="AG3224">
        <v>123183</v>
      </c>
      <c r="AH3224">
        <v>50000</v>
      </c>
      <c r="AI3224">
        <v>0</v>
      </c>
      <c r="AJ3224">
        <v>94</v>
      </c>
      <c r="AK3224" t="s">
        <v>43</v>
      </c>
      <c r="AL3224">
        <v>0</v>
      </c>
      <c r="AM3224">
        <v>0</v>
      </c>
      <c r="AN3224">
        <v>0</v>
      </c>
      <c r="AO3224">
        <v>0</v>
      </c>
      <c r="AP3224">
        <v>0</v>
      </c>
      <c r="AQ3224">
        <v>0</v>
      </c>
      <c r="AR3224">
        <v>0</v>
      </c>
      <c r="AS3224">
        <v>0</v>
      </c>
      <c r="AT3224">
        <v>0</v>
      </c>
      <c r="AU3224">
        <v>0</v>
      </c>
      <c r="AV3224">
        <v>0</v>
      </c>
      <c r="AW3224">
        <v>0</v>
      </c>
      <c r="AX3224">
        <v>10450</v>
      </c>
      <c r="AY3224">
        <v>10</v>
      </c>
      <c r="AZ3224">
        <v>22</v>
      </c>
      <c r="BA3224">
        <v>2332</v>
      </c>
    </row>
    <row r="3225" spans="1:53" x14ac:dyDescent="0.4">
      <c r="A3225">
        <v>3269</v>
      </c>
      <c r="B3225" s="1">
        <v>43878</v>
      </c>
      <c r="C3225">
        <v>4</v>
      </c>
      <c r="D3225" s="1">
        <v>43878.959027777775</v>
      </c>
      <c r="E3225" s="1">
        <v>43879.222222222219</v>
      </c>
      <c r="F3225">
        <v>19050</v>
      </c>
      <c r="G3225">
        <v>0</v>
      </c>
      <c r="H3225">
        <v>200</v>
      </c>
      <c r="I3225">
        <v>0</v>
      </c>
      <c r="J3225">
        <v>0</v>
      </c>
      <c r="K3225">
        <v>0</v>
      </c>
      <c r="L3225">
        <v>0</v>
      </c>
      <c r="M3225">
        <v>1925</v>
      </c>
      <c r="N3225">
        <v>0</v>
      </c>
      <c r="O3225">
        <v>0</v>
      </c>
      <c r="P3225">
        <v>3960</v>
      </c>
      <c r="Q3225">
        <v>0</v>
      </c>
      <c r="R3225">
        <v>25135</v>
      </c>
      <c r="S3225">
        <v>0</v>
      </c>
      <c r="T3225">
        <v>0</v>
      </c>
      <c r="U3225">
        <v>0</v>
      </c>
      <c r="V3225">
        <v>0</v>
      </c>
      <c r="W3225">
        <v>0</v>
      </c>
      <c r="X3225">
        <v>0</v>
      </c>
      <c r="Y3225">
        <v>36</v>
      </c>
      <c r="Z3225">
        <v>13</v>
      </c>
      <c r="AA3225">
        <v>46</v>
      </c>
      <c r="AB3225">
        <v>34</v>
      </c>
      <c r="AC3225">
        <v>97</v>
      </c>
      <c r="AD3225">
        <v>18</v>
      </c>
      <c r="AE3225">
        <v>140</v>
      </c>
      <c r="AF3225">
        <v>0</v>
      </c>
      <c r="AG3225">
        <v>50000</v>
      </c>
      <c r="AH3225">
        <v>0</v>
      </c>
      <c r="AI3225">
        <v>-48318</v>
      </c>
      <c r="AJ3225">
        <v>100</v>
      </c>
      <c r="AK3225" t="s">
        <v>0</v>
      </c>
      <c r="AL3225">
        <v>0</v>
      </c>
      <c r="AM3225">
        <v>0</v>
      </c>
      <c r="AN3225">
        <v>0</v>
      </c>
      <c r="AO3225">
        <v>0</v>
      </c>
      <c r="AP3225">
        <v>0</v>
      </c>
      <c r="AQ3225">
        <v>0</v>
      </c>
      <c r="AR3225">
        <v>0</v>
      </c>
      <c r="AS3225">
        <v>0</v>
      </c>
      <c r="AT3225">
        <v>0</v>
      </c>
      <c r="AU3225">
        <v>0</v>
      </c>
      <c r="AV3225">
        <v>0</v>
      </c>
      <c r="AW3225">
        <v>0</v>
      </c>
      <c r="AX3225">
        <v>0</v>
      </c>
      <c r="AY3225">
        <v>3</v>
      </c>
      <c r="AZ3225">
        <v>8</v>
      </c>
      <c r="BA3225">
        <v>716</v>
      </c>
    </row>
    <row r="3226" spans="1:53" x14ac:dyDescent="0.4">
      <c r="A3226">
        <v>3270</v>
      </c>
      <c r="B3226" s="1">
        <v>43879</v>
      </c>
      <c r="C3226">
        <v>1</v>
      </c>
      <c r="D3226" s="1">
        <v>43879.291666666664</v>
      </c>
      <c r="E3226" s="1">
        <v>43879.420138888891</v>
      </c>
      <c r="F3226">
        <v>0</v>
      </c>
      <c r="G3226">
        <v>0</v>
      </c>
      <c r="H3226">
        <v>0</v>
      </c>
      <c r="I3226">
        <v>0</v>
      </c>
      <c r="J3226">
        <v>0</v>
      </c>
      <c r="K3226">
        <v>0</v>
      </c>
      <c r="L3226">
        <v>0</v>
      </c>
      <c r="M3226">
        <v>0</v>
      </c>
      <c r="N3226">
        <v>0</v>
      </c>
      <c r="O3226">
        <v>0</v>
      </c>
      <c r="P3226">
        <v>0</v>
      </c>
      <c r="Q3226">
        <v>0</v>
      </c>
      <c r="R3226">
        <v>0</v>
      </c>
      <c r="S3226">
        <v>0</v>
      </c>
      <c r="T3226">
        <v>0</v>
      </c>
      <c r="U3226">
        <v>0</v>
      </c>
      <c r="V3226">
        <v>0</v>
      </c>
      <c r="W3226">
        <v>0</v>
      </c>
      <c r="X3226">
        <v>0</v>
      </c>
      <c r="Y3226">
        <v>36</v>
      </c>
      <c r="Z3226">
        <v>13</v>
      </c>
      <c r="AA3226">
        <v>46</v>
      </c>
      <c r="AB3226">
        <v>34</v>
      </c>
      <c r="AC3226">
        <v>97</v>
      </c>
      <c r="AD3226">
        <v>18</v>
      </c>
      <c r="AE3226">
        <v>140</v>
      </c>
      <c r="AF3226">
        <v>0</v>
      </c>
      <c r="AG3226">
        <v>50000</v>
      </c>
      <c r="AH3226">
        <v>50000</v>
      </c>
      <c r="AI3226">
        <v>0</v>
      </c>
      <c r="AJ3226">
        <v>0</v>
      </c>
      <c r="AK3226" t="s">
        <v>6</v>
      </c>
      <c r="AL3226">
        <v>0</v>
      </c>
      <c r="AM3226">
        <v>0</v>
      </c>
      <c r="AN3226">
        <v>0</v>
      </c>
      <c r="AO3226">
        <v>0</v>
      </c>
      <c r="AP3226">
        <v>0</v>
      </c>
      <c r="AQ3226">
        <v>0</v>
      </c>
      <c r="AR3226">
        <v>0</v>
      </c>
      <c r="AS3226">
        <v>0</v>
      </c>
      <c r="AT3226">
        <v>0</v>
      </c>
      <c r="AU3226">
        <v>0</v>
      </c>
      <c r="AV3226">
        <v>0</v>
      </c>
      <c r="AW3226">
        <v>0</v>
      </c>
      <c r="AX3226">
        <v>0</v>
      </c>
      <c r="AY3226">
        <v>0</v>
      </c>
      <c r="AZ3226">
        <v>0</v>
      </c>
      <c r="BA3226">
        <v>0</v>
      </c>
    </row>
    <row r="3227" spans="1:53" x14ac:dyDescent="0.4">
      <c r="A3227">
        <v>3271</v>
      </c>
      <c r="B3227" s="1">
        <v>43879</v>
      </c>
      <c r="C3227">
        <v>2</v>
      </c>
      <c r="D3227" s="1">
        <v>43879.420138888891</v>
      </c>
      <c r="E3227" s="1">
        <v>43879.745138888888</v>
      </c>
      <c r="F3227">
        <v>23100</v>
      </c>
      <c r="G3227">
        <v>3180</v>
      </c>
      <c r="H3227">
        <v>0</v>
      </c>
      <c r="I3227">
        <v>0</v>
      </c>
      <c r="J3227">
        <v>0</v>
      </c>
      <c r="K3227">
        <v>0</v>
      </c>
      <c r="L3227">
        <v>0</v>
      </c>
      <c r="M3227">
        <v>2628</v>
      </c>
      <c r="N3227">
        <v>0</v>
      </c>
      <c r="O3227">
        <v>0</v>
      </c>
      <c r="P3227">
        <v>8360</v>
      </c>
      <c r="Q3227">
        <v>0</v>
      </c>
      <c r="R3227">
        <v>37268</v>
      </c>
      <c r="S3227">
        <v>0</v>
      </c>
      <c r="T3227">
        <v>0</v>
      </c>
      <c r="U3227">
        <v>0</v>
      </c>
      <c r="V3227">
        <v>2</v>
      </c>
      <c r="W3227">
        <v>0</v>
      </c>
      <c r="X3227">
        <v>0</v>
      </c>
      <c r="Y3227">
        <v>42</v>
      </c>
      <c r="Z3227">
        <v>26</v>
      </c>
      <c r="AA3227">
        <v>72</v>
      </c>
      <c r="AB3227">
        <v>31</v>
      </c>
      <c r="AC3227">
        <v>97</v>
      </c>
      <c r="AD3227">
        <v>16</v>
      </c>
      <c r="AE3227">
        <v>148</v>
      </c>
      <c r="AF3227">
        <v>2320</v>
      </c>
      <c r="AG3227">
        <v>87268</v>
      </c>
      <c r="AH3227">
        <v>50000</v>
      </c>
      <c r="AI3227">
        <v>0</v>
      </c>
      <c r="AJ3227">
        <v>101</v>
      </c>
      <c r="AK3227" t="s">
        <v>28</v>
      </c>
      <c r="AL3227">
        <v>0</v>
      </c>
      <c r="AM3227">
        <v>0</v>
      </c>
      <c r="AN3227">
        <v>0</v>
      </c>
      <c r="AO3227">
        <v>0</v>
      </c>
      <c r="AP3227">
        <v>0</v>
      </c>
      <c r="AQ3227">
        <v>0</v>
      </c>
      <c r="AR3227">
        <v>0</v>
      </c>
      <c r="AS3227">
        <v>0</v>
      </c>
      <c r="AT3227">
        <v>0</v>
      </c>
      <c r="AU3227">
        <v>0</v>
      </c>
      <c r="AV3227">
        <v>0</v>
      </c>
      <c r="AW3227">
        <v>0</v>
      </c>
      <c r="AX3227">
        <v>0</v>
      </c>
      <c r="AY3227">
        <v>27</v>
      </c>
      <c r="AZ3227">
        <v>56</v>
      </c>
      <c r="BA3227">
        <v>4367</v>
      </c>
    </row>
    <row r="3228" spans="1:53" x14ac:dyDescent="0.4">
      <c r="A3228">
        <v>3272</v>
      </c>
      <c r="B3228" s="1">
        <v>43879</v>
      </c>
      <c r="C3228">
        <v>3</v>
      </c>
      <c r="D3228" s="1">
        <v>43879.745138888888</v>
      </c>
      <c r="E3228" s="1">
        <v>43879.964583333334</v>
      </c>
      <c r="F3228">
        <v>30000</v>
      </c>
      <c r="G3228">
        <v>420</v>
      </c>
      <c r="H3228">
        <v>0</v>
      </c>
      <c r="I3228">
        <v>0</v>
      </c>
      <c r="J3228">
        <v>100</v>
      </c>
      <c r="K3228">
        <v>0</v>
      </c>
      <c r="L3228">
        <v>0</v>
      </c>
      <c r="M3228">
        <v>3032</v>
      </c>
      <c r="N3228">
        <v>0</v>
      </c>
      <c r="O3228">
        <v>0</v>
      </c>
      <c r="P3228">
        <v>-8360</v>
      </c>
      <c r="Q3228">
        <v>0</v>
      </c>
      <c r="R3228">
        <v>24992</v>
      </c>
      <c r="S3228">
        <v>0</v>
      </c>
      <c r="T3228">
        <v>0</v>
      </c>
      <c r="U3228">
        <v>0</v>
      </c>
      <c r="V3228">
        <v>3</v>
      </c>
      <c r="W3228">
        <v>1</v>
      </c>
      <c r="X3228">
        <v>0</v>
      </c>
      <c r="Y3228">
        <v>43</v>
      </c>
      <c r="Z3228">
        <v>25</v>
      </c>
      <c r="AA3228">
        <v>68</v>
      </c>
      <c r="AB3228">
        <v>31</v>
      </c>
      <c r="AC3228">
        <v>97</v>
      </c>
      <c r="AD3228">
        <v>15</v>
      </c>
      <c r="AE3228">
        <v>145</v>
      </c>
      <c r="AF3228">
        <v>12220</v>
      </c>
      <c r="AG3228">
        <v>112260</v>
      </c>
      <c r="AH3228">
        <v>50000</v>
      </c>
      <c r="AI3228">
        <v>0</v>
      </c>
      <c r="AJ3228">
        <v>94</v>
      </c>
      <c r="AK3228" t="s">
        <v>43</v>
      </c>
      <c r="AL3228">
        <v>0</v>
      </c>
      <c r="AM3228">
        <v>0</v>
      </c>
      <c r="AN3228">
        <v>0</v>
      </c>
      <c r="AO3228">
        <v>0</v>
      </c>
      <c r="AP3228">
        <v>0</v>
      </c>
      <c r="AQ3228">
        <v>0</v>
      </c>
      <c r="AR3228">
        <v>0</v>
      </c>
      <c r="AS3228">
        <v>0</v>
      </c>
      <c r="AT3228">
        <v>0</v>
      </c>
      <c r="AU3228">
        <v>0</v>
      </c>
      <c r="AV3228">
        <v>0</v>
      </c>
      <c r="AW3228">
        <v>0</v>
      </c>
      <c r="AX3228">
        <v>5973</v>
      </c>
      <c r="AY3228">
        <v>9</v>
      </c>
      <c r="AZ3228">
        <v>19</v>
      </c>
      <c r="BA3228">
        <v>1302</v>
      </c>
    </row>
    <row r="3229" spans="1:53" x14ac:dyDescent="0.4">
      <c r="A3229">
        <v>3273</v>
      </c>
      <c r="B3229" s="1">
        <v>43879</v>
      </c>
      <c r="C3229">
        <v>4</v>
      </c>
      <c r="D3229" s="1">
        <v>43879.964583333334</v>
      </c>
      <c r="E3229" s="1">
        <v>43880.089583333334</v>
      </c>
      <c r="F3229">
        <v>6700</v>
      </c>
      <c r="G3229">
        <v>630</v>
      </c>
      <c r="H3229">
        <v>200</v>
      </c>
      <c r="I3229">
        <v>0</v>
      </c>
      <c r="J3229">
        <v>0</v>
      </c>
      <c r="K3229">
        <v>0</v>
      </c>
      <c r="L3229">
        <v>0</v>
      </c>
      <c r="M3229">
        <v>753</v>
      </c>
      <c r="N3229">
        <v>0</v>
      </c>
      <c r="O3229">
        <v>0</v>
      </c>
      <c r="P3229">
        <v>11220</v>
      </c>
      <c r="Q3229">
        <v>0</v>
      </c>
      <c r="R3229">
        <v>19503</v>
      </c>
      <c r="S3229">
        <v>0</v>
      </c>
      <c r="T3229">
        <v>0</v>
      </c>
      <c r="U3229">
        <v>0</v>
      </c>
      <c r="V3229">
        <v>3</v>
      </c>
      <c r="W3229">
        <v>1</v>
      </c>
      <c r="X3229">
        <v>0</v>
      </c>
      <c r="Y3229">
        <v>50</v>
      </c>
      <c r="Z3229">
        <v>25</v>
      </c>
      <c r="AA3229">
        <v>67</v>
      </c>
      <c r="AB3229">
        <v>31</v>
      </c>
      <c r="AC3229">
        <v>100</v>
      </c>
      <c r="AD3229">
        <v>15</v>
      </c>
      <c r="AE3229">
        <v>145</v>
      </c>
      <c r="AF3229">
        <v>24793</v>
      </c>
      <c r="AG3229">
        <v>131763</v>
      </c>
      <c r="AH3229">
        <v>50000</v>
      </c>
      <c r="AI3229">
        <v>0</v>
      </c>
      <c r="AJ3229">
        <v>100</v>
      </c>
      <c r="AK3229" t="s">
        <v>0</v>
      </c>
      <c r="AL3229">
        <v>0</v>
      </c>
      <c r="AM3229">
        <v>0</v>
      </c>
      <c r="AN3229">
        <v>0</v>
      </c>
      <c r="AO3229">
        <v>0</v>
      </c>
      <c r="AP3229">
        <v>0</v>
      </c>
      <c r="AQ3229">
        <v>0</v>
      </c>
      <c r="AR3229">
        <v>0</v>
      </c>
      <c r="AS3229">
        <v>0</v>
      </c>
      <c r="AT3229">
        <v>0</v>
      </c>
      <c r="AU3229">
        <v>0</v>
      </c>
      <c r="AV3229">
        <v>0</v>
      </c>
      <c r="AW3229">
        <v>0</v>
      </c>
      <c r="AX3229">
        <v>0</v>
      </c>
      <c r="AY3229">
        <v>2</v>
      </c>
      <c r="AZ3229">
        <v>6</v>
      </c>
      <c r="BA3229">
        <v>170</v>
      </c>
    </row>
    <row r="3230" spans="1:53" x14ac:dyDescent="0.4">
      <c r="A3230">
        <v>3274</v>
      </c>
      <c r="B3230" s="1">
        <v>43879</v>
      </c>
      <c r="C3230">
        <v>5</v>
      </c>
      <c r="D3230" s="1">
        <v>43880.089583333334</v>
      </c>
      <c r="E3230" s="1">
        <v>43880.227083333331</v>
      </c>
      <c r="F3230">
        <v>10200</v>
      </c>
      <c r="G3230">
        <v>1550</v>
      </c>
      <c r="H3230">
        <v>0</v>
      </c>
      <c r="I3230">
        <v>0</v>
      </c>
      <c r="J3230">
        <v>0</v>
      </c>
      <c r="K3230">
        <v>0</v>
      </c>
      <c r="L3230">
        <v>0</v>
      </c>
      <c r="M3230">
        <v>1175</v>
      </c>
      <c r="N3230">
        <v>0</v>
      </c>
      <c r="O3230">
        <v>0</v>
      </c>
      <c r="P3230">
        <v>-11220</v>
      </c>
      <c r="Q3230">
        <v>0</v>
      </c>
      <c r="R3230">
        <v>1705</v>
      </c>
      <c r="S3230">
        <v>0</v>
      </c>
      <c r="T3230">
        <v>0</v>
      </c>
      <c r="U3230">
        <v>0</v>
      </c>
      <c r="V3230">
        <v>0</v>
      </c>
      <c r="W3230">
        <v>0</v>
      </c>
      <c r="X3230">
        <v>0</v>
      </c>
      <c r="Y3230">
        <v>26</v>
      </c>
      <c r="Z3230">
        <v>11</v>
      </c>
      <c r="AA3230">
        <v>129</v>
      </c>
      <c r="AB3230">
        <v>82</v>
      </c>
      <c r="AC3230">
        <v>108</v>
      </c>
      <c r="AD3230">
        <v>65</v>
      </c>
      <c r="AE3230">
        <v>95</v>
      </c>
      <c r="AF3230">
        <v>0</v>
      </c>
      <c r="AG3230">
        <v>50000</v>
      </c>
      <c r="AH3230">
        <v>0</v>
      </c>
      <c r="AI3230">
        <v>-33468</v>
      </c>
      <c r="AJ3230">
        <v>94</v>
      </c>
      <c r="AK3230" t="s">
        <v>43</v>
      </c>
      <c r="AL3230">
        <v>0</v>
      </c>
      <c r="AM3230">
        <v>0</v>
      </c>
      <c r="AN3230">
        <v>0</v>
      </c>
      <c r="AO3230">
        <v>0</v>
      </c>
      <c r="AP3230">
        <v>0</v>
      </c>
      <c r="AQ3230">
        <v>0</v>
      </c>
      <c r="AR3230">
        <v>0</v>
      </c>
      <c r="AS3230">
        <v>0</v>
      </c>
      <c r="AT3230">
        <v>0</v>
      </c>
      <c r="AU3230">
        <v>0</v>
      </c>
      <c r="AV3230">
        <v>0</v>
      </c>
      <c r="AW3230">
        <v>0</v>
      </c>
      <c r="AX3230">
        <v>0</v>
      </c>
      <c r="AY3230">
        <v>0</v>
      </c>
      <c r="AZ3230">
        <v>0</v>
      </c>
      <c r="BA3230">
        <v>203</v>
      </c>
    </row>
    <row r="3231" spans="1:53" x14ac:dyDescent="0.4">
      <c r="A3231">
        <v>3275</v>
      </c>
      <c r="B3231" s="1">
        <v>43880</v>
      </c>
      <c r="C3231">
        <v>1</v>
      </c>
      <c r="D3231" s="1">
        <v>43880.291666666664</v>
      </c>
      <c r="E3231" s="1">
        <v>43880.449305555558</v>
      </c>
      <c r="F3231">
        <v>0</v>
      </c>
      <c r="G3231">
        <v>0</v>
      </c>
      <c r="H3231">
        <v>0</v>
      </c>
      <c r="I3231">
        <v>0</v>
      </c>
      <c r="J3231">
        <v>0</v>
      </c>
      <c r="K3231">
        <v>0</v>
      </c>
      <c r="L3231">
        <v>0</v>
      </c>
      <c r="M3231">
        <v>0</v>
      </c>
      <c r="N3231">
        <v>0</v>
      </c>
      <c r="O3231">
        <v>0</v>
      </c>
      <c r="P3231">
        <v>0</v>
      </c>
      <c r="Q3231">
        <v>0</v>
      </c>
      <c r="R3231">
        <v>0</v>
      </c>
      <c r="S3231">
        <v>0</v>
      </c>
      <c r="T3231">
        <v>0</v>
      </c>
      <c r="U3231">
        <v>0</v>
      </c>
      <c r="V3231">
        <v>0</v>
      </c>
      <c r="W3231">
        <v>0</v>
      </c>
      <c r="X3231">
        <v>0</v>
      </c>
      <c r="Y3231">
        <v>26</v>
      </c>
      <c r="Z3231">
        <v>11</v>
      </c>
      <c r="AA3231">
        <v>129</v>
      </c>
      <c r="AB3231">
        <v>82</v>
      </c>
      <c r="AC3231">
        <v>108</v>
      </c>
      <c r="AD3231">
        <v>65</v>
      </c>
      <c r="AE3231">
        <v>95</v>
      </c>
      <c r="AF3231">
        <v>0</v>
      </c>
      <c r="AG3231">
        <v>50000</v>
      </c>
      <c r="AH3231">
        <v>50000</v>
      </c>
      <c r="AI3231">
        <v>0</v>
      </c>
      <c r="AJ3231">
        <v>0</v>
      </c>
      <c r="AK3231" t="s">
        <v>6</v>
      </c>
      <c r="AL3231">
        <v>0</v>
      </c>
      <c r="AM3231">
        <v>0</v>
      </c>
      <c r="AN3231">
        <v>0</v>
      </c>
      <c r="AO3231">
        <v>0</v>
      </c>
      <c r="AP3231">
        <v>0</v>
      </c>
      <c r="AQ3231">
        <v>0</v>
      </c>
      <c r="AR3231">
        <v>0</v>
      </c>
      <c r="AS3231">
        <v>0</v>
      </c>
      <c r="AT3231">
        <v>0</v>
      </c>
      <c r="AU3231">
        <v>0</v>
      </c>
      <c r="AV3231">
        <v>0</v>
      </c>
      <c r="AW3231">
        <v>0</v>
      </c>
      <c r="AX3231">
        <v>0</v>
      </c>
      <c r="AY3231">
        <v>0</v>
      </c>
      <c r="AZ3231">
        <v>0</v>
      </c>
      <c r="BA3231">
        <v>0</v>
      </c>
    </row>
    <row r="3232" spans="1:53" x14ac:dyDescent="0.4">
      <c r="A3232">
        <v>3276</v>
      </c>
      <c r="B3232" s="1">
        <v>43880</v>
      </c>
      <c r="C3232">
        <v>2</v>
      </c>
      <c r="D3232" s="1">
        <v>43880.449305555558</v>
      </c>
      <c r="E3232" s="1">
        <v>43880.74722222222</v>
      </c>
      <c r="F3232">
        <v>29150</v>
      </c>
      <c r="G3232">
        <v>540</v>
      </c>
      <c r="H3232">
        <v>200</v>
      </c>
      <c r="I3232">
        <v>0</v>
      </c>
      <c r="J3232">
        <v>0</v>
      </c>
      <c r="K3232">
        <v>0</v>
      </c>
      <c r="L3232">
        <v>0</v>
      </c>
      <c r="M3232">
        <v>2989</v>
      </c>
      <c r="N3232">
        <v>0</v>
      </c>
      <c r="O3232">
        <v>0</v>
      </c>
      <c r="P3232">
        <v>22990</v>
      </c>
      <c r="Q3232">
        <v>0</v>
      </c>
      <c r="R3232">
        <v>55869</v>
      </c>
      <c r="S3232">
        <v>0</v>
      </c>
      <c r="T3232">
        <v>0</v>
      </c>
      <c r="U3232">
        <v>0</v>
      </c>
      <c r="V3232">
        <v>5</v>
      </c>
      <c r="W3232">
        <v>0</v>
      </c>
      <c r="X3232">
        <v>0</v>
      </c>
      <c r="Y3232">
        <v>21</v>
      </c>
      <c r="Z3232">
        <v>32</v>
      </c>
      <c r="AA3232">
        <v>131</v>
      </c>
      <c r="AB3232">
        <v>80</v>
      </c>
      <c r="AC3232">
        <v>120</v>
      </c>
      <c r="AD3232">
        <v>84</v>
      </c>
      <c r="AE3232">
        <v>149</v>
      </c>
      <c r="AF3232">
        <v>0</v>
      </c>
      <c r="AG3232">
        <v>105869</v>
      </c>
      <c r="AH3232">
        <v>50000</v>
      </c>
      <c r="AI3232">
        <v>0</v>
      </c>
      <c r="AJ3232">
        <v>97</v>
      </c>
      <c r="AK3232" t="s">
        <v>33</v>
      </c>
      <c r="AL3232">
        <v>0</v>
      </c>
      <c r="AM3232">
        <v>0</v>
      </c>
      <c r="AN3232">
        <v>0</v>
      </c>
      <c r="AO3232">
        <v>0</v>
      </c>
      <c r="AP3232">
        <v>0</v>
      </c>
      <c r="AQ3232">
        <v>0</v>
      </c>
      <c r="AR3232">
        <v>0</v>
      </c>
      <c r="AS3232">
        <v>0</v>
      </c>
      <c r="AT3232">
        <v>0</v>
      </c>
      <c r="AU3232">
        <v>0</v>
      </c>
      <c r="AV3232">
        <v>0</v>
      </c>
      <c r="AW3232">
        <v>0</v>
      </c>
      <c r="AX3232">
        <v>-352</v>
      </c>
      <c r="AY3232">
        <v>41</v>
      </c>
      <c r="AZ3232">
        <v>85</v>
      </c>
      <c r="BA3232">
        <v>6257</v>
      </c>
    </row>
    <row r="3233" spans="1:53" x14ac:dyDescent="0.4">
      <c r="A3233">
        <v>3277</v>
      </c>
      <c r="B3233" s="1">
        <v>43880</v>
      </c>
      <c r="C3233">
        <v>3</v>
      </c>
      <c r="D3233" s="1">
        <v>43880.74722222222</v>
      </c>
      <c r="E3233" s="1">
        <v>43880.96597222222</v>
      </c>
      <c r="F3233">
        <v>56949</v>
      </c>
      <c r="G3233">
        <v>3920</v>
      </c>
      <c r="H3233">
        <v>200</v>
      </c>
      <c r="I3233">
        <v>0</v>
      </c>
      <c r="J3233">
        <v>0</v>
      </c>
      <c r="K3233">
        <v>0</v>
      </c>
      <c r="L3233">
        <v>0</v>
      </c>
      <c r="M3233">
        <v>6107</v>
      </c>
      <c r="N3233">
        <v>0</v>
      </c>
      <c r="O3233">
        <v>0</v>
      </c>
      <c r="P3233">
        <v>-17930</v>
      </c>
      <c r="Q3233">
        <v>0</v>
      </c>
      <c r="R3233">
        <v>49246</v>
      </c>
      <c r="S3233">
        <v>0</v>
      </c>
      <c r="T3233">
        <v>0</v>
      </c>
      <c r="U3233">
        <v>0</v>
      </c>
      <c r="V3233">
        <v>7</v>
      </c>
      <c r="W3233">
        <v>5</v>
      </c>
      <c r="X3233">
        <v>0</v>
      </c>
      <c r="Y3233">
        <v>16</v>
      </c>
      <c r="Z3233">
        <v>32</v>
      </c>
      <c r="AA3233">
        <v>135</v>
      </c>
      <c r="AB3233">
        <v>82</v>
      </c>
      <c r="AC3233">
        <v>121</v>
      </c>
      <c r="AD3233">
        <v>84</v>
      </c>
      <c r="AE3233">
        <v>162</v>
      </c>
      <c r="AF3233">
        <v>8723</v>
      </c>
      <c r="AG3233">
        <v>155115</v>
      </c>
      <c r="AH3233">
        <v>50000</v>
      </c>
      <c r="AI3233">
        <v>0</v>
      </c>
      <c r="AJ3233">
        <v>100</v>
      </c>
      <c r="AK3233" t="s">
        <v>0</v>
      </c>
      <c r="AL3233">
        <v>0</v>
      </c>
      <c r="AM3233">
        <v>0</v>
      </c>
      <c r="AN3233">
        <v>0</v>
      </c>
      <c r="AO3233">
        <v>0</v>
      </c>
      <c r="AP3233">
        <v>0</v>
      </c>
      <c r="AQ3233">
        <v>0</v>
      </c>
      <c r="AR3233">
        <v>0</v>
      </c>
      <c r="AS3233">
        <v>0</v>
      </c>
      <c r="AT3233">
        <v>0</v>
      </c>
      <c r="AU3233">
        <v>0</v>
      </c>
      <c r="AV3233">
        <v>0</v>
      </c>
      <c r="AW3233">
        <v>0</v>
      </c>
      <c r="AX3233">
        <v>3630</v>
      </c>
      <c r="AY3233">
        <v>18</v>
      </c>
      <c r="AZ3233">
        <v>44</v>
      </c>
      <c r="BA3233">
        <v>3187</v>
      </c>
    </row>
    <row r="3234" spans="1:53" x14ac:dyDescent="0.4">
      <c r="A3234">
        <v>3278</v>
      </c>
      <c r="B3234" s="1">
        <v>43881</v>
      </c>
      <c r="C3234">
        <v>1</v>
      </c>
      <c r="D3234" s="1">
        <v>43881.291666666664</v>
      </c>
      <c r="E3234" s="1">
        <v>43881.454861111109</v>
      </c>
      <c r="F3234">
        <v>0</v>
      </c>
      <c r="G3234">
        <v>0</v>
      </c>
      <c r="H3234">
        <v>0</v>
      </c>
      <c r="I3234">
        <v>0</v>
      </c>
      <c r="J3234">
        <v>0</v>
      </c>
      <c r="K3234">
        <v>0</v>
      </c>
      <c r="L3234">
        <v>0</v>
      </c>
      <c r="M3234">
        <v>0</v>
      </c>
      <c r="N3234">
        <v>0</v>
      </c>
      <c r="O3234">
        <v>0</v>
      </c>
      <c r="P3234">
        <v>0</v>
      </c>
      <c r="Q3234">
        <v>0</v>
      </c>
      <c r="R3234">
        <v>0</v>
      </c>
      <c r="S3234">
        <v>0</v>
      </c>
      <c r="T3234">
        <v>0</v>
      </c>
      <c r="U3234">
        <v>0</v>
      </c>
      <c r="V3234">
        <v>0</v>
      </c>
      <c r="W3234">
        <v>0</v>
      </c>
      <c r="X3234">
        <v>0</v>
      </c>
      <c r="Y3234">
        <v>27</v>
      </c>
      <c r="Z3234">
        <v>19</v>
      </c>
      <c r="AA3234">
        <v>103</v>
      </c>
      <c r="AB3234">
        <v>31</v>
      </c>
      <c r="AC3234">
        <v>112</v>
      </c>
      <c r="AD3234">
        <v>83</v>
      </c>
      <c r="AE3234">
        <v>115</v>
      </c>
      <c r="AF3234">
        <v>0</v>
      </c>
      <c r="AG3234">
        <v>50000</v>
      </c>
      <c r="AH3234">
        <v>0</v>
      </c>
      <c r="AI3234">
        <v>50000</v>
      </c>
      <c r="AJ3234">
        <v>0</v>
      </c>
      <c r="AK3234" t="s">
        <v>6</v>
      </c>
      <c r="AL3234">
        <v>0</v>
      </c>
      <c r="AM3234">
        <v>0</v>
      </c>
      <c r="AN3234">
        <v>0</v>
      </c>
      <c r="AO3234">
        <v>0</v>
      </c>
      <c r="AP3234">
        <v>0</v>
      </c>
      <c r="AQ3234">
        <v>0</v>
      </c>
      <c r="AR3234">
        <v>0</v>
      </c>
      <c r="AS3234">
        <v>0</v>
      </c>
      <c r="AT3234">
        <v>0</v>
      </c>
      <c r="AU3234">
        <v>0</v>
      </c>
      <c r="AV3234">
        <v>0</v>
      </c>
      <c r="AW3234">
        <v>0</v>
      </c>
      <c r="AX3234">
        <v>0</v>
      </c>
      <c r="AY3234">
        <v>0</v>
      </c>
      <c r="AZ3234">
        <v>0</v>
      </c>
      <c r="BA3234">
        <v>0</v>
      </c>
    </row>
    <row r="3235" spans="1:53" x14ac:dyDescent="0.4">
      <c r="A3235">
        <v>3279</v>
      </c>
      <c r="B3235" s="1">
        <v>43881</v>
      </c>
      <c r="C3235">
        <v>2</v>
      </c>
      <c r="D3235" s="1">
        <v>43881.454861111109</v>
      </c>
      <c r="E3235" s="1">
        <v>43881.726388888892</v>
      </c>
      <c r="F3235">
        <v>19250</v>
      </c>
      <c r="G3235">
        <v>0</v>
      </c>
      <c r="H3235">
        <v>200</v>
      </c>
      <c r="I3235">
        <v>0</v>
      </c>
      <c r="J3235">
        <v>0</v>
      </c>
      <c r="K3235">
        <v>0</v>
      </c>
      <c r="L3235">
        <v>0</v>
      </c>
      <c r="M3235">
        <v>1945</v>
      </c>
      <c r="N3235">
        <v>0</v>
      </c>
      <c r="O3235">
        <v>0</v>
      </c>
      <c r="P3235">
        <v>24365</v>
      </c>
      <c r="Q3235">
        <v>0</v>
      </c>
      <c r="R3235">
        <v>45760</v>
      </c>
      <c r="S3235">
        <v>0</v>
      </c>
      <c r="T3235">
        <v>0</v>
      </c>
      <c r="U3235">
        <v>0</v>
      </c>
      <c r="V3235">
        <v>1</v>
      </c>
      <c r="W3235">
        <v>1</v>
      </c>
      <c r="X3235">
        <v>0</v>
      </c>
      <c r="Y3235">
        <v>44</v>
      </c>
      <c r="Z3235">
        <v>39</v>
      </c>
      <c r="AA3235">
        <v>138</v>
      </c>
      <c r="AB3235">
        <v>31</v>
      </c>
      <c r="AC3235">
        <v>132</v>
      </c>
      <c r="AD3235">
        <v>85</v>
      </c>
      <c r="AE3235">
        <v>165</v>
      </c>
      <c r="AF3235">
        <v>0</v>
      </c>
      <c r="AG3235">
        <v>95760</v>
      </c>
      <c r="AH3235">
        <v>50000</v>
      </c>
      <c r="AI3235">
        <v>0</v>
      </c>
      <c r="AJ3235">
        <v>96</v>
      </c>
      <c r="AK3235" t="s">
        <v>4</v>
      </c>
      <c r="AL3235">
        <v>0</v>
      </c>
      <c r="AM3235">
        <v>0</v>
      </c>
      <c r="AN3235">
        <v>0</v>
      </c>
      <c r="AO3235">
        <v>0</v>
      </c>
      <c r="AP3235">
        <v>0</v>
      </c>
      <c r="AQ3235">
        <v>0</v>
      </c>
      <c r="AR3235">
        <v>0</v>
      </c>
      <c r="AS3235">
        <v>0</v>
      </c>
      <c r="AT3235">
        <v>0</v>
      </c>
      <c r="AU3235">
        <v>0</v>
      </c>
      <c r="AV3235">
        <v>0</v>
      </c>
      <c r="AW3235">
        <v>0</v>
      </c>
      <c r="AX3235">
        <v>495</v>
      </c>
      <c r="AY3235">
        <v>41</v>
      </c>
      <c r="AZ3235">
        <v>76</v>
      </c>
      <c r="BA3235">
        <v>5975</v>
      </c>
    </row>
    <row r="3236" spans="1:53" x14ac:dyDescent="0.4">
      <c r="A3236">
        <v>3280</v>
      </c>
      <c r="B3236" s="1">
        <v>43882</v>
      </c>
      <c r="C3236">
        <v>1</v>
      </c>
      <c r="D3236" s="1">
        <v>43882.291666666664</v>
      </c>
      <c r="E3236" s="1">
        <v>43882.433333333334</v>
      </c>
      <c r="F3236">
        <v>0</v>
      </c>
      <c r="G3236">
        <v>0</v>
      </c>
      <c r="H3236">
        <v>0</v>
      </c>
      <c r="I3236">
        <v>0</v>
      </c>
      <c r="J3236">
        <v>0</v>
      </c>
      <c r="K3236">
        <v>0</v>
      </c>
      <c r="L3236">
        <v>0</v>
      </c>
      <c r="M3236">
        <v>0</v>
      </c>
      <c r="N3236">
        <v>0</v>
      </c>
      <c r="O3236">
        <v>0</v>
      </c>
      <c r="P3236">
        <v>0</v>
      </c>
      <c r="Q3236">
        <v>0</v>
      </c>
      <c r="R3236">
        <v>0</v>
      </c>
      <c r="S3236">
        <v>0</v>
      </c>
      <c r="T3236">
        <v>0</v>
      </c>
      <c r="U3236">
        <v>0</v>
      </c>
      <c r="V3236">
        <v>0</v>
      </c>
      <c r="W3236">
        <v>0</v>
      </c>
      <c r="X3236">
        <v>0</v>
      </c>
      <c r="Y3236">
        <v>30</v>
      </c>
      <c r="Z3236">
        <v>19</v>
      </c>
      <c r="AA3236">
        <v>76</v>
      </c>
      <c r="AB3236">
        <v>35</v>
      </c>
      <c r="AC3236">
        <v>84</v>
      </c>
      <c r="AD3236">
        <v>39</v>
      </c>
      <c r="AE3236">
        <v>115</v>
      </c>
      <c r="AF3236">
        <v>0</v>
      </c>
      <c r="AG3236">
        <v>50000</v>
      </c>
      <c r="AH3236">
        <v>50000</v>
      </c>
      <c r="AI3236">
        <v>0</v>
      </c>
      <c r="AJ3236">
        <v>0</v>
      </c>
      <c r="AK3236" t="s">
        <v>6</v>
      </c>
      <c r="AL3236">
        <v>0</v>
      </c>
      <c r="AM3236">
        <v>0</v>
      </c>
      <c r="AN3236">
        <v>0</v>
      </c>
      <c r="AO3236">
        <v>0</v>
      </c>
      <c r="AP3236">
        <v>0</v>
      </c>
      <c r="AQ3236">
        <v>0</v>
      </c>
      <c r="AR3236">
        <v>0</v>
      </c>
      <c r="AS3236">
        <v>0</v>
      </c>
      <c r="AT3236">
        <v>0</v>
      </c>
      <c r="AU3236">
        <v>0</v>
      </c>
      <c r="AV3236">
        <v>0</v>
      </c>
      <c r="AW3236">
        <v>0</v>
      </c>
      <c r="AX3236">
        <v>0</v>
      </c>
      <c r="AY3236">
        <v>0</v>
      </c>
      <c r="AZ3236">
        <v>0</v>
      </c>
      <c r="BA3236">
        <v>0</v>
      </c>
    </row>
    <row r="3237" spans="1:53" x14ac:dyDescent="0.4">
      <c r="A3237">
        <v>3281</v>
      </c>
      <c r="B3237" s="1">
        <v>43882</v>
      </c>
      <c r="C3237">
        <v>2</v>
      </c>
      <c r="D3237" s="1">
        <v>43882.433333333334</v>
      </c>
      <c r="E3237" s="1">
        <v>43882.768750000003</v>
      </c>
      <c r="F3237">
        <v>28600</v>
      </c>
      <c r="G3237">
        <v>0</v>
      </c>
      <c r="H3237">
        <v>0</v>
      </c>
      <c r="I3237">
        <v>0</v>
      </c>
      <c r="J3237">
        <v>0</v>
      </c>
      <c r="K3237">
        <v>0</v>
      </c>
      <c r="L3237">
        <v>0</v>
      </c>
      <c r="M3237">
        <v>2860</v>
      </c>
      <c r="N3237">
        <v>0</v>
      </c>
      <c r="O3237">
        <v>0</v>
      </c>
      <c r="P3237">
        <v>10780</v>
      </c>
      <c r="Q3237">
        <v>0</v>
      </c>
      <c r="R3237">
        <v>42240</v>
      </c>
      <c r="S3237">
        <v>0</v>
      </c>
      <c r="T3237">
        <v>0</v>
      </c>
      <c r="U3237">
        <v>0</v>
      </c>
      <c r="V3237">
        <v>0</v>
      </c>
      <c r="W3237">
        <v>2</v>
      </c>
      <c r="X3237">
        <v>0</v>
      </c>
      <c r="Y3237">
        <v>59</v>
      </c>
      <c r="Z3237">
        <v>24</v>
      </c>
      <c r="AA3237">
        <v>90</v>
      </c>
      <c r="AB3237">
        <v>26</v>
      </c>
      <c r="AC3237">
        <v>61</v>
      </c>
      <c r="AD3237">
        <v>40</v>
      </c>
      <c r="AE3237">
        <v>130</v>
      </c>
      <c r="AF3237">
        <v>0</v>
      </c>
      <c r="AG3237">
        <v>92240</v>
      </c>
      <c r="AH3237">
        <v>50000</v>
      </c>
      <c r="AI3237">
        <v>0</v>
      </c>
      <c r="AJ3237">
        <v>101</v>
      </c>
      <c r="AK3237" t="s">
        <v>28</v>
      </c>
      <c r="AL3237">
        <v>0</v>
      </c>
      <c r="AM3237">
        <v>0</v>
      </c>
      <c r="AN3237">
        <v>0</v>
      </c>
      <c r="AO3237">
        <v>0</v>
      </c>
      <c r="AP3237">
        <v>0</v>
      </c>
      <c r="AQ3237">
        <v>0</v>
      </c>
      <c r="AR3237">
        <v>0</v>
      </c>
      <c r="AS3237">
        <v>0</v>
      </c>
      <c r="AT3237">
        <v>0</v>
      </c>
      <c r="AU3237">
        <v>0</v>
      </c>
      <c r="AV3237">
        <v>0</v>
      </c>
      <c r="AW3237">
        <v>0</v>
      </c>
      <c r="AX3237">
        <v>4818</v>
      </c>
      <c r="AY3237">
        <v>35</v>
      </c>
      <c r="AZ3237">
        <v>75</v>
      </c>
      <c r="BA3237">
        <v>5332</v>
      </c>
    </row>
    <row r="3238" spans="1:53" x14ac:dyDescent="0.4">
      <c r="A3238">
        <v>3282</v>
      </c>
      <c r="B3238" s="1">
        <v>43882</v>
      </c>
      <c r="C3238">
        <v>3</v>
      </c>
      <c r="D3238" s="1">
        <v>43882.768750000003</v>
      </c>
      <c r="E3238" s="1">
        <v>43882.958333333336</v>
      </c>
      <c r="F3238">
        <v>49750</v>
      </c>
      <c r="G3238">
        <v>2470</v>
      </c>
      <c r="H3238">
        <v>0</v>
      </c>
      <c r="I3238">
        <v>0</v>
      </c>
      <c r="J3238">
        <v>100</v>
      </c>
      <c r="K3238">
        <v>0</v>
      </c>
      <c r="L3238">
        <v>0</v>
      </c>
      <c r="M3238">
        <v>5212</v>
      </c>
      <c r="N3238">
        <v>0</v>
      </c>
      <c r="O3238">
        <v>0</v>
      </c>
      <c r="P3238">
        <v>-10780</v>
      </c>
      <c r="Q3238">
        <v>0</v>
      </c>
      <c r="R3238">
        <v>46552</v>
      </c>
      <c r="S3238">
        <v>0</v>
      </c>
      <c r="T3238">
        <v>0</v>
      </c>
      <c r="U3238">
        <v>0</v>
      </c>
      <c r="V3238">
        <v>2</v>
      </c>
      <c r="W3238">
        <v>5</v>
      </c>
      <c r="X3238">
        <v>0</v>
      </c>
      <c r="Y3238">
        <v>67</v>
      </c>
      <c r="Z3238">
        <v>26</v>
      </c>
      <c r="AA3238">
        <v>90</v>
      </c>
      <c r="AB3238">
        <v>23</v>
      </c>
      <c r="AC3238">
        <v>49</v>
      </c>
      <c r="AD3238">
        <v>33</v>
      </c>
      <c r="AE3238">
        <v>127</v>
      </c>
      <c r="AF3238">
        <v>2860</v>
      </c>
      <c r="AG3238">
        <v>138792</v>
      </c>
      <c r="AH3238">
        <v>50000</v>
      </c>
      <c r="AI3238">
        <v>0</v>
      </c>
      <c r="AJ3238">
        <v>100</v>
      </c>
      <c r="AK3238" t="s">
        <v>0</v>
      </c>
      <c r="AL3238">
        <v>0</v>
      </c>
      <c r="AM3238">
        <v>0</v>
      </c>
      <c r="AN3238">
        <v>0</v>
      </c>
      <c r="AO3238">
        <v>0</v>
      </c>
      <c r="AP3238">
        <v>0</v>
      </c>
      <c r="AQ3238">
        <v>0</v>
      </c>
      <c r="AR3238">
        <v>0</v>
      </c>
      <c r="AS3238">
        <v>0</v>
      </c>
      <c r="AT3238">
        <v>0</v>
      </c>
      <c r="AU3238">
        <v>0</v>
      </c>
      <c r="AV3238">
        <v>0</v>
      </c>
      <c r="AW3238">
        <v>0</v>
      </c>
      <c r="AX3238">
        <v>58877</v>
      </c>
      <c r="AY3238">
        <v>17</v>
      </c>
      <c r="AZ3238">
        <v>57</v>
      </c>
      <c r="BA3238">
        <v>2010</v>
      </c>
    </row>
    <row r="3239" spans="1:53" x14ac:dyDescent="0.4">
      <c r="A3239">
        <v>3283</v>
      </c>
      <c r="B3239" s="1">
        <v>43882</v>
      </c>
      <c r="C3239">
        <v>4</v>
      </c>
      <c r="D3239" s="1">
        <v>43882.958333333336</v>
      </c>
      <c r="E3239" s="1">
        <v>43883.102083333331</v>
      </c>
      <c r="F3239">
        <v>82700</v>
      </c>
      <c r="G3239">
        <v>1000</v>
      </c>
      <c r="H3239">
        <v>0</v>
      </c>
      <c r="I3239">
        <v>0</v>
      </c>
      <c r="J3239">
        <v>0</v>
      </c>
      <c r="K3239">
        <v>0</v>
      </c>
      <c r="L3239">
        <v>0</v>
      </c>
      <c r="M3239">
        <v>8369</v>
      </c>
      <c r="N3239">
        <v>0</v>
      </c>
      <c r="O3239">
        <v>0</v>
      </c>
      <c r="P3239">
        <v>52140</v>
      </c>
      <c r="Q3239">
        <v>0</v>
      </c>
      <c r="R3239">
        <v>144209</v>
      </c>
      <c r="S3239">
        <v>0</v>
      </c>
      <c r="T3239">
        <v>0</v>
      </c>
      <c r="U3239">
        <v>0</v>
      </c>
      <c r="V3239">
        <v>11</v>
      </c>
      <c r="W3239">
        <v>3</v>
      </c>
      <c r="X3239">
        <v>0</v>
      </c>
      <c r="Y3239">
        <v>90</v>
      </c>
      <c r="Z3239">
        <v>22</v>
      </c>
      <c r="AA3239">
        <v>98</v>
      </c>
      <c r="AB3239">
        <v>25</v>
      </c>
      <c r="AC3239">
        <v>46</v>
      </c>
      <c r="AD3239">
        <v>31</v>
      </c>
      <c r="AE3239">
        <v>126</v>
      </c>
      <c r="AF3239">
        <v>45210</v>
      </c>
      <c r="AG3239">
        <v>283001</v>
      </c>
      <c r="AH3239">
        <v>50000</v>
      </c>
      <c r="AI3239">
        <v>0</v>
      </c>
      <c r="AJ3239">
        <v>100</v>
      </c>
      <c r="AK3239" t="s">
        <v>0</v>
      </c>
      <c r="AL3239">
        <v>0</v>
      </c>
      <c r="AM3239">
        <v>0</v>
      </c>
      <c r="AN3239">
        <v>0</v>
      </c>
      <c r="AO3239">
        <v>0</v>
      </c>
      <c r="AP3239">
        <v>0</v>
      </c>
      <c r="AQ3239">
        <v>0</v>
      </c>
      <c r="AR3239">
        <v>0</v>
      </c>
      <c r="AS3239">
        <v>0</v>
      </c>
      <c r="AT3239">
        <v>0</v>
      </c>
      <c r="AU3239">
        <v>0</v>
      </c>
      <c r="AV3239">
        <v>0</v>
      </c>
      <c r="AW3239">
        <v>0</v>
      </c>
      <c r="AX3239">
        <v>11407</v>
      </c>
      <c r="AY3239">
        <v>16</v>
      </c>
      <c r="AZ3239">
        <v>43</v>
      </c>
      <c r="BA3239">
        <v>2165</v>
      </c>
    </row>
    <row r="3240" spans="1:53" x14ac:dyDescent="0.4">
      <c r="A3240">
        <v>3284</v>
      </c>
      <c r="B3240" s="1">
        <v>43883</v>
      </c>
      <c r="C3240">
        <v>1</v>
      </c>
      <c r="D3240" s="1">
        <v>43883.291666666664</v>
      </c>
      <c r="E3240" s="1">
        <v>43883.408333333333</v>
      </c>
      <c r="F3240">
        <v>0</v>
      </c>
      <c r="G3240">
        <v>0</v>
      </c>
      <c r="H3240">
        <v>0</v>
      </c>
      <c r="I3240">
        <v>0</v>
      </c>
      <c r="J3240">
        <v>0</v>
      </c>
      <c r="K3240">
        <v>0</v>
      </c>
      <c r="L3240">
        <v>0</v>
      </c>
      <c r="M3240">
        <v>0</v>
      </c>
      <c r="N3240">
        <v>0</v>
      </c>
      <c r="O3240">
        <v>0</v>
      </c>
      <c r="P3240">
        <v>0</v>
      </c>
      <c r="Q3240">
        <v>0</v>
      </c>
      <c r="R3240">
        <v>0</v>
      </c>
      <c r="S3240">
        <v>0</v>
      </c>
      <c r="T3240">
        <v>0</v>
      </c>
      <c r="U3240">
        <v>0</v>
      </c>
      <c r="V3240">
        <v>0</v>
      </c>
      <c r="W3240">
        <v>0</v>
      </c>
      <c r="X3240">
        <v>0</v>
      </c>
      <c r="Y3240">
        <v>30</v>
      </c>
      <c r="Z3240">
        <v>17</v>
      </c>
      <c r="AA3240">
        <v>95</v>
      </c>
      <c r="AB3240">
        <v>25</v>
      </c>
      <c r="AC3240">
        <v>47</v>
      </c>
      <c r="AD3240">
        <v>30</v>
      </c>
      <c r="AE3240">
        <v>130</v>
      </c>
      <c r="AF3240">
        <v>0</v>
      </c>
      <c r="AG3240">
        <v>50000</v>
      </c>
      <c r="AH3240">
        <v>50000</v>
      </c>
      <c r="AI3240">
        <v>0</v>
      </c>
      <c r="AJ3240">
        <v>0</v>
      </c>
      <c r="AK3240" t="s">
        <v>6</v>
      </c>
      <c r="AL3240">
        <v>0</v>
      </c>
      <c r="AM3240">
        <v>0</v>
      </c>
      <c r="AN3240">
        <v>0</v>
      </c>
      <c r="AO3240">
        <v>0</v>
      </c>
      <c r="AP3240">
        <v>0</v>
      </c>
      <c r="AQ3240">
        <v>0</v>
      </c>
      <c r="AR3240">
        <v>0</v>
      </c>
      <c r="AS3240">
        <v>0</v>
      </c>
      <c r="AT3240">
        <v>0</v>
      </c>
      <c r="AU3240">
        <v>0</v>
      </c>
      <c r="AV3240">
        <v>0</v>
      </c>
      <c r="AW3240">
        <v>0</v>
      </c>
      <c r="AX3240">
        <v>0</v>
      </c>
      <c r="AY3240">
        <v>0</v>
      </c>
      <c r="AZ3240">
        <v>0</v>
      </c>
      <c r="BA3240">
        <v>0</v>
      </c>
    </row>
    <row r="3241" spans="1:53" x14ac:dyDescent="0.4">
      <c r="A3241">
        <v>3285</v>
      </c>
      <c r="B3241" s="1">
        <v>43883</v>
      </c>
      <c r="C3241">
        <v>2</v>
      </c>
      <c r="D3241" s="1">
        <v>43883.408333333333</v>
      </c>
      <c r="E3241" s="1">
        <v>43883.730555555558</v>
      </c>
      <c r="F3241">
        <v>50050</v>
      </c>
      <c r="G3241">
        <v>3680</v>
      </c>
      <c r="H3241">
        <v>200</v>
      </c>
      <c r="I3241">
        <v>0</v>
      </c>
      <c r="J3241">
        <v>700</v>
      </c>
      <c r="K3241">
        <v>0</v>
      </c>
      <c r="L3241">
        <v>0</v>
      </c>
      <c r="M3241">
        <v>5323</v>
      </c>
      <c r="N3241">
        <v>0</v>
      </c>
      <c r="O3241">
        <v>0</v>
      </c>
      <c r="P3241">
        <v>16335</v>
      </c>
      <c r="Q3241">
        <v>0</v>
      </c>
      <c r="R3241">
        <v>74888</v>
      </c>
      <c r="S3241">
        <v>0</v>
      </c>
      <c r="T3241">
        <v>0</v>
      </c>
      <c r="U3241">
        <v>0</v>
      </c>
      <c r="V3241">
        <v>3</v>
      </c>
      <c r="W3241">
        <v>3</v>
      </c>
      <c r="X3241">
        <v>0</v>
      </c>
      <c r="Y3241">
        <v>45</v>
      </c>
      <c r="Z3241">
        <v>34</v>
      </c>
      <c r="AA3241">
        <v>120</v>
      </c>
      <c r="AB3241">
        <v>11</v>
      </c>
      <c r="AC3241">
        <v>15</v>
      </c>
      <c r="AD3241">
        <v>25</v>
      </c>
      <c r="AE3241">
        <v>167</v>
      </c>
      <c r="AF3241">
        <v>4896</v>
      </c>
      <c r="AG3241">
        <v>124888</v>
      </c>
      <c r="AH3241">
        <v>50000</v>
      </c>
      <c r="AI3241">
        <v>0</v>
      </c>
      <c r="AJ3241">
        <v>97</v>
      </c>
      <c r="AK3241" t="s">
        <v>33</v>
      </c>
      <c r="AL3241">
        <v>0</v>
      </c>
      <c r="AM3241">
        <v>0</v>
      </c>
      <c r="AN3241">
        <v>0</v>
      </c>
      <c r="AO3241">
        <v>0</v>
      </c>
      <c r="AP3241">
        <v>0</v>
      </c>
      <c r="AQ3241">
        <v>0</v>
      </c>
      <c r="AR3241">
        <v>0</v>
      </c>
      <c r="AS3241">
        <v>0</v>
      </c>
      <c r="AT3241">
        <v>0</v>
      </c>
      <c r="AU3241">
        <v>0</v>
      </c>
      <c r="AV3241">
        <v>0</v>
      </c>
      <c r="AW3241">
        <v>0</v>
      </c>
      <c r="AX3241">
        <v>-1199</v>
      </c>
      <c r="AY3241">
        <v>50</v>
      </c>
      <c r="AZ3241">
        <v>112</v>
      </c>
      <c r="BA3241">
        <v>7709</v>
      </c>
    </row>
    <row r="3242" spans="1:53" x14ac:dyDescent="0.4">
      <c r="A3242">
        <v>3286</v>
      </c>
      <c r="B3242" s="1">
        <v>43883</v>
      </c>
      <c r="C3242">
        <v>3</v>
      </c>
      <c r="D3242" s="1">
        <v>43883.730555555558</v>
      </c>
      <c r="E3242" s="1">
        <v>43884.132638888892</v>
      </c>
      <c r="F3242">
        <v>225175</v>
      </c>
      <c r="G3242">
        <v>7900</v>
      </c>
      <c r="H3242">
        <v>200</v>
      </c>
      <c r="I3242">
        <v>0</v>
      </c>
      <c r="J3242">
        <v>0</v>
      </c>
      <c r="K3242">
        <v>0</v>
      </c>
      <c r="L3242">
        <v>0</v>
      </c>
      <c r="M3242">
        <v>23328</v>
      </c>
      <c r="N3242">
        <v>0</v>
      </c>
      <c r="O3242">
        <v>0</v>
      </c>
      <c r="P3242">
        <v>37455</v>
      </c>
      <c r="Q3242">
        <v>0</v>
      </c>
      <c r="R3242">
        <v>294058</v>
      </c>
      <c r="S3242">
        <v>0</v>
      </c>
      <c r="T3242">
        <v>0</v>
      </c>
      <c r="U3242">
        <v>0</v>
      </c>
      <c r="V3242">
        <v>20</v>
      </c>
      <c r="W3242">
        <v>11</v>
      </c>
      <c r="X3242">
        <v>0</v>
      </c>
      <c r="Y3242">
        <v>81</v>
      </c>
      <c r="Z3242">
        <v>36</v>
      </c>
      <c r="AA3242">
        <v>131</v>
      </c>
      <c r="AB3242">
        <v>9</v>
      </c>
      <c r="AC3242">
        <v>31</v>
      </c>
      <c r="AD3242">
        <v>23</v>
      </c>
      <c r="AE3242">
        <v>161</v>
      </c>
      <c r="AF3242">
        <v>50810</v>
      </c>
      <c r="AG3242">
        <v>418946</v>
      </c>
      <c r="AH3242">
        <v>50000</v>
      </c>
      <c r="AI3242">
        <v>0</v>
      </c>
      <c r="AJ3242">
        <v>101</v>
      </c>
      <c r="AK3242" t="s">
        <v>28</v>
      </c>
      <c r="AL3242">
        <v>0</v>
      </c>
      <c r="AM3242">
        <v>0</v>
      </c>
      <c r="AN3242">
        <v>0</v>
      </c>
      <c r="AO3242">
        <v>0</v>
      </c>
      <c r="AP3242">
        <v>0</v>
      </c>
      <c r="AQ3242">
        <v>0</v>
      </c>
      <c r="AR3242">
        <v>0</v>
      </c>
      <c r="AS3242">
        <v>0</v>
      </c>
      <c r="AT3242">
        <v>0</v>
      </c>
      <c r="AU3242">
        <v>0</v>
      </c>
      <c r="AV3242">
        <v>0</v>
      </c>
      <c r="AW3242">
        <v>0</v>
      </c>
      <c r="AX3242">
        <v>24464</v>
      </c>
      <c r="AY3242">
        <v>40</v>
      </c>
      <c r="AZ3242">
        <v>132</v>
      </c>
      <c r="BA3242">
        <v>6960</v>
      </c>
    </row>
    <row r="3243" spans="1:53" x14ac:dyDescent="0.4">
      <c r="A3243">
        <v>3287</v>
      </c>
      <c r="B3243" s="1">
        <v>43884</v>
      </c>
      <c r="C3243">
        <v>1</v>
      </c>
      <c r="D3243" s="1">
        <v>43884.291666666664</v>
      </c>
      <c r="E3243" s="1">
        <v>43884.390277777777</v>
      </c>
      <c r="F3243">
        <v>0</v>
      </c>
      <c r="G3243">
        <v>0</v>
      </c>
      <c r="H3243">
        <v>0</v>
      </c>
      <c r="I3243">
        <v>0</v>
      </c>
      <c r="J3243">
        <v>0</v>
      </c>
      <c r="K3243">
        <v>0</v>
      </c>
      <c r="L3243">
        <v>0</v>
      </c>
      <c r="M3243">
        <v>0</v>
      </c>
      <c r="N3243">
        <v>0</v>
      </c>
      <c r="O3243">
        <v>0</v>
      </c>
      <c r="P3243">
        <v>0</v>
      </c>
      <c r="Q3243">
        <v>0</v>
      </c>
      <c r="R3243">
        <v>0</v>
      </c>
      <c r="S3243">
        <v>0</v>
      </c>
      <c r="T3243">
        <v>0</v>
      </c>
      <c r="U3243">
        <v>0</v>
      </c>
      <c r="V3243">
        <v>0</v>
      </c>
      <c r="W3243">
        <v>0</v>
      </c>
      <c r="X3243">
        <v>0</v>
      </c>
      <c r="Y3243">
        <v>30</v>
      </c>
      <c r="Z3243">
        <v>20</v>
      </c>
      <c r="AA3243">
        <v>85</v>
      </c>
      <c r="AB3243">
        <v>9</v>
      </c>
      <c r="AC3243">
        <v>82</v>
      </c>
      <c r="AD3243">
        <v>23</v>
      </c>
      <c r="AE3243">
        <v>115</v>
      </c>
      <c r="AF3243">
        <v>0</v>
      </c>
      <c r="AG3243">
        <v>50000</v>
      </c>
      <c r="AH3243">
        <v>50000</v>
      </c>
      <c r="AI3243">
        <v>0</v>
      </c>
      <c r="AJ3243">
        <v>0</v>
      </c>
      <c r="AK3243" t="s">
        <v>6</v>
      </c>
      <c r="AL3243">
        <v>0</v>
      </c>
      <c r="AM3243">
        <v>0</v>
      </c>
      <c r="AN3243">
        <v>0</v>
      </c>
      <c r="AO3243">
        <v>0</v>
      </c>
      <c r="AP3243">
        <v>0</v>
      </c>
      <c r="AQ3243">
        <v>0</v>
      </c>
      <c r="AR3243">
        <v>0</v>
      </c>
      <c r="AS3243">
        <v>0</v>
      </c>
      <c r="AT3243">
        <v>0</v>
      </c>
      <c r="AU3243">
        <v>0</v>
      </c>
      <c r="AV3243">
        <v>0</v>
      </c>
      <c r="AW3243">
        <v>0</v>
      </c>
      <c r="AX3243">
        <v>0</v>
      </c>
      <c r="AY3243">
        <v>0</v>
      </c>
      <c r="AZ3243">
        <v>0</v>
      </c>
      <c r="BA3243">
        <v>0</v>
      </c>
    </row>
    <row r="3244" spans="1:53" x14ac:dyDescent="0.4">
      <c r="A3244">
        <v>3288</v>
      </c>
      <c r="B3244" s="1">
        <v>43884</v>
      </c>
      <c r="C3244">
        <v>2</v>
      </c>
      <c r="D3244" s="1">
        <v>43884.390277777777</v>
      </c>
      <c r="E3244" s="1">
        <v>43884.743055555555</v>
      </c>
      <c r="F3244">
        <v>52250</v>
      </c>
      <c r="G3244">
        <v>5300</v>
      </c>
      <c r="H3244">
        <v>0</v>
      </c>
      <c r="I3244">
        <v>0</v>
      </c>
      <c r="J3244">
        <v>300</v>
      </c>
      <c r="K3244">
        <v>0</v>
      </c>
      <c r="L3244">
        <v>0</v>
      </c>
      <c r="M3244">
        <v>5725</v>
      </c>
      <c r="N3244">
        <v>0</v>
      </c>
      <c r="O3244">
        <v>0</v>
      </c>
      <c r="P3244">
        <v>21780</v>
      </c>
      <c r="Q3244">
        <v>0</v>
      </c>
      <c r="R3244">
        <v>84755</v>
      </c>
      <c r="S3244">
        <v>0</v>
      </c>
      <c r="T3244">
        <v>0</v>
      </c>
      <c r="U3244">
        <v>0</v>
      </c>
      <c r="V3244">
        <v>3</v>
      </c>
      <c r="W3244">
        <v>0</v>
      </c>
      <c r="X3244">
        <v>0</v>
      </c>
      <c r="Y3244">
        <v>65</v>
      </c>
      <c r="Z3244">
        <v>39</v>
      </c>
      <c r="AA3244">
        <v>114</v>
      </c>
      <c r="AB3244">
        <v>5</v>
      </c>
      <c r="AC3244">
        <v>29</v>
      </c>
      <c r="AD3244">
        <v>25</v>
      </c>
      <c r="AE3244">
        <v>26</v>
      </c>
      <c r="AF3244">
        <v>8164</v>
      </c>
      <c r="AG3244">
        <v>134755</v>
      </c>
      <c r="AH3244">
        <v>50000</v>
      </c>
      <c r="AI3244">
        <v>0</v>
      </c>
      <c r="AJ3244">
        <v>107</v>
      </c>
      <c r="AK3244" t="s">
        <v>40</v>
      </c>
      <c r="AL3244">
        <v>0</v>
      </c>
      <c r="AM3244">
        <v>0</v>
      </c>
      <c r="AN3244">
        <v>0</v>
      </c>
      <c r="AO3244">
        <v>0</v>
      </c>
      <c r="AP3244">
        <v>0</v>
      </c>
      <c r="AQ3244">
        <v>0</v>
      </c>
      <c r="AR3244">
        <v>0</v>
      </c>
      <c r="AS3244">
        <v>0</v>
      </c>
      <c r="AT3244">
        <v>0</v>
      </c>
      <c r="AU3244">
        <v>0</v>
      </c>
      <c r="AV3244">
        <v>0</v>
      </c>
      <c r="AW3244">
        <v>0</v>
      </c>
      <c r="AX3244">
        <v>-979</v>
      </c>
      <c r="AY3244">
        <v>51</v>
      </c>
      <c r="AZ3244">
        <v>125</v>
      </c>
      <c r="BA3244">
        <v>7770</v>
      </c>
    </row>
    <row r="3245" spans="1:53" x14ac:dyDescent="0.4">
      <c r="A3245">
        <v>3289</v>
      </c>
      <c r="B3245" s="1">
        <v>43885</v>
      </c>
      <c r="C3245">
        <v>1</v>
      </c>
      <c r="D3245" s="1">
        <v>43885.291666666664</v>
      </c>
      <c r="E3245" s="1">
        <v>43885.411111111112</v>
      </c>
      <c r="F3245">
        <v>0</v>
      </c>
      <c r="G3245">
        <v>0</v>
      </c>
      <c r="H3245">
        <v>0</v>
      </c>
      <c r="I3245">
        <v>0</v>
      </c>
      <c r="J3245">
        <v>0</v>
      </c>
      <c r="K3245">
        <v>0</v>
      </c>
      <c r="L3245">
        <v>0</v>
      </c>
      <c r="M3245">
        <v>0</v>
      </c>
      <c r="N3245">
        <v>0</v>
      </c>
      <c r="O3245">
        <v>0</v>
      </c>
      <c r="P3245">
        <v>0</v>
      </c>
      <c r="Q3245">
        <v>0</v>
      </c>
      <c r="R3245">
        <v>0</v>
      </c>
      <c r="S3245">
        <v>0</v>
      </c>
      <c r="T3245">
        <v>0</v>
      </c>
      <c r="U3245">
        <v>0</v>
      </c>
      <c r="V3245">
        <v>0</v>
      </c>
      <c r="W3245">
        <v>0</v>
      </c>
      <c r="X3245">
        <v>0</v>
      </c>
      <c r="Y3245">
        <v>30</v>
      </c>
      <c r="Z3245">
        <v>11</v>
      </c>
      <c r="AA3245">
        <v>116</v>
      </c>
      <c r="AB3245">
        <v>51</v>
      </c>
      <c r="AC3245">
        <v>12</v>
      </c>
      <c r="AD3245">
        <v>21</v>
      </c>
      <c r="AE3245">
        <v>125</v>
      </c>
      <c r="AF3245">
        <v>0</v>
      </c>
      <c r="AG3245">
        <v>50000</v>
      </c>
      <c r="AH3245">
        <v>0</v>
      </c>
      <c r="AI3245">
        <v>50000</v>
      </c>
      <c r="AJ3245">
        <v>0</v>
      </c>
      <c r="AK3245" t="s">
        <v>6</v>
      </c>
      <c r="AL3245">
        <v>0</v>
      </c>
      <c r="AM3245">
        <v>0</v>
      </c>
      <c r="AN3245">
        <v>0</v>
      </c>
      <c r="AO3245">
        <v>0</v>
      </c>
      <c r="AP3245">
        <v>0</v>
      </c>
      <c r="AQ3245">
        <v>0</v>
      </c>
      <c r="AR3245">
        <v>0</v>
      </c>
      <c r="AS3245">
        <v>0</v>
      </c>
      <c r="AT3245">
        <v>0</v>
      </c>
      <c r="AU3245">
        <v>0</v>
      </c>
      <c r="AV3245">
        <v>0</v>
      </c>
      <c r="AW3245">
        <v>0</v>
      </c>
      <c r="AX3245">
        <v>0</v>
      </c>
      <c r="AY3245">
        <v>0</v>
      </c>
      <c r="AZ3245">
        <v>0</v>
      </c>
      <c r="BA3245">
        <v>0</v>
      </c>
    </row>
    <row r="3246" spans="1:53" x14ac:dyDescent="0.4">
      <c r="A3246">
        <v>3290</v>
      </c>
      <c r="B3246" s="1">
        <v>43885</v>
      </c>
      <c r="C3246">
        <v>2</v>
      </c>
      <c r="D3246" s="1">
        <v>43885.411111111112</v>
      </c>
      <c r="E3246" s="1">
        <v>43885.75277777778</v>
      </c>
      <c r="F3246">
        <v>58025</v>
      </c>
      <c r="G3246">
        <v>4220</v>
      </c>
      <c r="H3246">
        <v>200</v>
      </c>
      <c r="I3246">
        <v>0</v>
      </c>
      <c r="J3246">
        <v>0</v>
      </c>
      <c r="K3246">
        <v>0</v>
      </c>
      <c r="L3246">
        <v>0</v>
      </c>
      <c r="M3246">
        <v>6245</v>
      </c>
      <c r="N3246">
        <v>0</v>
      </c>
      <c r="O3246">
        <v>0</v>
      </c>
      <c r="P3246">
        <v>15125</v>
      </c>
      <c r="Q3246">
        <v>0</v>
      </c>
      <c r="R3246">
        <v>83815</v>
      </c>
      <c r="S3246">
        <v>0</v>
      </c>
      <c r="T3246">
        <v>0</v>
      </c>
      <c r="U3246">
        <v>0</v>
      </c>
      <c r="V3246">
        <v>3</v>
      </c>
      <c r="W3246">
        <v>2</v>
      </c>
      <c r="X3246">
        <v>0</v>
      </c>
      <c r="Y3246">
        <v>52</v>
      </c>
      <c r="Z3246">
        <v>51</v>
      </c>
      <c r="AA3246">
        <v>113</v>
      </c>
      <c r="AB3246">
        <v>61</v>
      </c>
      <c r="AC3246">
        <v>79</v>
      </c>
      <c r="AD3246">
        <v>56</v>
      </c>
      <c r="AE3246">
        <v>215</v>
      </c>
      <c r="AF3246">
        <v>680</v>
      </c>
      <c r="AG3246">
        <v>133815</v>
      </c>
      <c r="AH3246">
        <v>50000</v>
      </c>
      <c r="AI3246">
        <v>0</v>
      </c>
      <c r="AJ3246">
        <v>96</v>
      </c>
      <c r="AK3246" t="s">
        <v>4</v>
      </c>
      <c r="AL3246">
        <v>0</v>
      </c>
      <c r="AM3246">
        <v>0</v>
      </c>
      <c r="AN3246">
        <v>0</v>
      </c>
      <c r="AO3246">
        <v>0</v>
      </c>
      <c r="AP3246">
        <v>0</v>
      </c>
      <c r="AQ3246">
        <v>0</v>
      </c>
      <c r="AR3246">
        <v>0</v>
      </c>
      <c r="AS3246">
        <v>0</v>
      </c>
      <c r="AT3246">
        <v>0</v>
      </c>
      <c r="AU3246">
        <v>0</v>
      </c>
      <c r="AV3246">
        <v>0</v>
      </c>
      <c r="AW3246">
        <v>0</v>
      </c>
      <c r="AX3246">
        <v>0</v>
      </c>
      <c r="AY3246">
        <v>49</v>
      </c>
      <c r="AZ3246">
        <v>130</v>
      </c>
      <c r="BA3246">
        <v>7560</v>
      </c>
    </row>
    <row r="3247" spans="1:53" x14ac:dyDescent="0.4">
      <c r="A3247">
        <v>3291</v>
      </c>
      <c r="B3247" s="1">
        <v>43885</v>
      </c>
      <c r="C3247">
        <v>3</v>
      </c>
      <c r="D3247" s="1">
        <v>43885.75277777778</v>
      </c>
      <c r="E3247" s="1">
        <v>43885.962500000001</v>
      </c>
      <c r="F3247">
        <v>44300</v>
      </c>
      <c r="G3247">
        <v>2000</v>
      </c>
      <c r="H3247">
        <v>0</v>
      </c>
      <c r="I3247">
        <v>0</v>
      </c>
      <c r="J3247">
        <v>0</v>
      </c>
      <c r="K3247">
        <v>0</v>
      </c>
      <c r="L3247">
        <v>0</v>
      </c>
      <c r="M3247">
        <v>4629</v>
      </c>
      <c r="N3247">
        <v>0</v>
      </c>
      <c r="O3247">
        <v>0</v>
      </c>
      <c r="P3247">
        <v>-11275</v>
      </c>
      <c r="Q3247">
        <v>0</v>
      </c>
      <c r="R3247">
        <v>39654</v>
      </c>
      <c r="S3247">
        <v>0</v>
      </c>
      <c r="T3247">
        <v>0</v>
      </c>
      <c r="U3247">
        <v>0</v>
      </c>
      <c r="V3247">
        <v>6</v>
      </c>
      <c r="W3247">
        <v>1</v>
      </c>
      <c r="X3247">
        <v>0</v>
      </c>
      <c r="Y3247">
        <v>64</v>
      </c>
      <c r="Z3247">
        <v>52</v>
      </c>
      <c r="AA3247">
        <v>103</v>
      </c>
      <c r="AB3247">
        <v>59</v>
      </c>
      <c r="AC3247">
        <v>75</v>
      </c>
      <c r="AD3247">
        <v>55</v>
      </c>
      <c r="AE3247">
        <v>214</v>
      </c>
      <c r="AF3247">
        <v>3980</v>
      </c>
      <c r="AG3247">
        <v>173469</v>
      </c>
      <c r="AH3247">
        <v>50000</v>
      </c>
      <c r="AI3247">
        <v>0</v>
      </c>
      <c r="AJ3247">
        <v>107</v>
      </c>
      <c r="AK3247" t="s">
        <v>40</v>
      </c>
      <c r="AL3247">
        <v>0</v>
      </c>
      <c r="AM3247">
        <v>0</v>
      </c>
      <c r="AN3247">
        <v>0</v>
      </c>
      <c r="AO3247">
        <v>0</v>
      </c>
      <c r="AP3247">
        <v>0</v>
      </c>
      <c r="AQ3247">
        <v>0</v>
      </c>
      <c r="AR3247">
        <v>0</v>
      </c>
      <c r="AS3247">
        <v>0</v>
      </c>
      <c r="AT3247">
        <v>0</v>
      </c>
      <c r="AU3247">
        <v>0</v>
      </c>
      <c r="AV3247">
        <v>0</v>
      </c>
      <c r="AW3247">
        <v>0</v>
      </c>
      <c r="AX3247">
        <v>13690</v>
      </c>
      <c r="AY3247">
        <v>19</v>
      </c>
      <c r="AZ3247">
        <v>46</v>
      </c>
      <c r="BA3247">
        <v>2896</v>
      </c>
    </row>
    <row r="3248" spans="1:53" x14ac:dyDescent="0.4">
      <c r="A3248">
        <v>3292</v>
      </c>
      <c r="B3248" s="1">
        <v>43885</v>
      </c>
      <c r="C3248">
        <v>4</v>
      </c>
      <c r="D3248" s="1">
        <v>43885.962500000001</v>
      </c>
      <c r="E3248" s="1">
        <v>43886.076388888891</v>
      </c>
      <c r="F3248">
        <v>17750</v>
      </c>
      <c r="G3248">
        <v>420</v>
      </c>
      <c r="H3248">
        <v>200</v>
      </c>
      <c r="I3248">
        <v>0</v>
      </c>
      <c r="J3248">
        <v>0</v>
      </c>
      <c r="K3248">
        <v>0</v>
      </c>
      <c r="L3248">
        <v>0</v>
      </c>
      <c r="M3248">
        <v>1836</v>
      </c>
      <c r="N3248">
        <v>0</v>
      </c>
      <c r="O3248">
        <v>0</v>
      </c>
      <c r="P3248">
        <v>11000</v>
      </c>
      <c r="Q3248">
        <v>0</v>
      </c>
      <c r="R3248">
        <v>31206</v>
      </c>
      <c r="S3248">
        <v>0</v>
      </c>
      <c r="T3248">
        <v>0</v>
      </c>
      <c r="U3248">
        <v>0</v>
      </c>
      <c r="V3248">
        <v>8</v>
      </c>
      <c r="W3248">
        <v>1</v>
      </c>
      <c r="X3248">
        <v>0</v>
      </c>
      <c r="Y3248">
        <v>72</v>
      </c>
      <c r="Z3248">
        <v>51</v>
      </c>
      <c r="AA3248">
        <v>103</v>
      </c>
      <c r="AB3248">
        <v>60</v>
      </c>
      <c r="AC3248">
        <v>77</v>
      </c>
      <c r="AD3248">
        <v>55</v>
      </c>
      <c r="AE3248">
        <v>220</v>
      </c>
      <c r="AF3248">
        <v>7610</v>
      </c>
      <c r="AG3248">
        <v>204675</v>
      </c>
      <c r="AH3248">
        <v>50000</v>
      </c>
      <c r="AI3248">
        <v>0</v>
      </c>
      <c r="AJ3248">
        <v>100</v>
      </c>
      <c r="AK3248" t="s">
        <v>0</v>
      </c>
      <c r="AL3248">
        <v>0</v>
      </c>
      <c r="AM3248">
        <v>0</v>
      </c>
      <c r="AN3248">
        <v>0</v>
      </c>
      <c r="AO3248">
        <v>0</v>
      </c>
      <c r="AP3248">
        <v>0</v>
      </c>
      <c r="AQ3248">
        <v>0</v>
      </c>
      <c r="AR3248">
        <v>0</v>
      </c>
      <c r="AS3248">
        <v>0</v>
      </c>
      <c r="AT3248">
        <v>0</v>
      </c>
      <c r="AU3248">
        <v>0</v>
      </c>
      <c r="AV3248">
        <v>0</v>
      </c>
      <c r="AW3248">
        <v>0</v>
      </c>
      <c r="AX3248">
        <v>15708</v>
      </c>
      <c r="AY3248">
        <v>4</v>
      </c>
      <c r="AZ3248">
        <v>6</v>
      </c>
      <c r="BA3248">
        <v>920</v>
      </c>
    </row>
    <row r="3249" spans="1:53" x14ac:dyDescent="0.4">
      <c r="A3249">
        <v>3293</v>
      </c>
      <c r="B3249" s="1">
        <v>43886</v>
      </c>
      <c r="C3249">
        <v>1</v>
      </c>
      <c r="D3249" s="1">
        <v>43886.291666666664</v>
      </c>
      <c r="E3249" s="1">
        <v>43886.447916666664</v>
      </c>
      <c r="F3249">
        <v>0</v>
      </c>
      <c r="G3249">
        <v>0</v>
      </c>
      <c r="H3249">
        <v>0</v>
      </c>
      <c r="I3249">
        <v>0</v>
      </c>
      <c r="J3249">
        <v>0</v>
      </c>
      <c r="K3249">
        <v>0</v>
      </c>
      <c r="L3249">
        <v>0</v>
      </c>
      <c r="M3249">
        <v>0</v>
      </c>
      <c r="N3249">
        <v>0</v>
      </c>
      <c r="O3249">
        <v>0</v>
      </c>
      <c r="P3249">
        <v>0</v>
      </c>
      <c r="Q3249">
        <v>0</v>
      </c>
      <c r="R3249">
        <v>0</v>
      </c>
      <c r="S3249">
        <v>0</v>
      </c>
      <c r="T3249">
        <v>0</v>
      </c>
      <c r="U3249">
        <v>0</v>
      </c>
      <c r="V3249">
        <v>0</v>
      </c>
      <c r="W3249">
        <v>0</v>
      </c>
      <c r="X3249">
        <v>0</v>
      </c>
      <c r="Y3249">
        <v>25</v>
      </c>
      <c r="Z3249">
        <v>22</v>
      </c>
      <c r="AA3249">
        <v>98</v>
      </c>
      <c r="AB3249">
        <v>58</v>
      </c>
      <c r="AC3249">
        <v>86</v>
      </c>
      <c r="AD3249">
        <v>55</v>
      </c>
      <c r="AE3249">
        <v>165</v>
      </c>
      <c r="AF3249">
        <v>0</v>
      </c>
      <c r="AG3249">
        <v>50000</v>
      </c>
      <c r="AH3249">
        <v>50000</v>
      </c>
      <c r="AI3249">
        <v>0</v>
      </c>
      <c r="AJ3249">
        <v>0</v>
      </c>
      <c r="AK3249" t="s">
        <v>6</v>
      </c>
      <c r="AL3249">
        <v>0</v>
      </c>
      <c r="AM3249">
        <v>0</v>
      </c>
      <c r="AN3249">
        <v>0</v>
      </c>
      <c r="AO3249">
        <v>0</v>
      </c>
      <c r="AP3249">
        <v>0</v>
      </c>
      <c r="AQ3249">
        <v>0</v>
      </c>
      <c r="AR3249">
        <v>0</v>
      </c>
      <c r="AS3249">
        <v>0</v>
      </c>
      <c r="AT3249">
        <v>0</v>
      </c>
      <c r="AU3249">
        <v>0</v>
      </c>
      <c r="AV3249">
        <v>0</v>
      </c>
      <c r="AW3249">
        <v>0</v>
      </c>
      <c r="AX3249">
        <v>0</v>
      </c>
      <c r="AY3249">
        <v>0</v>
      </c>
      <c r="AZ3249">
        <v>0</v>
      </c>
      <c r="BA3249">
        <v>0</v>
      </c>
    </row>
    <row r="3250" spans="1:53" x14ac:dyDescent="0.4">
      <c r="A3250">
        <v>3294</v>
      </c>
      <c r="B3250" s="1">
        <v>43886</v>
      </c>
      <c r="C3250">
        <v>2</v>
      </c>
      <c r="D3250" s="1">
        <v>43886.447916666664</v>
      </c>
      <c r="E3250" s="1">
        <v>43886.745138888888</v>
      </c>
      <c r="F3250">
        <v>28050</v>
      </c>
      <c r="G3250">
        <v>820</v>
      </c>
      <c r="H3250">
        <v>0</v>
      </c>
      <c r="I3250">
        <v>0</v>
      </c>
      <c r="J3250">
        <v>0</v>
      </c>
      <c r="K3250">
        <v>0</v>
      </c>
      <c r="L3250">
        <v>0</v>
      </c>
      <c r="M3250">
        <v>2887</v>
      </c>
      <c r="N3250">
        <v>0</v>
      </c>
      <c r="O3250">
        <v>0</v>
      </c>
      <c r="P3250">
        <v>22385</v>
      </c>
      <c r="Q3250">
        <v>0</v>
      </c>
      <c r="R3250">
        <v>54142</v>
      </c>
      <c r="S3250">
        <v>0</v>
      </c>
      <c r="T3250">
        <v>0</v>
      </c>
      <c r="U3250">
        <v>0</v>
      </c>
      <c r="V3250">
        <v>1</v>
      </c>
      <c r="W3250">
        <v>1</v>
      </c>
      <c r="X3250">
        <v>0</v>
      </c>
      <c r="Y3250">
        <v>53</v>
      </c>
      <c r="Z3250">
        <v>40</v>
      </c>
      <c r="AA3250">
        <v>113</v>
      </c>
      <c r="AB3250">
        <v>58</v>
      </c>
      <c r="AC3250">
        <v>76</v>
      </c>
      <c r="AD3250">
        <v>68</v>
      </c>
      <c r="AE3250">
        <v>237</v>
      </c>
      <c r="AF3250">
        <v>605</v>
      </c>
      <c r="AG3250">
        <v>104142</v>
      </c>
      <c r="AH3250">
        <v>50000</v>
      </c>
      <c r="AI3250">
        <v>0</v>
      </c>
      <c r="AJ3250">
        <v>97</v>
      </c>
      <c r="AK3250" t="s">
        <v>33</v>
      </c>
      <c r="AL3250">
        <v>0</v>
      </c>
      <c r="AM3250">
        <v>0</v>
      </c>
      <c r="AN3250">
        <v>0</v>
      </c>
      <c r="AO3250">
        <v>0</v>
      </c>
      <c r="AP3250">
        <v>0</v>
      </c>
      <c r="AQ3250">
        <v>0</v>
      </c>
      <c r="AR3250">
        <v>0</v>
      </c>
      <c r="AS3250">
        <v>0</v>
      </c>
      <c r="AT3250">
        <v>0</v>
      </c>
      <c r="AU3250">
        <v>0</v>
      </c>
      <c r="AV3250">
        <v>0</v>
      </c>
      <c r="AW3250">
        <v>0</v>
      </c>
      <c r="AX3250">
        <v>-2420</v>
      </c>
      <c r="AY3250">
        <v>44</v>
      </c>
      <c r="AZ3250">
        <v>88</v>
      </c>
      <c r="BA3250">
        <v>6541</v>
      </c>
    </row>
    <row r="3251" spans="1:53" x14ac:dyDescent="0.4">
      <c r="A3251">
        <v>3295</v>
      </c>
      <c r="B3251" s="1">
        <v>43886</v>
      </c>
      <c r="C3251">
        <v>3</v>
      </c>
      <c r="D3251" s="1">
        <v>43886.745138888888</v>
      </c>
      <c r="E3251" s="1">
        <v>43886.943749999999</v>
      </c>
      <c r="F3251">
        <v>28050</v>
      </c>
      <c r="G3251">
        <v>0</v>
      </c>
      <c r="H3251">
        <v>0</v>
      </c>
      <c r="I3251">
        <v>0</v>
      </c>
      <c r="J3251">
        <v>0</v>
      </c>
      <c r="K3251">
        <v>0</v>
      </c>
      <c r="L3251">
        <v>0</v>
      </c>
      <c r="M3251">
        <v>2805</v>
      </c>
      <c r="N3251">
        <v>0</v>
      </c>
      <c r="O3251">
        <v>0</v>
      </c>
      <c r="P3251">
        <v>-22385</v>
      </c>
      <c r="Q3251">
        <v>0</v>
      </c>
      <c r="R3251">
        <v>8470</v>
      </c>
      <c r="S3251">
        <v>0</v>
      </c>
      <c r="T3251">
        <v>0</v>
      </c>
      <c r="U3251">
        <v>0</v>
      </c>
      <c r="V3251">
        <v>1</v>
      </c>
      <c r="W3251">
        <v>1</v>
      </c>
      <c r="X3251">
        <v>0</v>
      </c>
      <c r="Y3251">
        <v>62</v>
      </c>
      <c r="Z3251">
        <v>39</v>
      </c>
      <c r="AA3251">
        <v>114</v>
      </c>
      <c r="AB3251">
        <v>56</v>
      </c>
      <c r="AC3251">
        <v>73</v>
      </c>
      <c r="AD3251">
        <v>68</v>
      </c>
      <c r="AE3251">
        <v>237</v>
      </c>
      <c r="AF3251">
        <v>605</v>
      </c>
      <c r="AG3251">
        <v>112612</v>
      </c>
      <c r="AH3251">
        <v>50000</v>
      </c>
      <c r="AI3251">
        <v>0</v>
      </c>
      <c r="AJ3251">
        <v>98</v>
      </c>
      <c r="AK3251" t="s">
        <v>35</v>
      </c>
      <c r="AL3251">
        <v>0</v>
      </c>
      <c r="AM3251">
        <v>0</v>
      </c>
      <c r="AN3251">
        <v>0</v>
      </c>
      <c r="AO3251">
        <v>0</v>
      </c>
      <c r="AP3251">
        <v>0</v>
      </c>
      <c r="AQ3251">
        <v>0</v>
      </c>
      <c r="AR3251">
        <v>0</v>
      </c>
      <c r="AS3251">
        <v>0</v>
      </c>
      <c r="AT3251">
        <v>0</v>
      </c>
      <c r="AU3251">
        <v>0</v>
      </c>
      <c r="AV3251">
        <v>0</v>
      </c>
      <c r="AW3251">
        <v>0</v>
      </c>
      <c r="AX3251">
        <v>17325</v>
      </c>
      <c r="AY3251">
        <v>8</v>
      </c>
      <c r="AZ3251">
        <v>20</v>
      </c>
      <c r="BA3251">
        <v>2198</v>
      </c>
    </row>
    <row r="3252" spans="1:53" x14ac:dyDescent="0.4">
      <c r="A3252">
        <v>3296</v>
      </c>
      <c r="B3252" s="1">
        <v>43886</v>
      </c>
      <c r="C3252">
        <v>4</v>
      </c>
      <c r="D3252" s="1">
        <v>43886.943749999999</v>
      </c>
      <c r="E3252" s="1">
        <v>43887.129861111112</v>
      </c>
      <c r="F3252">
        <v>22100</v>
      </c>
      <c r="G3252">
        <v>0</v>
      </c>
      <c r="H3252">
        <v>200</v>
      </c>
      <c r="I3252">
        <v>0</v>
      </c>
      <c r="J3252">
        <v>0</v>
      </c>
      <c r="K3252">
        <v>0</v>
      </c>
      <c r="L3252">
        <v>0</v>
      </c>
      <c r="M3252">
        <v>2230</v>
      </c>
      <c r="N3252">
        <v>0</v>
      </c>
      <c r="O3252">
        <v>0</v>
      </c>
      <c r="P3252">
        <v>6600</v>
      </c>
      <c r="Q3252">
        <v>0</v>
      </c>
      <c r="R3252">
        <v>31130</v>
      </c>
      <c r="S3252">
        <v>0</v>
      </c>
      <c r="T3252">
        <v>0</v>
      </c>
      <c r="U3252">
        <v>0</v>
      </c>
      <c r="V3252">
        <v>3</v>
      </c>
      <c r="W3252">
        <v>1</v>
      </c>
      <c r="X3252">
        <v>0</v>
      </c>
      <c r="Y3252">
        <v>74</v>
      </c>
      <c r="Z3252">
        <v>38</v>
      </c>
      <c r="AA3252">
        <v>108</v>
      </c>
      <c r="AB3252">
        <v>56</v>
      </c>
      <c r="AC3252">
        <v>74</v>
      </c>
      <c r="AD3252">
        <v>68</v>
      </c>
      <c r="AE3252">
        <v>237</v>
      </c>
      <c r="AF3252">
        <v>825</v>
      </c>
      <c r="AG3252">
        <v>143742</v>
      </c>
      <c r="AH3252">
        <v>50000</v>
      </c>
      <c r="AI3252">
        <v>0</v>
      </c>
      <c r="AJ3252">
        <v>84</v>
      </c>
      <c r="AK3252" t="s">
        <v>16</v>
      </c>
      <c r="AL3252">
        <v>0</v>
      </c>
      <c r="AM3252">
        <v>0</v>
      </c>
      <c r="AN3252">
        <v>0</v>
      </c>
      <c r="AO3252">
        <v>0</v>
      </c>
      <c r="AP3252">
        <v>0</v>
      </c>
      <c r="AQ3252">
        <v>0</v>
      </c>
      <c r="AR3252">
        <v>0</v>
      </c>
      <c r="AS3252">
        <v>0</v>
      </c>
      <c r="AT3252">
        <v>0</v>
      </c>
      <c r="AU3252">
        <v>0</v>
      </c>
      <c r="AV3252">
        <v>0</v>
      </c>
      <c r="AW3252">
        <v>0</v>
      </c>
      <c r="AX3252">
        <v>0</v>
      </c>
      <c r="AY3252">
        <v>2</v>
      </c>
      <c r="AZ3252">
        <v>5</v>
      </c>
      <c r="BA3252">
        <v>243</v>
      </c>
    </row>
    <row r="3253" spans="1:53" x14ac:dyDescent="0.4">
      <c r="A3253">
        <v>3297</v>
      </c>
      <c r="B3253" s="1">
        <v>43886</v>
      </c>
      <c r="C3253">
        <v>5</v>
      </c>
      <c r="D3253" s="1">
        <v>43887.129861111112</v>
      </c>
      <c r="E3253" s="1">
        <v>43887.227083333331</v>
      </c>
      <c r="F3253">
        <v>6000</v>
      </c>
      <c r="G3253">
        <v>0</v>
      </c>
      <c r="H3253">
        <v>0</v>
      </c>
      <c r="I3253">
        <v>0</v>
      </c>
      <c r="J3253">
        <v>0</v>
      </c>
      <c r="K3253">
        <v>0</v>
      </c>
      <c r="L3253">
        <v>0</v>
      </c>
      <c r="M3253">
        <v>600</v>
      </c>
      <c r="N3253">
        <v>0</v>
      </c>
      <c r="O3253">
        <v>0</v>
      </c>
      <c r="P3253">
        <v>-6600</v>
      </c>
      <c r="Q3253">
        <v>0</v>
      </c>
      <c r="R3253">
        <v>0</v>
      </c>
      <c r="S3253">
        <v>0</v>
      </c>
      <c r="T3253">
        <v>0</v>
      </c>
      <c r="U3253">
        <v>0</v>
      </c>
      <c r="V3253">
        <v>0</v>
      </c>
      <c r="W3253">
        <v>0</v>
      </c>
      <c r="X3253">
        <v>0</v>
      </c>
      <c r="Y3253">
        <v>28</v>
      </c>
      <c r="Z3253">
        <v>15</v>
      </c>
      <c r="AA3253">
        <v>105</v>
      </c>
      <c r="AB3253">
        <v>56</v>
      </c>
      <c r="AC3253">
        <v>73</v>
      </c>
      <c r="AD3253">
        <v>67</v>
      </c>
      <c r="AE3253">
        <v>135</v>
      </c>
      <c r="AF3253">
        <v>0</v>
      </c>
      <c r="AG3253">
        <v>50000</v>
      </c>
      <c r="AH3253">
        <v>0</v>
      </c>
      <c r="AI3253">
        <v>-43742</v>
      </c>
      <c r="AJ3253">
        <v>84</v>
      </c>
      <c r="AK3253" t="s">
        <v>16</v>
      </c>
      <c r="AL3253">
        <v>0</v>
      </c>
      <c r="AM3253">
        <v>0</v>
      </c>
      <c r="AN3253">
        <v>0</v>
      </c>
      <c r="AO3253">
        <v>0</v>
      </c>
      <c r="AP3253">
        <v>0</v>
      </c>
      <c r="AQ3253">
        <v>0</v>
      </c>
      <c r="AR3253">
        <v>0</v>
      </c>
      <c r="AS3253">
        <v>0</v>
      </c>
      <c r="AT3253">
        <v>0</v>
      </c>
      <c r="AU3253">
        <v>0</v>
      </c>
      <c r="AV3253">
        <v>0</v>
      </c>
      <c r="AW3253">
        <v>0</v>
      </c>
      <c r="AX3253">
        <v>0</v>
      </c>
      <c r="AY3253">
        <v>0</v>
      </c>
      <c r="AZ3253">
        <v>0</v>
      </c>
      <c r="BA3253">
        <v>119</v>
      </c>
    </row>
    <row r="3254" spans="1:53" x14ac:dyDescent="0.4">
      <c r="A3254">
        <v>3298</v>
      </c>
      <c r="B3254" s="1">
        <v>43887</v>
      </c>
      <c r="C3254">
        <v>1</v>
      </c>
      <c r="D3254" s="1">
        <v>43887.291666666664</v>
      </c>
      <c r="E3254" s="1">
        <v>43887.451388888891</v>
      </c>
      <c r="F3254">
        <v>0</v>
      </c>
      <c r="G3254">
        <v>0</v>
      </c>
      <c r="H3254">
        <v>0</v>
      </c>
      <c r="I3254">
        <v>0</v>
      </c>
      <c r="J3254">
        <v>0</v>
      </c>
      <c r="K3254">
        <v>0</v>
      </c>
      <c r="L3254">
        <v>0</v>
      </c>
      <c r="M3254">
        <v>0</v>
      </c>
      <c r="N3254">
        <v>0</v>
      </c>
      <c r="O3254">
        <v>0</v>
      </c>
      <c r="P3254">
        <v>0</v>
      </c>
      <c r="Q3254">
        <v>0</v>
      </c>
      <c r="R3254">
        <v>0</v>
      </c>
      <c r="S3254">
        <v>0</v>
      </c>
      <c r="T3254">
        <v>0</v>
      </c>
      <c r="U3254">
        <v>0</v>
      </c>
      <c r="V3254">
        <v>0</v>
      </c>
      <c r="W3254">
        <v>0</v>
      </c>
      <c r="X3254">
        <v>0</v>
      </c>
      <c r="Y3254">
        <v>28</v>
      </c>
      <c r="Z3254">
        <v>15</v>
      </c>
      <c r="AA3254">
        <v>105</v>
      </c>
      <c r="AB3254">
        <v>56</v>
      </c>
      <c r="AC3254">
        <v>73</v>
      </c>
      <c r="AD3254">
        <v>67</v>
      </c>
      <c r="AE3254">
        <v>135</v>
      </c>
      <c r="AF3254">
        <v>0</v>
      </c>
      <c r="AG3254">
        <v>50000</v>
      </c>
      <c r="AH3254">
        <v>50000</v>
      </c>
      <c r="AI3254">
        <v>0</v>
      </c>
      <c r="AJ3254">
        <v>0</v>
      </c>
      <c r="AK3254" t="s">
        <v>6</v>
      </c>
      <c r="AL3254">
        <v>0</v>
      </c>
      <c r="AM3254">
        <v>0</v>
      </c>
      <c r="AN3254">
        <v>0</v>
      </c>
      <c r="AO3254">
        <v>0</v>
      </c>
      <c r="AP3254">
        <v>0</v>
      </c>
      <c r="AQ3254">
        <v>0</v>
      </c>
      <c r="AR3254">
        <v>0</v>
      </c>
      <c r="AS3254">
        <v>0</v>
      </c>
      <c r="AT3254">
        <v>0</v>
      </c>
      <c r="AU3254">
        <v>0</v>
      </c>
      <c r="AV3254">
        <v>0</v>
      </c>
      <c r="AW3254">
        <v>0</v>
      </c>
      <c r="AX3254">
        <v>0</v>
      </c>
      <c r="AY3254">
        <v>0</v>
      </c>
      <c r="AZ3254">
        <v>0</v>
      </c>
      <c r="BA3254">
        <v>0</v>
      </c>
    </row>
    <row r="3255" spans="1:53" x14ac:dyDescent="0.4">
      <c r="A3255">
        <v>3299</v>
      </c>
      <c r="B3255" s="1">
        <v>43887</v>
      </c>
      <c r="C3255">
        <v>2</v>
      </c>
      <c r="D3255" s="1">
        <v>43887.451388888891</v>
      </c>
      <c r="E3255" s="1">
        <v>43887.75</v>
      </c>
      <c r="F3255">
        <v>36300</v>
      </c>
      <c r="G3255">
        <v>1480</v>
      </c>
      <c r="H3255">
        <v>0</v>
      </c>
      <c r="I3255">
        <v>0</v>
      </c>
      <c r="J3255">
        <v>0</v>
      </c>
      <c r="K3255">
        <v>0</v>
      </c>
      <c r="L3255">
        <v>0</v>
      </c>
      <c r="M3255">
        <v>3778</v>
      </c>
      <c r="N3255">
        <v>0</v>
      </c>
      <c r="O3255">
        <v>0</v>
      </c>
      <c r="P3255">
        <v>13310</v>
      </c>
      <c r="Q3255">
        <v>0</v>
      </c>
      <c r="R3255">
        <v>54868</v>
      </c>
      <c r="S3255">
        <v>0</v>
      </c>
      <c r="T3255">
        <v>0</v>
      </c>
      <c r="U3255">
        <v>0</v>
      </c>
      <c r="V3255">
        <v>2</v>
      </c>
      <c r="W3255">
        <v>4</v>
      </c>
      <c r="X3255">
        <v>0</v>
      </c>
      <c r="Y3255">
        <v>29</v>
      </c>
      <c r="Z3255">
        <v>37</v>
      </c>
      <c r="AA3255">
        <v>137</v>
      </c>
      <c r="AB3255">
        <v>49</v>
      </c>
      <c r="AC3255">
        <v>68</v>
      </c>
      <c r="AD3255">
        <v>71</v>
      </c>
      <c r="AE3255">
        <v>183</v>
      </c>
      <c r="AF3255">
        <v>0</v>
      </c>
      <c r="AG3255">
        <v>104868</v>
      </c>
      <c r="AH3255">
        <v>50000</v>
      </c>
      <c r="AI3255">
        <v>0</v>
      </c>
      <c r="AJ3255">
        <v>100</v>
      </c>
      <c r="AK3255" t="s">
        <v>0</v>
      </c>
      <c r="AL3255">
        <v>0</v>
      </c>
      <c r="AM3255">
        <v>0</v>
      </c>
      <c r="AN3255">
        <v>0</v>
      </c>
      <c r="AO3255">
        <v>0</v>
      </c>
      <c r="AP3255">
        <v>0</v>
      </c>
      <c r="AQ3255">
        <v>0</v>
      </c>
      <c r="AR3255">
        <v>0</v>
      </c>
      <c r="AS3255">
        <v>0</v>
      </c>
      <c r="AT3255">
        <v>0</v>
      </c>
      <c r="AU3255">
        <v>0</v>
      </c>
      <c r="AV3255">
        <v>0</v>
      </c>
      <c r="AW3255">
        <v>0</v>
      </c>
      <c r="AX3255">
        <v>-1804</v>
      </c>
      <c r="AY3255">
        <v>43</v>
      </c>
      <c r="AZ3255">
        <v>86</v>
      </c>
      <c r="BA3255">
        <v>6467</v>
      </c>
    </row>
    <row r="3256" spans="1:53" x14ac:dyDescent="0.4">
      <c r="A3256">
        <v>3300</v>
      </c>
      <c r="B3256" s="1">
        <v>43887</v>
      </c>
      <c r="C3256">
        <v>3</v>
      </c>
      <c r="D3256" s="1">
        <v>43887.75</v>
      </c>
      <c r="E3256" s="1">
        <v>43887.949305555558</v>
      </c>
      <c r="F3256">
        <v>47100</v>
      </c>
      <c r="G3256">
        <v>5750</v>
      </c>
      <c r="H3256">
        <v>0</v>
      </c>
      <c r="I3256">
        <v>0</v>
      </c>
      <c r="J3256">
        <v>0</v>
      </c>
      <c r="K3256">
        <v>0</v>
      </c>
      <c r="L3256">
        <v>0</v>
      </c>
      <c r="M3256">
        <v>5285</v>
      </c>
      <c r="N3256">
        <v>0</v>
      </c>
      <c r="O3256">
        <v>0</v>
      </c>
      <c r="P3256">
        <v>-9020</v>
      </c>
      <c r="Q3256">
        <v>0</v>
      </c>
      <c r="R3256">
        <v>49115</v>
      </c>
      <c r="S3256">
        <v>0</v>
      </c>
      <c r="T3256">
        <v>0</v>
      </c>
      <c r="U3256">
        <v>0</v>
      </c>
      <c r="V3256">
        <v>7</v>
      </c>
      <c r="W3256">
        <v>2</v>
      </c>
      <c r="X3256">
        <v>0</v>
      </c>
      <c r="Y3256">
        <v>30</v>
      </c>
      <c r="Z3256">
        <v>32</v>
      </c>
      <c r="AA3256">
        <v>137</v>
      </c>
      <c r="AB3256">
        <v>46</v>
      </c>
      <c r="AC3256">
        <v>61</v>
      </c>
      <c r="AD3256">
        <v>68</v>
      </c>
      <c r="AE3256">
        <v>176</v>
      </c>
      <c r="AF3256">
        <v>10857</v>
      </c>
      <c r="AG3256">
        <v>153983</v>
      </c>
      <c r="AH3256">
        <v>50000</v>
      </c>
      <c r="AI3256">
        <v>0</v>
      </c>
      <c r="AJ3256">
        <v>100</v>
      </c>
      <c r="AK3256" t="s">
        <v>0</v>
      </c>
      <c r="AL3256">
        <v>0</v>
      </c>
      <c r="AM3256">
        <v>0</v>
      </c>
      <c r="AN3256">
        <v>0</v>
      </c>
      <c r="AO3256">
        <v>0</v>
      </c>
      <c r="AP3256">
        <v>0</v>
      </c>
      <c r="AQ3256">
        <v>0</v>
      </c>
      <c r="AR3256">
        <v>0</v>
      </c>
      <c r="AS3256">
        <v>0</v>
      </c>
      <c r="AT3256">
        <v>0</v>
      </c>
      <c r="AU3256">
        <v>0</v>
      </c>
      <c r="AV3256">
        <v>0</v>
      </c>
      <c r="AW3256">
        <v>0</v>
      </c>
      <c r="AX3256">
        <v>7150</v>
      </c>
      <c r="AY3256">
        <v>12</v>
      </c>
      <c r="AZ3256">
        <v>28</v>
      </c>
      <c r="BA3256">
        <v>2294</v>
      </c>
    </row>
    <row r="3257" spans="1:53" x14ac:dyDescent="0.4">
      <c r="A3257">
        <v>3301</v>
      </c>
      <c r="B3257" s="1">
        <v>43888</v>
      </c>
      <c r="C3257">
        <v>1</v>
      </c>
      <c r="D3257" s="1">
        <v>43888.291666666664</v>
      </c>
      <c r="E3257" s="1">
        <v>43888.460416666669</v>
      </c>
      <c r="F3257">
        <v>0</v>
      </c>
      <c r="G3257">
        <v>0</v>
      </c>
      <c r="H3257">
        <v>0</v>
      </c>
      <c r="I3257">
        <v>0</v>
      </c>
      <c r="J3257">
        <v>0</v>
      </c>
      <c r="K3257">
        <v>0</v>
      </c>
      <c r="L3257">
        <v>0</v>
      </c>
      <c r="M3257">
        <v>0</v>
      </c>
      <c r="N3257">
        <v>0</v>
      </c>
      <c r="O3257">
        <v>0</v>
      </c>
      <c r="P3257">
        <v>0</v>
      </c>
      <c r="Q3257">
        <v>0</v>
      </c>
      <c r="R3257">
        <v>0</v>
      </c>
      <c r="S3257">
        <v>0</v>
      </c>
      <c r="T3257">
        <v>0</v>
      </c>
      <c r="U3257">
        <v>0</v>
      </c>
      <c r="V3257">
        <v>0</v>
      </c>
      <c r="W3257">
        <v>1</v>
      </c>
      <c r="X3257">
        <v>0</v>
      </c>
      <c r="Y3257">
        <v>20</v>
      </c>
      <c r="Z3257">
        <v>17</v>
      </c>
      <c r="AA3257">
        <v>130</v>
      </c>
      <c r="AB3257">
        <v>47</v>
      </c>
      <c r="AC3257">
        <v>68</v>
      </c>
      <c r="AD3257">
        <v>67</v>
      </c>
      <c r="AE3257">
        <v>135</v>
      </c>
      <c r="AF3257">
        <v>0</v>
      </c>
      <c r="AG3257">
        <v>50000</v>
      </c>
      <c r="AH3257">
        <v>0</v>
      </c>
      <c r="AI3257">
        <v>50000</v>
      </c>
      <c r="AJ3257">
        <v>0</v>
      </c>
      <c r="AK3257" t="s">
        <v>6</v>
      </c>
      <c r="AL3257">
        <v>0</v>
      </c>
      <c r="AM3257">
        <v>0</v>
      </c>
      <c r="AN3257">
        <v>0</v>
      </c>
      <c r="AO3257">
        <v>0</v>
      </c>
      <c r="AP3257">
        <v>0</v>
      </c>
      <c r="AQ3257">
        <v>0</v>
      </c>
      <c r="AR3257">
        <v>0</v>
      </c>
      <c r="AS3257">
        <v>0</v>
      </c>
      <c r="AT3257">
        <v>0</v>
      </c>
      <c r="AU3257">
        <v>0</v>
      </c>
      <c r="AV3257">
        <v>0</v>
      </c>
      <c r="AW3257">
        <v>0</v>
      </c>
      <c r="AX3257">
        <v>0</v>
      </c>
      <c r="AY3257">
        <v>0</v>
      </c>
      <c r="AZ3257">
        <v>0</v>
      </c>
      <c r="BA3257">
        <v>0</v>
      </c>
    </row>
    <row r="3258" spans="1:53" x14ac:dyDescent="0.4">
      <c r="A3258">
        <v>3302</v>
      </c>
      <c r="B3258" s="1">
        <v>43888</v>
      </c>
      <c r="C3258">
        <v>2</v>
      </c>
      <c r="D3258" s="1">
        <v>43888.460416666669</v>
      </c>
      <c r="E3258" s="1">
        <v>43888.734722222223</v>
      </c>
      <c r="F3258">
        <v>19250</v>
      </c>
      <c r="G3258">
        <v>0</v>
      </c>
      <c r="H3258">
        <v>200</v>
      </c>
      <c r="I3258">
        <v>0</v>
      </c>
      <c r="J3258">
        <v>100</v>
      </c>
      <c r="K3258">
        <v>0</v>
      </c>
      <c r="L3258">
        <v>0</v>
      </c>
      <c r="M3258">
        <v>1935</v>
      </c>
      <c r="N3258">
        <v>0</v>
      </c>
      <c r="O3258">
        <v>0</v>
      </c>
      <c r="P3258">
        <v>26015</v>
      </c>
      <c r="Q3258">
        <v>0</v>
      </c>
      <c r="R3258">
        <v>47300</v>
      </c>
      <c r="S3258">
        <v>0</v>
      </c>
      <c r="T3258">
        <v>0</v>
      </c>
      <c r="U3258">
        <v>0</v>
      </c>
      <c r="V3258">
        <v>0</v>
      </c>
      <c r="W3258">
        <v>2</v>
      </c>
      <c r="X3258">
        <v>0</v>
      </c>
      <c r="Y3258">
        <v>51</v>
      </c>
      <c r="Z3258">
        <v>33</v>
      </c>
      <c r="AA3258">
        <v>146</v>
      </c>
      <c r="AB3258">
        <v>50</v>
      </c>
      <c r="AC3258">
        <v>92</v>
      </c>
      <c r="AD3258">
        <v>79</v>
      </c>
      <c r="AE3258">
        <v>175</v>
      </c>
      <c r="AF3258">
        <v>1210</v>
      </c>
      <c r="AG3258">
        <v>97300</v>
      </c>
      <c r="AH3258">
        <v>50000</v>
      </c>
      <c r="AI3258">
        <v>0</v>
      </c>
      <c r="AJ3258">
        <v>96</v>
      </c>
      <c r="AK3258" t="s">
        <v>4</v>
      </c>
      <c r="AL3258">
        <v>0</v>
      </c>
      <c r="AM3258">
        <v>0</v>
      </c>
      <c r="AN3258">
        <v>0</v>
      </c>
      <c r="AO3258">
        <v>0</v>
      </c>
      <c r="AP3258">
        <v>0</v>
      </c>
      <c r="AQ3258">
        <v>0</v>
      </c>
      <c r="AR3258">
        <v>0</v>
      </c>
      <c r="AS3258">
        <v>0</v>
      </c>
      <c r="AT3258">
        <v>0</v>
      </c>
      <c r="AU3258">
        <v>0</v>
      </c>
      <c r="AV3258">
        <v>0</v>
      </c>
      <c r="AW3258">
        <v>0</v>
      </c>
      <c r="AX3258">
        <v>-4235</v>
      </c>
      <c r="AY3258">
        <v>40</v>
      </c>
      <c r="AZ3258">
        <v>77</v>
      </c>
      <c r="BA3258">
        <v>5821</v>
      </c>
    </row>
    <row r="3259" spans="1:53" x14ac:dyDescent="0.4">
      <c r="A3259">
        <v>3303</v>
      </c>
      <c r="B3259" s="1">
        <v>43888</v>
      </c>
      <c r="C3259">
        <v>3</v>
      </c>
      <c r="D3259" s="1">
        <v>43888.734722222223</v>
      </c>
      <c r="E3259" s="1">
        <v>43888.95416666667</v>
      </c>
      <c r="F3259">
        <v>35550</v>
      </c>
      <c r="G3259">
        <v>540</v>
      </c>
      <c r="H3259">
        <v>0</v>
      </c>
      <c r="I3259">
        <v>0</v>
      </c>
      <c r="J3259">
        <v>0</v>
      </c>
      <c r="K3259">
        <v>0</v>
      </c>
      <c r="L3259">
        <v>0</v>
      </c>
      <c r="M3259">
        <v>3609</v>
      </c>
      <c r="N3259">
        <v>0</v>
      </c>
      <c r="O3259">
        <v>0</v>
      </c>
      <c r="P3259">
        <v>-26015</v>
      </c>
      <c r="Q3259">
        <v>0</v>
      </c>
      <c r="R3259">
        <v>13684</v>
      </c>
      <c r="S3259">
        <v>0</v>
      </c>
      <c r="T3259">
        <v>0</v>
      </c>
      <c r="U3259">
        <v>0</v>
      </c>
      <c r="V3259">
        <v>1</v>
      </c>
      <c r="W3259">
        <v>2</v>
      </c>
      <c r="X3259">
        <v>0</v>
      </c>
      <c r="Y3259">
        <v>50</v>
      </c>
      <c r="Z3259">
        <v>38</v>
      </c>
      <c r="AA3259">
        <v>148</v>
      </c>
      <c r="AB3259">
        <v>51</v>
      </c>
      <c r="AC3259">
        <v>88</v>
      </c>
      <c r="AD3259">
        <v>78</v>
      </c>
      <c r="AE3259">
        <v>174</v>
      </c>
      <c r="AF3259">
        <v>3190</v>
      </c>
      <c r="AG3259">
        <v>110984</v>
      </c>
      <c r="AH3259">
        <v>50000</v>
      </c>
      <c r="AI3259">
        <v>0</v>
      </c>
      <c r="AJ3259">
        <v>100</v>
      </c>
      <c r="AK3259" t="s">
        <v>0</v>
      </c>
      <c r="AL3259">
        <v>0</v>
      </c>
      <c r="AM3259">
        <v>0</v>
      </c>
      <c r="AN3259">
        <v>0</v>
      </c>
      <c r="AO3259">
        <v>0</v>
      </c>
      <c r="AP3259">
        <v>0</v>
      </c>
      <c r="AQ3259">
        <v>0</v>
      </c>
      <c r="AR3259">
        <v>0</v>
      </c>
      <c r="AS3259">
        <v>0</v>
      </c>
      <c r="AT3259">
        <v>0</v>
      </c>
      <c r="AU3259">
        <v>0</v>
      </c>
      <c r="AV3259">
        <v>0</v>
      </c>
      <c r="AW3259">
        <v>0</v>
      </c>
      <c r="AX3259">
        <v>5170</v>
      </c>
      <c r="AY3259">
        <v>8</v>
      </c>
      <c r="AZ3259">
        <v>15</v>
      </c>
      <c r="BA3259">
        <v>2159</v>
      </c>
    </row>
    <row r="3260" spans="1:53" x14ac:dyDescent="0.4">
      <c r="A3260">
        <v>3304</v>
      </c>
      <c r="B3260" s="1">
        <v>43888</v>
      </c>
      <c r="C3260">
        <v>4</v>
      </c>
      <c r="D3260" s="1">
        <v>43888.95416666667</v>
      </c>
      <c r="E3260" s="1">
        <v>43889.15902777778</v>
      </c>
      <c r="F3260">
        <v>19600</v>
      </c>
      <c r="G3260">
        <v>4590</v>
      </c>
      <c r="H3260">
        <v>200</v>
      </c>
      <c r="I3260">
        <v>0</v>
      </c>
      <c r="J3260">
        <v>0</v>
      </c>
      <c r="K3260">
        <v>0</v>
      </c>
      <c r="L3260">
        <v>0</v>
      </c>
      <c r="M3260">
        <v>2439</v>
      </c>
      <c r="N3260">
        <v>0</v>
      </c>
      <c r="O3260">
        <v>0</v>
      </c>
      <c r="P3260">
        <v>3740</v>
      </c>
      <c r="Q3260">
        <v>0</v>
      </c>
      <c r="R3260">
        <v>30569</v>
      </c>
      <c r="S3260">
        <v>0</v>
      </c>
      <c r="T3260">
        <v>0</v>
      </c>
      <c r="U3260">
        <v>0</v>
      </c>
      <c r="V3260">
        <v>1</v>
      </c>
      <c r="W3260">
        <v>3</v>
      </c>
      <c r="X3260">
        <v>0</v>
      </c>
      <c r="Y3260">
        <v>58</v>
      </c>
      <c r="Z3260">
        <v>38</v>
      </c>
      <c r="AA3260">
        <v>147</v>
      </c>
      <c r="AB3260">
        <v>50</v>
      </c>
      <c r="AC3260">
        <v>85</v>
      </c>
      <c r="AD3260">
        <v>77</v>
      </c>
      <c r="AE3260">
        <v>174</v>
      </c>
      <c r="AF3260">
        <v>20944</v>
      </c>
      <c r="AG3260">
        <v>141553</v>
      </c>
      <c r="AH3260">
        <v>50000</v>
      </c>
      <c r="AI3260">
        <v>0</v>
      </c>
      <c r="AJ3260">
        <v>84</v>
      </c>
      <c r="AK3260" t="s">
        <v>16</v>
      </c>
      <c r="AL3260">
        <v>0</v>
      </c>
      <c r="AM3260">
        <v>0</v>
      </c>
      <c r="AN3260">
        <v>0</v>
      </c>
      <c r="AO3260">
        <v>0</v>
      </c>
      <c r="AP3260">
        <v>0</v>
      </c>
      <c r="AQ3260">
        <v>0</v>
      </c>
      <c r="AR3260">
        <v>0</v>
      </c>
      <c r="AS3260">
        <v>0</v>
      </c>
      <c r="AT3260">
        <v>0</v>
      </c>
      <c r="AU3260">
        <v>0</v>
      </c>
      <c r="AV3260">
        <v>0</v>
      </c>
      <c r="AW3260">
        <v>0</v>
      </c>
      <c r="AX3260">
        <v>-2420</v>
      </c>
      <c r="AY3260">
        <v>3</v>
      </c>
      <c r="AZ3260">
        <v>10</v>
      </c>
      <c r="BA3260">
        <v>433</v>
      </c>
    </row>
    <row r="3261" spans="1:53" x14ac:dyDescent="0.4">
      <c r="A3261">
        <v>3305</v>
      </c>
      <c r="B3261" s="1">
        <v>43889</v>
      </c>
      <c r="C3261">
        <v>1</v>
      </c>
      <c r="D3261" s="1">
        <v>43889.291666666664</v>
      </c>
      <c r="E3261" s="1">
        <v>43889.45208333333</v>
      </c>
      <c r="F3261">
        <v>0</v>
      </c>
      <c r="G3261">
        <v>0</v>
      </c>
      <c r="H3261">
        <v>0</v>
      </c>
      <c r="I3261">
        <v>0</v>
      </c>
      <c r="J3261">
        <v>0</v>
      </c>
      <c r="K3261">
        <v>0</v>
      </c>
      <c r="L3261">
        <v>0</v>
      </c>
      <c r="M3261">
        <v>0</v>
      </c>
      <c r="N3261">
        <v>0</v>
      </c>
      <c r="O3261">
        <v>0</v>
      </c>
      <c r="P3261">
        <v>0</v>
      </c>
      <c r="Q3261">
        <v>0</v>
      </c>
      <c r="R3261">
        <v>0</v>
      </c>
      <c r="S3261">
        <v>0</v>
      </c>
      <c r="T3261">
        <v>0</v>
      </c>
      <c r="U3261">
        <v>0</v>
      </c>
      <c r="V3261">
        <v>0</v>
      </c>
      <c r="W3261">
        <v>0</v>
      </c>
      <c r="X3261">
        <v>0</v>
      </c>
      <c r="Y3261">
        <v>27</v>
      </c>
      <c r="Z3261">
        <v>9</v>
      </c>
      <c r="AA3261">
        <v>147</v>
      </c>
      <c r="AB3261">
        <v>49</v>
      </c>
      <c r="AC3261">
        <v>85</v>
      </c>
      <c r="AD3261">
        <v>76</v>
      </c>
      <c r="AE3261">
        <v>120</v>
      </c>
      <c r="AF3261">
        <v>0</v>
      </c>
      <c r="AG3261">
        <v>50000</v>
      </c>
      <c r="AH3261">
        <v>50000</v>
      </c>
      <c r="AI3261">
        <v>0</v>
      </c>
      <c r="AJ3261">
        <v>0</v>
      </c>
      <c r="AK3261" t="s">
        <v>6</v>
      </c>
      <c r="AL3261">
        <v>0</v>
      </c>
      <c r="AM3261">
        <v>0</v>
      </c>
      <c r="AN3261">
        <v>0</v>
      </c>
      <c r="AO3261">
        <v>0</v>
      </c>
      <c r="AP3261">
        <v>0</v>
      </c>
      <c r="AQ3261">
        <v>0</v>
      </c>
      <c r="AR3261">
        <v>0</v>
      </c>
      <c r="AS3261">
        <v>0</v>
      </c>
      <c r="AT3261">
        <v>0</v>
      </c>
      <c r="AU3261">
        <v>0</v>
      </c>
      <c r="AV3261">
        <v>0</v>
      </c>
      <c r="AW3261">
        <v>0</v>
      </c>
      <c r="AX3261">
        <v>0</v>
      </c>
      <c r="AY3261">
        <v>0</v>
      </c>
      <c r="AZ3261">
        <v>0</v>
      </c>
      <c r="BA3261">
        <v>0</v>
      </c>
    </row>
    <row r="3262" spans="1:53" x14ac:dyDescent="0.4">
      <c r="A3262">
        <v>3306</v>
      </c>
      <c r="B3262" s="1">
        <v>43889</v>
      </c>
      <c r="C3262">
        <v>2</v>
      </c>
      <c r="D3262" s="1">
        <v>43889.45208333333</v>
      </c>
      <c r="E3262" s="1">
        <v>43889.736805555556</v>
      </c>
      <c r="F3262">
        <v>28050</v>
      </c>
      <c r="G3262">
        <v>0</v>
      </c>
      <c r="H3262">
        <v>400</v>
      </c>
      <c r="I3262">
        <v>0</v>
      </c>
      <c r="J3262">
        <v>0</v>
      </c>
      <c r="K3262">
        <v>0</v>
      </c>
      <c r="L3262">
        <v>0</v>
      </c>
      <c r="M3262">
        <v>2845</v>
      </c>
      <c r="N3262">
        <v>0</v>
      </c>
      <c r="O3262">
        <v>0</v>
      </c>
      <c r="P3262">
        <v>26015</v>
      </c>
      <c r="Q3262">
        <v>0</v>
      </c>
      <c r="R3262">
        <v>57310</v>
      </c>
      <c r="S3262">
        <v>0</v>
      </c>
      <c r="T3262">
        <v>0</v>
      </c>
      <c r="U3262">
        <v>0</v>
      </c>
      <c r="V3262">
        <v>0</v>
      </c>
      <c r="W3262">
        <v>3</v>
      </c>
      <c r="X3262">
        <v>0</v>
      </c>
      <c r="Y3262">
        <v>54</v>
      </c>
      <c r="Z3262">
        <v>38</v>
      </c>
      <c r="AA3262">
        <v>155</v>
      </c>
      <c r="AB3262">
        <v>49</v>
      </c>
      <c r="AC3262">
        <v>73</v>
      </c>
      <c r="AD3262">
        <v>90</v>
      </c>
      <c r="AE3262">
        <v>180</v>
      </c>
      <c r="AF3262">
        <v>0</v>
      </c>
      <c r="AG3262">
        <v>107310</v>
      </c>
      <c r="AH3262">
        <v>50000</v>
      </c>
      <c r="AI3262">
        <v>0</v>
      </c>
      <c r="AJ3262">
        <v>97</v>
      </c>
      <c r="AK3262" t="s">
        <v>33</v>
      </c>
      <c r="AL3262">
        <v>0</v>
      </c>
      <c r="AM3262">
        <v>0</v>
      </c>
      <c r="AN3262">
        <v>0</v>
      </c>
      <c r="AO3262">
        <v>0</v>
      </c>
      <c r="AP3262">
        <v>0</v>
      </c>
      <c r="AQ3262">
        <v>0</v>
      </c>
      <c r="AR3262">
        <v>0</v>
      </c>
      <c r="AS3262">
        <v>0</v>
      </c>
      <c r="AT3262">
        <v>0</v>
      </c>
      <c r="AU3262">
        <v>0</v>
      </c>
      <c r="AV3262">
        <v>0</v>
      </c>
      <c r="AW3262">
        <v>0</v>
      </c>
      <c r="AX3262">
        <v>-1210</v>
      </c>
      <c r="AY3262">
        <v>39</v>
      </c>
      <c r="AZ3262">
        <v>94</v>
      </c>
      <c r="BA3262">
        <v>5462</v>
      </c>
    </row>
    <row r="3263" spans="1:53" x14ac:dyDescent="0.4">
      <c r="A3263">
        <v>3307</v>
      </c>
      <c r="B3263" s="1">
        <v>43889</v>
      </c>
      <c r="C3263">
        <v>3</v>
      </c>
      <c r="D3263" s="1">
        <v>43889.736805555556</v>
      </c>
      <c r="E3263" s="1">
        <v>43889.959027777775</v>
      </c>
      <c r="F3263">
        <v>60450</v>
      </c>
      <c r="G3263">
        <v>540</v>
      </c>
      <c r="H3263">
        <v>0</v>
      </c>
      <c r="I3263">
        <v>0</v>
      </c>
      <c r="J3263">
        <v>0</v>
      </c>
      <c r="K3263">
        <v>0</v>
      </c>
      <c r="L3263">
        <v>0</v>
      </c>
      <c r="M3263">
        <v>6099</v>
      </c>
      <c r="N3263">
        <v>0</v>
      </c>
      <c r="O3263">
        <v>0</v>
      </c>
      <c r="P3263">
        <v>-26015</v>
      </c>
      <c r="Q3263">
        <v>0</v>
      </c>
      <c r="R3263">
        <v>41074</v>
      </c>
      <c r="S3263">
        <v>0</v>
      </c>
      <c r="T3263">
        <v>0</v>
      </c>
      <c r="U3263">
        <v>0</v>
      </c>
      <c r="V3263">
        <v>2</v>
      </c>
      <c r="W3263">
        <v>3</v>
      </c>
      <c r="X3263">
        <v>0</v>
      </c>
      <c r="Y3263">
        <v>58</v>
      </c>
      <c r="Z3263">
        <v>39</v>
      </c>
      <c r="AA3263">
        <v>151</v>
      </c>
      <c r="AB3263">
        <v>48</v>
      </c>
      <c r="AC3263">
        <v>80</v>
      </c>
      <c r="AD3263">
        <v>92</v>
      </c>
      <c r="AE3263">
        <v>184</v>
      </c>
      <c r="AF3263">
        <v>16940</v>
      </c>
      <c r="AG3263">
        <v>148384</v>
      </c>
      <c r="AH3263">
        <v>50000</v>
      </c>
      <c r="AI3263">
        <v>0</v>
      </c>
      <c r="AJ3263">
        <v>100</v>
      </c>
      <c r="AK3263" t="s">
        <v>0</v>
      </c>
      <c r="AL3263">
        <v>0</v>
      </c>
      <c r="AM3263">
        <v>0</v>
      </c>
      <c r="AN3263">
        <v>0</v>
      </c>
      <c r="AO3263">
        <v>0</v>
      </c>
      <c r="AP3263">
        <v>0</v>
      </c>
      <c r="AQ3263">
        <v>0</v>
      </c>
      <c r="AR3263">
        <v>0</v>
      </c>
      <c r="AS3263">
        <v>0</v>
      </c>
      <c r="AT3263">
        <v>0</v>
      </c>
      <c r="AU3263">
        <v>0</v>
      </c>
      <c r="AV3263">
        <v>0</v>
      </c>
      <c r="AW3263">
        <v>0</v>
      </c>
      <c r="AX3263">
        <v>41848</v>
      </c>
      <c r="AY3263">
        <v>17</v>
      </c>
      <c r="AZ3263">
        <v>67</v>
      </c>
      <c r="BA3263">
        <v>2770</v>
      </c>
    </row>
    <row r="3264" spans="1:53" x14ac:dyDescent="0.4">
      <c r="A3264">
        <v>3308</v>
      </c>
      <c r="B3264" s="1">
        <v>43890</v>
      </c>
      <c r="C3264">
        <v>1</v>
      </c>
      <c r="D3264" s="1">
        <v>43890.291666666664</v>
      </c>
      <c r="E3264" s="1">
        <v>43890.406944444447</v>
      </c>
      <c r="F3264">
        <v>0</v>
      </c>
      <c r="G3264">
        <v>0</v>
      </c>
      <c r="H3264">
        <v>0</v>
      </c>
      <c r="I3264">
        <v>0</v>
      </c>
      <c r="J3264">
        <v>0</v>
      </c>
      <c r="K3264">
        <v>0</v>
      </c>
      <c r="L3264">
        <v>0</v>
      </c>
      <c r="M3264">
        <v>0</v>
      </c>
      <c r="N3264">
        <v>0</v>
      </c>
      <c r="O3264">
        <v>0</v>
      </c>
      <c r="P3264">
        <v>0</v>
      </c>
      <c r="Q3264">
        <v>0</v>
      </c>
      <c r="R3264">
        <v>0</v>
      </c>
      <c r="S3264">
        <v>0</v>
      </c>
      <c r="T3264">
        <v>0</v>
      </c>
      <c r="U3264">
        <v>0</v>
      </c>
      <c r="V3264">
        <v>0</v>
      </c>
      <c r="W3264">
        <v>0</v>
      </c>
      <c r="X3264">
        <v>0</v>
      </c>
      <c r="Y3264">
        <v>28</v>
      </c>
      <c r="Z3264">
        <v>11</v>
      </c>
      <c r="AA3264">
        <v>128</v>
      </c>
      <c r="AB3264">
        <v>44</v>
      </c>
      <c r="AC3264">
        <v>89</v>
      </c>
      <c r="AD3264">
        <v>95</v>
      </c>
      <c r="AE3264">
        <v>135</v>
      </c>
      <c r="AF3264">
        <v>0</v>
      </c>
      <c r="AG3264">
        <v>50000</v>
      </c>
      <c r="AH3264">
        <v>50000</v>
      </c>
      <c r="AI3264">
        <v>0</v>
      </c>
      <c r="AJ3264">
        <v>0</v>
      </c>
      <c r="AK3264" t="s">
        <v>6</v>
      </c>
      <c r="AL3264">
        <v>0</v>
      </c>
      <c r="AM3264">
        <v>0</v>
      </c>
      <c r="AN3264">
        <v>0</v>
      </c>
      <c r="AO3264">
        <v>0</v>
      </c>
      <c r="AP3264">
        <v>0</v>
      </c>
      <c r="AQ3264">
        <v>0</v>
      </c>
      <c r="AR3264">
        <v>0</v>
      </c>
      <c r="AS3264">
        <v>0</v>
      </c>
      <c r="AT3264">
        <v>0</v>
      </c>
      <c r="AU3264">
        <v>0</v>
      </c>
      <c r="AV3264">
        <v>0</v>
      </c>
      <c r="AW3264">
        <v>0</v>
      </c>
      <c r="AX3264">
        <v>0</v>
      </c>
      <c r="AY3264">
        <v>0</v>
      </c>
      <c r="AZ3264">
        <v>0</v>
      </c>
      <c r="BA3264">
        <v>0</v>
      </c>
    </row>
    <row r="3265" spans="1:53" x14ac:dyDescent="0.4">
      <c r="A3265">
        <v>3309</v>
      </c>
      <c r="B3265" s="1">
        <v>43890</v>
      </c>
      <c r="C3265">
        <v>2</v>
      </c>
      <c r="D3265" s="1">
        <v>43890.406944444447</v>
      </c>
      <c r="E3265" s="1">
        <v>43890.738888888889</v>
      </c>
      <c r="F3265">
        <v>49500</v>
      </c>
      <c r="G3265">
        <v>5920</v>
      </c>
      <c r="H3265">
        <v>200</v>
      </c>
      <c r="I3265">
        <v>0</v>
      </c>
      <c r="J3265">
        <v>100</v>
      </c>
      <c r="K3265">
        <v>0</v>
      </c>
      <c r="L3265">
        <v>0</v>
      </c>
      <c r="M3265">
        <v>5552</v>
      </c>
      <c r="N3265">
        <v>0</v>
      </c>
      <c r="O3265">
        <v>0</v>
      </c>
      <c r="P3265">
        <v>21780</v>
      </c>
      <c r="Q3265">
        <v>0</v>
      </c>
      <c r="R3265">
        <v>82852</v>
      </c>
      <c r="S3265">
        <v>0</v>
      </c>
      <c r="T3265">
        <v>0</v>
      </c>
      <c r="U3265">
        <v>0</v>
      </c>
      <c r="V3265">
        <v>3</v>
      </c>
      <c r="W3265">
        <v>2</v>
      </c>
      <c r="X3265">
        <v>0</v>
      </c>
      <c r="Y3265">
        <v>42</v>
      </c>
      <c r="Z3265">
        <v>31</v>
      </c>
      <c r="AA3265">
        <v>103</v>
      </c>
      <c r="AB3265">
        <v>29</v>
      </c>
      <c r="AC3265">
        <v>59</v>
      </c>
      <c r="AD3265">
        <v>82</v>
      </c>
      <c r="AE3265">
        <v>195</v>
      </c>
      <c r="AF3265">
        <v>22407</v>
      </c>
      <c r="AG3265">
        <v>132852</v>
      </c>
      <c r="AH3265">
        <v>50000</v>
      </c>
      <c r="AI3265">
        <v>0</v>
      </c>
      <c r="AJ3265">
        <v>93</v>
      </c>
      <c r="AK3265" t="s">
        <v>20</v>
      </c>
      <c r="AL3265">
        <v>0</v>
      </c>
      <c r="AM3265">
        <v>0</v>
      </c>
      <c r="AN3265">
        <v>0</v>
      </c>
      <c r="AO3265">
        <v>0</v>
      </c>
      <c r="AP3265">
        <v>0</v>
      </c>
      <c r="AQ3265">
        <v>0</v>
      </c>
      <c r="AR3265">
        <v>0</v>
      </c>
      <c r="AS3265">
        <v>0</v>
      </c>
      <c r="AT3265">
        <v>0</v>
      </c>
      <c r="AU3265">
        <v>0</v>
      </c>
      <c r="AV3265">
        <v>0</v>
      </c>
      <c r="AW3265">
        <v>0</v>
      </c>
      <c r="AX3265">
        <v>-1210</v>
      </c>
      <c r="AY3265">
        <v>50</v>
      </c>
      <c r="AZ3265">
        <v>121</v>
      </c>
      <c r="BA3265">
        <v>7537</v>
      </c>
    </row>
    <row r="3266" spans="1:53" x14ac:dyDescent="0.4">
      <c r="A3266">
        <v>3310</v>
      </c>
      <c r="B3266" s="1">
        <v>43890</v>
      </c>
      <c r="C3266">
        <v>3</v>
      </c>
      <c r="D3266" s="1">
        <v>43890.738888888889</v>
      </c>
      <c r="E3266" s="1">
        <v>43891.15</v>
      </c>
      <c r="F3266">
        <v>240950</v>
      </c>
      <c r="G3266">
        <v>10390</v>
      </c>
      <c r="H3266">
        <v>200</v>
      </c>
      <c r="I3266">
        <v>0</v>
      </c>
      <c r="J3266">
        <v>0</v>
      </c>
      <c r="K3266">
        <v>12975</v>
      </c>
      <c r="L3266">
        <v>0</v>
      </c>
      <c r="M3266">
        <v>26452</v>
      </c>
      <c r="N3266">
        <v>0</v>
      </c>
      <c r="O3266">
        <v>0</v>
      </c>
      <c r="P3266">
        <v>37510</v>
      </c>
      <c r="Q3266">
        <v>0</v>
      </c>
      <c r="R3266">
        <v>328477</v>
      </c>
      <c r="S3266">
        <v>0</v>
      </c>
      <c r="T3266">
        <v>0</v>
      </c>
      <c r="U3266">
        <v>0</v>
      </c>
      <c r="V3266">
        <v>23</v>
      </c>
      <c r="W3266">
        <v>14</v>
      </c>
      <c r="X3266">
        <v>0</v>
      </c>
      <c r="Y3266">
        <v>91</v>
      </c>
      <c r="Z3266">
        <v>28</v>
      </c>
      <c r="AA3266">
        <v>87</v>
      </c>
      <c r="AB3266">
        <v>30</v>
      </c>
      <c r="AC3266">
        <v>38</v>
      </c>
      <c r="AD3266">
        <v>77</v>
      </c>
      <c r="AE3266">
        <v>187</v>
      </c>
      <c r="AF3266">
        <v>45177</v>
      </c>
      <c r="AG3266">
        <v>461329</v>
      </c>
      <c r="AH3266">
        <v>50000</v>
      </c>
      <c r="AI3266">
        <v>0</v>
      </c>
      <c r="AJ3266">
        <v>84</v>
      </c>
      <c r="AK3266" t="s">
        <v>16</v>
      </c>
      <c r="AL3266">
        <v>0</v>
      </c>
      <c r="AM3266">
        <v>0</v>
      </c>
      <c r="AN3266">
        <v>0</v>
      </c>
      <c r="AO3266">
        <v>0</v>
      </c>
      <c r="AP3266">
        <v>0</v>
      </c>
      <c r="AQ3266">
        <v>0</v>
      </c>
      <c r="AR3266">
        <v>0</v>
      </c>
      <c r="AS3266">
        <v>0</v>
      </c>
      <c r="AT3266">
        <v>0</v>
      </c>
      <c r="AU3266">
        <v>0</v>
      </c>
      <c r="AV3266">
        <v>0</v>
      </c>
      <c r="AW3266">
        <v>0</v>
      </c>
      <c r="AX3266">
        <v>2794</v>
      </c>
      <c r="AY3266">
        <v>38</v>
      </c>
      <c r="AZ3266">
        <v>139</v>
      </c>
      <c r="BA3266">
        <v>6832</v>
      </c>
    </row>
    <row r="3267" spans="1:53" x14ac:dyDescent="0.4">
      <c r="A3267">
        <v>3311</v>
      </c>
      <c r="B3267" s="1">
        <v>43891</v>
      </c>
      <c r="C3267">
        <v>1</v>
      </c>
      <c r="D3267" s="1">
        <v>43891.291666666664</v>
      </c>
      <c r="E3267" s="1">
        <v>43891.407638888886</v>
      </c>
      <c r="F3267">
        <v>0</v>
      </c>
      <c r="G3267">
        <v>0</v>
      </c>
      <c r="H3267">
        <v>0</v>
      </c>
      <c r="I3267">
        <v>0</v>
      </c>
      <c r="J3267">
        <v>0</v>
      </c>
      <c r="K3267">
        <v>0</v>
      </c>
      <c r="L3267">
        <v>0</v>
      </c>
      <c r="M3267">
        <v>0</v>
      </c>
      <c r="N3267">
        <v>0</v>
      </c>
      <c r="O3267">
        <v>0</v>
      </c>
      <c r="P3267">
        <v>0</v>
      </c>
      <c r="Q3267">
        <v>0</v>
      </c>
      <c r="R3267">
        <v>0</v>
      </c>
      <c r="S3267">
        <v>0</v>
      </c>
      <c r="T3267">
        <v>0</v>
      </c>
      <c r="U3267">
        <v>0</v>
      </c>
      <c r="V3267">
        <v>0</v>
      </c>
      <c r="W3267">
        <v>1</v>
      </c>
      <c r="X3267">
        <v>0</v>
      </c>
      <c r="Y3267">
        <v>25</v>
      </c>
      <c r="Z3267">
        <v>18</v>
      </c>
      <c r="AA3267">
        <v>87</v>
      </c>
      <c r="AB3267">
        <v>29</v>
      </c>
      <c r="AC3267">
        <v>34</v>
      </c>
      <c r="AD3267">
        <v>75</v>
      </c>
      <c r="AE3267">
        <v>135</v>
      </c>
      <c r="AF3267">
        <v>0</v>
      </c>
      <c r="AG3267">
        <v>50000</v>
      </c>
      <c r="AH3267">
        <v>50000</v>
      </c>
      <c r="AI3267">
        <v>0</v>
      </c>
      <c r="AJ3267">
        <v>0</v>
      </c>
      <c r="AK3267" t="s">
        <v>6</v>
      </c>
      <c r="AL3267">
        <v>0</v>
      </c>
      <c r="AM3267">
        <v>0</v>
      </c>
      <c r="AN3267">
        <v>0</v>
      </c>
      <c r="AO3267">
        <v>0</v>
      </c>
      <c r="AP3267">
        <v>0</v>
      </c>
      <c r="AQ3267">
        <v>0</v>
      </c>
      <c r="AR3267">
        <v>0</v>
      </c>
      <c r="AS3267">
        <v>0</v>
      </c>
      <c r="AT3267">
        <v>0</v>
      </c>
      <c r="AU3267">
        <v>0</v>
      </c>
      <c r="AV3267">
        <v>0</v>
      </c>
      <c r="AW3267">
        <v>0</v>
      </c>
      <c r="AX3267">
        <v>0</v>
      </c>
      <c r="AY3267">
        <v>0</v>
      </c>
      <c r="AZ3267">
        <v>0</v>
      </c>
      <c r="BA3267">
        <v>0</v>
      </c>
    </row>
    <row r="3268" spans="1:53" x14ac:dyDescent="0.4">
      <c r="A3268">
        <v>3312</v>
      </c>
      <c r="B3268" s="1">
        <v>43891</v>
      </c>
      <c r="C3268">
        <v>2</v>
      </c>
      <c r="D3268" s="1">
        <v>43891.407638888886</v>
      </c>
      <c r="E3268" s="1">
        <v>43891.75</v>
      </c>
      <c r="F3268">
        <v>51975</v>
      </c>
      <c r="G3268">
        <v>1480</v>
      </c>
      <c r="H3268">
        <v>200</v>
      </c>
      <c r="I3268">
        <v>0</v>
      </c>
      <c r="J3268">
        <v>0</v>
      </c>
      <c r="K3268">
        <v>0</v>
      </c>
      <c r="L3268">
        <v>0</v>
      </c>
      <c r="M3268">
        <v>5365</v>
      </c>
      <c r="N3268">
        <v>0</v>
      </c>
      <c r="O3268">
        <v>0</v>
      </c>
      <c r="P3268">
        <v>22385</v>
      </c>
      <c r="Q3268">
        <v>0</v>
      </c>
      <c r="R3268">
        <v>81405</v>
      </c>
      <c r="S3268">
        <v>0</v>
      </c>
      <c r="T3268">
        <v>0</v>
      </c>
      <c r="U3268">
        <v>0</v>
      </c>
      <c r="V3268">
        <v>4</v>
      </c>
      <c r="W3268">
        <v>5</v>
      </c>
      <c r="X3268">
        <v>0</v>
      </c>
      <c r="Y3268">
        <v>37</v>
      </c>
      <c r="Z3268">
        <v>39</v>
      </c>
      <c r="AA3268">
        <v>79</v>
      </c>
      <c r="AB3268">
        <v>16</v>
      </c>
      <c r="AC3268">
        <v>21</v>
      </c>
      <c r="AD3268">
        <v>47</v>
      </c>
      <c r="AE3268">
        <v>160</v>
      </c>
      <c r="AF3268">
        <v>605</v>
      </c>
      <c r="AG3268">
        <v>131410</v>
      </c>
      <c r="AH3268">
        <v>50000</v>
      </c>
      <c r="AI3268">
        <v>5</v>
      </c>
      <c r="AJ3268">
        <v>101</v>
      </c>
      <c r="AK3268" t="s">
        <v>28</v>
      </c>
      <c r="AL3268">
        <v>0</v>
      </c>
      <c r="AM3268">
        <v>0</v>
      </c>
      <c r="AN3268">
        <v>0</v>
      </c>
      <c r="AO3268">
        <v>0</v>
      </c>
      <c r="AP3268">
        <v>0</v>
      </c>
      <c r="AQ3268">
        <v>0</v>
      </c>
      <c r="AR3268">
        <v>0</v>
      </c>
      <c r="AS3268">
        <v>0</v>
      </c>
      <c r="AT3268">
        <v>0</v>
      </c>
      <c r="AU3268">
        <v>0</v>
      </c>
      <c r="AV3268">
        <v>0</v>
      </c>
      <c r="AW3268">
        <v>0</v>
      </c>
      <c r="AX3268">
        <v>-1210</v>
      </c>
      <c r="AY3268">
        <v>54</v>
      </c>
      <c r="AZ3268">
        <v>124</v>
      </c>
      <c r="BA3268">
        <v>8101</v>
      </c>
    </row>
    <row r="3269" spans="1:53" x14ac:dyDescent="0.4">
      <c r="A3269">
        <v>3313</v>
      </c>
      <c r="B3269" s="1">
        <v>43891</v>
      </c>
      <c r="C3269">
        <v>3</v>
      </c>
      <c r="D3269" s="1">
        <v>43891.75</v>
      </c>
      <c r="E3269" s="1">
        <v>43891.953472222223</v>
      </c>
      <c r="F3269">
        <v>36900</v>
      </c>
      <c r="G3269">
        <v>540</v>
      </c>
      <c r="H3269">
        <v>0</v>
      </c>
      <c r="I3269">
        <v>0</v>
      </c>
      <c r="J3269">
        <v>0</v>
      </c>
      <c r="K3269">
        <v>0</v>
      </c>
      <c r="L3269">
        <v>0</v>
      </c>
      <c r="M3269">
        <v>3744</v>
      </c>
      <c r="N3269">
        <v>0</v>
      </c>
      <c r="O3269">
        <v>0</v>
      </c>
      <c r="P3269">
        <v>-22385</v>
      </c>
      <c r="Q3269">
        <v>0</v>
      </c>
      <c r="R3269">
        <v>18799</v>
      </c>
      <c r="S3269">
        <v>0</v>
      </c>
      <c r="T3269">
        <v>0</v>
      </c>
      <c r="U3269">
        <v>0</v>
      </c>
      <c r="V3269">
        <v>4</v>
      </c>
      <c r="W3269">
        <v>5</v>
      </c>
      <c r="X3269">
        <v>0</v>
      </c>
      <c r="Y3269">
        <v>53</v>
      </c>
      <c r="Z3269">
        <v>39</v>
      </c>
      <c r="AA3269">
        <v>71</v>
      </c>
      <c r="AB3269">
        <v>15</v>
      </c>
      <c r="AC3269">
        <v>22</v>
      </c>
      <c r="AD3269">
        <v>47</v>
      </c>
      <c r="AE3269">
        <v>164</v>
      </c>
      <c r="AF3269">
        <v>4235</v>
      </c>
      <c r="AG3269">
        <v>150204</v>
      </c>
      <c r="AH3269">
        <v>50000</v>
      </c>
      <c r="AI3269">
        <v>0</v>
      </c>
      <c r="AJ3269">
        <v>100</v>
      </c>
      <c r="AK3269" t="s">
        <v>0</v>
      </c>
      <c r="AL3269">
        <v>0</v>
      </c>
      <c r="AM3269">
        <v>0</v>
      </c>
      <c r="AN3269">
        <v>0</v>
      </c>
      <c r="AO3269">
        <v>0</v>
      </c>
      <c r="AP3269">
        <v>0</v>
      </c>
      <c r="AQ3269">
        <v>0</v>
      </c>
      <c r="AR3269">
        <v>0</v>
      </c>
      <c r="AS3269">
        <v>0</v>
      </c>
      <c r="AT3269">
        <v>0</v>
      </c>
      <c r="AU3269">
        <v>0</v>
      </c>
      <c r="AV3269">
        <v>0</v>
      </c>
      <c r="AW3269">
        <v>0</v>
      </c>
      <c r="AX3269">
        <v>33583</v>
      </c>
      <c r="AY3269">
        <v>12</v>
      </c>
      <c r="AZ3269">
        <v>35</v>
      </c>
      <c r="BA3269">
        <v>3016</v>
      </c>
    </row>
    <row r="3270" spans="1:53" x14ac:dyDescent="0.4">
      <c r="A3270">
        <v>3314</v>
      </c>
      <c r="B3270" s="1">
        <v>43892</v>
      </c>
      <c r="C3270">
        <v>1</v>
      </c>
      <c r="D3270" s="1">
        <v>43892.291666666664</v>
      </c>
      <c r="E3270" s="1">
        <v>43892.456944444442</v>
      </c>
      <c r="F3270">
        <v>0</v>
      </c>
      <c r="G3270">
        <v>0</v>
      </c>
      <c r="H3270">
        <v>0</v>
      </c>
      <c r="I3270">
        <v>0</v>
      </c>
      <c r="J3270">
        <v>0</v>
      </c>
      <c r="K3270">
        <v>0</v>
      </c>
      <c r="L3270">
        <v>0</v>
      </c>
      <c r="M3270">
        <v>0</v>
      </c>
      <c r="N3270">
        <v>0</v>
      </c>
      <c r="O3270">
        <v>0</v>
      </c>
      <c r="P3270">
        <v>0</v>
      </c>
      <c r="Q3270">
        <v>0</v>
      </c>
      <c r="R3270">
        <v>0</v>
      </c>
      <c r="S3270">
        <v>0</v>
      </c>
      <c r="T3270">
        <v>0</v>
      </c>
      <c r="U3270">
        <v>0</v>
      </c>
      <c r="V3270">
        <v>0</v>
      </c>
      <c r="W3270">
        <v>0</v>
      </c>
      <c r="X3270">
        <v>0</v>
      </c>
      <c r="Y3270">
        <v>30</v>
      </c>
      <c r="Z3270">
        <v>20</v>
      </c>
      <c r="AA3270">
        <v>86</v>
      </c>
      <c r="AB3270">
        <v>17</v>
      </c>
      <c r="AC3270">
        <v>29</v>
      </c>
      <c r="AD3270">
        <v>30</v>
      </c>
      <c r="AE3270">
        <v>110</v>
      </c>
      <c r="AF3270">
        <v>0</v>
      </c>
      <c r="AG3270">
        <v>50000</v>
      </c>
      <c r="AH3270">
        <v>0</v>
      </c>
      <c r="AI3270">
        <v>50000</v>
      </c>
      <c r="AJ3270">
        <v>0</v>
      </c>
      <c r="AK3270" t="s">
        <v>6</v>
      </c>
      <c r="AL3270">
        <v>0</v>
      </c>
      <c r="AM3270">
        <v>0</v>
      </c>
      <c r="AN3270">
        <v>0</v>
      </c>
      <c r="AO3270">
        <v>0</v>
      </c>
      <c r="AP3270">
        <v>0</v>
      </c>
      <c r="AQ3270">
        <v>0</v>
      </c>
      <c r="AR3270">
        <v>0</v>
      </c>
      <c r="AS3270">
        <v>0</v>
      </c>
      <c r="AT3270">
        <v>0</v>
      </c>
      <c r="AU3270">
        <v>0</v>
      </c>
      <c r="AV3270">
        <v>0</v>
      </c>
      <c r="AW3270">
        <v>0</v>
      </c>
      <c r="AX3270">
        <v>0</v>
      </c>
      <c r="AY3270">
        <v>0</v>
      </c>
      <c r="AZ3270">
        <v>0</v>
      </c>
      <c r="BA3270">
        <v>0</v>
      </c>
    </row>
    <row r="3271" spans="1:53" x14ac:dyDescent="0.4">
      <c r="A3271">
        <v>3315</v>
      </c>
      <c r="B3271" s="1">
        <v>43892</v>
      </c>
      <c r="C3271">
        <v>2</v>
      </c>
      <c r="D3271" s="1">
        <v>43892.456944444442</v>
      </c>
      <c r="E3271" s="1">
        <v>43892.761111111111</v>
      </c>
      <c r="F3271">
        <v>41525</v>
      </c>
      <c r="G3271">
        <v>3160</v>
      </c>
      <c r="H3271">
        <v>0</v>
      </c>
      <c r="I3271">
        <v>0</v>
      </c>
      <c r="J3271">
        <v>0</v>
      </c>
      <c r="K3271">
        <v>0</v>
      </c>
      <c r="L3271">
        <v>0</v>
      </c>
      <c r="M3271">
        <v>4469</v>
      </c>
      <c r="N3271">
        <v>0</v>
      </c>
      <c r="O3271">
        <v>0</v>
      </c>
      <c r="P3271">
        <v>16335</v>
      </c>
      <c r="Q3271">
        <v>0</v>
      </c>
      <c r="R3271">
        <v>65489</v>
      </c>
      <c r="S3271">
        <v>0</v>
      </c>
      <c r="T3271">
        <v>0</v>
      </c>
      <c r="U3271">
        <v>0</v>
      </c>
      <c r="V3271">
        <v>1</v>
      </c>
      <c r="W3271">
        <v>2</v>
      </c>
      <c r="X3271">
        <v>0</v>
      </c>
      <c r="Y3271">
        <v>66</v>
      </c>
      <c r="Z3271">
        <v>45</v>
      </c>
      <c r="AA3271">
        <v>53</v>
      </c>
      <c r="AB3271">
        <v>19</v>
      </c>
      <c r="AC3271">
        <v>38</v>
      </c>
      <c r="AD3271">
        <v>40</v>
      </c>
      <c r="AE3271">
        <v>161</v>
      </c>
      <c r="AF3271">
        <v>0</v>
      </c>
      <c r="AG3271">
        <v>115491</v>
      </c>
      <c r="AH3271">
        <v>50000</v>
      </c>
      <c r="AI3271">
        <v>2</v>
      </c>
      <c r="AJ3271">
        <v>96</v>
      </c>
      <c r="AK3271" t="s">
        <v>4</v>
      </c>
      <c r="AL3271">
        <v>0</v>
      </c>
      <c r="AM3271">
        <v>0</v>
      </c>
      <c r="AN3271">
        <v>0</v>
      </c>
      <c r="AO3271">
        <v>0</v>
      </c>
      <c r="AP3271">
        <v>0</v>
      </c>
      <c r="AQ3271">
        <v>0</v>
      </c>
      <c r="AR3271">
        <v>0</v>
      </c>
      <c r="AS3271">
        <v>0</v>
      </c>
      <c r="AT3271">
        <v>0</v>
      </c>
      <c r="AU3271">
        <v>0</v>
      </c>
      <c r="AV3271">
        <v>0</v>
      </c>
      <c r="AW3271">
        <v>0</v>
      </c>
      <c r="AX3271">
        <v>902</v>
      </c>
      <c r="AY3271">
        <v>44</v>
      </c>
      <c r="AZ3271">
        <v>101</v>
      </c>
      <c r="BA3271">
        <v>6581</v>
      </c>
    </row>
    <row r="3272" spans="1:53" x14ac:dyDescent="0.4">
      <c r="A3272">
        <v>3316</v>
      </c>
      <c r="B3272" s="1">
        <v>43892</v>
      </c>
      <c r="C3272">
        <v>3</v>
      </c>
      <c r="D3272" s="1">
        <v>43892.761111111111</v>
      </c>
      <c r="E3272" s="1">
        <v>43892.968055555553</v>
      </c>
      <c r="F3272">
        <v>19800</v>
      </c>
      <c r="G3272">
        <v>820</v>
      </c>
      <c r="H3272">
        <v>0</v>
      </c>
      <c r="I3272">
        <v>0</v>
      </c>
      <c r="J3272">
        <v>0</v>
      </c>
      <c r="K3272">
        <v>0</v>
      </c>
      <c r="L3272">
        <v>0</v>
      </c>
      <c r="M3272">
        <v>2062</v>
      </c>
      <c r="N3272">
        <v>0</v>
      </c>
      <c r="O3272">
        <v>0</v>
      </c>
      <c r="P3272">
        <v>-16335</v>
      </c>
      <c r="Q3272">
        <v>0</v>
      </c>
      <c r="R3272">
        <v>6347</v>
      </c>
      <c r="S3272">
        <v>0</v>
      </c>
      <c r="T3272">
        <v>0</v>
      </c>
      <c r="U3272">
        <v>0</v>
      </c>
      <c r="V3272">
        <v>2</v>
      </c>
      <c r="W3272">
        <v>1</v>
      </c>
      <c r="X3272">
        <v>0</v>
      </c>
      <c r="Y3272">
        <v>68</v>
      </c>
      <c r="Z3272">
        <v>47</v>
      </c>
      <c r="AA3272">
        <v>38</v>
      </c>
      <c r="AB3272">
        <v>17</v>
      </c>
      <c r="AC3272">
        <v>33</v>
      </c>
      <c r="AD3272">
        <v>39</v>
      </c>
      <c r="AE3272">
        <v>161</v>
      </c>
      <c r="AF3272">
        <v>0</v>
      </c>
      <c r="AG3272">
        <v>121836</v>
      </c>
      <c r="AH3272">
        <v>50000</v>
      </c>
      <c r="AI3272">
        <v>0</v>
      </c>
      <c r="AJ3272">
        <v>106</v>
      </c>
      <c r="AK3272" t="s">
        <v>44</v>
      </c>
      <c r="AL3272">
        <v>0</v>
      </c>
      <c r="AM3272">
        <v>0</v>
      </c>
      <c r="AN3272">
        <v>0</v>
      </c>
      <c r="AO3272">
        <v>0</v>
      </c>
      <c r="AP3272">
        <v>0</v>
      </c>
      <c r="AQ3272">
        <v>0</v>
      </c>
      <c r="AR3272">
        <v>0</v>
      </c>
      <c r="AS3272">
        <v>0</v>
      </c>
      <c r="AT3272">
        <v>0</v>
      </c>
      <c r="AU3272">
        <v>0</v>
      </c>
      <c r="AV3272">
        <v>0</v>
      </c>
      <c r="AW3272">
        <v>0</v>
      </c>
      <c r="AX3272">
        <v>6644</v>
      </c>
      <c r="AY3272">
        <v>5</v>
      </c>
      <c r="AZ3272">
        <v>11</v>
      </c>
      <c r="BA3272">
        <v>1641</v>
      </c>
    </row>
    <row r="3273" spans="1:53" x14ac:dyDescent="0.4">
      <c r="A3273">
        <v>3317</v>
      </c>
      <c r="B3273" s="1">
        <v>43892</v>
      </c>
      <c r="C3273">
        <v>4</v>
      </c>
      <c r="D3273" s="1">
        <v>43892.968055555553</v>
      </c>
      <c r="E3273" s="1">
        <v>43893.25277777778</v>
      </c>
      <c r="F3273">
        <v>14600</v>
      </c>
      <c r="G3273">
        <v>2390</v>
      </c>
      <c r="H3273">
        <v>0</v>
      </c>
      <c r="I3273">
        <v>0</v>
      </c>
      <c r="J3273">
        <v>0</v>
      </c>
      <c r="K3273">
        <v>0</v>
      </c>
      <c r="L3273">
        <v>0</v>
      </c>
      <c r="M3273">
        <v>1699</v>
      </c>
      <c r="N3273">
        <v>0</v>
      </c>
      <c r="O3273">
        <v>0</v>
      </c>
      <c r="P3273">
        <v>0</v>
      </c>
      <c r="Q3273">
        <v>0</v>
      </c>
      <c r="R3273">
        <v>18689</v>
      </c>
      <c r="S3273">
        <v>0</v>
      </c>
      <c r="T3273">
        <v>0</v>
      </c>
      <c r="U3273">
        <v>0</v>
      </c>
      <c r="V3273">
        <v>0</v>
      </c>
      <c r="W3273">
        <v>0</v>
      </c>
      <c r="X3273">
        <v>0</v>
      </c>
      <c r="Y3273">
        <v>36</v>
      </c>
      <c r="Z3273">
        <v>16</v>
      </c>
      <c r="AA3273">
        <v>45</v>
      </c>
      <c r="AB3273">
        <v>17</v>
      </c>
      <c r="AC3273">
        <v>31</v>
      </c>
      <c r="AD3273">
        <v>37</v>
      </c>
      <c r="AE3273">
        <v>155</v>
      </c>
      <c r="AF3273">
        <v>0</v>
      </c>
      <c r="AG3273">
        <v>50000</v>
      </c>
      <c r="AH3273">
        <v>0</v>
      </c>
      <c r="AI3273">
        <v>-40525</v>
      </c>
      <c r="AJ3273">
        <v>94</v>
      </c>
      <c r="AK3273" t="s">
        <v>43</v>
      </c>
      <c r="AL3273">
        <v>0</v>
      </c>
      <c r="AM3273">
        <v>0</v>
      </c>
      <c r="AN3273">
        <v>0</v>
      </c>
      <c r="AO3273">
        <v>0</v>
      </c>
      <c r="AP3273">
        <v>0</v>
      </c>
      <c r="AQ3273">
        <v>0</v>
      </c>
      <c r="AR3273">
        <v>0</v>
      </c>
      <c r="AS3273">
        <v>0</v>
      </c>
      <c r="AT3273">
        <v>0</v>
      </c>
      <c r="AU3273">
        <v>0</v>
      </c>
      <c r="AV3273">
        <v>0</v>
      </c>
      <c r="AW3273">
        <v>0</v>
      </c>
      <c r="AX3273">
        <v>0</v>
      </c>
      <c r="AY3273">
        <v>1</v>
      </c>
      <c r="AZ3273">
        <v>4</v>
      </c>
      <c r="BA3273">
        <v>313</v>
      </c>
    </row>
    <row r="3274" spans="1:53" x14ac:dyDescent="0.4">
      <c r="A3274">
        <v>3318</v>
      </c>
      <c r="B3274" s="1">
        <v>43893</v>
      </c>
      <c r="C3274">
        <v>1</v>
      </c>
      <c r="D3274" s="1">
        <v>43893.291666666664</v>
      </c>
      <c r="E3274" s="1">
        <v>43893.45</v>
      </c>
      <c r="F3274">
        <v>0</v>
      </c>
      <c r="G3274">
        <v>0</v>
      </c>
      <c r="H3274">
        <v>0</v>
      </c>
      <c r="I3274">
        <v>0</v>
      </c>
      <c r="J3274">
        <v>0</v>
      </c>
      <c r="K3274">
        <v>0</v>
      </c>
      <c r="L3274">
        <v>0</v>
      </c>
      <c r="M3274">
        <v>0</v>
      </c>
      <c r="N3274">
        <v>0</v>
      </c>
      <c r="O3274">
        <v>0</v>
      </c>
      <c r="P3274">
        <v>0</v>
      </c>
      <c r="Q3274">
        <v>0</v>
      </c>
      <c r="R3274">
        <v>0</v>
      </c>
      <c r="S3274">
        <v>0</v>
      </c>
      <c r="T3274">
        <v>0</v>
      </c>
      <c r="U3274">
        <v>0</v>
      </c>
      <c r="V3274">
        <v>0</v>
      </c>
      <c r="W3274">
        <v>0</v>
      </c>
      <c r="X3274">
        <v>0</v>
      </c>
      <c r="Y3274">
        <v>36</v>
      </c>
      <c r="Z3274">
        <v>16</v>
      </c>
      <c r="AA3274">
        <v>45</v>
      </c>
      <c r="AB3274">
        <v>17</v>
      </c>
      <c r="AC3274">
        <v>31</v>
      </c>
      <c r="AD3274">
        <v>37</v>
      </c>
      <c r="AE3274">
        <v>155</v>
      </c>
      <c r="AF3274">
        <v>0</v>
      </c>
      <c r="AG3274">
        <v>50000</v>
      </c>
      <c r="AH3274">
        <v>50000</v>
      </c>
      <c r="AI3274">
        <v>0</v>
      </c>
      <c r="AJ3274">
        <v>0</v>
      </c>
      <c r="AK3274" t="s">
        <v>6</v>
      </c>
      <c r="AL3274">
        <v>0</v>
      </c>
      <c r="AM3274">
        <v>0</v>
      </c>
      <c r="AN3274">
        <v>0</v>
      </c>
      <c r="AO3274">
        <v>0</v>
      </c>
      <c r="AP3274">
        <v>0</v>
      </c>
      <c r="AQ3274">
        <v>0</v>
      </c>
      <c r="AR3274">
        <v>0</v>
      </c>
      <c r="AS3274">
        <v>0</v>
      </c>
      <c r="AT3274">
        <v>0</v>
      </c>
      <c r="AU3274">
        <v>0</v>
      </c>
      <c r="AV3274">
        <v>0</v>
      </c>
      <c r="AW3274">
        <v>0</v>
      </c>
      <c r="AX3274">
        <v>0</v>
      </c>
      <c r="AY3274">
        <v>0</v>
      </c>
      <c r="AZ3274">
        <v>0</v>
      </c>
      <c r="BA3274">
        <v>0</v>
      </c>
    </row>
    <row r="3275" spans="1:53" x14ac:dyDescent="0.4">
      <c r="A3275">
        <v>3319</v>
      </c>
      <c r="B3275" s="1">
        <v>43893</v>
      </c>
      <c r="C3275">
        <v>2</v>
      </c>
      <c r="D3275" s="1">
        <v>43893.45</v>
      </c>
      <c r="E3275" s="1">
        <v>43893.73333333333</v>
      </c>
      <c r="F3275">
        <v>37400</v>
      </c>
      <c r="G3275">
        <v>1290</v>
      </c>
      <c r="H3275">
        <v>200</v>
      </c>
      <c r="I3275">
        <v>0</v>
      </c>
      <c r="J3275">
        <v>0</v>
      </c>
      <c r="K3275">
        <v>0</v>
      </c>
      <c r="L3275">
        <v>0</v>
      </c>
      <c r="M3275">
        <v>3889</v>
      </c>
      <c r="N3275">
        <v>0</v>
      </c>
      <c r="O3275">
        <v>0</v>
      </c>
      <c r="P3275">
        <v>16335</v>
      </c>
      <c r="Q3275">
        <v>0</v>
      </c>
      <c r="R3275">
        <v>59114</v>
      </c>
      <c r="S3275">
        <v>0</v>
      </c>
      <c r="T3275">
        <v>0</v>
      </c>
      <c r="U3275">
        <v>0</v>
      </c>
      <c r="V3275">
        <v>0</v>
      </c>
      <c r="W3275">
        <v>5</v>
      </c>
      <c r="X3275">
        <v>0</v>
      </c>
      <c r="Y3275">
        <v>68</v>
      </c>
      <c r="Z3275">
        <v>29</v>
      </c>
      <c r="AA3275">
        <v>4</v>
      </c>
      <c r="AB3275">
        <v>11</v>
      </c>
      <c r="AC3275">
        <v>20</v>
      </c>
      <c r="AD3275">
        <v>28</v>
      </c>
      <c r="AE3275">
        <v>224</v>
      </c>
      <c r="AF3275">
        <v>0</v>
      </c>
      <c r="AG3275">
        <v>109014</v>
      </c>
      <c r="AH3275">
        <v>50000</v>
      </c>
      <c r="AI3275">
        <v>-100</v>
      </c>
      <c r="AJ3275">
        <v>107</v>
      </c>
      <c r="AK3275" t="s">
        <v>40</v>
      </c>
      <c r="AL3275">
        <v>0</v>
      </c>
      <c r="AM3275">
        <v>0</v>
      </c>
      <c r="AN3275">
        <v>0</v>
      </c>
      <c r="AO3275">
        <v>0</v>
      </c>
      <c r="AP3275">
        <v>0</v>
      </c>
      <c r="AQ3275">
        <v>0</v>
      </c>
      <c r="AR3275">
        <v>0</v>
      </c>
      <c r="AS3275">
        <v>0</v>
      </c>
      <c r="AT3275">
        <v>0</v>
      </c>
      <c r="AU3275">
        <v>0</v>
      </c>
      <c r="AV3275">
        <v>0</v>
      </c>
      <c r="AW3275">
        <v>0</v>
      </c>
      <c r="AX3275">
        <v>1034</v>
      </c>
      <c r="AY3275">
        <v>42</v>
      </c>
      <c r="AZ3275">
        <v>91</v>
      </c>
      <c r="BA3275">
        <v>5969</v>
      </c>
    </row>
    <row r="3276" spans="1:53" x14ac:dyDescent="0.4">
      <c r="A3276">
        <v>3320</v>
      </c>
      <c r="B3276" s="1">
        <v>43893</v>
      </c>
      <c r="C3276">
        <v>3</v>
      </c>
      <c r="D3276" s="1">
        <v>43893.73333333333</v>
      </c>
      <c r="E3276" s="1">
        <v>43893.960416666669</v>
      </c>
      <c r="F3276">
        <v>27500</v>
      </c>
      <c r="G3276">
        <v>1340</v>
      </c>
      <c r="H3276">
        <v>200</v>
      </c>
      <c r="I3276">
        <v>0</v>
      </c>
      <c r="J3276">
        <v>0</v>
      </c>
      <c r="K3276">
        <v>0</v>
      </c>
      <c r="L3276">
        <v>0</v>
      </c>
      <c r="M3276">
        <v>2904</v>
      </c>
      <c r="N3276">
        <v>0</v>
      </c>
      <c r="O3276">
        <v>0</v>
      </c>
      <c r="P3276">
        <v>-16335</v>
      </c>
      <c r="Q3276">
        <v>0</v>
      </c>
      <c r="R3276">
        <v>15609</v>
      </c>
      <c r="S3276">
        <v>0</v>
      </c>
      <c r="T3276">
        <v>0</v>
      </c>
      <c r="U3276">
        <v>0</v>
      </c>
      <c r="V3276">
        <v>2</v>
      </c>
      <c r="W3276">
        <v>5</v>
      </c>
      <c r="X3276">
        <v>0</v>
      </c>
      <c r="Y3276">
        <v>59</v>
      </c>
      <c r="Z3276">
        <v>30</v>
      </c>
      <c r="AA3276">
        <v>28</v>
      </c>
      <c r="AB3276">
        <v>17</v>
      </c>
      <c r="AC3276">
        <v>38</v>
      </c>
      <c r="AD3276">
        <v>30</v>
      </c>
      <c r="AE3276">
        <v>233</v>
      </c>
      <c r="AF3276">
        <v>0</v>
      </c>
      <c r="AG3276">
        <v>123413</v>
      </c>
      <c r="AH3276">
        <v>50000</v>
      </c>
      <c r="AI3276">
        <v>-1310</v>
      </c>
      <c r="AJ3276">
        <v>98</v>
      </c>
      <c r="AK3276" t="s">
        <v>35</v>
      </c>
      <c r="AL3276">
        <v>0</v>
      </c>
      <c r="AM3276">
        <v>0</v>
      </c>
      <c r="AN3276">
        <v>0</v>
      </c>
      <c r="AO3276">
        <v>0</v>
      </c>
      <c r="AP3276">
        <v>0</v>
      </c>
      <c r="AQ3276">
        <v>0</v>
      </c>
      <c r="AR3276">
        <v>0</v>
      </c>
      <c r="AS3276">
        <v>0</v>
      </c>
      <c r="AT3276">
        <v>0</v>
      </c>
      <c r="AU3276">
        <v>0</v>
      </c>
      <c r="AV3276">
        <v>0</v>
      </c>
      <c r="AW3276">
        <v>0</v>
      </c>
      <c r="AX3276">
        <v>1815</v>
      </c>
      <c r="AY3276">
        <v>9</v>
      </c>
      <c r="AZ3276">
        <v>15</v>
      </c>
      <c r="BA3276">
        <v>1664</v>
      </c>
    </row>
    <row r="3277" spans="1:53" x14ac:dyDescent="0.4">
      <c r="A3277">
        <v>3321</v>
      </c>
      <c r="B3277" s="1">
        <v>43893</v>
      </c>
      <c r="C3277">
        <v>4</v>
      </c>
      <c r="D3277" s="1">
        <v>43893.960416666669</v>
      </c>
      <c r="E3277" s="1">
        <v>43894.157638888886</v>
      </c>
      <c r="F3277">
        <v>0</v>
      </c>
      <c r="G3277">
        <v>0</v>
      </c>
      <c r="H3277">
        <v>0</v>
      </c>
      <c r="I3277">
        <v>0</v>
      </c>
      <c r="J3277">
        <v>0</v>
      </c>
      <c r="K3277">
        <v>0</v>
      </c>
      <c r="L3277">
        <v>0</v>
      </c>
      <c r="M3277">
        <v>0</v>
      </c>
      <c r="N3277">
        <v>0</v>
      </c>
      <c r="O3277">
        <v>0</v>
      </c>
      <c r="P3277">
        <v>13860</v>
      </c>
      <c r="Q3277">
        <v>0</v>
      </c>
      <c r="R3277">
        <v>13860</v>
      </c>
      <c r="S3277">
        <v>0</v>
      </c>
      <c r="T3277">
        <v>0</v>
      </c>
      <c r="U3277">
        <v>0</v>
      </c>
      <c r="V3277">
        <v>3</v>
      </c>
      <c r="W3277">
        <v>7</v>
      </c>
      <c r="X3277">
        <v>0</v>
      </c>
      <c r="Y3277">
        <v>54</v>
      </c>
      <c r="Z3277">
        <v>29</v>
      </c>
      <c r="AA3277">
        <v>33</v>
      </c>
      <c r="AB3277">
        <v>18</v>
      </c>
      <c r="AC3277">
        <v>51</v>
      </c>
      <c r="AD3277">
        <v>30</v>
      </c>
      <c r="AE3277">
        <v>233</v>
      </c>
      <c r="AF3277">
        <v>0</v>
      </c>
      <c r="AG3277">
        <v>138593</v>
      </c>
      <c r="AH3277">
        <v>50000</v>
      </c>
      <c r="AI3277">
        <v>10</v>
      </c>
      <c r="AJ3277">
        <v>84</v>
      </c>
      <c r="AK3277" t="s">
        <v>16</v>
      </c>
      <c r="AL3277">
        <v>0</v>
      </c>
      <c r="AM3277">
        <v>0</v>
      </c>
      <c r="AN3277">
        <v>0</v>
      </c>
      <c r="AO3277">
        <v>0</v>
      </c>
      <c r="AP3277">
        <v>0</v>
      </c>
      <c r="AQ3277">
        <v>0</v>
      </c>
      <c r="AR3277">
        <v>0</v>
      </c>
      <c r="AS3277">
        <v>0</v>
      </c>
      <c r="AT3277">
        <v>0</v>
      </c>
      <c r="AU3277">
        <v>0</v>
      </c>
      <c r="AV3277">
        <v>0</v>
      </c>
      <c r="AW3277">
        <v>0</v>
      </c>
      <c r="AX3277">
        <v>13640</v>
      </c>
      <c r="AY3277">
        <v>5</v>
      </c>
      <c r="AZ3277">
        <v>11</v>
      </c>
      <c r="BA3277">
        <v>1218</v>
      </c>
    </row>
    <row r="3278" spans="1:53" x14ac:dyDescent="0.4">
      <c r="A3278">
        <v>3322</v>
      </c>
      <c r="B3278" s="1">
        <v>43893</v>
      </c>
      <c r="C3278">
        <v>5</v>
      </c>
      <c r="D3278" s="1">
        <v>43894.157638888886</v>
      </c>
      <c r="E3278" s="1">
        <v>43894.26666666667</v>
      </c>
      <c r="F3278">
        <v>20100</v>
      </c>
      <c r="G3278">
        <v>1800</v>
      </c>
      <c r="H3278">
        <v>0</v>
      </c>
      <c r="I3278">
        <v>0</v>
      </c>
      <c r="J3278">
        <v>0</v>
      </c>
      <c r="K3278">
        <v>3300</v>
      </c>
      <c r="L3278">
        <v>0</v>
      </c>
      <c r="M3278">
        <v>2520</v>
      </c>
      <c r="N3278">
        <v>0</v>
      </c>
      <c r="O3278">
        <v>0</v>
      </c>
      <c r="P3278">
        <v>-13860</v>
      </c>
      <c r="Q3278">
        <v>0</v>
      </c>
      <c r="R3278">
        <v>13860</v>
      </c>
      <c r="S3278">
        <v>0</v>
      </c>
      <c r="T3278">
        <v>0</v>
      </c>
      <c r="U3278">
        <v>0</v>
      </c>
      <c r="V3278">
        <v>0</v>
      </c>
      <c r="W3278">
        <v>0</v>
      </c>
      <c r="X3278">
        <v>0</v>
      </c>
      <c r="Y3278">
        <v>30</v>
      </c>
      <c r="Z3278">
        <v>14</v>
      </c>
      <c r="AA3278">
        <v>84</v>
      </c>
      <c r="AB3278">
        <v>67</v>
      </c>
      <c r="AC3278">
        <v>101</v>
      </c>
      <c r="AD3278">
        <v>22</v>
      </c>
      <c r="AE3278">
        <v>130</v>
      </c>
      <c r="AF3278">
        <v>0</v>
      </c>
      <c r="AG3278">
        <v>50000</v>
      </c>
      <c r="AH3278">
        <v>0</v>
      </c>
      <c r="AI3278">
        <v>-52443</v>
      </c>
      <c r="AJ3278">
        <v>84</v>
      </c>
      <c r="AK3278" t="s">
        <v>16</v>
      </c>
      <c r="AL3278">
        <v>0</v>
      </c>
      <c r="AM3278">
        <v>0</v>
      </c>
      <c r="AN3278">
        <v>0</v>
      </c>
      <c r="AO3278">
        <v>0</v>
      </c>
      <c r="AP3278">
        <v>0</v>
      </c>
      <c r="AQ3278">
        <v>0</v>
      </c>
      <c r="AR3278">
        <v>0</v>
      </c>
      <c r="AS3278">
        <v>0</v>
      </c>
      <c r="AT3278">
        <v>0</v>
      </c>
      <c r="AU3278">
        <v>0</v>
      </c>
      <c r="AV3278">
        <v>0</v>
      </c>
      <c r="AW3278">
        <v>0</v>
      </c>
      <c r="AX3278">
        <v>0</v>
      </c>
      <c r="AY3278">
        <v>0</v>
      </c>
      <c r="AZ3278">
        <v>0</v>
      </c>
      <c r="BA3278">
        <v>726</v>
      </c>
    </row>
    <row r="3279" spans="1:53" x14ac:dyDescent="0.4">
      <c r="A3279">
        <v>3323</v>
      </c>
      <c r="B3279" s="1">
        <v>43894</v>
      </c>
      <c r="C3279">
        <v>1</v>
      </c>
      <c r="D3279" s="1">
        <v>43894.291666666664</v>
      </c>
      <c r="E3279" s="1">
        <v>43894.449305555558</v>
      </c>
      <c r="F3279">
        <v>0</v>
      </c>
      <c r="G3279">
        <v>0</v>
      </c>
      <c r="H3279">
        <v>0</v>
      </c>
      <c r="I3279">
        <v>0</v>
      </c>
      <c r="J3279">
        <v>0</v>
      </c>
      <c r="K3279">
        <v>0</v>
      </c>
      <c r="L3279">
        <v>0</v>
      </c>
      <c r="M3279">
        <v>0</v>
      </c>
      <c r="N3279">
        <v>0</v>
      </c>
      <c r="O3279">
        <v>0</v>
      </c>
      <c r="P3279">
        <v>0</v>
      </c>
      <c r="Q3279">
        <v>0</v>
      </c>
      <c r="R3279">
        <v>0</v>
      </c>
      <c r="S3279">
        <v>0</v>
      </c>
      <c r="T3279">
        <v>0</v>
      </c>
      <c r="U3279">
        <v>0</v>
      </c>
      <c r="V3279">
        <v>0</v>
      </c>
      <c r="W3279">
        <v>0</v>
      </c>
      <c r="X3279">
        <v>0</v>
      </c>
      <c r="Y3279">
        <v>30</v>
      </c>
      <c r="Z3279">
        <v>14</v>
      </c>
      <c r="AA3279">
        <v>84</v>
      </c>
      <c r="AB3279">
        <v>67</v>
      </c>
      <c r="AC3279">
        <v>101</v>
      </c>
      <c r="AD3279">
        <v>22</v>
      </c>
      <c r="AE3279">
        <v>130</v>
      </c>
      <c r="AF3279">
        <v>0</v>
      </c>
      <c r="AG3279">
        <v>50000</v>
      </c>
      <c r="AH3279">
        <v>50000</v>
      </c>
      <c r="AI3279">
        <v>0</v>
      </c>
      <c r="AJ3279">
        <v>0</v>
      </c>
      <c r="AK3279" t="s">
        <v>6</v>
      </c>
      <c r="AL3279">
        <v>0</v>
      </c>
      <c r="AM3279">
        <v>0</v>
      </c>
      <c r="AN3279">
        <v>0</v>
      </c>
      <c r="AO3279">
        <v>0</v>
      </c>
      <c r="AP3279">
        <v>0</v>
      </c>
      <c r="AQ3279">
        <v>0</v>
      </c>
      <c r="AR3279">
        <v>0</v>
      </c>
      <c r="AS3279">
        <v>0</v>
      </c>
      <c r="AT3279">
        <v>0</v>
      </c>
      <c r="AU3279">
        <v>0</v>
      </c>
      <c r="AV3279">
        <v>0</v>
      </c>
      <c r="AW3279">
        <v>0</v>
      </c>
      <c r="AX3279">
        <v>0</v>
      </c>
      <c r="AY3279">
        <v>0</v>
      </c>
      <c r="AZ3279">
        <v>0</v>
      </c>
      <c r="BA3279">
        <v>0</v>
      </c>
    </row>
    <row r="3280" spans="1:53" x14ac:dyDescent="0.4">
      <c r="A3280">
        <v>3324</v>
      </c>
      <c r="B3280" s="1">
        <v>43894</v>
      </c>
      <c r="C3280">
        <v>2</v>
      </c>
      <c r="D3280" s="1">
        <v>43894.449305555558</v>
      </c>
      <c r="E3280" s="1">
        <v>43894.745138888888</v>
      </c>
      <c r="F3280">
        <v>33000</v>
      </c>
      <c r="G3280">
        <v>4100</v>
      </c>
      <c r="H3280">
        <v>0</v>
      </c>
      <c r="I3280">
        <v>0</v>
      </c>
      <c r="J3280">
        <v>0</v>
      </c>
      <c r="K3280">
        <v>0</v>
      </c>
      <c r="L3280">
        <v>0</v>
      </c>
      <c r="M3280">
        <v>3710</v>
      </c>
      <c r="N3280">
        <v>0</v>
      </c>
      <c r="O3280">
        <v>0</v>
      </c>
      <c r="P3280">
        <v>15015</v>
      </c>
      <c r="Q3280">
        <v>0</v>
      </c>
      <c r="R3280">
        <v>55825</v>
      </c>
      <c r="S3280">
        <v>0</v>
      </c>
      <c r="T3280">
        <v>0</v>
      </c>
      <c r="U3280">
        <v>0</v>
      </c>
      <c r="V3280">
        <v>0</v>
      </c>
      <c r="W3280">
        <v>2</v>
      </c>
      <c r="X3280">
        <v>0</v>
      </c>
      <c r="Y3280">
        <v>71</v>
      </c>
      <c r="Z3280">
        <v>31</v>
      </c>
      <c r="AA3280">
        <v>52</v>
      </c>
      <c r="AB3280">
        <v>62</v>
      </c>
      <c r="AC3280">
        <v>74</v>
      </c>
      <c r="AD3280">
        <v>23</v>
      </c>
      <c r="AE3280">
        <v>170</v>
      </c>
      <c r="AF3280">
        <v>0</v>
      </c>
      <c r="AG3280">
        <v>105825</v>
      </c>
      <c r="AH3280">
        <v>50000</v>
      </c>
      <c r="AI3280">
        <v>0</v>
      </c>
      <c r="AJ3280">
        <v>97</v>
      </c>
      <c r="AK3280" t="s">
        <v>33</v>
      </c>
      <c r="AL3280">
        <v>0</v>
      </c>
      <c r="AM3280">
        <v>0</v>
      </c>
      <c r="AN3280">
        <v>0</v>
      </c>
      <c r="AO3280">
        <v>0</v>
      </c>
      <c r="AP3280">
        <v>0</v>
      </c>
      <c r="AQ3280">
        <v>0</v>
      </c>
      <c r="AR3280">
        <v>0</v>
      </c>
      <c r="AS3280">
        <v>0</v>
      </c>
      <c r="AT3280">
        <v>0</v>
      </c>
      <c r="AU3280">
        <v>0</v>
      </c>
      <c r="AV3280">
        <v>0</v>
      </c>
      <c r="AW3280">
        <v>0</v>
      </c>
      <c r="AX3280">
        <v>-1210</v>
      </c>
      <c r="AY3280">
        <v>43</v>
      </c>
      <c r="AZ3280">
        <v>85</v>
      </c>
      <c r="BA3280">
        <v>6564</v>
      </c>
    </row>
    <row r="3281" spans="1:53" x14ac:dyDescent="0.4">
      <c r="A3281">
        <v>3325</v>
      </c>
      <c r="B3281" s="1">
        <v>43894</v>
      </c>
      <c r="C3281">
        <v>3</v>
      </c>
      <c r="D3281" s="1">
        <v>43894.745138888888</v>
      </c>
      <c r="E3281" s="1">
        <v>43894.95416666667</v>
      </c>
      <c r="F3281">
        <v>24200</v>
      </c>
      <c r="G3281">
        <v>0</v>
      </c>
      <c r="H3281">
        <v>200</v>
      </c>
      <c r="I3281">
        <v>0</v>
      </c>
      <c r="J3281">
        <v>100</v>
      </c>
      <c r="K3281">
        <v>0</v>
      </c>
      <c r="L3281">
        <v>0</v>
      </c>
      <c r="M3281">
        <v>2430</v>
      </c>
      <c r="N3281">
        <v>0</v>
      </c>
      <c r="O3281">
        <v>0</v>
      </c>
      <c r="P3281">
        <v>-12155</v>
      </c>
      <c r="Q3281">
        <v>0</v>
      </c>
      <c r="R3281">
        <v>14575</v>
      </c>
      <c r="S3281">
        <v>0</v>
      </c>
      <c r="T3281">
        <v>0</v>
      </c>
      <c r="U3281">
        <v>0</v>
      </c>
      <c r="V3281">
        <v>1</v>
      </c>
      <c r="W3281">
        <v>2</v>
      </c>
      <c r="X3281">
        <v>0</v>
      </c>
      <c r="Y3281">
        <v>74</v>
      </c>
      <c r="Z3281">
        <v>34</v>
      </c>
      <c r="AA3281">
        <v>53</v>
      </c>
      <c r="AB3281">
        <v>60</v>
      </c>
      <c r="AC3281">
        <v>81</v>
      </c>
      <c r="AD3281">
        <v>23</v>
      </c>
      <c r="AE3281">
        <v>175</v>
      </c>
      <c r="AF3281">
        <v>0</v>
      </c>
      <c r="AG3281">
        <v>120400</v>
      </c>
      <c r="AH3281">
        <v>50000</v>
      </c>
      <c r="AI3281">
        <v>0</v>
      </c>
      <c r="AJ3281">
        <v>108</v>
      </c>
      <c r="AK3281" t="s">
        <v>30</v>
      </c>
      <c r="AL3281">
        <v>0</v>
      </c>
      <c r="AM3281">
        <v>0</v>
      </c>
      <c r="AN3281">
        <v>0</v>
      </c>
      <c r="AO3281">
        <v>0</v>
      </c>
      <c r="AP3281">
        <v>0</v>
      </c>
      <c r="AQ3281">
        <v>0</v>
      </c>
      <c r="AR3281">
        <v>0</v>
      </c>
      <c r="AS3281">
        <v>0</v>
      </c>
      <c r="AT3281">
        <v>0</v>
      </c>
      <c r="AU3281">
        <v>0</v>
      </c>
      <c r="AV3281">
        <v>0</v>
      </c>
      <c r="AW3281">
        <v>0</v>
      </c>
      <c r="AX3281">
        <v>20933</v>
      </c>
      <c r="AY3281">
        <v>14</v>
      </c>
      <c r="AZ3281">
        <v>32</v>
      </c>
      <c r="BA3281">
        <v>1936</v>
      </c>
    </row>
    <row r="3282" spans="1:53" x14ac:dyDescent="0.4">
      <c r="A3282">
        <v>3326</v>
      </c>
      <c r="B3282" s="1">
        <v>43895</v>
      </c>
      <c r="C3282">
        <v>1</v>
      </c>
      <c r="D3282" s="1">
        <v>43895.291666666664</v>
      </c>
      <c r="E3282" s="1">
        <v>43895.452777777777</v>
      </c>
      <c r="F3282">
        <v>0</v>
      </c>
      <c r="G3282">
        <v>0</v>
      </c>
      <c r="H3282">
        <v>0</v>
      </c>
      <c r="I3282">
        <v>0</v>
      </c>
      <c r="J3282">
        <v>0</v>
      </c>
      <c r="K3282">
        <v>0</v>
      </c>
      <c r="L3282">
        <v>0</v>
      </c>
      <c r="M3282">
        <v>0</v>
      </c>
      <c r="N3282">
        <v>0</v>
      </c>
      <c r="O3282">
        <v>0</v>
      </c>
      <c r="P3282">
        <v>0</v>
      </c>
      <c r="Q3282">
        <v>0</v>
      </c>
      <c r="R3282">
        <v>0</v>
      </c>
      <c r="S3282">
        <v>0</v>
      </c>
      <c r="T3282">
        <v>0</v>
      </c>
      <c r="U3282">
        <v>0</v>
      </c>
      <c r="V3282">
        <v>0</v>
      </c>
      <c r="W3282">
        <v>0</v>
      </c>
      <c r="X3282">
        <v>0</v>
      </c>
      <c r="Y3282">
        <v>25</v>
      </c>
      <c r="Z3282">
        <v>14</v>
      </c>
      <c r="AA3282">
        <v>137</v>
      </c>
      <c r="AB3282">
        <v>62</v>
      </c>
      <c r="AC3282">
        <v>76</v>
      </c>
      <c r="AD3282">
        <v>65</v>
      </c>
      <c r="AE3282">
        <v>115</v>
      </c>
      <c r="AF3282">
        <v>0</v>
      </c>
      <c r="AG3282">
        <v>50000</v>
      </c>
      <c r="AH3282">
        <v>0</v>
      </c>
      <c r="AI3282">
        <v>50000</v>
      </c>
      <c r="AJ3282">
        <v>0</v>
      </c>
      <c r="AK3282" t="s">
        <v>6</v>
      </c>
      <c r="AL3282">
        <v>0</v>
      </c>
      <c r="AM3282">
        <v>0</v>
      </c>
      <c r="AN3282">
        <v>0</v>
      </c>
      <c r="AO3282">
        <v>0</v>
      </c>
      <c r="AP3282">
        <v>0</v>
      </c>
      <c r="AQ3282">
        <v>0</v>
      </c>
      <c r="AR3282">
        <v>0</v>
      </c>
      <c r="AS3282">
        <v>0</v>
      </c>
      <c r="AT3282">
        <v>0</v>
      </c>
      <c r="AU3282">
        <v>0</v>
      </c>
      <c r="AV3282">
        <v>0</v>
      </c>
      <c r="AW3282">
        <v>0</v>
      </c>
      <c r="AX3282">
        <v>0</v>
      </c>
      <c r="AY3282">
        <v>0</v>
      </c>
      <c r="AZ3282">
        <v>0</v>
      </c>
      <c r="BA3282">
        <v>0</v>
      </c>
    </row>
    <row r="3283" spans="1:53" x14ac:dyDescent="0.4">
      <c r="A3283">
        <v>3327</v>
      </c>
      <c r="B3283" s="1">
        <v>43895</v>
      </c>
      <c r="C3283">
        <v>2</v>
      </c>
      <c r="D3283" s="1">
        <v>43895.452777777777</v>
      </c>
      <c r="E3283" s="1">
        <v>43895.748611111114</v>
      </c>
      <c r="F3283">
        <v>42350</v>
      </c>
      <c r="G3283">
        <v>1880</v>
      </c>
      <c r="H3283">
        <v>200</v>
      </c>
      <c r="I3283">
        <v>0</v>
      </c>
      <c r="J3283">
        <v>0</v>
      </c>
      <c r="K3283">
        <v>0</v>
      </c>
      <c r="L3283">
        <v>0</v>
      </c>
      <c r="M3283">
        <v>4443</v>
      </c>
      <c r="N3283">
        <v>0</v>
      </c>
      <c r="O3283">
        <v>0</v>
      </c>
      <c r="P3283">
        <v>8470</v>
      </c>
      <c r="Q3283">
        <v>0</v>
      </c>
      <c r="R3283">
        <v>57343</v>
      </c>
      <c r="S3283">
        <v>0</v>
      </c>
      <c r="T3283">
        <v>0</v>
      </c>
      <c r="U3283">
        <v>0</v>
      </c>
      <c r="V3283">
        <v>2</v>
      </c>
      <c r="W3283">
        <v>2</v>
      </c>
      <c r="X3283">
        <v>0</v>
      </c>
      <c r="Y3283">
        <v>38</v>
      </c>
      <c r="Z3283">
        <v>36</v>
      </c>
      <c r="AA3283">
        <v>168</v>
      </c>
      <c r="AB3283">
        <v>61</v>
      </c>
      <c r="AC3283">
        <v>92</v>
      </c>
      <c r="AD3283">
        <v>73</v>
      </c>
      <c r="AE3283">
        <v>163</v>
      </c>
      <c r="AF3283">
        <v>0</v>
      </c>
      <c r="AG3283">
        <v>107298</v>
      </c>
      <c r="AH3283">
        <v>50000</v>
      </c>
      <c r="AI3283">
        <v>-45</v>
      </c>
      <c r="AJ3283">
        <v>84</v>
      </c>
      <c r="AK3283" t="s">
        <v>16</v>
      </c>
      <c r="AL3283">
        <v>0</v>
      </c>
      <c r="AM3283">
        <v>0</v>
      </c>
      <c r="AN3283">
        <v>0</v>
      </c>
      <c r="AO3283">
        <v>0</v>
      </c>
      <c r="AP3283">
        <v>0</v>
      </c>
      <c r="AQ3283">
        <v>0</v>
      </c>
      <c r="AR3283">
        <v>0</v>
      </c>
      <c r="AS3283">
        <v>0</v>
      </c>
      <c r="AT3283">
        <v>0</v>
      </c>
      <c r="AU3283">
        <v>0</v>
      </c>
      <c r="AV3283">
        <v>0</v>
      </c>
      <c r="AW3283">
        <v>0</v>
      </c>
      <c r="AX3283">
        <v>0</v>
      </c>
      <c r="AY3283">
        <v>40</v>
      </c>
      <c r="AZ3283">
        <v>83</v>
      </c>
      <c r="BA3283">
        <v>6841</v>
      </c>
    </row>
    <row r="3284" spans="1:53" x14ac:dyDescent="0.4">
      <c r="A3284">
        <v>3328</v>
      </c>
      <c r="B3284" s="1">
        <v>43895</v>
      </c>
      <c r="C3284">
        <v>3</v>
      </c>
      <c r="D3284" s="1">
        <v>43895.748611111114</v>
      </c>
      <c r="E3284" s="1">
        <v>43895.961805555555</v>
      </c>
      <c r="F3284">
        <v>18100</v>
      </c>
      <c r="G3284">
        <v>280</v>
      </c>
      <c r="H3284">
        <v>0</v>
      </c>
      <c r="I3284">
        <v>0</v>
      </c>
      <c r="J3284">
        <v>0</v>
      </c>
      <c r="K3284">
        <v>0</v>
      </c>
      <c r="L3284">
        <v>0</v>
      </c>
      <c r="M3284">
        <v>1838</v>
      </c>
      <c r="N3284">
        <v>0</v>
      </c>
      <c r="O3284">
        <v>0</v>
      </c>
      <c r="P3284">
        <v>-8470</v>
      </c>
      <c r="Q3284">
        <v>0</v>
      </c>
      <c r="R3284">
        <v>11748</v>
      </c>
      <c r="S3284">
        <v>0</v>
      </c>
      <c r="T3284">
        <v>0</v>
      </c>
      <c r="U3284">
        <v>0</v>
      </c>
      <c r="V3284">
        <v>4</v>
      </c>
      <c r="W3284">
        <v>2</v>
      </c>
      <c r="X3284">
        <v>0</v>
      </c>
      <c r="Y3284">
        <v>29</v>
      </c>
      <c r="Z3284">
        <v>37</v>
      </c>
      <c r="AA3284">
        <v>171</v>
      </c>
      <c r="AB3284">
        <v>60</v>
      </c>
      <c r="AC3284">
        <v>91</v>
      </c>
      <c r="AD3284">
        <v>73</v>
      </c>
      <c r="AE3284">
        <v>171</v>
      </c>
      <c r="AF3284">
        <v>0</v>
      </c>
      <c r="AG3284">
        <v>119046</v>
      </c>
      <c r="AH3284">
        <v>50000</v>
      </c>
      <c r="AI3284">
        <v>-45</v>
      </c>
      <c r="AJ3284">
        <v>100</v>
      </c>
      <c r="AK3284" t="s">
        <v>0</v>
      </c>
      <c r="AL3284">
        <v>0</v>
      </c>
      <c r="AM3284">
        <v>0</v>
      </c>
      <c r="AN3284">
        <v>0</v>
      </c>
      <c r="AO3284">
        <v>0</v>
      </c>
      <c r="AP3284">
        <v>0</v>
      </c>
      <c r="AQ3284">
        <v>0</v>
      </c>
      <c r="AR3284">
        <v>0</v>
      </c>
      <c r="AS3284">
        <v>0</v>
      </c>
      <c r="AT3284">
        <v>0</v>
      </c>
      <c r="AU3284">
        <v>0</v>
      </c>
      <c r="AV3284">
        <v>0</v>
      </c>
      <c r="AW3284">
        <v>0</v>
      </c>
      <c r="AX3284">
        <v>11033</v>
      </c>
      <c r="AY3284">
        <v>7</v>
      </c>
      <c r="AZ3284">
        <v>17</v>
      </c>
      <c r="BA3284">
        <v>1550</v>
      </c>
    </row>
    <row r="3285" spans="1:53" x14ac:dyDescent="0.4">
      <c r="A3285">
        <v>3329</v>
      </c>
      <c r="B3285" s="1">
        <v>43895</v>
      </c>
      <c r="C3285">
        <v>4</v>
      </c>
      <c r="D3285" s="1">
        <v>43895.961805555555</v>
      </c>
      <c r="E3285" s="1">
        <v>43896.070833333331</v>
      </c>
      <c r="F3285">
        <v>19300</v>
      </c>
      <c r="G3285">
        <v>730</v>
      </c>
      <c r="H3285">
        <v>200</v>
      </c>
      <c r="I3285">
        <v>0</v>
      </c>
      <c r="J3285">
        <v>0</v>
      </c>
      <c r="K3285">
        <v>0</v>
      </c>
      <c r="L3285">
        <v>0</v>
      </c>
      <c r="M3285">
        <v>2023</v>
      </c>
      <c r="N3285">
        <v>0</v>
      </c>
      <c r="O3285">
        <v>0</v>
      </c>
      <c r="P3285">
        <v>4867</v>
      </c>
      <c r="Q3285">
        <v>0</v>
      </c>
      <c r="R3285">
        <v>27120</v>
      </c>
      <c r="S3285">
        <v>0</v>
      </c>
      <c r="T3285">
        <v>0</v>
      </c>
      <c r="U3285">
        <v>0</v>
      </c>
      <c r="V3285">
        <v>5</v>
      </c>
      <c r="W3285">
        <v>2</v>
      </c>
      <c r="X3285">
        <v>0</v>
      </c>
      <c r="Y3285">
        <v>44</v>
      </c>
      <c r="Z3285">
        <v>39</v>
      </c>
      <c r="AA3285">
        <v>161</v>
      </c>
      <c r="AB3285">
        <v>59</v>
      </c>
      <c r="AC3285">
        <v>93</v>
      </c>
      <c r="AD3285">
        <v>72</v>
      </c>
      <c r="AE3285">
        <v>172</v>
      </c>
      <c r="AF3285">
        <v>2200</v>
      </c>
      <c r="AG3285">
        <v>146212</v>
      </c>
      <c r="AH3285">
        <v>50000</v>
      </c>
      <c r="AI3285">
        <v>1</v>
      </c>
      <c r="AJ3285">
        <v>108</v>
      </c>
      <c r="AK3285" t="s">
        <v>30</v>
      </c>
      <c r="AL3285">
        <v>0</v>
      </c>
      <c r="AM3285">
        <v>0</v>
      </c>
      <c r="AN3285">
        <v>0</v>
      </c>
      <c r="AO3285">
        <v>0</v>
      </c>
      <c r="AP3285">
        <v>0</v>
      </c>
      <c r="AQ3285">
        <v>0</v>
      </c>
      <c r="AR3285">
        <v>0</v>
      </c>
      <c r="AS3285">
        <v>0</v>
      </c>
      <c r="AT3285">
        <v>0</v>
      </c>
      <c r="AU3285">
        <v>0</v>
      </c>
      <c r="AV3285">
        <v>0</v>
      </c>
      <c r="AW3285">
        <v>0</v>
      </c>
      <c r="AX3285">
        <v>0</v>
      </c>
      <c r="AY3285">
        <v>2</v>
      </c>
      <c r="AZ3285">
        <v>6</v>
      </c>
      <c r="BA3285">
        <v>431</v>
      </c>
    </row>
    <row r="3286" spans="1:53" x14ac:dyDescent="0.4">
      <c r="A3286">
        <v>3330</v>
      </c>
      <c r="B3286" s="1">
        <v>43896</v>
      </c>
      <c r="C3286">
        <v>1</v>
      </c>
      <c r="D3286" s="1">
        <v>43896.291666666664</v>
      </c>
      <c r="E3286" s="1">
        <v>43896.452777777777</v>
      </c>
      <c r="F3286">
        <v>0</v>
      </c>
      <c r="G3286">
        <v>0</v>
      </c>
      <c r="H3286">
        <v>0</v>
      </c>
      <c r="I3286">
        <v>0</v>
      </c>
      <c r="J3286">
        <v>0</v>
      </c>
      <c r="K3286">
        <v>0</v>
      </c>
      <c r="L3286">
        <v>0</v>
      </c>
      <c r="M3286">
        <v>0</v>
      </c>
      <c r="N3286">
        <v>0</v>
      </c>
      <c r="O3286">
        <v>0</v>
      </c>
      <c r="P3286">
        <v>0</v>
      </c>
      <c r="Q3286">
        <v>0</v>
      </c>
      <c r="R3286">
        <v>0</v>
      </c>
      <c r="S3286">
        <v>0</v>
      </c>
      <c r="T3286">
        <v>0</v>
      </c>
      <c r="U3286">
        <v>0</v>
      </c>
      <c r="V3286">
        <v>0</v>
      </c>
      <c r="W3286">
        <v>0</v>
      </c>
      <c r="X3286">
        <v>0</v>
      </c>
      <c r="Y3286">
        <v>24</v>
      </c>
      <c r="Z3286">
        <v>11</v>
      </c>
      <c r="AA3286">
        <v>162</v>
      </c>
      <c r="AB3286">
        <v>59</v>
      </c>
      <c r="AC3286">
        <v>87</v>
      </c>
      <c r="AD3286">
        <v>72</v>
      </c>
      <c r="AE3286">
        <v>120</v>
      </c>
      <c r="AF3286">
        <v>0</v>
      </c>
      <c r="AG3286">
        <v>50000</v>
      </c>
      <c r="AH3286">
        <v>50000</v>
      </c>
      <c r="AI3286">
        <v>0</v>
      </c>
      <c r="AJ3286">
        <v>0</v>
      </c>
      <c r="AK3286" t="s">
        <v>6</v>
      </c>
      <c r="AL3286">
        <v>0</v>
      </c>
      <c r="AM3286">
        <v>0</v>
      </c>
      <c r="AN3286">
        <v>0</v>
      </c>
      <c r="AO3286">
        <v>0</v>
      </c>
      <c r="AP3286">
        <v>0</v>
      </c>
      <c r="AQ3286">
        <v>0</v>
      </c>
      <c r="AR3286">
        <v>0</v>
      </c>
      <c r="AS3286">
        <v>0</v>
      </c>
      <c r="AT3286">
        <v>0</v>
      </c>
      <c r="AU3286">
        <v>0</v>
      </c>
      <c r="AV3286">
        <v>0</v>
      </c>
      <c r="AW3286">
        <v>0</v>
      </c>
      <c r="AX3286">
        <v>0</v>
      </c>
      <c r="AY3286">
        <v>0</v>
      </c>
      <c r="AZ3286">
        <v>0</v>
      </c>
      <c r="BA3286">
        <v>0</v>
      </c>
    </row>
    <row r="3287" spans="1:53" x14ac:dyDescent="0.4">
      <c r="A3287">
        <v>3331</v>
      </c>
      <c r="B3287" s="1">
        <v>43896</v>
      </c>
      <c r="C3287">
        <v>2</v>
      </c>
      <c r="D3287" s="1">
        <v>43896.452777777777</v>
      </c>
      <c r="E3287" s="1">
        <v>43896.741666666669</v>
      </c>
      <c r="F3287">
        <v>32450</v>
      </c>
      <c r="G3287">
        <v>280</v>
      </c>
      <c r="H3287">
        <v>200</v>
      </c>
      <c r="I3287">
        <v>0</v>
      </c>
      <c r="J3287">
        <v>100</v>
      </c>
      <c r="K3287">
        <v>0</v>
      </c>
      <c r="L3287">
        <v>0</v>
      </c>
      <c r="M3287">
        <v>3283</v>
      </c>
      <c r="N3287">
        <v>0</v>
      </c>
      <c r="O3287">
        <v>0</v>
      </c>
      <c r="P3287">
        <v>15015</v>
      </c>
      <c r="Q3287">
        <v>0</v>
      </c>
      <c r="R3287">
        <v>51128</v>
      </c>
      <c r="S3287">
        <v>0</v>
      </c>
      <c r="T3287">
        <v>0</v>
      </c>
      <c r="U3287">
        <v>0</v>
      </c>
      <c r="V3287">
        <v>1</v>
      </c>
      <c r="W3287">
        <v>3</v>
      </c>
      <c r="X3287">
        <v>0</v>
      </c>
      <c r="Y3287">
        <v>34</v>
      </c>
      <c r="Z3287">
        <v>25</v>
      </c>
      <c r="AA3287">
        <v>167</v>
      </c>
      <c r="AB3287">
        <v>56</v>
      </c>
      <c r="AC3287">
        <v>63</v>
      </c>
      <c r="AD3287">
        <v>74</v>
      </c>
      <c r="AE3287">
        <v>160</v>
      </c>
      <c r="AF3287">
        <v>8968</v>
      </c>
      <c r="AG3287">
        <v>101128</v>
      </c>
      <c r="AH3287">
        <v>50000</v>
      </c>
      <c r="AI3287">
        <v>0</v>
      </c>
      <c r="AJ3287">
        <v>97</v>
      </c>
      <c r="AK3287" t="s">
        <v>33</v>
      </c>
      <c r="AL3287">
        <v>0</v>
      </c>
      <c r="AM3287">
        <v>0</v>
      </c>
      <c r="AN3287">
        <v>0</v>
      </c>
      <c r="AO3287">
        <v>0</v>
      </c>
      <c r="AP3287">
        <v>0</v>
      </c>
      <c r="AQ3287">
        <v>0</v>
      </c>
      <c r="AR3287">
        <v>0</v>
      </c>
      <c r="AS3287">
        <v>0</v>
      </c>
      <c r="AT3287">
        <v>0</v>
      </c>
      <c r="AU3287">
        <v>0</v>
      </c>
      <c r="AV3287">
        <v>0</v>
      </c>
      <c r="AW3287">
        <v>0</v>
      </c>
      <c r="AX3287">
        <v>-1815</v>
      </c>
      <c r="AY3287">
        <v>42</v>
      </c>
      <c r="AZ3287">
        <v>86</v>
      </c>
      <c r="BA3287">
        <v>6515</v>
      </c>
    </row>
    <row r="3288" spans="1:53" x14ac:dyDescent="0.4">
      <c r="A3288">
        <v>3332</v>
      </c>
      <c r="B3288" s="1">
        <v>43896</v>
      </c>
      <c r="C3288">
        <v>3</v>
      </c>
      <c r="D3288" s="1">
        <v>43896.741666666669</v>
      </c>
      <c r="E3288" s="1">
        <v>43896.954861111109</v>
      </c>
      <c r="F3288">
        <v>32300</v>
      </c>
      <c r="G3288">
        <v>920</v>
      </c>
      <c r="H3288">
        <v>0</v>
      </c>
      <c r="I3288">
        <v>0</v>
      </c>
      <c r="J3288">
        <v>100</v>
      </c>
      <c r="K3288">
        <v>0</v>
      </c>
      <c r="L3288">
        <v>0</v>
      </c>
      <c r="M3288">
        <v>3312</v>
      </c>
      <c r="N3288">
        <v>0</v>
      </c>
      <c r="O3288">
        <v>0</v>
      </c>
      <c r="P3288">
        <v>-15015</v>
      </c>
      <c r="Q3288">
        <v>0</v>
      </c>
      <c r="R3288">
        <v>21417</v>
      </c>
      <c r="S3288">
        <v>0</v>
      </c>
      <c r="T3288">
        <v>0</v>
      </c>
      <c r="U3288">
        <v>0</v>
      </c>
      <c r="V3288">
        <v>0</v>
      </c>
      <c r="W3288">
        <v>6</v>
      </c>
      <c r="X3288">
        <v>0</v>
      </c>
      <c r="Y3288">
        <v>32</v>
      </c>
      <c r="Z3288">
        <v>25</v>
      </c>
      <c r="AA3288">
        <v>167</v>
      </c>
      <c r="AB3288">
        <v>52</v>
      </c>
      <c r="AC3288">
        <v>59</v>
      </c>
      <c r="AD3288">
        <v>74</v>
      </c>
      <c r="AE3288">
        <v>157</v>
      </c>
      <c r="AF3288">
        <v>27628</v>
      </c>
      <c r="AG3288">
        <v>122545</v>
      </c>
      <c r="AH3288">
        <v>50000</v>
      </c>
      <c r="AI3288">
        <v>0</v>
      </c>
      <c r="AJ3288">
        <v>100</v>
      </c>
      <c r="AK3288" t="s">
        <v>0</v>
      </c>
      <c r="AL3288">
        <v>0</v>
      </c>
      <c r="AM3288">
        <v>0</v>
      </c>
      <c r="AN3288">
        <v>0</v>
      </c>
      <c r="AO3288">
        <v>0</v>
      </c>
      <c r="AP3288">
        <v>0</v>
      </c>
      <c r="AQ3288">
        <v>0</v>
      </c>
      <c r="AR3288">
        <v>0</v>
      </c>
      <c r="AS3288">
        <v>0</v>
      </c>
      <c r="AT3288">
        <v>0</v>
      </c>
      <c r="AU3288">
        <v>0</v>
      </c>
      <c r="AV3288">
        <v>0</v>
      </c>
      <c r="AW3288">
        <v>0</v>
      </c>
      <c r="AX3288">
        <v>50688</v>
      </c>
      <c r="AY3288">
        <v>18</v>
      </c>
      <c r="AZ3288">
        <v>53</v>
      </c>
      <c r="BA3288">
        <v>2332</v>
      </c>
    </row>
    <row r="3289" spans="1:53" x14ac:dyDescent="0.4">
      <c r="A3289">
        <v>3333</v>
      </c>
      <c r="B3289" s="1">
        <v>43896</v>
      </c>
      <c r="C3289">
        <v>4</v>
      </c>
      <c r="D3289" s="1">
        <v>43896.954861111109</v>
      </c>
      <c r="E3289" s="1">
        <v>43897.079861111109</v>
      </c>
      <c r="F3289">
        <v>76850</v>
      </c>
      <c r="G3289">
        <v>280</v>
      </c>
      <c r="H3289">
        <v>0</v>
      </c>
      <c r="I3289">
        <v>0</v>
      </c>
      <c r="J3289">
        <v>0</v>
      </c>
      <c r="K3289">
        <v>0</v>
      </c>
      <c r="L3289">
        <v>0</v>
      </c>
      <c r="M3289">
        <v>7713</v>
      </c>
      <c r="N3289">
        <v>0</v>
      </c>
      <c r="O3289">
        <v>0</v>
      </c>
      <c r="P3289">
        <v>64240</v>
      </c>
      <c r="Q3289">
        <v>0</v>
      </c>
      <c r="R3289">
        <v>149083</v>
      </c>
      <c r="S3289">
        <v>0</v>
      </c>
      <c r="T3289">
        <v>0</v>
      </c>
      <c r="U3289">
        <v>0</v>
      </c>
      <c r="V3289">
        <v>8</v>
      </c>
      <c r="W3289">
        <v>9</v>
      </c>
      <c r="X3289">
        <v>0</v>
      </c>
      <c r="Y3289">
        <v>57</v>
      </c>
      <c r="Z3289">
        <v>27</v>
      </c>
      <c r="AA3289">
        <v>176</v>
      </c>
      <c r="AB3289">
        <v>53</v>
      </c>
      <c r="AC3289">
        <v>86</v>
      </c>
      <c r="AD3289">
        <v>82</v>
      </c>
      <c r="AE3289">
        <v>162</v>
      </c>
      <c r="AF3289">
        <v>54446</v>
      </c>
      <c r="AG3289">
        <v>271628</v>
      </c>
      <c r="AH3289">
        <v>50000</v>
      </c>
      <c r="AI3289">
        <v>0</v>
      </c>
      <c r="AJ3289">
        <v>100</v>
      </c>
      <c r="AK3289" t="s">
        <v>0</v>
      </c>
      <c r="AL3289">
        <v>0</v>
      </c>
      <c r="AM3289">
        <v>0</v>
      </c>
      <c r="AN3289">
        <v>0</v>
      </c>
      <c r="AO3289">
        <v>0</v>
      </c>
      <c r="AP3289">
        <v>0</v>
      </c>
      <c r="AQ3289">
        <v>0</v>
      </c>
      <c r="AR3289">
        <v>0</v>
      </c>
      <c r="AS3289">
        <v>0</v>
      </c>
      <c r="AT3289">
        <v>0</v>
      </c>
      <c r="AU3289">
        <v>0</v>
      </c>
      <c r="AV3289">
        <v>0</v>
      </c>
      <c r="AW3289">
        <v>0</v>
      </c>
      <c r="AX3289">
        <v>-2420</v>
      </c>
      <c r="AY3289">
        <v>14</v>
      </c>
      <c r="AZ3289">
        <v>45</v>
      </c>
      <c r="BA3289">
        <v>1803</v>
      </c>
    </row>
    <row r="3290" spans="1:53" x14ac:dyDescent="0.4">
      <c r="A3290">
        <v>3334</v>
      </c>
      <c r="B3290" s="1">
        <v>43896</v>
      </c>
      <c r="C3290">
        <v>5</v>
      </c>
      <c r="D3290" s="1">
        <v>43897.079861111109</v>
      </c>
      <c r="E3290" s="1">
        <v>43897.267361111109</v>
      </c>
      <c r="F3290">
        <v>66300</v>
      </c>
      <c r="G3290">
        <v>1850</v>
      </c>
      <c r="H3290">
        <v>0</v>
      </c>
      <c r="I3290">
        <v>0</v>
      </c>
      <c r="J3290">
        <v>600</v>
      </c>
      <c r="K3290">
        <v>1100</v>
      </c>
      <c r="L3290">
        <v>0</v>
      </c>
      <c r="M3290">
        <v>6865</v>
      </c>
      <c r="N3290">
        <v>0</v>
      </c>
      <c r="O3290">
        <v>0</v>
      </c>
      <c r="P3290">
        <v>-64240</v>
      </c>
      <c r="Q3290">
        <v>0</v>
      </c>
      <c r="R3290">
        <v>11275</v>
      </c>
      <c r="S3290">
        <v>0</v>
      </c>
      <c r="T3290">
        <v>0</v>
      </c>
      <c r="U3290">
        <v>0</v>
      </c>
      <c r="V3290">
        <v>0</v>
      </c>
      <c r="W3290">
        <v>0</v>
      </c>
      <c r="X3290">
        <v>0</v>
      </c>
      <c r="Y3290">
        <v>23</v>
      </c>
      <c r="Z3290">
        <v>10</v>
      </c>
      <c r="AA3290">
        <v>180</v>
      </c>
      <c r="AB3290">
        <v>52</v>
      </c>
      <c r="AC3290">
        <v>90</v>
      </c>
      <c r="AD3290">
        <v>79</v>
      </c>
      <c r="AE3290">
        <v>105</v>
      </c>
      <c r="AF3290">
        <v>0</v>
      </c>
      <c r="AG3290">
        <v>50000</v>
      </c>
      <c r="AH3290">
        <v>0</v>
      </c>
      <c r="AI3290">
        <v>-182903</v>
      </c>
      <c r="AJ3290">
        <v>108</v>
      </c>
      <c r="AK3290" t="s">
        <v>30</v>
      </c>
      <c r="AL3290">
        <v>0</v>
      </c>
      <c r="AM3290">
        <v>0</v>
      </c>
      <c r="AN3290">
        <v>0</v>
      </c>
      <c r="AO3290">
        <v>0</v>
      </c>
      <c r="AP3290">
        <v>0</v>
      </c>
      <c r="AQ3290">
        <v>0</v>
      </c>
      <c r="AR3290">
        <v>0</v>
      </c>
      <c r="AS3290">
        <v>0</v>
      </c>
      <c r="AT3290">
        <v>0</v>
      </c>
      <c r="AU3290">
        <v>0</v>
      </c>
      <c r="AV3290">
        <v>0</v>
      </c>
      <c r="AW3290">
        <v>0</v>
      </c>
      <c r="AX3290">
        <v>0</v>
      </c>
      <c r="AY3290">
        <v>2</v>
      </c>
      <c r="AZ3290">
        <v>4</v>
      </c>
      <c r="BA3290">
        <v>2363</v>
      </c>
    </row>
    <row r="3291" spans="1:53" x14ac:dyDescent="0.4">
      <c r="A3291">
        <v>3335</v>
      </c>
      <c r="B3291" s="1">
        <v>43897</v>
      </c>
      <c r="C3291">
        <v>1</v>
      </c>
      <c r="D3291" s="1">
        <v>43897.291666666664</v>
      </c>
      <c r="E3291" s="1">
        <v>43897.388194444444</v>
      </c>
      <c r="F3291">
        <v>0</v>
      </c>
      <c r="G3291">
        <v>0</v>
      </c>
      <c r="H3291">
        <v>0</v>
      </c>
      <c r="I3291">
        <v>0</v>
      </c>
      <c r="J3291">
        <v>0</v>
      </c>
      <c r="K3291">
        <v>0</v>
      </c>
      <c r="L3291">
        <v>0</v>
      </c>
      <c r="M3291">
        <v>0</v>
      </c>
      <c r="N3291">
        <v>0</v>
      </c>
      <c r="O3291">
        <v>0</v>
      </c>
      <c r="P3291">
        <v>0</v>
      </c>
      <c r="Q3291">
        <v>0</v>
      </c>
      <c r="R3291">
        <v>0</v>
      </c>
      <c r="S3291">
        <v>0</v>
      </c>
      <c r="T3291">
        <v>0</v>
      </c>
      <c r="U3291">
        <v>0</v>
      </c>
      <c r="V3291">
        <v>0</v>
      </c>
      <c r="W3291">
        <v>0</v>
      </c>
      <c r="X3291">
        <v>0</v>
      </c>
      <c r="Y3291">
        <v>23</v>
      </c>
      <c r="Z3291">
        <v>10</v>
      </c>
      <c r="AA3291">
        <v>180</v>
      </c>
      <c r="AB3291">
        <v>52</v>
      </c>
      <c r="AC3291">
        <v>90</v>
      </c>
      <c r="AD3291">
        <v>79</v>
      </c>
      <c r="AE3291">
        <v>105</v>
      </c>
      <c r="AF3291">
        <v>0</v>
      </c>
      <c r="AG3291">
        <v>50000</v>
      </c>
      <c r="AH3291">
        <v>50000</v>
      </c>
      <c r="AI3291">
        <v>0</v>
      </c>
      <c r="AJ3291">
        <v>0</v>
      </c>
      <c r="AK3291" t="s">
        <v>6</v>
      </c>
      <c r="AL3291">
        <v>0</v>
      </c>
      <c r="AM3291">
        <v>0</v>
      </c>
      <c r="AN3291">
        <v>0</v>
      </c>
      <c r="AO3291">
        <v>0</v>
      </c>
      <c r="AP3291">
        <v>0</v>
      </c>
      <c r="AQ3291">
        <v>0</v>
      </c>
      <c r="AR3291">
        <v>0</v>
      </c>
      <c r="AS3291">
        <v>0</v>
      </c>
      <c r="AT3291">
        <v>0</v>
      </c>
      <c r="AU3291">
        <v>0</v>
      </c>
      <c r="AV3291">
        <v>0</v>
      </c>
      <c r="AW3291">
        <v>0</v>
      </c>
      <c r="AX3291">
        <v>0</v>
      </c>
      <c r="AY3291">
        <v>0</v>
      </c>
      <c r="AZ3291">
        <v>0</v>
      </c>
      <c r="BA3291">
        <v>0</v>
      </c>
    </row>
    <row r="3292" spans="1:53" x14ac:dyDescent="0.4">
      <c r="A3292">
        <v>3336</v>
      </c>
      <c r="B3292" s="1">
        <v>43897</v>
      </c>
      <c r="C3292">
        <v>2</v>
      </c>
      <c r="D3292" s="1">
        <v>43897.388194444444</v>
      </c>
      <c r="E3292" s="1">
        <v>43897.73541666667</v>
      </c>
      <c r="F3292">
        <v>45100</v>
      </c>
      <c r="G3292">
        <v>2200</v>
      </c>
      <c r="H3292">
        <v>200</v>
      </c>
      <c r="I3292">
        <v>0</v>
      </c>
      <c r="J3292">
        <v>0</v>
      </c>
      <c r="K3292">
        <v>0</v>
      </c>
      <c r="L3292">
        <v>0</v>
      </c>
      <c r="M3292">
        <v>4750</v>
      </c>
      <c r="N3292">
        <v>0</v>
      </c>
      <c r="O3292">
        <v>0</v>
      </c>
      <c r="P3292">
        <v>19058</v>
      </c>
      <c r="Q3292">
        <v>0</v>
      </c>
      <c r="R3292">
        <v>71308</v>
      </c>
      <c r="S3292">
        <v>0</v>
      </c>
      <c r="T3292">
        <v>0</v>
      </c>
      <c r="U3292">
        <v>0</v>
      </c>
      <c r="V3292">
        <v>5</v>
      </c>
      <c r="W3292">
        <v>0</v>
      </c>
      <c r="X3292">
        <v>0</v>
      </c>
      <c r="Y3292">
        <v>37</v>
      </c>
      <c r="Z3292">
        <v>27</v>
      </c>
      <c r="AA3292">
        <v>161</v>
      </c>
      <c r="AB3292">
        <v>44</v>
      </c>
      <c r="AC3292">
        <v>76</v>
      </c>
      <c r="AD3292">
        <v>81</v>
      </c>
      <c r="AE3292">
        <v>134</v>
      </c>
      <c r="AF3292">
        <v>1210</v>
      </c>
      <c r="AG3292">
        <v>121309</v>
      </c>
      <c r="AH3292">
        <v>50000</v>
      </c>
      <c r="AI3292">
        <v>1</v>
      </c>
      <c r="AJ3292">
        <v>97</v>
      </c>
      <c r="AK3292" t="s">
        <v>33</v>
      </c>
      <c r="AL3292">
        <v>0</v>
      </c>
      <c r="AM3292">
        <v>0</v>
      </c>
      <c r="AN3292">
        <v>0</v>
      </c>
      <c r="AO3292">
        <v>0</v>
      </c>
      <c r="AP3292">
        <v>0</v>
      </c>
      <c r="AQ3292">
        <v>0</v>
      </c>
      <c r="AR3292">
        <v>0</v>
      </c>
      <c r="AS3292">
        <v>0</v>
      </c>
      <c r="AT3292">
        <v>0</v>
      </c>
      <c r="AU3292">
        <v>0</v>
      </c>
      <c r="AV3292">
        <v>0</v>
      </c>
      <c r="AW3292">
        <v>0</v>
      </c>
      <c r="AX3292">
        <v>1199</v>
      </c>
      <c r="AY3292">
        <v>50</v>
      </c>
      <c r="AZ3292">
        <v>112</v>
      </c>
      <c r="BA3292">
        <v>7465</v>
      </c>
    </row>
    <row r="3293" spans="1:53" x14ac:dyDescent="0.4">
      <c r="A3293">
        <v>3337</v>
      </c>
      <c r="B3293" s="1">
        <v>43897</v>
      </c>
      <c r="C3293">
        <v>3</v>
      </c>
      <c r="D3293" s="1">
        <v>43897.73541666667</v>
      </c>
      <c r="E3293" s="1">
        <v>43898.253472222219</v>
      </c>
      <c r="F3293">
        <v>234000</v>
      </c>
      <c r="G3293">
        <v>9950</v>
      </c>
      <c r="H3293">
        <v>400</v>
      </c>
      <c r="I3293">
        <v>0</v>
      </c>
      <c r="J3293">
        <v>0</v>
      </c>
      <c r="K3293">
        <v>4225</v>
      </c>
      <c r="L3293">
        <v>0</v>
      </c>
      <c r="M3293">
        <v>24857</v>
      </c>
      <c r="N3293">
        <v>0</v>
      </c>
      <c r="O3293">
        <v>0</v>
      </c>
      <c r="P3293">
        <v>-19058</v>
      </c>
      <c r="Q3293">
        <v>0</v>
      </c>
      <c r="R3293">
        <v>254374</v>
      </c>
      <c r="S3293">
        <v>0</v>
      </c>
      <c r="T3293">
        <v>0</v>
      </c>
      <c r="U3293">
        <v>0</v>
      </c>
      <c r="V3293">
        <v>0</v>
      </c>
      <c r="W3293">
        <v>0</v>
      </c>
      <c r="X3293">
        <v>0</v>
      </c>
      <c r="Y3293">
        <v>25</v>
      </c>
      <c r="Z3293">
        <v>10</v>
      </c>
      <c r="AA3293">
        <v>167</v>
      </c>
      <c r="AB3293">
        <v>41</v>
      </c>
      <c r="AC3293">
        <v>71</v>
      </c>
      <c r="AD3293">
        <v>81</v>
      </c>
      <c r="AE3293">
        <v>135</v>
      </c>
      <c r="AF3293">
        <v>0</v>
      </c>
      <c r="AG3293">
        <v>50000</v>
      </c>
      <c r="AH3293">
        <v>0</v>
      </c>
      <c r="AI3293">
        <v>-275682</v>
      </c>
      <c r="AJ3293">
        <v>108</v>
      </c>
      <c r="AK3293" t="s">
        <v>30</v>
      </c>
      <c r="AL3293">
        <v>0</v>
      </c>
      <c r="AM3293">
        <v>0</v>
      </c>
      <c r="AN3293">
        <v>0</v>
      </c>
      <c r="AO3293">
        <v>0</v>
      </c>
      <c r="AP3293">
        <v>0</v>
      </c>
      <c r="AQ3293">
        <v>0</v>
      </c>
      <c r="AR3293">
        <v>0</v>
      </c>
      <c r="AS3293">
        <v>0</v>
      </c>
      <c r="AT3293">
        <v>0</v>
      </c>
      <c r="AU3293">
        <v>0</v>
      </c>
      <c r="AV3293">
        <v>0</v>
      </c>
      <c r="AW3293">
        <v>0</v>
      </c>
      <c r="AX3293">
        <v>0</v>
      </c>
      <c r="AY3293">
        <v>29</v>
      </c>
      <c r="AZ3293">
        <v>107</v>
      </c>
      <c r="BA3293">
        <v>6004</v>
      </c>
    </row>
    <row r="3294" spans="1:53" x14ac:dyDescent="0.4">
      <c r="A3294">
        <v>3338</v>
      </c>
      <c r="B3294" s="1">
        <v>43898</v>
      </c>
      <c r="C3294">
        <v>1</v>
      </c>
      <c r="D3294" s="1">
        <v>43898.291666666664</v>
      </c>
      <c r="E3294" s="1">
        <v>43898.406944444447</v>
      </c>
      <c r="F3294">
        <v>0</v>
      </c>
      <c r="G3294">
        <v>0</v>
      </c>
      <c r="H3294">
        <v>0</v>
      </c>
      <c r="I3294">
        <v>0</v>
      </c>
      <c r="J3294">
        <v>0</v>
      </c>
      <c r="K3294">
        <v>0</v>
      </c>
      <c r="L3294">
        <v>0</v>
      </c>
      <c r="M3294">
        <v>0</v>
      </c>
      <c r="N3294">
        <v>0</v>
      </c>
      <c r="O3294">
        <v>0</v>
      </c>
      <c r="P3294">
        <v>0</v>
      </c>
      <c r="Q3294">
        <v>0</v>
      </c>
      <c r="R3294">
        <v>0</v>
      </c>
      <c r="S3294">
        <v>0</v>
      </c>
      <c r="T3294">
        <v>0</v>
      </c>
      <c r="U3294">
        <v>0</v>
      </c>
      <c r="V3294">
        <v>0</v>
      </c>
      <c r="W3294">
        <v>0</v>
      </c>
      <c r="X3294">
        <v>0</v>
      </c>
      <c r="Y3294">
        <v>25</v>
      </c>
      <c r="Z3294">
        <v>10</v>
      </c>
      <c r="AA3294">
        <v>167</v>
      </c>
      <c r="AB3294">
        <v>41</v>
      </c>
      <c r="AC3294">
        <v>71</v>
      </c>
      <c r="AD3294">
        <v>81</v>
      </c>
      <c r="AE3294">
        <v>135</v>
      </c>
      <c r="AF3294">
        <v>0</v>
      </c>
      <c r="AG3294">
        <v>50000</v>
      </c>
      <c r="AH3294">
        <v>50000</v>
      </c>
      <c r="AI3294">
        <v>0</v>
      </c>
      <c r="AJ3294">
        <v>0</v>
      </c>
      <c r="AK3294" t="s">
        <v>6</v>
      </c>
      <c r="AL3294">
        <v>0</v>
      </c>
      <c r="AM3294">
        <v>0</v>
      </c>
      <c r="AN3294">
        <v>0</v>
      </c>
      <c r="AO3294">
        <v>0</v>
      </c>
      <c r="AP3294">
        <v>0</v>
      </c>
      <c r="AQ3294">
        <v>0</v>
      </c>
      <c r="AR3294">
        <v>0</v>
      </c>
      <c r="AS3294">
        <v>0</v>
      </c>
      <c r="AT3294">
        <v>0</v>
      </c>
      <c r="AU3294">
        <v>0</v>
      </c>
      <c r="AV3294">
        <v>0</v>
      </c>
      <c r="AW3294">
        <v>0</v>
      </c>
      <c r="AX3294">
        <v>0</v>
      </c>
      <c r="AY3294">
        <v>0</v>
      </c>
      <c r="AZ3294">
        <v>0</v>
      </c>
      <c r="BA3294">
        <v>0</v>
      </c>
    </row>
    <row r="3295" spans="1:53" x14ac:dyDescent="0.4">
      <c r="A3295">
        <v>3339</v>
      </c>
      <c r="B3295" s="1">
        <v>43898</v>
      </c>
      <c r="C3295">
        <v>2</v>
      </c>
      <c r="D3295" s="1">
        <v>43898.406944444447</v>
      </c>
      <c r="E3295" s="1">
        <v>43898.738194444442</v>
      </c>
      <c r="F3295">
        <v>37950</v>
      </c>
      <c r="G3295">
        <v>1060</v>
      </c>
      <c r="H3295">
        <v>0</v>
      </c>
      <c r="I3295">
        <v>0</v>
      </c>
      <c r="J3295">
        <v>600</v>
      </c>
      <c r="K3295">
        <v>0</v>
      </c>
      <c r="L3295">
        <v>0</v>
      </c>
      <c r="M3295">
        <v>3841</v>
      </c>
      <c r="N3295">
        <v>0</v>
      </c>
      <c r="O3295">
        <v>0</v>
      </c>
      <c r="P3295">
        <v>25410</v>
      </c>
      <c r="Q3295">
        <v>0</v>
      </c>
      <c r="R3295">
        <v>67661</v>
      </c>
      <c r="S3295">
        <v>0</v>
      </c>
      <c r="T3295">
        <v>0</v>
      </c>
      <c r="U3295">
        <v>0</v>
      </c>
      <c r="V3295">
        <v>4</v>
      </c>
      <c r="W3295">
        <v>2</v>
      </c>
      <c r="X3295">
        <v>0</v>
      </c>
      <c r="Y3295">
        <v>38</v>
      </c>
      <c r="Z3295">
        <v>21</v>
      </c>
      <c r="AA3295">
        <v>160</v>
      </c>
      <c r="AB3295">
        <v>32</v>
      </c>
      <c r="AC3295">
        <v>53</v>
      </c>
      <c r="AD3295">
        <v>74</v>
      </c>
      <c r="AE3295">
        <v>176</v>
      </c>
      <c r="AF3295">
        <v>495</v>
      </c>
      <c r="AG3295">
        <v>117671</v>
      </c>
      <c r="AH3295">
        <v>50000</v>
      </c>
      <c r="AI3295">
        <v>10</v>
      </c>
      <c r="AJ3295">
        <v>93</v>
      </c>
      <c r="AK3295" t="s">
        <v>20</v>
      </c>
      <c r="AL3295">
        <v>0</v>
      </c>
      <c r="AM3295">
        <v>0</v>
      </c>
      <c r="AN3295">
        <v>0</v>
      </c>
      <c r="AO3295">
        <v>0</v>
      </c>
      <c r="AP3295">
        <v>0</v>
      </c>
      <c r="AQ3295">
        <v>0</v>
      </c>
      <c r="AR3295">
        <v>0</v>
      </c>
      <c r="AS3295">
        <v>0</v>
      </c>
      <c r="AT3295">
        <v>0</v>
      </c>
      <c r="AU3295">
        <v>0</v>
      </c>
      <c r="AV3295">
        <v>0</v>
      </c>
      <c r="AW3295">
        <v>0</v>
      </c>
      <c r="AX3295">
        <v>-902</v>
      </c>
      <c r="AY3295">
        <v>51</v>
      </c>
      <c r="AZ3295">
        <v>109</v>
      </c>
      <c r="BA3295">
        <v>7314</v>
      </c>
    </row>
    <row r="3296" spans="1:53" x14ac:dyDescent="0.4">
      <c r="A3296">
        <v>3340</v>
      </c>
      <c r="B3296" s="1">
        <v>43898</v>
      </c>
      <c r="C3296">
        <v>3</v>
      </c>
      <c r="D3296" s="1">
        <v>43898.738194444442</v>
      </c>
      <c r="E3296" s="1">
        <v>43898.959027777775</v>
      </c>
      <c r="F3296">
        <v>35500</v>
      </c>
      <c r="G3296">
        <v>680</v>
      </c>
      <c r="H3296">
        <v>0</v>
      </c>
      <c r="I3296">
        <v>0</v>
      </c>
      <c r="J3296">
        <v>0</v>
      </c>
      <c r="K3296">
        <v>0</v>
      </c>
      <c r="L3296">
        <v>0</v>
      </c>
      <c r="M3296">
        <v>3618</v>
      </c>
      <c r="N3296">
        <v>0</v>
      </c>
      <c r="O3296">
        <v>0</v>
      </c>
      <c r="P3296">
        <v>-25410</v>
      </c>
      <c r="Q3296">
        <v>0</v>
      </c>
      <c r="R3296">
        <v>14388</v>
      </c>
      <c r="S3296">
        <v>0</v>
      </c>
      <c r="T3296">
        <v>0</v>
      </c>
      <c r="U3296">
        <v>0</v>
      </c>
      <c r="V3296">
        <v>5</v>
      </c>
      <c r="W3296">
        <v>1</v>
      </c>
      <c r="X3296">
        <v>0</v>
      </c>
      <c r="Y3296">
        <v>46</v>
      </c>
      <c r="Z3296">
        <v>20</v>
      </c>
      <c r="AA3296">
        <v>178</v>
      </c>
      <c r="AB3296">
        <v>32</v>
      </c>
      <c r="AC3296">
        <v>60</v>
      </c>
      <c r="AD3296">
        <v>75</v>
      </c>
      <c r="AE3296">
        <v>179</v>
      </c>
      <c r="AF3296">
        <v>495</v>
      </c>
      <c r="AG3296">
        <v>132049</v>
      </c>
      <c r="AH3296">
        <v>50000</v>
      </c>
      <c r="AI3296">
        <v>0</v>
      </c>
      <c r="AJ3296">
        <v>101</v>
      </c>
      <c r="AK3296" t="s">
        <v>28</v>
      </c>
      <c r="AL3296">
        <v>0</v>
      </c>
      <c r="AM3296">
        <v>0</v>
      </c>
      <c r="AN3296">
        <v>0</v>
      </c>
      <c r="AO3296">
        <v>0</v>
      </c>
      <c r="AP3296">
        <v>0</v>
      </c>
      <c r="AQ3296">
        <v>0</v>
      </c>
      <c r="AR3296">
        <v>0</v>
      </c>
      <c r="AS3296">
        <v>0</v>
      </c>
      <c r="AT3296">
        <v>0</v>
      </c>
      <c r="AU3296">
        <v>0</v>
      </c>
      <c r="AV3296">
        <v>0</v>
      </c>
      <c r="AW3296">
        <v>0</v>
      </c>
      <c r="AX3296">
        <v>7018</v>
      </c>
      <c r="AY3296">
        <v>9</v>
      </c>
      <c r="AZ3296">
        <v>22</v>
      </c>
      <c r="BA3296">
        <v>2195</v>
      </c>
    </row>
    <row r="3297" spans="1:53" x14ac:dyDescent="0.4">
      <c r="A3297">
        <v>3341</v>
      </c>
      <c r="B3297" s="1">
        <v>43899</v>
      </c>
      <c r="C3297">
        <v>1</v>
      </c>
      <c r="D3297" s="1">
        <v>43899.291666666664</v>
      </c>
      <c r="E3297" s="1">
        <v>43899.451388888891</v>
      </c>
      <c r="F3297">
        <v>0</v>
      </c>
      <c r="G3297">
        <v>0</v>
      </c>
      <c r="H3297">
        <v>0</v>
      </c>
      <c r="I3297">
        <v>0</v>
      </c>
      <c r="J3297">
        <v>0</v>
      </c>
      <c r="K3297">
        <v>0</v>
      </c>
      <c r="L3297">
        <v>0</v>
      </c>
      <c r="M3297">
        <v>0</v>
      </c>
      <c r="N3297">
        <v>0</v>
      </c>
      <c r="O3297">
        <v>0</v>
      </c>
      <c r="P3297">
        <v>0</v>
      </c>
      <c r="Q3297">
        <v>0</v>
      </c>
      <c r="R3297">
        <v>0</v>
      </c>
      <c r="S3297">
        <v>0</v>
      </c>
      <c r="T3297">
        <v>0</v>
      </c>
      <c r="U3297">
        <v>0</v>
      </c>
      <c r="V3297">
        <v>0</v>
      </c>
      <c r="W3297">
        <v>0</v>
      </c>
      <c r="X3297">
        <v>0</v>
      </c>
      <c r="Y3297">
        <v>23</v>
      </c>
      <c r="Z3297">
        <v>11</v>
      </c>
      <c r="AA3297">
        <v>188</v>
      </c>
      <c r="AB3297">
        <v>31</v>
      </c>
      <c r="AC3297">
        <v>64</v>
      </c>
      <c r="AD3297">
        <v>76</v>
      </c>
      <c r="AE3297">
        <v>130</v>
      </c>
      <c r="AF3297">
        <v>0</v>
      </c>
      <c r="AG3297">
        <v>50000</v>
      </c>
      <c r="AH3297">
        <v>0</v>
      </c>
      <c r="AI3297">
        <v>50000</v>
      </c>
      <c r="AJ3297">
        <v>0</v>
      </c>
      <c r="AK3297" t="s">
        <v>6</v>
      </c>
      <c r="AL3297">
        <v>0</v>
      </c>
      <c r="AM3297">
        <v>0</v>
      </c>
      <c r="AN3297">
        <v>0</v>
      </c>
      <c r="AO3297">
        <v>0</v>
      </c>
      <c r="AP3297">
        <v>0</v>
      </c>
      <c r="AQ3297">
        <v>0</v>
      </c>
      <c r="AR3297">
        <v>0</v>
      </c>
      <c r="AS3297">
        <v>0</v>
      </c>
      <c r="AT3297">
        <v>0</v>
      </c>
      <c r="AU3297">
        <v>0</v>
      </c>
      <c r="AV3297">
        <v>0</v>
      </c>
      <c r="AW3297">
        <v>0</v>
      </c>
      <c r="AX3297">
        <v>0</v>
      </c>
      <c r="AY3297">
        <v>0</v>
      </c>
      <c r="AZ3297">
        <v>0</v>
      </c>
      <c r="BA3297">
        <v>0</v>
      </c>
    </row>
    <row r="3298" spans="1:53" x14ac:dyDescent="0.4">
      <c r="A3298">
        <v>3342</v>
      </c>
      <c r="B3298" s="1">
        <v>43899</v>
      </c>
      <c r="C3298">
        <v>2</v>
      </c>
      <c r="D3298" s="1">
        <v>43899.451388888891</v>
      </c>
      <c r="E3298" s="1">
        <v>43899.745138888888</v>
      </c>
      <c r="F3298">
        <v>37950</v>
      </c>
      <c r="G3298">
        <v>3660</v>
      </c>
      <c r="H3298">
        <v>200</v>
      </c>
      <c r="I3298">
        <v>0</v>
      </c>
      <c r="J3298">
        <v>200</v>
      </c>
      <c r="K3298">
        <v>0</v>
      </c>
      <c r="L3298">
        <v>0</v>
      </c>
      <c r="M3298">
        <v>4161</v>
      </c>
      <c r="N3298">
        <v>0</v>
      </c>
      <c r="O3298">
        <v>0</v>
      </c>
      <c r="P3298">
        <v>18150</v>
      </c>
      <c r="Q3298">
        <v>0</v>
      </c>
      <c r="R3298">
        <v>63921</v>
      </c>
      <c r="S3298">
        <v>0</v>
      </c>
      <c r="T3298">
        <v>0</v>
      </c>
      <c r="U3298">
        <v>0</v>
      </c>
      <c r="V3298">
        <v>2</v>
      </c>
      <c r="W3298">
        <v>1</v>
      </c>
      <c r="X3298">
        <v>0</v>
      </c>
      <c r="Y3298">
        <v>42</v>
      </c>
      <c r="Z3298">
        <v>39</v>
      </c>
      <c r="AA3298">
        <v>240</v>
      </c>
      <c r="AB3298">
        <v>37</v>
      </c>
      <c r="AC3298">
        <v>104</v>
      </c>
      <c r="AD3298">
        <v>74</v>
      </c>
      <c r="AE3298">
        <v>161</v>
      </c>
      <c r="AF3298">
        <v>0</v>
      </c>
      <c r="AG3298">
        <v>113921</v>
      </c>
      <c r="AH3298">
        <v>50000</v>
      </c>
      <c r="AI3298">
        <v>0</v>
      </c>
      <c r="AJ3298">
        <v>84</v>
      </c>
      <c r="AK3298" t="s">
        <v>16</v>
      </c>
      <c r="AL3298">
        <v>0</v>
      </c>
      <c r="AM3298">
        <v>0</v>
      </c>
      <c r="AN3298">
        <v>0</v>
      </c>
      <c r="AO3298">
        <v>0</v>
      </c>
      <c r="AP3298">
        <v>0</v>
      </c>
      <c r="AQ3298">
        <v>0</v>
      </c>
      <c r="AR3298">
        <v>0</v>
      </c>
      <c r="AS3298">
        <v>0</v>
      </c>
      <c r="AT3298">
        <v>0</v>
      </c>
      <c r="AU3298">
        <v>0</v>
      </c>
      <c r="AV3298">
        <v>0</v>
      </c>
      <c r="AW3298">
        <v>0</v>
      </c>
      <c r="AX3298">
        <v>0</v>
      </c>
      <c r="AY3298">
        <v>47</v>
      </c>
      <c r="AZ3298">
        <v>95</v>
      </c>
      <c r="BA3298">
        <v>6941</v>
      </c>
    </row>
    <row r="3299" spans="1:53" x14ac:dyDescent="0.4">
      <c r="A3299">
        <v>3343</v>
      </c>
      <c r="B3299" s="1">
        <v>43900</v>
      </c>
      <c r="C3299">
        <v>1</v>
      </c>
      <c r="D3299" s="1">
        <v>43900.291666666664</v>
      </c>
      <c r="E3299" s="1">
        <v>43900.450694444444</v>
      </c>
      <c r="F3299">
        <v>0</v>
      </c>
      <c r="G3299">
        <v>0</v>
      </c>
      <c r="H3299">
        <v>0</v>
      </c>
      <c r="I3299">
        <v>0</v>
      </c>
      <c r="J3299">
        <v>0</v>
      </c>
      <c r="K3299">
        <v>0</v>
      </c>
      <c r="L3299">
        <v>0</v>
      </c>
      <c r="M3299">
        <v>0</v>
      </c>
      <c r="N3299">
        <v>0</v>
      </c>
      <c r="O3299">
        <v>0</v>
      </c>
      <c r="P3299">
        <v>0</v>
      </c>
      <c r="Q3299">
        <v>0</v>
      </c>
      <c r="R3299">
        <v>0</v>
      </c>
      <c r="S3299">
        <v>0</v>
      </c>
      <c r="T3299">
        <v>0</v>
      </c>
      <c r="U3299">
        <v>0</v>
      </c>
      <c r="V3299">
        <v>0</v>
      </c>
      <c r="W3299">
        <v>0</v>
      </c>
      <c r="X3299">
        <v>0</v>
      </c>
      <c r="Y3299">
        <v>20</v>
      </c>
      <c r="Z3299">
        <v>5</v>
      </c>
      <c r="AA3299">
        <v>239</v>
      </c>
      <c r="AB3299">
        <v>39</v>
      </c>
      <c r="AC3299">
        <v>118</v>
      </c>
      <c r="AD3299">
        <v>70</v>
      </c>
      <c r="AE3299">
        <v>120</v>
      </c>
      <c r="AF3299">
        <v>0</v>
      </c>
      <c r="AG3299">
        <v>50000</v>
      </c>
      <c r="AH3299">
        <v>50000</v>
      </c>
      <c r="AI3299">
        <v>0</v>
      </c>
      <c r="AJ3299">
        <v>0</v>
      </c>
      <c r="AK3299" t="s">
        <v>6</v>
      </c>
      <c r="AL3299">
        <v>0</v>
      </c>
      <c r="AM3299">
        <v>0</v>
      </c>
      <c r="AN3299">
        <v>0</v>
      </c>
      <c r="AO3299">
        <v>0</v>
      </c>
      <c r="AP3299">
        <v>0</v>
      </c>
      <c r="AQ3299">
        <v>0</v>
      </c>
      <c r="AR3299">
        <v>0</v>
      </c>
      <c r="AS3299">
        <v>0</v>
      </c>
      <c r="AT3299">
        <v>0</v>
      </c>
      <c r="AU3299">
        <v>0</v>
      </c>
      <c r="AV3299">
        <v>0</v>
      </c>
      <c r="AW3299">
        <v>0</v>
      </c>
      <c r="AX3299">
        <v>0</v>
      </c>
      <c r="AY3299">
        <v>0</v>
      </c>
      <c r="AZ3299">
        <v>0</v>
      </c>
      <c r="BA3299">
        <v>0</v>
      </c>
    </row>
    <row r="3300" spans="1:53" x14ac:dyDescent="0.4">
      <c r="A3300">
        <v>3344</v>
      </c>
      <c r="B3300" s="1">
        <v>43900</v>
      </c>
      <c r="C3300">
        <v>2</v>
      </c>
      <c r="D3300" s="1">
        <v>43900.450694444444</v>
      </c>
      <c r="E3300" s="1">
        <v>43900.743055555555</v>
      </c>
      <c r="F3300">
        <v>35750</v>
      </c>
      <c r="G3300">
        <v>2020</v>
      </c>
      <c r="H3300">
        <v>200</v>
      </c>
      <c r="I3300">
        <v>0</v>
      </c>
      <c r="J3300">
        <v>200</v>
      </c>
      <c r="K3300">
        <v>0</v>
      </c>
      <c r="L3300">
        <v>0</v>
      </c>
      <c r="M3300">
        <v>3777</v>
      </c>
      <c r="N3300">
        <v>0</v>
      </c>
      <c r="O3300">
        <v>0</v>
      </c>
      <c r="P3300">
        <v>10890</v>
      </c>
      <c r="Q3300">
        <v>0</v>
      </c>
      <c r="R3300">
        <v>52437</v>
      </c>
      <c r="S3300">
        <v>0</v>
      </c>
      <c r="T3300">
        <v>0</v>
      </c>
      <c r="U3300">
        <v>0</v>
      </c>
      <c r="V3300">
        <v>3</v>
      </c>
      <c r="W3300">
        <v>0</v>
      </c>
      <c r="X3300">
        <v>0</v>
      </c>
      <c r="Y3300">
        <v>41</v>
      </c>
      <c r="Z3300">
        <v>14</v>
      </c>
      <c r="AA3300">
        <v>216</v>
      </c>
      <c r="AB3300">
        <v>33</v>
      </c>
      <c r="AC3300">
        <v>120</v>
      </c>
      <c r="AD3300">
        <v>64</v>
      </c>
      <c r="AE3300">
        <v>157</v>
      </c>
      <c r="AF3300">
        <v>0</v>
      </c>
      <c r="AG3300">
        <v>102927</v>
      </c>
      <c r="AH3300">
        <v>50000</v>
      </c>
      <c r="AI3300">
        <v>490</v>
      </c>
      <c r="AJ3300">
        <v>97</v>
      </c>
      <c r="AK3300" t="s">
        <v>33</v>
      </c>
      <c r="AL3300">
        <v>0</v>
      </c>
      <c r="AM3300">
        <v>0</v>
      </c>
      <c r="AN3300">
        <v>0</v>
      </c>
      <c r="AO3300">
        <v>0</v>
      </c>
      <c r="AP3300">
        <v>0</v>
      </c>
      <c r="AQ3300">
        <v>0</v>
      </c>
      <c r="AR3300">
        <v>0</v>
      </c>
      <c r="AS3300">
        <v>0</v>
      </c>
      <c r="AT3300">
        <v>0</v>
      </c>
      <c r="AU3300">
        <v>0</v>
      </c>
      <c r="AV3300">
        <v>0</v>
      </c>
      <c r="AW3300">
        <v>0</v>
      </c>
      <c r="AX3300">
        <v>-1210</v>
      </c>
      <c r="AY3300">
        <v>42</v>
      </c>
      <c r="AZ3300">
        <v>80</v>
      </c>
      <c r="BA3300">
        <v>6820</v>
      </c>
    </row>
    <row r="3301" spans="1:53" x14ac:dyDescent="0.4">
      <c r="A3301">
        <v>3345</v>
      </c>
      <c r="B3301" s="1">
        <v>43900</v>
      </c>
      <c r="C3301">
        <v>3</v>
      </c>
      <c r="D3301" s="1">
        <v>43900.743055555555</v>
      </c>
      <c r="E3301" s="1">
        <v>43900.963888888888</v>
      </c>
      <c r="F3301">
        <v>27350</v>
      </c>
      <c r="G3301">
        <v>1850</v>
      </c>
      <c r="H3301">
        <v>0</v>
      </c>
      <c r="I3301">
        <v>0</v>
      </c>
      <c r="J3301">
        <v>0</v>
      </c>
      <c r="K3301">
        <v>0</v>
      </c>
      <c r="L3301">
        <v>0</v>
      </c>
      <c r="M3301">
        <v>2920</v>
      </c>
      <c r="N3301">
        <v>0</v>
      </c>
      <c r="O3301">
        <v>0</v>
      </c>
      <c r="P3301">
        <v>990</v>
      </c>
      <c r="Q3301">
        <v>0</v>
      </c>
      <c r="R3301">
        <v>33110</v>
      </c>
      <c r="S3301">
        <v>0</v>
      </c>
      <c r="T3301">
        <v>0</v>
      </c>
      <c r="U3301">
        <v>0</v>
      </c>
      <c r="V3301">
        <v>5</v>
      </c>
      <c r="W3301">
        <v>2</v>
      </c>
      <c r="X3301">
        <v>0</v>
      </c>
      <c r="Y3301">
        <v>41</v>
      </c>
      <c r="Z3301">
        <v>17</v>
      </c>
      <c r="AA3301">
        <v>213</v>
      </c>
      <c r="AB3301">
        <v>30</v>
      </c>
      <c r="AC3301">
        <v>123</v>
      </c>
      <c r="AD3301">
        <v>66</v>
      </c>
      <c r="AE3301">
        <v>158</v>
      </c>
      <c r="AF3301">
        <v>1430</v>
      </c>
      <c r="AG3301">
        <v>135448</v>
      </c>
      <c r="AH3301">
        <v>50000</v>
      </c>
      <c r="AI3301">
        <v>-99</v>
      </c>
      <c r="AJ3301">
        <v>94</v>
      </c>
      <c r="AK3301" t="s">
        <v>43</v>
      </c>
      <c r="AL3301">
        <v>0</v>
      </c>
      <c r="AM3301">
        <v>0</v>
      </c>
      <c r="AN3301">
        <v>0</v>
      </c>
      <c r="AO3301">
        <v>0</v>
      </c>
      <c r="AP3301">
        <v>0</v>
      </c>
      <c r="AQ3301">
        <v>0</v>
      </c>
      <c r="AR3301">
        <v>0</v>
      </c>
      <c r="AS3301">
        <v>0</v>
      </c>
      <c r="AT3301">
        <v>0</v>
      </c>
      <c r="AU3301">
        <v>0</v>
      </c>
      <c r="AV3301">
        <v>0</v>
      </c>
      <c r="AW3301">
        <v>0</v>
      </c>
      <c r="AX3301">
        <v>0</v>
      </c>
      <c r="AY3301">
        <v>9</v>
      </c>
      <c r="AZ3301">
        <v>20</v>
      </c>
      <c r="BA3301">
        <v>1999</v>
      </c>
    </row>
    <row r="3302" spans="1:53" x14ac:dyDescent="0.4">
      <c r="A3302">
        <v>3346</v>
      </c>
      <c r="B3302" s="1">
        <v>43900</v>
      </c>
      <c r="C3302">
        <v>4</v>
      </c>
      <c r="D3302" s="1">
        <v>43900.963888888888</v>
      </c>
      <c r="E3302" s="1">
        <v>43901.217361111114</v>
      </c>
      <c r="F3302">
        <v>13000</v>
      </c>
      <c r="G3302">
        <v>0</v>
      </c>
      <c r="H3302">
        <v>0</v>
      </c>
      <c r="I3302">
        <v>0</v>
      </c>
      <c r="J3302">
        <v>0</v>
      </c>
      <c r="K3302">
        <v>0</v>
      </c>
      <c r="L3302">
        <v>0</v>
      </c>
      <c r="M3302">
        <v>1300</v>
      </c>
      <c r="N3302">
        <v>0</v>
      </c>
      <c r="O3302">
        <v>0</v>
      </c>
      <c r="P3302">
        <v>1870</v>
      </c>
      <c r="Q3302">
        <v>0</v>
      </c>
      <c r="R3302">
        <v>16170</v>
      </c>
      <c r="S3302">
        <v>0</v>
      </c>
      <c r="T3302">
        <v>0</v>
      </c>
      <c r="U3302">
        <v>0</v>
      </c>
      <c r="V3302">
        <v>0</v>
      </c>
      <c r="W3302">
        <v>0</v>
      </c>
      <c r="X3302">
        <v>0</v>
      </c>
      <c r="Y3302">
        <v>25</v>
      </c>
      <c r="Z3302">
        <v>10</v>
      </c>
      <c r="AA3302">
        <v>168</v>
      </c>
      <c r="AB3302">
        <v>30</v>
      </c>
      <c r="AC3302">
        <v>127</v>
      </c>
      <c r="AD3302">
        <v>65</v>
      </c>
      <c r="AE3302">
        <v>105</v>
      </c>
      <c r="AF3302">
        <v>0</v>
      </c>
      <c r="AG3302">
        <v>50000</v>
      </c>
      <c r="AH3302">
        <v>0</v>
      </c>
      <c r="AI3302">
        <v>-51717</v>
      </c>
      <c r="AJ3302">
        <v>101</v>
      </c>
      <c r="AK3302" t="s">
        <v>28</v>
      </c>
      <c r="AL3302">
        <v>0</v>
      </c>
      <c r="AM3302">
        <v>0</v>
      </c>
      <c r="AN3302">
        <v>0</v>
      </c>
      <c r="AO3302">
        <v>0</v>
      </c>
      <c r="AP3302">
        <v>0</v>
      </c>
      <c r="AQ3302">
        <v>0</v>
      </c>
      <c r="AR3302">
        <v>0</v>
      </c>
      <c r="AS3302">
        <v>0</v>
      </c>
      <c r="AT3302">
        <v>0</v>
      </c>
      <c r="AU3302">
        <v>0</v>
      </c>
      <c r="AV3302">
        <v>0</v>
      </c>
      <c r="AW3302">
        <v>0</v>
      </c>
      <c r="AX3302">
        <v>0</v>
      </c>
      <c r="AY3302">
        <v>3</v>
      </c>
      <c r="AZ3302">
        <v>9</v>
      </c>
      <c r="BA3302">
        <v>761</v>
      </c>
    </row>
    <row r="3303" spans="1:53" x14ac:dyDescent="0.4">
      <c r="A3303">
        <v>3347</v>
      </c>
      <c r="B3303" s="1">
        <v>43901</v>
      </c>
      <c r="C3303">
        <v>1</v>
      </c>
      <c r="D3303" s="1">
        <v>43901.291666666664</v>
      </c>
      <c r="E3303" s="1">
        <v>43901.443749999999</v>
      </c>
      <c r="F3303">
        <v>0</v>
      </c>
      <c r="G3303">
        <v>0</v>
      </c>
      <c r="H3303">
        <v>0</v>
      </c>
      <c r="I3303">
        <v>0</v>
      </c>
      <c r="J3303">
        <v>0</v>
      </c>
      <c r="K3303">
        <v>0</v>
      </c>
      <c r="L3303">
        <v>0</v>
      </c>
      <c r="M3303">
        <v>0</v>
      </c>
      <c r="N3303">
        <v>0</v>
      </c>
      <c r="O3303">
        <v>0</v>
      </c>
      <c r="P3303">
        <v>0</v>
      </c>
      <c r="Q3303">
        <v>0</v>
      </c>
      <c r="R3303">
        <v>0</v>
      </c>
      <c r="S3303">
        <v>0</v>
      </c>
      <c r="T3303">
        <v>0</v>
      </c>
      <c r="U3303">
        <v>0</v>
      </c>
      <c r="V3303">
        <v>0</v>
      </c>
      <c r="W3303">
        <v>0</v>
      </c>
      <c r="X3303">
        <v>0</v>
      </c>
      <c r="Y3303">
        <v>25</v>
      </c>
      <c r="Z3303">
        <v>10</v>
      </c>
      <c r="AA3303">
        <v>168</v>
      </c>
      <c r="AB3303">
        <v>30</v>
      </c>
      <c r="AC3303">
        <v>127</v>
      </c>
      <c r="AD3303">
        <v>65</v>
      </c>
      <c r="AE3303">
        <v>105</v>
      </c>
      <c r="AF3303">
        <v>0</v>
      </c>
      <c r="AG3303">
        <v>50000</v>
      </c>
      <c r="AH3303">
        <v>50000</v>
      </c>
      <c r="AI3303">
        <v>0</v>
      </c>
      <c r="AJ3303">
        <v>0</v>
      </c>
      <c r="AK3303" t="s">
        <v>6</v>
      </c>
      <c r="AL3303">
        <v>0</v>
      </c>
      <c r="AM3303">
        <v>0</v>
      </c>
      <c r="AN3303">
        <v>0</v>
      </c>
      <c r="AO3303">
        <v>0</v>
      </c>
      <c r="AP3303">
        <v>0</v>
      </c>
      <c r="AQ3303">
        <v>0</v>
      </c>
      <c r="AR3303">
        <v>0</v>
      </c>
      <c r="AS3303">
        <v>0</v>
      </c>
      <c r="AT3303">
        <v>0</v>
      </c>
      <c r="AU3303">
        <v>0</v>
      </c>
      <c r="AV3303">
        <v>0</v>
      </c>
      <c r="AW3303">
        <v>0</v>
      </c>
      <c r="AX3303">
        <v>0</v>
      </c>
      <c r="AY3303">
        <v>0</v>
      </c>
      <c r="AZ3303">
        <v>0</v>
      </c>
      <c r="BA3303">
        <v>0</v>
      </c>
    </row>
    <row r="3304" spans="1:53" x14ac:dyDescent="0.4">
      <c r="A3304">
        <v>3348</v>
      </c>
      <c r="B3304" s="1">
        <v>43901</v>
      </c>
      <c r="C3304">
        <v>2</v>
      </c>
      <c r="D3304" s="1">
        <v>43901.443749999999</v>
      </c>
      <c r="E3304" s="1">
        <v>43901.743750000001</v>
      </c>
      <c r="F3304">
        <v>44550</v>
      </c>
      <c r="G3304">
        <v>1080</v>
      </c>
      <c r="H3304">
        <v>400</v>
      </c>
      <c r="I3304">
        <v>0</v>
      </c>
      <c r="J3304">
        <v>0</v>
      </c>
      <c r="K3304">
        <v>0</v>
      </c>
      <c r="L3304">
        <v>0</v>
      </c>
      <c r="M3304">
        <v>4603</v>
      </c>
      <c r="N3304">
        <v>0</v>
      </c>
      <c r="O3304">
        <v>0</v>
      </c>
      <c r="P3304">
        <v>18755</v>
      </c>
      <c r="Q3304">
        <v>0</v>
      </c>
      <c r="R3304">
        <v>69388</v>
      </c>
      <c r="S3304">
        <v>0</v>
      </c>
      <c r="T3304">
        <v>0</v>
      </c>
      <c r="U3304">
        <v>0</v>
      </c>
      <c r="V3304">
        <v>2</v>
      </c>
      <c r="W3304">
        <v>1</v>
      </c>
      <c r="X3304">
        <v>0</v>
      </c>
      <c r="Y3304">
        <v>64</v>
      </c>
      <c r="Z3304">
        <v>35</v>
      </c>
      <c r="AA3304">
        <v>109</v>
      </c>
      <c r="AB3304">
        <v>16</v>
      </c>
      <c r="AC3304">
        <v>70</v>
      </c>
      <c r="AD3304">
        <v>61</v>
      </c>
      <c r="AE3304">
        <v>183</v>
      </c>
      <c r="AF3304">
        <v>0</v>
      </c>
      <c r="AG3304">
        <v>119388</v>
      </c>
      <c r="AH3304">
        <v>50000</v>
      </c>
      <c r="AI3304">
        <v>0</v>
      </c>
      <c r="AJ3304">
        <v>107</v>
      </c>
      <c r="AK3304" t="s">
        <v>40</v>
      </c>
      <c r="AL3304">
        <v>0</v>
      </c>
      <c r="AM3304">
        <v>0</v>
      </c>
      <c r="AN3304">
        <v>0</v>
      </c>
      <c r="AO3304">
        <v>0</v>
      </c>
      <c r="AP3304">
        <v>0</v>
      </c>
      <c r="AQ3304">
        <v>0</v>
      </c>
      <c r="AR3304">
        <v>0</v>
      </c>
      <c r="AS3304">
        <v>0</v>
      </c>
      <c r="AT3304">
        <v>0</v>
      </c>
      <c r="AU3304">
        <v>0</v>
      </c>
      <c r="AV3304">
        <v>0</v>
      </c>
      <c r="AW3304">
        <v>0</v>
      </c>
      <c r="AX3304">
        <v>-2420</v>
      </c>
      <c r="AY3304">
        <v>48</v>
      </c>
      <c r="AZ3304">
        <v>110</v>
      </c>
      <c r="BA3304">
        <v>6999</v>
      </c>
    </row>
    <row r="3305" spans="1:53" x14ac:dyDescent="0.4">
      <c r="A3305">
        <v>3349</v>
      </c>
      <c r="B3305" s="1">
        <v>43901</v>
      </c>
      <c r="C3305">
        <v>3</v>
      </c>
      <c r="D3305" s="1">
        <v>43901.743750000001</v>
      </c>
      <c r="E3305" s="1">
        <v>43901.956944444442</v>
      </c>
      <c r="F3305">
        <v>24400</v>
      </c>
      <c r="G3305">
        <v>1080</v>
      </c>
      <c r="H3305">
        <v>0</v>
      </c>
      <c r="I3305">
        <v>0</v>
      </c>
      <c r="J3305">
        <v>0</v>
      </c>
      <c r="K3305">
        <v>0</v>
      </c>
      <c r="L3305">
        <v>0</v>
      </c>
      <c r="M3305">
        <v>2548</v>
      </c>
      <c r="N3305">
        <v>0</v>
      </c>
      <c r="O3305">
        <v>0</v>
      </c>
      <c r="P3305">
        <v>-14355</v>
      </c>
      <c r="Q3305">
        <v>0</v>
      </c>
      <c r="R3305">
        <v>13673</v>
      </c>
      <c r="S3305">
        <v>0</v>
      </c>
      <c r="T3305">
        <v>0</v>
      </c>
      <c r="U3305">
        <v>0</v>
      </c>
      <c r="V3305">
        <v>4</v>
      </c>
      <c r="W3305">
        <v>1</v>
      </c>
      <c r="X3305">
        <v>0</v>
      </c>
      <c r="Y3305">
        <v>58</v>
      </c>
      <c r="Z3305">
        <v>35</v>
      </c>
      <c r="AA3305">
        <v>107</v>
      </c>
      <c r="AB3305">
        <v>15</v>
      </c>
      <c r="AC3305">
        <v>62</v>
      </c>
      <c r="AD3305">
        <v>61</v>
      </c>
      <c r="AE3305">
        <v>186</v>
      </c>
      <c r="AF3305">
        <v>0</v>
      </c>
      <c r="AG3305">
        <v>133061</v>
      </c>
      <c r="AH3305">
        <v>50000</v>
      </c>
      <c r="AI3305">
        <v>0</v>
      </c>
      <c r="AJ3305">
        <v>108</v>
      </c>
      <c r="AK3305" t="s">
        <v>30</v>
      </c>
      <c r="AL3305">
        <v>0</v>
      </c>
      <c r="AM3305">
        <v>0</v>
      </c>
      <c r="AN3305">
        <v>0</v>
      </c>
      <c r="AO3305">
        <v>0</v>
      </c>
      <c r="AP3305">
        <v>0</v>
      </c>
      <c r="AQ3305">
        <v>0</v>
      </c>
      <c r="AR3305">
        <v>0</v>
      </c>
      <c r="AS3305">
        <v>0</v>
      </c>
      <c r="AT3305">
        <v>0</v>
      </c>
      <c r="AU3305">
        <v>0</v>
      </c>
      <c r="AV3305">
        <v>0</v>
      </c>
      <c r="AW3305">
        <v>0</v>
      </c>
      <c r="AX3305">
        <v>10043</v>
      </c>
      <c r="AY3305">
        <v>8</v>
      </c>
      <c r="AZ3305">
        <v>18</v>
      </c>
      <c r="BA3305">
        <v>2302</v>
      </c>
    </row>
    <row r="3306" spans="1:53" x14ac:dyDescent="0.4">
      <c r="A3306">
        <v>3350</v>
      </c>
      <c r="B3306" s="1">
        <v>43901</v>
      </c>
      <c r="C3306">
        <v>4</v>
      </c>
      <c r="D3306" s="1">
        <v>43901.956944444442</v>
      </c>
      <c r="E3306" s="1">
        <v>43902.088888888888</v>
      </c>
      <c r="F3306">
        <v>23650</v>
      </c>
      <c r="G3306">
        <v>1730</v>
      </c>
      <c r="H3306">
        <v>0</v>
      </c>
      <c r="I3306">
        <v>0</v>
      </c>
      <c r="J3306">
        <v>0</v>
      </c>
      <c r="K3306">
        <v>2700</v>
      </c>
      <c r="L3306">
        <v>0</v>
      </c>
      <c r="M3306">
        <v>2808</v>
      </c>
      <c r="N3306">
        <v>0</v>
      </c>
      <c r="O3306">
        <v>0</v>
      </c>
      <c r="P3306">
        <v>18260</v>
      </c>
      <c r="Q3306">
        <v>0</v>
      </c>
      <c r="R3306">
        <v>49148</v>
      </c>
      <c r="S3306">
        <v>0</v>
      </c>
      <c r="T3306">
        <v>0</v>
      </c>
      <c r="U3306">
        <v>0</v>
      </c>
      <c r="V3306">
        <v>7</v>
      </c>
      <c r="W3306">
        <v>0</v>
      </c>
      <c r="X3306">
        <v>0</v>
      </c>
      <c r="Y3306">
        <v>81</v>
      </c>
      <c r="Z3306">
        <v>38</v>
      </c>
      <c r="AA3306">
        <v>107</v>
      </c>
      <c r="AB3306">
        <v>10</v>
      </c>
      <c r="AC3306">
        <v>65</v>
      </c>
      <c r="AD3306">
        <v>57</v>
      </c>
      <c r="AE3306">
        <v>184</v>
      </c>
      <c r="AF3306">
        <v>0</v>
      </c>
      <c r="AG3306">
        <v>182319</v>
      </c>
      <c r="AH3306">
        <v>50000</v>
      </c>
      <c r="AI3306">
        <v>110</v>
      </c>
      <c r="AJ3306">
        <v>100</v>
      </c>
      <c r="AK3306" t="s">
        <v>0</v>
      </c>
      <c r="AL3306">
        <v>0</v>
      </c>
      <c r="AM3306">
        <v>0</v>
      </c>
      <c r="AN3306">
        <v>0</v>
      </c>
      <c r="AO3306">
        <v>0</v>
      </c>
      <c r="AP3306">
        <v>0</v>
      </c>
      <c r="AQ3306">
        <v>0</v>
      </c>
      <c r="AR3306">
        <v>0</v>
      </c>
      <c r="AS3306">
        <v>0</v>
      </c>
      <c r="AT3306">
        <v>0</v>
      </c>
      <c r="AU3306">
        <v>0</v>
      </c>
      <c r="AV3306">
        <v>0</v>
      </c>
      <c r="AW3306">
        <v>0</v>
      </c>
      <c r="AX3306">
        <v>18480</v>
      </c>
      <c r="AY3306">
        <v>9</v>
      </c>
      <c r="AZ3306">
        <v>38</v>
      </c>
      <c r="BA3306">
        <v>1131</v>
      </c>
    </row>
    <row r="3307" spans="1:53" x14ac:dyDescent="0.4">
      <c r="A3307">
        <v>3351</v>
      </c>
      <c r="B3307" s="1">
        <v>43902</v>
      </c>
      <c r="C3307">
        <v>1</v>
      </c>
      <c r="D3307" s="1">
        <v>43902.291666666664</v>
      </c>
      <c r="E3307" s="1">
        <v>43902.453472222223</v>
      </c>
      <c r="F3307">
        <v>0</v>
      </c>
      <c r="G3307">
        <v>0</v>
      </c>
      <c r="H3307">
        <v>0</v>
      </c>
      <c r="I3307">
        <v>0</v>
      </c>
      <c r="J3307">
        <v>0</v>
      </c>
      <c r="K3307">
        <v>0</v>
      </c>
      <c r="L3307">
        <v>0</v>
      </c>
      <c r="M3307">
        <v>0</v>
      </c>
      <c r="N3307">
        <v>0</v>
      </c>
      <c r="O3307">
        <v>0</v>
      </c>
      <c r="P3307">
        <v>0</v>
      </c>
      <c r="Q3307">
        <v>0</v>
      </c>
      <c r="R3307">
        <v>0</v>
      </c>
      <c r="S3307">
        <v>0</v>
      </c>
      <c r="T3307">
        <v>0</v>
      </c>
      <c r="U3307">
        <v>0</v>
      </c>
      <c r="V3307">
        <v>0</v>
      </c>
      <c r="W3307">
        <v>0</v>
      </c>
      <c r="X3307">
        <v>0</v>
      </c>
      <c r="Y3307">
        <v>29</v>
      </c>
      <c r="Z3307">
        <v>17</v>
      </c>
      <c r="AA3307">
        <v>110</v>
      </c>
      <c r="AB3307">
        <v>10</v>
      </c>
      <c r="AC3307">
        <v>60</v>
      </c>
      <c r="AD3307">
        <v>54</v>
      </c>
      <c r="AE3307">
        <v>130</v>
      </c>
      <c r="AF3307">
        <v>0</v>
      </c>
      <c r="AG3307">
        <v>50000</v>
      </c>
      <c r="AH3307">
        <v>0</v>
      </c>
      <c r="AI3307">
        <v>50000</v>
      </c>
      <c r="AJ3307">
        <v>0</v>
      </c>
      <c r="AK3307" t="s">
        <v>6</v>
      </c>
      <c r="AL3307">
        <v>0</v>
      </c>
      <c r="AM3307">
        <v>0</v>
      </c>
      <c r="AN3307">
        <v>0</v>
      </c>
      <c r="AO3307">
        <v>0</v>
      </c>
      <c r="AP3307">
        <v>0</v>
      </c>
      <c r="AQ3307">
        <v>0</v>
      </c>
      <c r="AR3307">
        <v>0</v>
      </c>
      <c r="AS3307">
        <v>0</v>
      </c>
      <c r="AT3307">
        <v>0</v>
      </c>
      <c r="AU3307">
        <v>0</v>
      </c>
      <c r="AV3307">
        <v>0</v>
      </c>
      <c r="AW3307">
        <v>0</v>
      </c>
      <c r="AX3307">
        <v>0</v>
      </c>
      <c r="AY3307">
        <v>0</v>
      </c>
      <c r="AZ3307">
        <v>0</v>
      </c>
      <c r="BA3307">
        <v>0</v>
      </c>
    </row>
    <row r="3308" spans="1:53" x14ac:dyDescent="0.4">
      <c r="A3308">
        <v>3352</v>
      </c>
      <c r="B3308" s="1">
        <v>43902</v>
      </c>
      <c r="C3308">
        <v>2</v>
      </c>
      <c r="D3308" s="1">
        <v>43902.453472222223</v>
      </c>
      <c r="E3308" s="1">
        <v>43902.742361111108</v>
      </c>
      <c r="F3308">
        <v>39600</v>
      </c>
      <c r="G3308">
        <v>940</v>
      </c>
      <c r="H3308">
        <v>400</v>
      </c>
      <c r="I3308">
        <v>0</v>
      </c>
      <c r="J3308">
        <v>0</v>
      </c>
      <c r="K3308">
        <v>0</v>
      </c>
      <c r="L3308">
        <v>0</v>
      </c>
      <c r="M3308">
        <v>4094</v>
      </c>
      <c r="N3308">
        <v>0</v>
      </c>
      <c r="O3308">
        <v>0</v>
      </c>
      <c r="P3308">
        <v>18755</v>
      </c>
      <c r="Q3308">
        <v>0</v>
      </c>
      <c r="R3308">
        <v>63789</v>
      </c>
      <c r="S3308">
        <v>0</v>
      </c>
      <c r="T3308">
        <v>0</v>
      </c>
      <c r="U3308">
        <v>0</v>
      </c>
      <c r="V3308">
        <v>1</v>
      </c>
      <c r="W3308">
        <v>1</v>
      </c>
      <c r="X3308">
        <v>0</v>
      </c>
      <c r="Y3308">
        <v>62</v>
      </c>
      <c r="Z3308">
        <v>49</v>
      </c>
      <c r="AA3308">
        <v>106</v>
      </c>
      <c r="AB3308">
        <v>13</v>
      </c>
      <c r="AC3308">
        <v>49</v>
      </c>
      <c r="AD3308">
        <v>74</v>
      </c>
      <c r="AE3308">
        <v>179</v>
      </c>
      <c r="AF3308">
        <v>0</v>
      </c>
      <c r="AG3308">
        <v>113789</v>
      </c>
      <c r="AH3308">
        <v>50000</v>
      </c>
      <c r="AI3308">
        <v>0</v>
      </c>
      <c r="AJ3308">
        <v>96</v>
      </c>
      <c r="AK3308" t="s">
        <v>4</v>
      </c>
      <c r="AL3308">
        <v>0</v>
      </c>
      <c r="AM3308">
        <v>0</v>
      </c>
      <c r="AN3308">
        <v>0</v>
      </c>
      <c r="AO3308">
        <v>0</v>
      </c>
      <c r="AP3308">
        <v>0</v>
      </c>
      <c r="AQ3308">
        <v>0</v>
      </c>
      <c r="AR3308">
        <v>0</v>
      </c>
      <c r="AS3308">
        <v>0</v>
      </c>
      <c r="AT3308">
        <v>0</v>
      </c>
      <c r="AU3308">
        <v>0</v>
      </c>
      <c r="AV3308">
        <v>0</v>
      </c>
      <c r="AW3308">
        <v>0</v>
      </c>
      <c r="AX3308">
        <v>-1210</v>
      </c>
      <c r="AY3308">
        <v>45</v>
      </c>
      <c r="AZ3308">
        <v>98</v>
      </c>
      <c r="BA3308">
        <v>6886</v>
      </c>
    </row>
    <row r="3309" spans="1:53" x14ac:dyDescent="0.4">
      <c r="A3309">
        <v>3353</v>
      </c>
      <c r="B3309" s="1">
        <v>43902</v>
      </c>
      <c r="C3309">
        <v>3</v>
      </c>
      <c r="D3309" s="1">
        <v>43902.742361111108</v>
      </c>
      <c r="E3309" s="1">
        <v>43902.95</v>
      </c>
      <c r="F3309">
        <v>24875</v>
      </c>
      <c r="G3309">
        <v>280</v>
      </c>
      <c r="H3309">
        <v>0</v>
      </c>
      <c r="I3309">
        <v>0</v>
      </c>
      <c r="J3309">
        <v>0</v>
      </c>
      <c r="K3309">
        <v>0</v>
      </c>
      <c r="L3309">
        <v>0</v>
      </c>
      <c r="M3309">
        <v>2515</v>
      </c>
      <c r="N3309">
        <v>0</v>
      </c>
      <c r="O3309">
        <v>0</v>
      </c>
      <c r="P3309">
        <v>-9295</v>
      </c>
      <c r="Q3309">
        <v>0</v>
      </c>
      <c r="R3309">
        <v>18375</v>
      </c>
      <c r="S3309">
        <v>0</v>
      </c>
      <c r="T3309">
        <v>0</v>
      </c>
      <c r="U3309">
        <v>0</v>
      </c>
      <c r="V3309">
        <v>4</v>
      </c>
      <c r="W3309">
        <v>0</v>
      </c>
      <c r="X3309">
        <v>0</v>
      </c>
      <c r="Y3309">
        <v>55</v>
      </c>
      <c r="Z3309">
        <v>46</v>
      </c>
      <c r="AA3309">
        <v>92</v>
      </c>
      <c r="AB3309">
        <v>12</v>
      </c>
      <c r="AC3309">
        <v>49</v>
      </c>
      <c r="AD3309">
        <v>73</v>
      </c>
      <c r="AE3309">
        <v>176</v>
      </c>
      <c r="AF3309">
        <v>3333</v>
      </c>
      <c r="AG3309">
        <v>132164</v>
      </c>
      <c r="AH3309">
        <v>50000</v>
      </c>
      <c r="AI3309">
        <v>0</v>
      </c>
      <c r="AJ3309">
        <v>108</v>
      </c>
      <c r="AK3309" t="s">
        <v>30</v>
      </c>
      <c r="AL3309">
        <v>0</v>
      </c>
      <c r="AM3309">
        <v>0</v>
      </c>
      <c r="AN3309">
        <v>0</v>
      </c>
      <c r="AO3309">
        <v>0</v>
      </c>
      <c r="AP3309">
        <v>0</v>
      </c>
      <c r="AQ3309">
        <v>0</v>
      </c>
      <c r="AR3309">
        <v>0</v>
      </c>
      <c r="AS3309">
        <v>0</v>
      </c>
      <c r="AT3309">
        <v>0</v>
      </c>
      <c r="AU3309">
        <v>0</v>
      </c>
      <c r="AV3309">
        <v>0</v>
      </c>
      <c r="AW3309">
        <v>0</v>
      </c>
      <c r="AX3309">
        <v>-2530</v>
      </c>
      <c r="AY3309">
        <v>10</v>
      </c>
      <c r="AZ3309">
        <v>17</v>
      </c>
      <c r="BA3309">
        <v>2171</v>
      </c>
    </row>
    <row r="3310" spans="1:53" x14ac:dyDescent="0.4">
      <c r="A3310">
        <v>3354</v>
      </c>
      <c r="B3310" s="1">
        <v>43903</v>
      </c>
      <c r="C3310">
        <v>1</v>
      </c>
      <c r="D3310" s="1">
        <v>43903.291666666664</v>
      </c>
      <c r="E3310" s="1">
        <v>43903.451388888891</v>
      </c>
      <c r="F3310">
        <v>0</v>
      </c>
      <c r="G3310">
        <v>0</v>
      </c>
      <c r="H3310">
        <v>0</v>
      </c>
      <c r="I3310">
        <v>0</v>
      </c>
      <c r="J3310">
        <v>0</v>
      </c>
      <c r="K3310">
        <v>0</v>
      </c>
      <c r="L3310">
        <v>0</v>
      </c>
      <c r="M3310">
        <v>0</v>
      </c>
      <c r="N3310">
        <v>0</v>
      </c>
      <c r="O3310">
        <v>0</v>
      </c>
      <c r="P3310">
        <v>0</v>
      </c>
      <c r="Q3310">
        <v>0</v>
      </c>
      <c r="R3310">
        <v>0</v>
      </c>
      <c r="S3310">
        <v>0</v>
      </c>
      <c r="T3310">
        <v>0</v>
      </c>
      <c r="U3310">
        <v>0</v>
      </c>
      <c r="V3310">
        <v>0</v>
      </c>
      <c r="W3310">
        <v>0</v>
      </c>
      <c r="X3310">
        <v>0</v>
      </c>
      <c r="Y3310">
        <v>30</v>
      </c>
      <c r="Z3310">
        <v>18</v>
      </c>
      <c r="AA3310">
        <v>92</v>
      </c>
      <c r="AB3310">
        <v>15</v>
      </c>
      <c r="AC3310">
        <v>55</v>
      </c>
      <c r="AD3310">
        <v>74</v>
      </c>
      <c r="AE3310">
        <v>130</v>
      </c>
      <c r="AF3310">
        <v>0</v>
      </c>
      <c r="AG3310">
        <v>50000</v>
      </c>
      <c r="AH3310">
        <v>50000</v>
      </c>
      <c r="AI3310">
        <v>0</v>
      </c>
      <c r="AJ3310">
        <v>0</v>
      </c>
      <c r="AK3310" t="s">
        <v>6</v>
      </c>
      <c r="AL3310">
        <v>0</v>
      </c>
      <c r="AM3310">
        <v>0</v>
      </c>
      <c r="AN3310">
        <v>0</v>
      </c>
      <c r="AO3310">
        <v>0</v>
      </c>
      <c r="AP3310">
        <v>0</v>
      </c>
      <c r="AQ3310">
        <v>0</v>
      </c>
      <c r="AR3310">
        <v>0</v>
      </c>
      <c r="AS3310">
        <v>0</v>
      </c>
      <c r="AT3310">
        <v>0</v>
      </c>
      <c r="AU3310">
        <v>0</v>
      </c>
      <c r="AV3310">
        <v>0</v>
      </c>
      <c r="AW3310">
        <v>0</v>
      </c>
      <c r="AX3310">
        <v>0</v>
      </c>
      <c r="AY3310">
        <v>0</v>
      </c>
      <c r="AZ3310">
        <v>0</v>
      </c>
      <c r="BA3310">
        <v>0</v>
      </c>
    </row>
    <row r="3311" spans="1:53" x14ac:dyDescent="0.4">
      <c r="A3311">
        <v>3355</v>
      </c>
      <c r="B3311" s="1">
        <v>43903</v>
      </c>
      <c r="C3311">
        <v>2</v>
      </c>
      <c r="D3311" s="1">
        <v>43903.451388888891</v>
      </c>
      <c r="E3311" s="1">
        <v>43903.742361111108</v>
      </c>
      <c r="F3311">
        <v>41800</v>
      </c>
      <c r="G3311">
        <v>800</v>
      </c>
      <c r="H3311">
        <v>200</v>
      </c>
      <c r="I3311">
        <v>0</v>
      </c>
      <c r="J3311">
        <v>0</v>
      </c>
      <c r="K3311">
        <v>0</v>
      </c>
      <c r="L3311">
        <v>0</v>
      </c>
      <c r="M3311">
        <v>4280</v>
      </c>
      <c r="N3311">
        <v>0</v>
      </c>
      <c r="O3311">
        <v>0</v>
      </c>
      <c r="P3311">
        <v>13310</v>
      </c>
      <c r="Q3311">
        <v>0</v>
      </c>
      <c r="R3311">
        <v>60390</v>
      </c>
      <c r="S3311">
        <v>0</v>
      </c>
      <c r="T3311">
        <v>0</v>
      </c>
      <c r="U3311">
        <v>0</v>
      </c>
      <c r="V3311">
        <v>3</v>
      </c>
      <c r="W3311">
        <v>0</v>
      </c>
      <c r="X3311">
        <v>0</v>
      </c>
      <c r="Y3311">
        <v>47</v>
      </c>
      <c r="Z3311">
        <v>37</v>
      </c>
      <c r="AA3311">
        <v>101</v>
      </c>
      <c r="AB3311">
        <v>15</v>
      </c>
      <c r="AC3311">
        <v>13</v>
      </c>
      <c r="AD3311">
        <v>80</v>
      </c>
      <c r="AE3311">
        <v>165</v>
      </c>
      <c r="AF3311">
        <v>3345</v>
      </c>
      <c r="AG3311">
        <v>110390</v>
      </c>
      <c r="AH3311">
        <v>50000</v>
      </c>
      <c r="AI3311">
        <v>0</v>
      </c>
      <c r="AJ3311">
        <v>97</v>
      </c>
      <c r="AK3311" t="s">
        <v>33</v>
      </c>
      <c r="AL3311">
        <v>0</v>
      </c>
      <c r="AM3311">
        <v>0</v>
      </c>
      <c r="AN3311">
        <v>0</v>
      </c>
      <c r="AO3311">
        <v>0</v>
      </c>
      <c r="AP3311">
        <v>0</v>
      </c>
      <c r="AQ3311">
        <v>0</v>
      </c>
      <c r="AR3311">
        <v>0</v>
      </c>
      <c r="AS3311">
        <v>0</v>
      </c>
      <c r="AT3311">
        <v>0</v>
      </c>
      <c r="AU3311">
        <v>0</v>
      </c>
      <c r="AV3311">
        <v>0</v>
      </c>
      <c r="AW3311">
        <v>0</v>
      </c>
      <c r="AX3311">
        <v>649</v>
      </c>
      <c r="AY3311">
        <v>40</v>
      </c>
      <c r="AZ3311">
        <v>89</v>
      </c>
      <c r="BA3311">
        <v>6880</v>
      </c>
    </row>
    <row r="3312" spans="1:53" x14ac:dyDescent="0.4">
      <c r="A3312">
        <v>3356</v>
      </c>
      <c r="B3312" s="1">
        <v>43903</v>
      </c>
      <c r="C3312">
        <v>3</v>
      </c>
      <c r="D3312" s="1">
        <v>43903.742361111108</v>
      </c>
      <c r="E3312" s="1">
        <v>43903.959027777775</v>
      </c>
      <c r="F3312">
        <v>34100</v>
      </c>
      <c r="G3312">
        <v>540</v>
      </c>
      <c r="H3312">
        <v>0</v>
      </c>
      <c r="I3312">
        <v>0</v>
      </c>
      <c r="J3312">
        <v>0</v>
      </c>
      <c r="K3312">
        <v>600</v>
      </c>
      <c r="L3312">
        <v>0</v>
      </c>
      <c r="M3312">
        <v>3524</v>
      </c>
      <c r="N3312">
        <v>0</v>
      </c>
      <c r="O3312">
        <v>0</v>
      </c>
      <c r="P3312">
        <v>25410</v>
      </c>
      <c r="Q3312">
        <v>0</v>
      </c>
      <c r="R3312">
        <v>64174</v>
      </c>
      <c r="S3312">
        <v>0</v>
      </c>
      <c r="T3312">
        <v>0</v>
      </c>
      <c r="U3312">
        <v>0</v>
      </c>
      <c r="V3312">
        <v>5</v>
      </c>
      <c r="W3312">
        <v>2</v>
      </c>
      <c r="X3312">
        <v>0</v>
      </c>
      <c r="Y3312">
        <v>82</v>
      </c>
      <c r="Z3312">
        <v>35</v>
      </c>
      <c r="AA3312">
        <v>102</v>
      </c>
      <c r="AB3312">
        <v>15</v>
      </c>
      <c r="AC3312">
        <v>20</v>
      </c>
      <c r="AD3312">
        <v>80</v>
      </c>
      <c r="AE3312">
        <v>169</v>
      </c>
      <c r="AF3312">
        <v>3345</v>
      </c>
      <c r="AG3312">
        <v>174564</v>
      </c>
      <c r="AH3312">
        <v>50000</v>
      </c>
      <c r="AI3312">
        <v>0</v>
      </c>
      <c r="AJ3312">
        <v>100</v>
      </c>
      <c r="AK3312" t="s">
        <v>0</v>
      </c>
      <c r="AL3312">
        <v>0</v>
      </c>
      <c r="AM3312">
        <v>0</v>
      </c>
      <c r="AN3312">
        <v>0</v>
      </c>
      <c r="AO3312">
        <v>0</v>
      </c>
      <c r="AP3312">
        <v>0</v>
      </c>
      <c r="AQ3312">
        <v>0</v>
      </c>
      <c r="AR3312">
        <v>0</v>
      </c>
      <c r="AS3312">
        <v>0</v>
      </c>
      <c r="AT3312">
        <v>0</v>
      </c>
      <c r="AU3312">
        <v>0</v>
      </c>
      <c r="AV3312">
        <v>0</v>
      </c>
      <c r="AW3312">
        <v>0</v>
      </c>
      <c r="AX3312">
        <v>17203</v>
      </c>
      <c r="AY3312">
        <v>24</v>
      </c>
      <c r="AZ3312">
        <v>65</v>
      </c>
      <c r="BA3312">
        <v>2725</v>
      </c>
    </row>
    <row r="3313" spans="1:53" x14ac:dyDescent="0.4">
      <c r="A3313">
        <v>3357</v>
      </c>
      <c r="B3313" s="1">
        <v>43903</v>
      </c>
      <c r="C3313">
        <v>4</v>
      </c>
      <c r="D3313" s="1">
        <v>43903.959027777775</v>
      </c>
      <c r="E3313" s="1">
        <v>43904.085416666669</v>
      </c>
      <c r="F3313">
        <v>56650</v>
      </c>
      <c r="G3313">
        <v>7600</v>
      </c>
      <c r="H3313">
        <v>0</v>
      </c>
      <c r="I3313">
        <v>0</v>
      </c>
      <c r="J3313">
        <v>0</v>
      </c>
      <c r="K3313">
        <v>0</v>
      </c>
      <c r="L3313">
        <v>0</v>
      </c>
      <c r="M3313">
        <v>6425</v>
      </c>
      <c r="N3313">
        <v>0</v>
      </c>
      <c r="O3313">
        <v>0</v>
      </c>
      <c r="P3313">
        <v>28050</v>
      </c>
      <c r="Q3313">
        <v>0</v>
      </c>
      <c r="R3313">
        <v>98725</v>
      </c>
      <c r="S3313">
        <v>0</v>
      </c>
      <c r="T3313">
        <v>0</v>
      </c>
      <c r="U3313">
        <v>0</v>
      </c>
      <c r="V3313">
        <v>8</v>
      </c>
      <c r="W3313">
        <v>6</v>
      </c>
      <c r="X3313">
        <v>0</v>
      </c>
      <c r="Y3313">
        <v>112</v>
      </c>
      <c r="Z3313">
        <v>34</v>
      </c>
      <c r="AA3313">
        <v>77</v>
      </c>
      <c r="AB3313">
        <v>10</v>
      </c>
      <c r="AC3313">
        <v>14</v>
      </c>
      <c r="AD3313">
        <v>80</v>
      </c>
      <c r="AE3313">
        <v>171</v>
      </c>
      <c r="AF3313">
        <v>25378</v>
      </c>
      <c r="AG3313">
        <v>273289</v>
      </c>
      <c r="AH3313">
        <v>50000</v>
      </c>
      <c r="AI3313">
        <v>0</v>
      </c>
      <c r="AJ3313">
        <v>100</v>
      </c>
      <c r="AK3313" t="s">
        <v>0</v>
      </c>
      <c r="AL3313">
        <v>0</v>
      </c>
      <c r="AM3313">
        <v>0</v>
      </c>
      <c r="AN3313">
        <v>0</v>
      </c>
      <c r="AO3313">
        <v>0</v>
      </c>
      <c r="AP3313">
        <v>0</v>
      </c>
      <c r="AQ3313">
        <v>0</v>
      </c>
      <c r="AR3313">
        <v>0</v>
      </c>
      <c r="AS3313">
        <v>0</v>
      </c>
      <c r="AT3313">
        <v>0</v>
      </c>
      <c r="AU3313">
        <v>0</v>
      </c>
      <c r="AV3313">
        <v>0</v>
      </c>
      <c r="AW3313">
        <v>0</v>
      </c>
      <c r="AX3313">
        <v>31647</v>
      </c>
      <c r="AY3313">
        <v>7</v>
      </c>
      <c r="AZ3313">
        <v>25</v>
      </c>
      <c r="BA3313">
        <v>2094</v>
      </c>
    </row>
    <row r="3314" spans="1:53" x14ac:dyDescent="0.4">
      <c r="A3314">
        <v>3358</v>
      </c>
      <c r="B3314" s="1">
        <v>43903</v>
      </c>
      <c r="C3314">
        <v>5</v>
      </c>
      <c r="D3314" s="1">
        <v>43904.085416666669</v>
      </c>
      <c r="E3314" s="1">
        <v>43904.273611111108</v>
      </c>
      <c r="F3314">
        <v>76300</v>
      </c>
      <c r="G3314">
        <v>5520</v>
      </c>
      <c r="H3314">
        <v>400</v>
      </c>
      <c r="I3314">
        <v>0</v>
      </c>
      <c r="J3314">
        <v>0</v>
      </c>
      <c r="K3314">
        <v>23400</v>
      </c>
      <c r="L3314">
        <v>0</v>
      </c>
      <c r="M3314">
        <v>10562</v>
      </c>
      <c r="N3314">
        <v>0</v>
      </c>
      <c r="O3314">
        <v>0</v>
      </c>
      <c r="P3314">
        <v>-66770</v>
      </c>
      <c r="Q3314">
        <v>0</v>
      </c>
      <c r="R3314">
        <v>49412</v>
      </c>
      <c r="S3314">
        <v>0</v>
      </c>
      <c r="T3314">
        <v>0</v>
      </c>
      <c r="U3314">
        <v>0</v>
      </c>
      <c r="V3314">
        <v>0</v>
      </c>
      <c r="W3314">
        <v>0</v>
      </c>
      <c r="X3314">
        <v>0</v>
      </c>
      <c r="Y3314">
        <v>30</v>
      </c>
      <c r="Z3314">
        <v>18</v>
      </c>
      <c r="AA3314">
        <v>96</v>
      </c>
      <c r="AB3314">
        <v>13</v>
      </c>
      <c r="AC3314">
        <v>22</v>
      </c>
      <c r="AD3314">
        <v>73</v>
      </c>
      <c r="AE3314">
        <v>165</v>
      </c>
      <c r="AF3314">
        <v>0</v>
      </c>
      <c r="AG3314">
        <v>50000</v>
      </c>
      <c r="AH3314">
        <v>0</v>
      </c>
      <c r="AI3314">
        <v>-222701</v>
      </c>
      <c r="AJ3314">
        <v>108</v>
      </c>
      <c r="AK3314" t="s">
        <v>30</v>
      </c>
      <c r="AL3314">
        <v>0</v>
      </c>
      <c r="AM3314">
        <v>0</v>
      </c>
      <c r="AN3314">
        <v>0</v>
      </c>
      <c r="AO3314">
        <v>0</v>
      </c>
      <c r="AP3314">
        <v>0</v>
      </c>
      <c r="AQ3314">
        <v>0</v>
      </c>
      <c r="AR3314">
        <v>0</v>
      </c>
      <c r="AS3314">
        <v>0</v>
      </c>
      <c r="AT3314">
        <v>0</v>
      </c>
      <c r="AU3314">
        <v>0</v>
      </c>
      <c r="AV3314">
        <v>0</v>
      </c>
      <c r="AW3314">
        <v>0</v>
      </c>
      <c r="AX3314">
        <v>0</v>
      </c>
      <c r="AY3314">
        <v>3</v>
      </c>
      <c r="AZ3314">
        <v>8</v>
      </c>
      <c r="BA3314">
        <v>1957</v>
      </c>
    </row>
    <row r="3315" spans="1:53" x14ac:dyDescent="0.4">
      <c r="A3315">
        <v>3359</v>
      </c>
      <c r="B3315" s="1">
        <v>43904</v>
      </c>
      <c r="C3315">
        <v>1</v>
      </c>
      <c r="D3315" s="1">
        <v>43904.291666666664</v>
      </c>
      <c r="E3315" s="1">
        <v>43904.409722222219</v>
      </c>
      <c r="F3315">
        <v>0</v>
      </c>
      <c r="G3315">
        <v>0</v>
      </c>
      <c r="H3315">
        <v>0</v>
      </c>
      <c r="I3315">
        <v>0</v>
      </c>
      <c r="J3315">
        <v>0</v>
      </c>
      <c r="K3315">
        <v>0</v>
      </c>
      <c r="L3315">
        <v>0</v>
      </c>
      <c r="M3315">
        <v>0</v>
      </c>
      <c r="N3315">
        <v>0</v>
      </c>
      <c r="O3315">
        <v>0</v>
      </c>
      <c r="P3315">
        <v>0</v>
      </c>
      <c r="Q3315">
        <v>0</v>
      </c>
      <c r="R3315">
        <v>0</v>
      </c>
      <c r="S3315">
        <v>0</v>
      </c>
      <c r="T3315">
        <v>0</v>
      </c>
      <c r="U3315">
        <v>0</v>
      </c>
      <c r="V3315">
        <v>0</v>
      </c>
      <c r="W3315">
        <v>0</v>
      </c>
      <c r="X3315">
        <v>0</v>
      </c>
      <c r="Y3315">
        <v>30</v>
      </c>
      <c r="Z3315">
        <v>18</v>
      </c>
      <c r="AA3315">
        <v>96</v>
      </c>
      <c r="AB3315">
        <v>13</v>
      </c>
      <c r="AC3315">
        <v>22</v>
      </c>
      <c r="AD3315">
        <v>73</v>
      </c>
      <c r="AE3315">
        <v>165</v>
      </c>
      <c r="AF3315">
        <v>0</v>
      </c>
      <c r="AG3315">
        <v>50000</v>
      </c>
      <c r="AH3315">
        <v>50000</v>
      </c>
      <c r="AI3315">
        <v>0</v>
      </c>
      <c r="AJ3315">
        <v>0</v>
      </c>
      <c r="AK3315" t="s">
        <v>6</v>
      </c>
      <c r="AL3315">
        <v>0</v>
      </c>
      <c r="AM3315">
        <v>0</v>
      </c>
      <c r="AN3315">
        <v>0</v>
      </c>
      <c r="AO3315">
        <v>0</v>
      </c>
      <c r="AP3315">
        <v>0</v>
      </c>
      <c r="AQ3315">
        <v>0</v>
      </c>
      <c r="AR3315">
        <v>0</v>
      </c>
      <c r="AS3315">
        <v>0</v>
      </c>
      <c r="AT3315">
        <v>0</v>
      </c>
      <c r="AU3315">
        <v>0</v>
      </c>
      <c r="AV3315">
        <v>0</v>
      </c>
      <c r="AW3315">
        <v>0</v>
      </c>
      <c r="AX3315">
        <v>0</v>
      </c>
      <c r="AY3315">
        <v>0</v>
      </c>
      <c r="AZ3315">
        <v>0</v>
      </c>
      <c r="BA3315">
        <v>0</v>
      </c>
    </row>
    <row r="3316" spans="1:53" x14ac:dyDescent="0.4">
      <c r="A3316">
        <v>3360</v>
      </c>
      <c r="B3316" s="1">
        <v>43904</v>
      </c>
      <c r="C3316">
        <v>2</v>
      </c>
      <c r="D3316" s="1">
        <v>43904.409722222219</v>
      </c>
      <c r="E3316" s="1">
        <v>43904.738194444442</v>
      </c>
      <c r="F3316">
        <v>35750</v>
      </c>
      <c r="G3316">
        <v>4800</v>
      </c>
      <c r="H3316">
        <v>200</v>
      </c>
      <c r="I3316">
        <v>0</v>
      </c>
      <c r="J3316">
        <v>100</v>
      </c>
      <c r="K3316">
        <v>0</v>
      </c>
      <c r="L3316">
        <v>0</v>
      </c>
      <c r="M3316">
        <v>4065</v>
      </c>
      <c r="N3316">
        <v>0</v>
      </c>
      <c r="O3316">
        <v>0</v>
      </c>
      <c r="P3316">
        <v>15125</v>
      </c>
      <c r="Q3316">
        <v>0</v>
      </c>
      <c r="R3316">
        <v>59840</v>
      </c>
      <c r="S3316">
        <v>0</v>
      </c>
      <c r="T3316">
        <v>0</v>
      </c>
      <c r="U3316">
        <v>0</v>
      </c>
      <c r="V3316">
        <v>2</v>
      </c>
      <c r="W3316">
        <v>2</v>
      </c>
      <c r="X3316">
        <v>0</v>
      </c>
      <c r="Y3316">
        <v>50</v>
      </c>
      <c r="Z3316">
        <v>35</v>
      </c>
      <c r="AA3316">
        <v>101</v>
      </c>
      <c r="AB3316">
        <v>9</v>
      </c>
      <c r="AC3316">
        <v>1</v>
      </c>
      <c r="AD3316">
        <v>75</v>
      </c>
      <c r="AE3316">
        <v>195</v>
      </c>
      <c r="AF3316">
        <v>1210</v>
      </c>
      <c r="AG3316">
        <v>109840</v>
      </c>
      <c r="AH3316">
        <v>50000</v>
      </c>
      <c r="AI3316">
        <v>0</v>
      </c>
      <c r="AJ3316">
        <v>93</v>
      </c>
      <c r="AK3316" t="s">
        <v>20</v>
      </c>
      <c r="AL3316">
        <v>0</v>
      </c>
      <c r="AM3316">
        <v>0</v>
      </c>
      <c r="AN3316">
        <v>0</v>
      </c>
      <c r="AO3316">
        <v>0</v>
      </c>
      <c r="AP3316">
        <v>0</v>
      </c>
      <c r="AQ3316">
        <v>0</v>
      </c>
      <c r="AR3316">
        <v>0</v>
      </c>
      <c r="AS3316">
        <v>0</v>
      </c>
      <c r="AT3316">
        <v>0</v>
      </c>
      <c r="AU3316">
        <v>0</v>
      </c>
      <c r="AV3316">
        <v>0</v>
      </c>
      <c r="AW3316">
        <v>0</v>
      </c>
      <c r="AX3316">
        <v>-1210</v>
      </c>
      <c r="AY3316">
        <v>44</v>
      </c>
      <c r="AZ3316">
        <v>84</v>
      </c>
      <c r="BA3316">
        <v>6764</v>
      </c>
    </row>
    <row r="3317" spans="1:53" x14ac:dyDescent="0.4">
      <c r="A3317">
        <v>3361</v>
      </c>
      <c r="B3317" s="1">
        <v>43904</v>
      </c>
      <c r="C3317">
        <v>3</v>
      </c>
      <c r="D3317" s="1">
        <v>43904.738194444442</v>
      </c>
      <c r="E3317" s="1">
        <v>43904.962500000001</v>
      </c>
      <c r="F3317">
        <v>75700</v>
      </c>
      <c r="G3317">
        <v>730</v>
      </c>
      <c r="H3317">
        <v>0</v>
      </c>
      <c r="I3317">
        <v>0</v>
      </c>
      <c r="J3317">
        <v>500</v>
      </c>
      <c r="K3317">
        <v>0</v>
      </c>
      <c r="L3317">
        <v>0</v>
      </c>
      <c r="M3317">
        <v>7593</v>
      </c>
      <c r="N3317">
        <v>0</v>
      </c>
      <c r="O3317">
        <v>0</v>
      </c>
      <c r="P3317">
        <v>-15125</v>
      </c>
      <c r="Q3317">
        <v>0</v>
      </c>
      <c r="R3317">
        <v>68398</v>
      </c>
      <c r="S3317">
        <v>0</v>
      </c>
      <c r="T3317">
        <v>0</v>
      </c>
      <c r="U3317">
        <v>0</v>
      </c>
      <c r="V3317">
        <v>5</v>
      </c>
      <c r="W3317">
        <v>6</v>
      </c>
      <c r="X3317">
        <v>0</v>
      </c>
      <c r="Y3317">
        <v>66</v>
      </c>
      <c r="Z3317">
        <v>33</v>
      </c>
      <c r="AA3317">
        <v>118</v>
      </c>
      <c r="AB3317">
        <v>13</v>
      </c>
      <c r="AC3317">
        <v>43</v>
      </c>
      <c r="AD3317">
        <v>75</v>
      </c>
      <c r="AE3317">
        <v>203</v>
      </c>
      <c r="AF3317">
        <v>2230</v>
      </c>
      <c r="AG3317">
        <v>178188</v>
      </c>
      <c r="AH3317">
        <v>50000</v>
      </c>
      <c r="AI3317">
        <v>-50</v>
      </c>
      <c r="AJ3317">
        <v>108</v>
      </c>
      <c r="AK3317" t="s">
        <v>30</v>
      </c>
      <c r="AL3317">
        <v>0</v>
      </c>
      <c r="AM3317">
        <v>0</v>
      </c>
      <c r="AN3317">
        <v>0</v>
      </c>
      <c r="AO3317">
        <v>0</v>
      </c>
      <c r="AP3317">
        <v>0</v>
      </c>
      <c r="AQ3317">
        <v>0</v>
      </c>
      <c r="AR3317">
        <v>0</v>
      </c>
      <c r="AS3317">
        <v>0</v>
      </c>
      <c r="AT3317">
        <v>0</v>
      </c>
      <c r="AU3317">
        <v>0</v>
      </c>
      <c r="AV3317">
        <v>0</v>
      </c>
      <c r="AW3317">
        <v>0</v>
      </c>
      <c r="AX3317">
        <v>42169</v>
      </c>
      <c r="AY3317">
        <v>23</v>
      </c>
      <c r="AZ3317">
        <v>65</v>
      </c>
      <c r="BA3317">
        <v>3339</v>
      </c>
    </row>
    <row r="3318" spans="1:53" x14ac:dyDescent="0.4">
      <c r="A3318">
        <v>3362</v>
      </c>
      <c r="B3318" s="1">
        <v>43904</v>
      </c>
      <c r="C3318">
        <v>4</v>
      </c>
      <c r="D3318" s="1">
        <v>43904.962500000001</v>
      </c>
      <c r="E3318" s="1">
        <v>43905.074305555558</v>
      </c>
      <c r="F3318">
        <v>54900</v>
      </c>
      <c r="G3318">
        <v>680</v>
      </c>
      <c r="H3318">
        <v>200</v>
      </c>
      <c r="I3318">
        <v>0</v>
      </c>
      <c r="J3318">
        <v>0</v>
      </c>
      <c r="K3318">
        <v>100</v>
      </c>
      <c r="L3318">
        <v>0</v>
      </c>
      <c r="M3318">
        <v>5588</v>
      </c>
      <c r="N3318">
        <v>0</v>
      </c>
      <c r="O3318">
        <v>0</v>
      </c>
      <c r="P3318">
        <v>53350</v>
      </c>
      <c r="Q3318">
        <v>0</v>
      </c>
      <c r="R3318">
        <v>114818</v>
      </c>
      <c r="S3318">
        <v>0</v>
      </c>
      <c r="T3318">
        <v>0</v>
      </c>
      <c r="U3318">
        <v>0</v>
      </c>
      <c r="V3318">
        <v>12</v>
      </c>
      <c r="W3318">
        <v>6</v>
      </c>
      <c r="X3318">
        <v>0</v>
      </c>
      <c r="Y3318">
        <v>90</v>
      </c>
      <c r="Z3318">
        <v>34</v>
      </c>
      <c r="AA3318">
        <v>110</v>
      </c>
      <c r="AB3318">
        <v>19</v>
      </c>
      <c r="AC3318">
        <v>61</v>
      </c>
      <c r="AD3318">
        <v>76</v>
      </c>
      <c r="AE3318">
        <v>206</v>
      </c>
      <c r="AF3318">
        <v>22910</v>
      </c>
      <c r="AG3318">
        <v>293056</v>
      </c>
      <c r="AH3318">
        <v>50000</v>
      </c>
      <c r="AI3318">
        <v>0</v>
      </c>
      <c r="AJ3318">
        <v>108</v>
      </c>
      <c r="AK3318" t="s">
        <v>30</v>
      </c>
      <c r="AL3318">
        <v>0</v>
      </c>
      <c r="AM3318">
        <v>0</v>
      </c>
      <c r="AN3318">
        <v>0</v>
      </c>
      <c r="AO3318">
        <v>0</v>
      </c>
      <c r="AP3318">
        <v>0</v>
      </c>
      <c r="AQ3318">
        <v>0</v>
      </c>
      <c r="AR3318">
        <v>0</v>
      </c>
      <c r="AS3318">
        <v>0</v>
      </c>
      <c r="AT3318">
        <v>0</v>
      </c>
      <c r="AU3318">
        <v>0</v>
      </c>
      <c r="AV3318">
        <v>0</v>
      </c>
      <c r="AW3318">
        <v>0</v>
      </c>
      <c r="AX3318">
        <v>18227</v>
      </c>
      <c r="AY3318">
        <v>9</v>
      </c>
      <c r="AZ3318">
        <v>32</v>
      </c>
      <c r="BA3318">
        <v>1502</v>
      </c>
    </row>
    <row r="3319" spans="1:53" x14ac:dyDescent="0.4">
      <c r="A3319">
        <v>3363</v>
      </c>
      <c r="B3319" s="1">
        <v>43904</v>
      </c>
      <c r="C3319">
        <v>5</v>
      </c>
      <c r="D3319" s="1">
        <v>43905.074305555558</v>
      </c>
      <c r="E3319" s="1">
        <v>43905.265277777777</v>
      </c>
      <c r="F3319">
        <v>61100</v>
      </c>
      <c r="G3319">
        <v>2020</v>
      </c>
      <c r="H3319">
        <v>0</v>
      </c>
      <c r="I3319">
        <v>0</v>
      </c>
      <c r="J3319">
        <v>550</v>
      </c>
      <c r="K3319">
        <v>3300</v>
      </c>
      <c r="L3319">
        <v>0</v>
      </c>
      <c r="M3319">
        <v>6587</v>
      </c>
      <c r="N3319">
        <v>0</v>
      </c>
      <c r="O3319">
        <v>0</v>
      </c>
      <c r="P3319">
        <v>-53350</v>
      </c>
      <c r="Q3319">
        <v>0</v>
      </c>
      <c r="R3319">
        <v>19107</v>
      </c>
      <c r="S3319">
        <v>0</v>
      </c>
      <c r="T3319">
        <v>0</v>
      </c>
      <c r="U3319">
        <v>0</v>
      </c>
      <c r="V3319">
        <v>0</v>
      </c>
      <c r="W3319">
        <v>0</v>
      </c>
      <c r="X3319">
        <v>0</v>
      </c>
      <c r="Y3319">
        <v>30</v>
      </c>
      <c r="Z3319">
        <v>15</v>
      </c>
      <c r="AA3319">
        <v>105</v>
      </c>
      <c r="AB3319">
        <v>18</v>
      </c>
      <c r="AC3319">
        <v>62</v>
      </c>
      <c r="AD3319">
        <v>75</v>
      </c>
      <c r="AE3319">
        <v>105</v>
      </c>
      <c r="AF3319">
        <v>0</v>
      </c>
      <c r="AG3319">
        <v>50000</v>
      </c>
      <c r="AH3319">
        <v>0</v>
      </c>
      <c r="AI3319">
        <v>-212163</v>
      </c>
      <c r="AJ3319">
        <v>108</v>
      </c>
      <c r="AK3319" t="s">
        <v>30</v>
      </c>
      <c r="AL3319">
        <v>0</v>
      </c>
      <c r="AM3319">
        <v>0</v>
      </c>
      <c r="AN3319">
        <v>0</v>
      </c>
      <c r="AO3319">
        <v>0</v>
      </c>
      <c r="AP3319">
        <v>0</v>
      </c>
      <c r="AQ3319">
        <v>0</v>
      </c>
      <c r="AR3319">
        <v>0</v>
      </c>
      <c r="AS3319">
        <v>0</v>
      </c>
      <c r="AT3319">
        <v>0</v>
      </c>
      <c r="AU3319">
        <v>0</v>
      </c>
      <c r="AV3319">
        <v>0</v>
      </c>
      <c r="AW3319">
        <v>0</v>
      </c>
      <c r="AX3319">
        <v>0</v>
      </c>
      <c r="AY3319">
        <v>0</v>
      </c>
      <c r="AZ3319">
        <v>0</v>
      </c>
      <c r="BA3319">
        <v>1379</v>
      </c>
    </row>
    <row r="3320" spans="1:53" x14ac:dyDescent="0.4">
      <c r="A3320">
        <v>3364</v>
      </c>
      <c r="B3320" s="1">
        <v>43905</v>
      </c>
      <c r="C3320">
        <v>1</v>
      </c>
      <c r="D3320" s="1">
        <v>43905.291666666664</v>
      </c>
      <c r="E3320" s="1">
        <v>43905.413194444445</v>
      </c>
      <c r="F3320">
        <v>0</v>
      </c>
      <c r="G3320">
        <v>0</v>
      </c>
      <c r="H3320">
        <v>0</v>
      </c>
      <c r="I3320">
        <v>0</v>
      </c>
      <c r="J3320">
        <v>0</v>
      </c>
      <c r="K3320">
        <v>0</v>
      </c>
      <c r="L3320">
        <v>0</v>
      </c>
      <c r="M3320">
        <v>0</v>
      </c>
      <c r="N3320">
        <v>0</v>
      </c>
      <c r="O3320">
        <v>0</v>
      </c>
      <c r="P3320">
        <v>0</v>
      </c>
      <c r="Q3320">
        <v>0</v>
      </c>
      <c r="R3320">
        <v>0</v>
      </c>
      <c r="S3320">
        <v>0</v>
      </c>
      <c r="T3320">
        <v>0</v>
      </c>
      <c r="U3320">
        <v>0</v>
      </c>
      <c r="V3320">
        <v>0</v>
      </c>
      <c r="W3320">
        <v>0</v>
      </c>
      <c r="X3320">
        <v>0</v>
      </c>
      <c r="Y3320">
        <v>30</v>
      </c>
      <c r="Z3320">
        <v>15</v>
      </c>
      <c r="AA3320">
        <v>105</v>
      </c>
      <c r="AB3320">
        <v>18</v>
      </c>
      <c r="AC3320">
        <v>62</v>
      </c>
      <c r="AD3320">
        <v>75</v>
      </c>
      <c r="AE3320">
        <v>105</v>
      </c>
      <c r="AF3320">
        <v>0</v>
      </c>
      <c r="AG3320">
        <v>50000</v>
      </c>
      <c r="AH3320">
        <v>50000</v>
      </c>
      <c r="AI3320">
        <v>0</v>
      </c>
      <c r="AJ3320">
        <v>0</v>
      </c>
      <c r="AK3320" t="s">
        <v>6</v>
      </c>
      <c r="AL3320">
        <v>0</v>
      </c>
      <c r="AM3320">
        <v>0</v>
      </c>
      <c r="AN3320">
        <v>0</v>
      </c>
      <c r="AO3320">
        <v>0</v>
      </c>
      <c r="AP3320">
        <v>0</v>
      </c>
      <c r="AQ3320">
        <v>0</v>
      </c>
      <c r="AR3320">
        <v>0</v>
      </c>
      <c r="AS3320">
        <v>0</v>
      </c>
      <c r="AT3320">
        <v>0</v>
      </c>
      <c r="AU3320">
        <v>0</v>
      </c>
      <c r="AV3320">
        <v>0</v>
      </c>
      <c r="AW3320">
        <v>0</v>
      </c>
      <c r="AX3320">
        <v>0</v>
      </c>
      <c r="AY3320">
        <v>0</v>
      </c>
      <c r="AZ3320">
        <v>0</v>
      </c>
      <c r="BA3320">
        <v>0</v>
      </c>
    </row>
    <row r="3321" spans="1:53" x14ac:dyDescent="0.4">
      <c r="A3321">
        <v>3365</v>
      </c>
      <c r="B3321" s="1">
        <v>43905</v>
      </c>
      <c r="C3321">
        <v>2</v>
      </c>
      <c r="D3321" s="1">
        <v>43905.413194444445</v>
      </c>
      <c r="E3321" s="1">
        <v>43905.737500000003</v>
      </c>
      <c r="F3321">
        <v>38775</v>
      </c>
      <c r="G3321">
        <v>2720</v>
      </c>
      <c r="H3321">
        <v>200</v>
      </c>
      <c r="I3321">
        <v>0</v>
      </c>
      <c r="J3321">
        <v>0</v>
      </c>
      <c r="K3321">
        <v>0</v>
      </c>
      <c r="L3321">
        <v>0</v>
      </c>
      <c r="M3321">
        <v>4169</v>
      </c>
      <c r="N3321">
        <v>0</v>
      </c>
      <c r="O3321">
        <v>0</v>
      </c>
      <c r="P3321">
        <v>21175</v>
      </c>
      <c r="Q3321">
        <v>0</v>
      </c>
      <c r="R3321">
        <v>67039</v>
      </c>
      <c r="S3321">
        <v>0</v>
      </c>
      <c r="T3321">
        <v>0</v>
      </c>
      <c r="U3321">
        <v>0</v>
      </c>
      <c r="V3321">
        <v>3</v>
      </c>
      <c r="W3321">
        <v>0</v>
      </c>
      <c r="X3321">
        <v>0</v>
      </c>
      <c r="Y3321">
        <v>64</v>
      </c>
      <c r="Z3321">
        <v>31</v>
      </c>
      <c r="AA3321">
        <v>63</v>
      </c>
      <c r="AB3321">
        <v>11</v>
      </c>
      <c r="AC3321">
        <v>15</v>
      </c>
      <c r="AD3321">
        <v>74</v>
      </c>
      <c r="AE3321">
        <v>169</v>
      </c>
      <c r="AF3321">
        <v>0</v>
      </c>
      <c r="AG3321">
        <v>117039</v>
      </c>
      <c r="AH3321">
        <v>50000</v>
      </c>
      <c r="AI3321">
        <v>0</v>
      </c>
      <c r="AJ3321">
        <v>97</v>
      </c>
      <c r="AK3321" t="s">
        <v>33</v>
      </c>
      <c r="AL3321">
        <v>0</v>
      </c>
      <c r="AM3321">
        <v>0</v>
      </c>
      <c r="AN3321">
        <v>0</v>
      </c>
      <c r="AO3321">
        <v>0</v>
      </c>
      <c r="AP3321">
        <v>0</v>
      </c>
      <c r="AQ3321">
        <v>0</v>
      </c>
      <c r="AR3321">
        <v>0</v>
      </c>
      <c r="AS3321">
        <v>0</v>
      </c>
      <c r="AT3321">
        <v>0</v>
      </c>
      <c r="AU3321">
        <v>0</v>
      </c>
      <c r="AV3321">
        <v>0</v>
      </c>
      <c r="AW3321">
        <v>0</v>
      </c>
      <c r="AX3321">
        <v>3806</v>
      </c>
      <c r="AY3321">
        <v>46</v>
      </c>
      <c r="AZ3321">
        <v>102</v>
      </c>
      <c r="BA3321">
        <v>7260</v>
      </c>
    </row>
    <row r="3322" spans="1:53" x14ac:dyDescent="0.4">
      <c r="A3322">
        <v>3366</v>
      </c>
      <c r="B3322" s="1">
        <v>43905</v>
      </c>
      <c r="C3322">
        <v>3</v>
      </c>
      <c r="D3322" s="1">
        <v>43905.737500000003</v>
      </c>
      <c r="E3322" s="1">
        <v>43905.95</v>
      </c>
      <c r="F3322">
        <v>39350</v>
      </c>
      <c r="G3322">
        <v>5810</v>
      </c>
      <c r="H3322">
        <v>0</v>
      </c>
      <c r="I3322">
        <v>0</v>
      </c>
      <c r="J3322">
        <v>0</v>
      </c>
      <c r="K3322">
        <v>0</v>
      </c>
      <c r="L3322">
        <v>0</v>
      </c>
      <c r="M3322">
        <v>4516</v>
      </c>
      <c r="N3322">
        <v>0</v>
      </c>
      <c r="O3322">
        <v>0</v>
      </c>
      <c r="P3322">
        <v>-16775</v>
      </c>
      <c r="Q3322">
        <v>0</v>
      </c>
      <c r="R3322">
        <v>32901</v>
      </c>
      <c r="S3322">
        <v>0</v>
      </c>
      <c r="T3322">
        <v>0</v>
      </c>
      <c r="U3322">
        <v>0</v>
      </c>
      <c r="V3322">
        <v>7</v>
      </c>
      <c r="W3322">
        <v>0</v>
      </c>
      <c r="X3322">
        <v>0</v>
      </c>
      <c r="Y3322">
        <v>52</v>
      </c>
      <c r="Z3322">
        <v>31</v>
      </c>
      <c r="AA3322">
        <v>67</v>
      </c>
      <c r="AB3322">
        <v>11</v>
      </c>
      <c r="AC3322">
        <v>25</v>
      </c>
      <c r="AD3322">
        <v>74</v>
      </c>
      <c r="AE3322">
        <v>170</v>
      </c>
      <c r="AF3322">
        <v>4400</v>
      </c>
      <c r="AG3322">
        <v>149940</v>
      </c>
      <c r="AH3322">
        <v>50000</v>
      </c>
      <c r="AI3322">
        <v>0</v>
      </c>
      <c r="AJ3322">
        <v>98</v>
      </c>
      <c r="AK3322" t="s">
        <v>35</v>
      </c>
      <c r="AL3322">
        <v>0</v>
      </c>
      <c r="AM3322">
        <v>0</v>
      </c>
      <c r="AN3322">
        <v>0</v>
      </c>
      <c r="AO3322">
        <v>0</v>
      </c>
      <c r="AP3322">
        <v>0</v>
      </c>
      <c r="AQ3322">
        <v>0</v>
      </c>
      <c r="AR3322">
        <v>0</v>
      </c>
      <c r="AS3322">
        <v>0</v>
      </c>
      <c r="AT3322">
        <v>0</v>
      </c>
      <c r="AU3322">
        <v>0</v>
      </c>
      <c r="AV3322">
        <v>0</v>
      </c>
      <c r="AW3322">
        <v>0</v>
      </c>
      <c r="AX3322">
        <v>12210</v>
      </c>
      <c r="AY3322">
        <v>13</v>
      </c>
      <c r="AZ3322">
        <v>34</v>
      </c>
      <c r="BA3322">
        <v>2806</v>
      </c>
    </row>
    <row r="3323" spans="1:53" x14ac:dyDescent="0.4">
      <c r="A3323">
        <v>3367</v>
      </c>
      <c r="B3323" s="1">
        <v>43906</v>
      </c>
      <c r="C3323">
        <v>1</v>
      </c>
      <c r="D3323" s="1">
        <v>43906.291666666664</v>
      </c>
      <c r="E3323" s="1">
        <v>43906.454861111109</v>
      </c>
      <c r="F3323">
        <v>0</v>
      </c>
      <c r="G3323">
        <v>0</v>
      </c>
      <c r="H3323">
        <v>0</v>
      </c>
      <c r="I3323">
        <v>0</v>
      </c>
      <c r="J3323">
        <v>0</v>
      </c>
      <c r="K3323">
        <v>0</v>
      </c>
      <c r="L3323">
        <v>0</v>
      </c>
      <c r="M3323">
        <v>0</v>
      </c>
      <c r="N3323">
        <v>0</v>
      </c>
      <c r="O3323">
        <v>0</v>
      </c>
      <c r="P3323">
        <v>0</v>
      </c>
      <c r="Q3323">
        <v>0</v>
      </c>
      <c r="R3323">
        <v>0</v>
      </c>
      <c r="S3323">
        <v>0</v>
      </c>
      <c r="T3323">
        <v>0</v>
      </c>
      <c r="U3323">
        <v>0</v>
      </c>
      <c r="V3323">
        <v>0</v>
      </c>
      <c r="W3323">
        <v>0</v>
      </c>
      <c r="X3323">
        <v>0</v>
      </c>
      <c r="Y3323">
        <v>34</v>
      </c>
      <c r="Z3323">
        <v>14</v>
      </c>
      <c r="AA3323">
        <v>77</v>
      </c>
      <c r="AB3323">
        <v>10</v>
      </c>
      <c r="AC3323">
        <v>31</v>
      </c>
      <c r="AD3323">
        <v>74</v>
      </c>
      <c r="AE3323">
        <v>120</v>
      </c>
      <c r="AF3323">
        <v>0</v>
      </c>
      <c r="AG3323">
        <v>50000</v>
      </c>
      <c r="AH3323">
        <v>0</v>
      </c>
      <c r="AI3323">
        <v>50000</v>
      </c>
      <c r="AJ3323">
        <v>0</v>
      </c>
      <c r="AK3323" t="s">
        <v>6</v>
      </c>
      <c r="AL3323">
        <v>0</v>
      </c>
      <c r="AM3323">
        <v>0</v>
      </c>
      <c r="AN3323">
        <v>0</v>
      </c>
      <c r="AO3323">
        <v>0</v>
      </c>
      <c r="AP3323">
        <v>0</v>
      </c>
      <c r="AQ3323">
        <v>0</v>
      </c>
      <c r="AR3323">
        <v>0</v>
      </c>
      <c r="AS3323">
        <v>0</v>
      </c>
      <c r="AT3323">
        <v>0</v>
      </c>
      <c r="AU3323">
        <v>0</v>
      </c>
      <c r="AV3323">
        <v>0</v>
      </c>
      <c r="AW3323">
        <v>0</v>
      </c>
      <c r="AX3323">
        <v>0</v>
      </c>
      <c r="AY3323">
        <v>0</v>
      </c>
      <c r="AZ3323">
        <v>0</v>
      </c>
      <c r="BA3323">
        <v>0</v>
      </c>
    </row>
    <row r="3324" spans="1:53" x14ac:dyDescent="0.4">
      <c r="A3324">
        <v>3368</v>
      </c>
      <c r="B3324" s="1">
        <v>43906</v>
      </c>
      <c r="C3324">
        <v>2</v>
      </c>
      <c r="D3324" s="1">
        <v>43906.454861111109</v>
      </c>
      <c r="E3324" s="1">
        <v>43906.75277777778</v>
      </c>
      <c r="F3324">
        <v>46200</v>
      </c>
      <c r="G3324">
        <v>2600</v>
      </c>
      <c r="H3324">
        <v>200</v>
      </c>
      <c r="I3324">
        <v>0</v>
      </c>
      <c r="J3324">
        <v>100</v>
      </c>
      <c r="K3324">
        <v>0</v>
      </c>
      <c r="L3324">
        <v>0</v>
      </c>
      <c r="M3324">
        <v>4890</v>
      </c>
      <c r="N3324">
        <v>0</v>
      </c>
      <c r="O3324">
        <v>0</v>
      </c>
      <c r="P3324">
        <v>10285</v>
      </c>
      <c r="Q3324">
        <v>0</v>
      </c>
      <c r="R3324">
        <v>64075</v>
      </c>
      <c r="S3324">
        <v>0</v>
      </c>
      <c r="T3324">
        <v>0</v>
      </c>
      <c r="U3324">
        <v>0</v>
      </c>
      <c r="V3324">
        <v>1</v>
      </c>
      <c r="W3324">
        <v>1</v>
      </c>
      <c r="X3324">
        <v>0</v>
      </c>
      <c r="Y3324">
        <v>78</v>
      </c>
      <c r="Z3324">
        <v>31</v>
      </c>
      <c r="AA3324">
        <v>40</v>
      </c>
      <c r="AB3324">
        <v>9</v>
      </c>
      <c r="AC3324">
        <v>45</v>
      </c>
      <c r="AD3324">
        <v>85</v>
      </c>
      <c r="AE3324">
        <v>200</v>
      </c>
      <c r="AF3324">
        <v>0</v>
      </c>
      <c r="AG3324">
        <v>114025</v>
      </c>
      <c r="AH3324">
        <v>50000</v>
      </c>
      <c r="AI3324">
        <v>-50</v>
      </c>
      <c r="AJ3324">
        <v>96</v>
      </c>
      <c r="AK3324" t="s">
        <v>4</v>
      </c>
      <c r="AL3324">
        <v>0</v>
      </c>
      <c r="AM3324">
        <v>0</v>
      </c>
      <c r="AN3324">
        <v>0</v>
      </c>
      <c r="AO3324">
        <v>0</v>
      </c>
      <c r="AP3324">
        <v>0</v>
      </c>
      <c r="AQ3324">
        <v>0</v>
      </c>
      <c r="AR3324">
        <v>0</v>
      </c>
      <c r="AS3324">
        <v>0</v>
      </c>
      <c r="AT3324">
        <v>0</v>
      </c>
      <c r="AU3324">
        <v>0</v>
      </c>
      <c r="AV3324">
        <v>0</v>
      </c>
      <c r="AW3324">
        <v>0</v>
      </c>
      <c r="AX3324">
        <v>1606</v>
      </c>
      <c r="AY3324">
        <v>44</v>
      </c>
      <c r="AZ3324">
        <v>99</v>
      </c>
      <c r="BA3324">
        <v>6993</v>
      </c>
    </row>
    <row r="3325" spans="1:53" x14ac:dyDescent="0.4">
      <c r="A3325">
        <v>3369</v>
      </c>
      <c r="B3325" s="1">
        <v>43906</v>
      </c>
      <c r="C3325">
        <v>3</v>
      </c>
      <c r="D3325" s="1">
        <v>43906.75277777778</v>
      </c>
      <c r="E3325" s="1">
        <v>43906.956944444442</v>
      </c>
      <c r="F3325">
        <v>30175</v>
      </c>
      <c r="G3325">
        <v>1460</v>
      </c>
      <c r="H3325">
        <v>0</v>
      </c>
      <c r="I3325">
        <v>0</v>
      </c>
      <c r="J3325">
        <v>100</v>
      </c>
      <c r="K3325">
        <v>0</v>
      </c>
      <c r="L3325">
        <v>0</v>
      </c>
      <c r="M3325">
        <v>3154</v>
      </c>
      <c r="N3325">
        <v>0</v>
      </c>
      <c r="O3325">
        <v>0</v>
      </c>
      <c r="P3325">
        <v>-4125</v>
      </c>
      <c r="Q3325">
        <v>0</v>
      </c>
      <c r="R3325">
        <v>30564</v>
      </c>
      <c r="S3325">
        <v>0</v>
      </c>
      <c r="T3325">
        <v>0</v>
      </c>
      <c r="U3325">
        <v>0</v>
      </c>
      <c r="V3325">
        <v>5</v>
      </c>
      <c r="W3325">
        <v>0</v>
      </c>
      <c r="X3325">
        <v>0</v>
      </c>
      <c r="Y3325">
        <v>70</v>
      </c>
      <c r="Z3325">
        <v>32</v>
      </c>
      <c r="AA3325">
        <v>70</v>
      </c>
      <c r="AB3325">
        <v>9</v>
      </c>
      <c r="AC3325">
        <v>40</v>
      </c>
      <c r="AD3325">
        <v>87</v>
      </c>
      <c r="AE3325">
        <v>204</v>
      </c>
      <c r="AF3325">
        <v>0</v>
      </c>
      <c r="AG3325">
        <v>144489</v>
      </c>
      <c r="AH3325">
        <v>50000</v>
      </c>
      <c r="AI3325">
        <v>-150</v>
      </c>
      <c r="AJ3325">
        <v>94</v>
      </c>
      <c r="AK3325" t="s">
        <v>43</v>
      </c>
      <c r="AL3325">
        <v>0</v>
      </c>
      <c r="AM3325">
        <v>0</v>
      </c>
      <c r="AN3325">
        <v>0</v>
      </c>
      <c r="AO3325">
        <v>0</v>
      </c>
      <c r="AP3325">
        <v>0</v>
      </c>
      <c r="AQ3325">
        <v>0</v>
      </c>
      <c r="AR3325">
        <v>0</v>
      </c>
      <c r="AS3325">
        <v>0</v>
      </c>
      <c r="AT3325">
        <v>0</v>
      </c>
      <c r="AU3325">
        <v>0</v>
      </c>
      <c r="AV3325">
        <v>0</v>
      </c>
      <c r="AW3325">
        <v>0</v>
      </c>
      <c r="AX3325">
        <v>13722</v>
      </c>
      <c r="AY3325">
        <v>12</v>
      </c>
      <c r="AZ3325">
        <v>40</v>
      </c>
      <c r="BA3325">
        <v>1777</v>
      </c>
    </row>
    <row r="3326" spans="1:53" x14ac:dyDescent="0.4">
      <c r="A3326">
        <v>3370</v>
      </c>
      <c r="B3326" s="1">
        <v>43906</v>
      </c>
      <c r="C3326">
        <v>4</v>
      </c>
      <c r="D3326" s="1">
        <v>43906.956944444442</v>
      </c>
      <c r="E3326" s="1">
        <v>43907.254166666666</v>
      </c>
      <c r="F3326">
        <v>35650</v>
      </c>
      <c r="G3326">
        <v>600</v>
      </c>
      <c r="H3326">
        <v>0</v>
      </c>
      <c r="I3326">
        <v>0</v>
      </c>
      <c r="J3326">
        <v>0</v>
      </c>
      <c r="K3326">
        <v>900</v>
      </c>
      <c r="L3326">
        <v>0</v>
      </c>
      <c r="M3326">
        <v>3715</v>
      </c>
      <c r="N3326">
        <v>0</v>
      </c>
      <c r="O3326">
        <v>0</v>
      </c>
      <c r="P3326">
        <v>-6160</v>
      </c>
      <c r="Q3326">
        <v>0</v>
      </c>
      <c r="R3326">
        <v>34705</v>
      </c>
      <c r="S3326">
        <v>0</v>
      </c>
      <c r="T3326">
        <v>0</v>
      </c>
      <c r="U3326">
        <v>0</v>
      </c>
      <c r="V3326">
        <v>0</v>
      </c>
      <c r="W3326">
        <v>0</v>
      </c>
      <c r="X3326">
        <v>0</v>
      </c>
      <c r="Y3326">
        <v>36</v>
      </c>
      <c r="Z3326">
        <v>10</v>
      </c>
      <c r="AA3326">
        <v>74</v>
      </c>
      <c r="AB3326">
        <v>11</v>
      </c>
      <c r="AC3326">
        <v>50</v>
      </c>
      <c r="AD3326">
        <v>90</v>
      </c>
      <c r="AE3326">
        <v>100</v>
      </c>
      <c r="AF3326">
        <v>0</v>
      </c>
      <c r="AG3326">
        <v>50000</v>
      </c>
      <c r="AH3326">
        <v>0</v>
      </c>
      <c r="AI3326">
        <v>-79344</v>
      </c>
      <c r="AJ3326">
        <v>107</v>
      </c>
      <c r="AK3326" t="s">
        <v>40</v>
      </c>
      <c r="AL3326">
        <v>0</v>
      </c>
      <c r="AM3326">
        <v>0</v>
      </c>
      <c r="AN3326">
        <v>0</v>
      </c>
      <c r="AO3326">
        <v>0</v>
      </c>
      <c r="AP3326">
        <v>0</v>
      </c>
      <c r="AQ3326">
        <v>0</v>
      </c>
      <c r="AR3326">
        <v>0</v>
      </c>
      <c r="AS3326">
        <v>0</v>
      </c>
      <c r="AT3326">
        <v>0</v>
      </c>
      <c r="AU3326">
        <v>0</v>
      </c>
      <c r="AV3326">
        <v>0</v>
      </c>
      <c r="AW3326">
        <v>0</v>
      </c>
      <c r="AX3326">
        <v>0</v>
      </c>
      <c r="AY3326">
        <v>4</v>
      </c>
      <c r="AZ3326">
        <v>9</v>
      </c>
      <c r="BA3326">
        <v>1156</v>
      </c>
    </row>
    <row r="3327" spans="1:53" x14ac:dyDescent="0.4">
      <c r="A3327">
        <v>3371</v>
      </c>
      <c r="B3327" s="1">
        <v>43907</v>
      </c>
      <c r="C3327">
        <v>1</v>
      </c>
      <c r="D3327" s="1">
        <v>43907.291666666664</v>
      </c>
      <c r="E3327" s="1">
        <v>43907.445138888892</v>
      </c>
      <c r="F3327">
        <v>0</v>
      </c>
      <c r="G3327">
        <v>0</v>
      </c>
      <c r="H3327">
        <v>0</v>
      </c>
      <c r="I3327">
        <v>0</v>
      </c>
      <c r="J3327">
        <v>0</v>
      </c>
      <c r="K3327">
        <v>0</v>
      </c>
      <c r="L3327">
        <v>0</v>
      </c>
      <c r="M3327">
        <v>0</v>
      </c>
      <c r="N3327">
        <v>0</v>
      </c>
      <c r="O3327">
        <v>0</v>
      </c>
      <c r="P3327">
        <v>0</v>
      </c>
      <c r="Q3327">
        <v>0</v>
      </c>
      <c r="R3327">
        <v>0</v>
      </c>
      <c r="S3327">
        <v>0</v>
      </c>
      <c r="T3327">
        <v>0</v>
      </c>
      <c r="U3327">
        <v>0</v>
      </c>
      <c r="V3327">
        <v>0</v>
      </c>
      <c r="W3327">
        <v>0</v>
      </c>
      <c r="X3327">
        <v>0</v>
      </c>
      <c r="Y3327">
        <v>36</v>
      </c>
      <c r="Z3327">
        <v>10</v>
      </c>
      <c r="AA3327">
        <v>74</v>
      </c>
      <c r="AB3327">
        <v>11</v>
      </c>
      <c r="AC3327">
        <v>50</v>
      </c>
      <c r="AD3327">
        <v>90</v>
      </c>
      <c r="AE3327">
        <v>100</v>
      </c>
      <c r="AF3327">
        <v>0</v>
      </c>
      <c r="AG3327">
        <v>50000</v>
      </c>
      <c r="AH3327">
        <v>50000</v>
      </c>
      <c r="AI3327">
        <v>0</v>
      </c>
      <c r="AJ3327">
        <v>0</v>
      </c>
      <c r="AK3327" t="s">
        <v>6</v>
      </c>
      <c r="AL3327">
        <v>0</v>
      </c>
      <c r="AM3327">
        <v>0</v>
      </c>
      <c r="AN3327">
        <v>0</v>
      </c>
      <c r="AO3327">
        <v>0</v>
      </c>
      <c r="AP3327">
        <v>0</v>
      </c>
      <c r="AQ3327">
        <v>0</v>
      </c>
      <c r="AR3327">
        <v>0</v>
      </c>
      <c r="AS3327">
        <v>0</v>
      </c>
      <c r="AT3327">
        <v>0</v>
      </c>
      <c r="AU3327">
        <v>0</v>
      </c>
      <c r="AV3327">
        <v>0</v>
      </c>
      <c r="AW3327">
        <v>0</v>
      </c>
      <c r="AX3327">
        <v>0</v>
      </c>
      <c r="AY3327">
        <v>0</v>
      </c>
      <c r="AZ3327">
        <v>0</v>
      </c>
      <c r="BA3327">
        <v>0</v>
      </c>
    </row>
    <row r="3328" spans="1:53" x14ac:dyDescent="0.4">
      <c r="A3328">
        <v>3372</v>
      </c>
      <c r="B3328" s="1">
        <v>43907</v>
      </c>
      <c r="C3328">
        <v>2</v>
      </c>
      <c r="D3328" s="1">
        <v>43907.445138888892</v>
      </c>
      <c r="E3328" s="1">
        <v>43907.743750000001</v>
      </c>
      <c r="F3328">
        <v>33000</v>
      </c>
      <c r="G3328">
        <v>3100</v>
      </c>
      <c r="H3328">
        <v>200</v>
      </c>
      <c r="I3328">
        <v>0</v>
      </c>
      <c r="J3328">
        <v>0</v>
      </c>
      <c r="K3328">
        <v>0</v>
      </c>
      <c r="L3328">
        <v>0</v>
      </c>
      <c r="M3328">
        <v>3630</v>
      </c>
      <c r="N3328">
        <v>0</v>
      </c>
      <c r="O3328">
        <v>0</v>
      </c>
      <c r="P3328">
        <v>18755</v>
      </c>
      <c r="Q3328">
        <v>0</v>
      </c>
      <c r="R3328">
        <v>58685</v>
      </c>
      <c r="S3328">
        <v>0</v>
      </c>
      <c r="T3328">
        <v>0</v>
      </c>
      <c r="U3328">
        <v>0</v>
      </c>
      <c r="V3328">
        <v>2</v>
      </c>
      <c r="W3328">
        <v>0</v>
      </c>
      <c r="X3328">
        <v>0</v>
      </c>
      <c r="Y3328">
        <v>60</v>
      </c>
      <c r="Z3328">
        <v>35</v>
      </c>
      <c r="AA3328">
        <v>37</v>
      </c>
      <c r="AB3328">
        <v>11</v>
      </c>
      <c r="AC3328">
        <v>88</v>
      </c>
      <c r="AD3328">
        <v>76</v>
      </c>
      <c r="AE3328">
        <v>130</v>
      </c>
      <c r="AF3328">
        <v>5445</v>
      </c>
      <c r="AG3328">
        <v>108585</v>
      </c>
      <c r="AH3328">
        <v>50000</v>
      </c>
      <c r="AI3328">
        <v>-100</v>
      </c>
      <c r="AJ3328">
        <v>101</v>
      </c>
      <c r="AK3328" t="s">
        <v>28</v>
      </c>
      <c r="AL3328">
        <v>0</v>
      </c>
      <c r="AM3328">
        <v>0</v>
      </c>
      <c r="AN3328">
        <v>0</v>
      </c>
      <c r="AO3328">
        <v>0</v>
      </c>
      <c r="AP3328">
        <v>0</v>
      </c>
      <c r="AQ3328">
        <v>0</v>
      </c>
      <c r="AR3328">
        <v>0</v>
      </c>
      <c r="AS3328">
        <v>0</v>
      </c>
      <c r="AT3328">
        <v>0</v>
      </c>
      <c r="AU3328">
        <v>0</v>
      </c>
      <c r="AV3328">
        <v>0</v>
      </c>
      <c r="AW3328">
        <v>0</v>
      </c>
      <c r="AX3328">
        <v>0</v>
      </c>
      <c r="AY3328">
        <v>39</v>
      </c>
      <c r="AZ3328">
        <v>87</v>
      </c>
      <c r="BA3328">
        <v>6631</v>
      </c>
    </row>
    <row r="3329" spans="1:53" x14ac:dyDescent="0.4">
      <c r="A3329">
        <v>3373</v>
      </c>
      <c r="B3329" s="1">
        <v>43907</v>
      </c>
      <c r="C3329">
        <v>3</v>
      </c>
      <c r="D3329" s="1">
        <v>43907.743750000001</v>
      </c>
      <c r="E3329" s="1">
        <v>43907.95208333333</v>
      </c>
      <c r="F3329">
        <v>34250</v>
      </c>
      <c r="G3329">
        <v>0</v>
      </c>
      <c r="H3329">
        <v>0</v>
      </c>
      <c r="I3329">
        <v>0</v>
      </c>
      <c r="J3329">
        <v>0</v>
      </c>
      <c r="K3329">
        <v>0</v>
      </c>
      <c r="L3329">
        <v>0</v>
      </c>
      <c r="M3329">
        <v>3425</v>
      </c>
      <c r="N3329">
        <v>0</v>
      </c>
      <c r="O3329">
        <v>0</v>
      </c>
      <c r="P3329">
        <v>-14355</v>
      </c>
      <c r="Q3329">
        <v>0</v>
      </c>
      <c r="R3329">
        <v>23320</v>
      </c>
      <c r="S3329">
        <v>0</v>
      </c>
      <c r="T3329">
        <v>0</v>
      </c>
      <c r="U3329">
        <v>0</v>
      </c>
      <c r="V3329">
        <v>3</v>
      </c>
      <c r="W3329">
        <v>1</v>
      </c>
      <c r="X3329">
        <v>0</v>
      </c>
      <c r="Y3329">
        <v>69</v>
      </c>
      <c r="Z3329">
        <v>34</v>
      </c>
      <c r="AA3329">
        <v>38</v>
      </c>
      <c r="AB3329">
        <v>12</v>
      </c>
      <c r="AC3329">
        <v>64</v>
      </c>
      <c r="AD3329">
        <v>78</v>
      </c>
      <c r="AE3329">
        <v>130</v>
      </c>
      <c r="AF3329">
        <v>5445</v>
      </c>
      <c r="AG3329">
        <v>132005</v>
      </c>
      <c r="AH3329">
        <v>50000</v>
      </c>
      <c r="AI3329">
        <v>0</v>
      </c>
      <c r="AJ3329">
        <v>94</v>
      </c>
      <c r="AK3329" t="s">
        <v>43</v>
      </c>
      <c r="AL3329">
        <v>0</v>
      </c>
      <c r="AM3329">
        <v>0</v>
      </c>
      <c r="AN3329">
        <v>0</v>
      </c>
      <c r="AO3329">
        <v>0</v>
      </c>
      <c r="AP3329">
        <v>0</v>
      </c>
      <c r="AQ3329">
        <v>0</v>
      </c>
      <c r="AR3329">
        <v>0</v>
      </c>
      <c r="AS3329">
        <v>0</v>
      </c>
      <c r="AT3329">
        <v>0</v>
      </c>
      <c r="AU3329">
        <v>0</v>
      </c>
      <c r="AV3329">
        <v>0</v>
      </c>
      <c r="AW3329">
        <v>0</v>
      </c>
      <c r="AX3329">
        <v>23953</v>
      </c>
      <c r="AY3329">
        <v>15</v>
      </c>
      <c r="AZ3329">
        <v>48</v>
      </c>
      <c r="BA3329">
        <v>1547</v>
      </c>
    </row>
    <row r="3330" spans="1:53" x14ac:dyDescent="0.4">
      <c r="A3330">
        <v>3374</v>
      </c>
      <c r="B3330" s="1">
        <v>43907</v>
      </c>
      <c r="C3330">
        <v>4</v>
      </c>
      <c r="D3330" s="1">
        <v>43907.95208333333</v>
      </c>
      <c r="E3330" s="1">
        <v>43908.244444444441</v>
      </c>
      <c r="F3330">
        <v>49800</v>
      </c>
      <c r="G3330">
        <v>2350</v>
      </c>
      <c r="H3330">
        <v>0</v>
      </c>
      <c r="I3330">
        <v>0</v>
      </c>
      <c r="J3330">
        <v>0</v>
      </c>
      <c r="K3330">
        <v>0</v>
      </c>
      <c r="L3330">
        <v>0</v>
      </c>
      <c r="M3330">
        <v>5215</v>
      </c>
      <c r="N3330">
        <v>0</v>
      </c>
      <c r="O3330">
        <v>0</v>
      </c>
      <c r="P3330">
        <v>2200</v>
      </c>
      <c r="Q3330">
        <v>0</v>
      </c>
      <c r="R3330">
        <v>59565</v>
      </c>
      <c r="S3330">
        <v>0</v>
      </c>
      <c r="T3330">
        <v>0</v>
      </c>
      <c r="U3330">
        <v>0</v>
      </c>
      <c r="V3330">
        <v>0</v>
      </c>
      <c r="W3330">
        <v>0</v>
      </c>
      <c r="X3330">
        <v>0</v>
      </c>
      <c r="Y3330">
        <v>29</v>
      </c>
      <c r="Z3330">
        <v>10</v>
      </c>
      <c r="AA3330">
        <v>109</v>
      </c>
      <c r="AB3330">
        <v>60</v>
      </c>
      <c r="AC3330">
        <v>163</v>
      </c>
      <c r="AD3330">
        <v>79</v>
      </c>
      <c r="AE3330">
        <v>75</v>
      </c>
      <c r="AF3330">
        <v>0</v>
      </c>
      <c r="AG3330">
        <v>50000</v>
      </c>
      <c r="AH3330">
        <v>0</v>
      </c>
      <c r="AI3330">
        <v>-91570</v>
      </c>
      <c r="AJ3330">
        <v>107</v>
      </c>
      <c r="AK3330" t="s">
        <v>40</v>
      </c>
      <c r="AL3330">
        <v>0</v>
      </c>
      <c r="AM3330">
        <v>0</v>
      </c>
      <c r="AN3330">
        <v>0</v>
      </c>
      <c r="AO3330">
        <v>0</v>
      </c>
      <c r="AP3330">
        <v>0</v>
      </c>
      <c r="AQ3330">
        <v>0</v>
      </c>
      <c r="AR3330">
        <v>0</v>
      </c>
      <c r="AS3330">
        <v>0</v>
      </c>
      <c r="AT3330">
        <v>0</v>
      </c>
      <c r="AU3330">
        <v>0</v>
      </c>
      <c r="AV3330">
        <v>0</v>
      </c>
      <c r="AW3330">
        <v>0</v>
      </c>
      <c r="AX3330">
        <v>0</v>
      </c>
      <c r="AY3330">
        <v>5</v>
      </c>
      <c r="AZ3330">
        <v>12</v>
      </c>
      <c r="BA3330">
        <v>1373</v>
      </c>
    </row>
    <row r="3331" spans="1:53" x14ac:dyDescent="0.4">
      <c r="A3331">
        <v>3375</v>
      </c>
      <c r="B3331" s="1">
        <v>43908</v>
      </c>
      <c r="C3331">
        <v>1</v>
      </c>
      <c r="D3331" s="1">
        <v>43908.291666666664</v>
      </c>
      <c r="E3331" s="1">
        <v>43908.449305555558</v>
      </c>
      <c r="F3331">
        <v>0</v>
      </c>
      <c r="G3331">
        <v>0</v>
      </c>
      <c r="H3331">
        <v>0</v>
      </c>
      <c r="I3331">
        <v>0</v>
      </c>
      <c r="J3331">
        <v>0</v>
      </c>
      <c r="K3331">
        <v>0</v>
      </c>
      <c r="L3331">
        <v>0</v>
      </c>
      <c r="M3331">
        <v>0</v>
      </c>
      <c r="N3331">
        <v>0</v>
      </c>
      <c r="O3331">
        <v>0</v>
      </c>
      <c r="P3331">
        <v>0</v>
      </c>
      <c r="Q3331">
        <v>0</v>
      </c>
      <c r="R3331">
        <v>0</v>
      </c>
      <c r="S3331">
        <v>0</v>
      </c>
      <c r="T3331">
        <v>0</v>
      </c>
      <c r="U3331">
        <v>0</v>
      </c>
      <c r="V3331">
        <v>0</v>
      </c>
      <c r="W3331">
        <v>0</v>
      </c>
      <c r="X3331">
        <v>0</v>
      </c>
      <c r="Y3331">
        <v>29</v>
      </c>
      <c r="Z3331">
        <v>10</v>
      </c>
      <c r="AA3331">
        <v>109</v>
      </c>
      <c r="AB3331">
        <v>60</v>
      </c>
      <c r="AC3331">
        <v>163</v>
      </c>
      <c r="AD3331">
        <v>79</v>
      </c>
      <c r="AE3331">
        <v>75</v>
      </c>
      <c r="AF3331">
        <v>0</v>
      </c>
      <c r="AG3331">
        <v>50000</v>
      </c>
      <c r="AH3331">
        <v>50000</v>
      </c>
      <c r="AI3331">
        <v>0</v>
      </c>
      <c r="AJ3331">
        <v>0</v>
      </c>
      <c r="AK3331" t="s">
        <v>6</v>
      </c>
      <c r="AL3331">
        <v>0</v>
      </c>
      <c r="AM3331">
        <v>0</v>
      </c>
      <c r="AN3331">
        <v>0</v>
      </c>
      <c r="AO3331">
        <v>0</v>
      </c>
      <c r="AP3331">
        <v>0</v>
      </c>
      <c r="AQ3331">
        <v>0</v>
      </c>
      <c r="AR3331">
        <v>0</v>
      </c>
      <c r="AS3331">
        <v>0</v>
      </c>
      <c r="AT3331">
        <v>0</v>
      </c>
      <c r="AU3331">
        <v>0</v>
      </c>
      <c r="AV3331">
        <v>0</v>
      </c>
      <c r="AW3331">
        <v>0</v>
      </c>
      <c r="AX3331">
        <v>0</v>
      </c>
      <c r="AY3331">
        <v>0</v>
      </c>
      <c r="AZ3331">
        <v>0</v>
      </c>
      <c r="BA3331">
        <v>0</v>
      </c>
    </row>
    <row r="3332" spans="1:53" x14ac:dyDescent="0.4">
      <c r="A3332">
        <v>3376</v>
      </c>
      <c r="B3332" s="1">
        <v>43908</v>
      </c>
      <c r="C3332">
        <v>2</v>
      </c>
      <c r="D3332" s="1">
        <v>43908.449305555558</v>
      </c>
      <c r="E3332" s="1">
        <v>43908.745138888888</v>
      </c>
      <c r="F3332">
        <v>37400</v>
      </c>
      <c r="G3332">
        <v>0</v>
      </c>
      <c r="H3332">
        <v>200</v>
      </c>
      <c r="I3332">
        <v>0</v>
      </c>
      <c r="J3332">
        <v>750</v>
      </c>
      <c r="K3332">
        <v>0</v>
      </c>
      <c r="L3332">
        <v>0</v>
      </c>
      <c r="M3332">
        <v>3685</v>
      </c>
      <c r="N3332">
        <v>0</v>
      </c>
      <c r="O3332">
        <v>0</v>
      </c>
      <c r="P3332">
        <v>11495</v>
      </c>
      <c r="Q3332">
        <v>0</v>
      </c>
      <c r="R3332">
        <v>52030</v>
      </c>
      <c r="S3332">
        <v>0</v>
      </c>
      <c r="T3332">
        <v>0</v>
      </c>
      <c r="U3332">
        <v>0</v>
      </c>
      <c r="V3332">
        <v>0</v>
      </c>
      <c r="W3332">
        <v>3</v>
      </c>
      <c r="X3332">
        <v>0</v>
      </c>
      <c r="Y3332">
        <v>50</v>
      </c>
      <c r="Z3332">
        <v>22</v>
      </c>
      <c r="AA3332">
        <v>92</v>
      </c>
      <c r="AB3332">
        <v>52</v>
      </c>
      <c r="AC3332">
        <v>144</v>
      </c>
      <c r="AD3332">
        <v>70</v>
      </c>
      <c r="AE3332">
        <v>100</v>
      </c>
      <c r="AF3332">
        <v>12340</v>
      </c>
      <c r="AG3332">
        <v>102030</v>
      </c>
      <c r="AH3332">
        <v>50000</v>
      </c>
      <c r="AI3332">
        <v>0</v>
      </c>
      <c r="AJ3332">
        <v>101</v>
      </c>
      <c r="AK3332" t="s">
        <v>28</v>
      </c>
      <c r="AL3332">
        <v>0</v>
      </c>
      <c r="AM3332">
        <v>0</v>
      </c>
      <c r="AN3332">
        <v>0</v>
      </c>
      <c r="AO3332">
        <v>0</v>
      </c>
      <c r="AP3332">
        <v>0</v>
      </c>
      <c r="AQ3332">
        <v>0</v>
      </c>
      <c r="AR3332">
        <v>0</v>
      </c>
      <c r="AS3332">
        <v>0</v>
      </c>
      <c r="AT3332">
        <v>0</v>
      </c>
      <c r="AU3332">
        <v>0</v>
      </c>
      <c r="AV3332">
        <v>0</v>
      </c>
      <c r="AW3332">
        <v>0</v>
      </c>
      <c r="AX3332">
        <v>1232</v>
      </c>
      <c r="AY3332">
        <v>41</v>
      </c>
      <c r="AZ3332">
        <v>85</v>
      </c>
      <c r="BA3332">
        <v>6663</v>
      </c>
    </row>
    <row r="3333" spans="1:53" x14ac:dyDescent="0.4">
      <c r="A3333">
        <v>3377</v>
      </c>
      <c r="B3333" s="1">
        <v>43908</v>
      </c>
      <c r="C3333">
        <v>3</v>
      </c>
      <c r="D3333" s="1">
        <v>43908.745138888888</v>
      </c>
      <c r="E3333" s="1">
        <v>43908.953472222223</v>
      </c>
      <c r="F3333">
        <v>55425</v>
      </c>
      <c r="G3333">
        <v>3920</v>
      </c>
      <c r="H3333">
        <v>0</v>
      </c>
      <c r="I3333">
        <v>0</v>
      </c>
      <c r="J3333">
        <v>0</v>
      </c>
      <c r="K3333">
        <v>0</v>
      </c>
      <c r="L3333">
        <v>0</v>
      </c>
      <c r="M3333">
        <v>5934</v>
      </c>
      <c r="N3333">
        <v>0</v>
      </c>
      <c r="O3333">
        <v>0</v>
      </c>
      <c r="P3333">
        <v>-11495</v>
      </c>
      <c r="Q3333">
        <v>0</v>
      </c>
      <c r="R3333">
        <v>53784</v>
      </c>
      <c r="S3333">
        <v>0</v>
      </c>
      <c r="T3333">
        <v>0</v>
      </c>
      <c r="U3333">
        <v>0</v>
      </c>
      <c r="V3333">
        <v>5</v>
      </c>
      <c r="W3333">
        <v>1</v>
      </c>
      <c r="X3333">
        <v>0</v>
      </c>
      <c r="Y3333">
        <v>66</v>
      </c>
      <c r="Z3333">
        <v>18</v>
      </c>
      <c r="AA3333">
        <v>74</v>
      </c>
      <c r="AB3333">
        <v>49</v>
      </c>
      <c r="AC3333">
        <v>136</v>
      </c>
      <c r="AD3333">
        <v>70</v>
      </c>
      <c r="AE3333">
        <v>99</v>
      </c>
      <c r="AF3333">
        <v>14155</v>
      </c>
      <c r="AG3333">
        <v>155814</v>
      </c>
      <c r="AH3333">
        <v>50000</v>
      </c>
      <c r="AI3333">
        <v>0</v>
      </c>
      <c r="AJ3333">
        <v>100</v>
      </c>
      <c r="AK3333" t="s">
        <v>0</v>
      </c>
      <c r="AL3333">
        <v>0</v>
      </c>
      <c r="AM3333">
        <v>0</v>
      </c>
      <c r="AN3333">
        <v>0</v>
      </c>
      <c r="AO3333">
        <v>0</v>
      </c>
      <c r="AP3333">
        <v>0</v>
      </c>
      <c r="AQ3333">
        <v>0</v>
      </c>
      <c r="AR3333">
        <v>0</v>
      </c>
      <c r="AS3333">
        <v>0</v>
      </c>
      <c r="AT3333">
        <v>0</v>
      </c>
      <c r="AU3333">
        <v>0</v>
      </c>
      <c r="AV3333">
        <v>0</v>
      </c>
      <c r="AW3333">
        <v>0</v>
      </c>
      <c r="AX3333">
        <v>4235</v>
      </c>
      <c r="AY3333">
        <v>17</v>
      </c>
      <c r="AZ3333">
        <v>43</v>
      </c>
      <c r="BA3333">
        <v>2131</v>
      </c>
    </row>
    <row r="3334" spans="1:53" x14ac:dyDescent="0.4">
      <c r="A3334">
        <v>3378</v>
      </c>
      <c r="B3334" s="1">
        <v>43908</v>
      </c>
      <c r="C3334">
        <v>4</v>
      </c>
      <c r="D3334" s="1">
        <v>43908.953472222223</v>
      </c>
      <c r="E3334" s="1">
        <v>43909.098611111112</v>
      </c>
      <c r="F3334">
        <v>17325</v>
      </c>
      <c r="G3334">
        <v>3510</v>
      </c>
      <c r="H3334">
        <v>400</v>
      </c>
      <c r="I3334">
        <v>0</v>
      </c>
      <c r="J3334">
        <v>0</v>
      </c>
      <c r="K3334">
        <v>0</v>
      </c>
      <c r="L3334">
        <v>0</v>
      </c>
      <c r="M3334">
        <v>2123</v>
      </c>
      <c r="N3334">
        <v>0</v>
      </c>
      <c r="O3334">
        <v>0</v>
      </c>
      <c r="P3334">
        <v>18788</v>
      </c>
      <c r="Q3334">
        <v>0</v>
      </c>
      <c r="R3334">
        <v>42146</v>
      </c>
      <c r="S3334">
        <v>0</v>
      </c>
      <c r="T3334">
        <v>0</v>
      </c>
      <c r="U3334">
        <v>0</v>
      </c>
      <c r="V3334">
        <v>7</v>
      </c>
      <c r="W3334">
        <v>1</v>
      </c>
      <c r="X3334">
        <v>0</v>
      </c>
      <c r="Y3334">
        <v>77</v>
      </c>
      <c r="Z3334">
        <v>16</v>
      </c>
      <c r="AA3334">
        <v>95</v>
      </c>
      <c r="AB3334">
        <v>48</v>
      </c>
      <c r="AC3334">
        <v>149</v>
      </c>
      <c r="AD3334">
        <v>71</v>
      </c>
      <c r="AE3334">
        <v>97</v>
      </c>
      <c r="AF3334">
        <v>24066</v>
      </c>
      <c r="AG3334">
        <v>197908</v>
      </c>
      <c r="AH3334">
        <v>50000</v>
      </c>
      <c r="AI3334">
        <v>-52</v>
      </c>
      <c r="AJ3334">
        <v>100</v>
      </c>
      <c r="AK3334" t="s">
        <v>0</v>
      </c>
      <c r="AL3334">
        <v>0</v>
      </c>
      <c r="AM3334">
        <v>0</v>
      </c>
      <c r="AN3334">
        <v>0</v>
      </c>
      <c r="AO3334">
        <v>0</v>
      </c>
      <c r="AP3334">
        <v>0</v>
      </c>
      <c r="AQ3334">
        <v>0</v>
      </c>
      <c r="AR3334">
        <v>0</v>
      </c>
      <c r="AS3334">
        <v>0</v>
      </c>
      <c r="AT3334">
        <v>0</v>
      </c>
      <c r="AU3334">
        <v>0</v>
      </c>
      <c r="AV3334">
        <v>0</v>
      </c>
      <c r="AW3334">
        <v>0</v>
      </c>
      <c r="AX3334">
        <v>0</v>
      </c>
      <c r="AY3334">
        <v>5</v>
      </c>
      <c r="AZ3334">
        <v>19</v>
      </c>
      <c r="BA3334">
        <v>978</v>
      </c>
    </row>
    <row r="3335" spans="1:53" x14ac:dyDescent="0.4">
      <c r="A3335">
        <v>3379</v>
      </c>
      <c r="B3335" s="1">
        <v>43909</v>
      </c>
      <c r="C3335">
        <v>1</v>
      </c>
      <c r="D3335" s="1">
        <v>43909.291666666664</v>
      </c>
      <c r="E3335" s="1">
        <v>43909.454861111109</v>
      </c>
      <c r="F3335">
        <v>0</v>
      </c>
      <c r="G3335">
        <v>0</v>
      </c>
      <c r="H3335">
        <v>0</v>
      </c>
      <c r="I3335">
        <v>0</v>
      </c>
      <c r="J3335">
        <v>0</v>
      </c>
      <c r="K3335">
        <v>0</v>
      </c>
      <c r="L3335">
        <v>0</v>
      </c>
      <c r="M3335">
        <v>0</v>
      </c>
      <c r="N3335">
        <v>0</v>
      </c>
      <c r="O3335">
        <v>0</v>
      </c>
      <c r="P3335">
        <v>0</v>
      </c>
      <c r="Q3335">
        <v>0</v>
      </c>
      <c r="R3335">
        <v>0</v>
      </c>
      <c r="S3335">
        <v>0</v>
      </c>
      <c r="T3335">
        <v>0</v>
      </c>
      <c r="U3335">
        <v>0</v>
      </c>
      <c r="V3335">
        <v>0</v>
      </c>
      <c r="W3335">
        <v>0</v>
      </c>
      <c r="X3335">
        <v>0</v>
      </c>
      <c r="Y3335">
        <v>34</v>
      </c>
      <c r="Z3335">
        <v>16</v>
      </c>
      <c r="AA3335">
        <v>42</v>
      </c>
      <c r="AB3335">
        <v>48</v>
      </c>
      <c r="AC3335">
        <v>94</v>
      </c>
      <c r="AD3335">
        <v>72</v>
      </c>
      <c r="AE3335">
        <v>100</v>
      </c>
      <c r="AF3335">
        <v>0</v>
      </c>
      <c r="AG3335">
        <v>50000</v>
      </c>
      <c r="AH3335">
        <v>0</v>
      </c>
      <c r="AI3335">
        <v>50000</v>
      </c>
      <c r="AJ3335">
        <v>0</v>
      </c>
      <c r="AK3335" t="s">
        <v>6</v>
      </c>
      <c r="AL3335">
        <v>0</v>
      </c>
      <c r="AM3335">
        <v>0</v>
      </c>
      <c r="AN3335">
        <v>0</v>
      </c>
      <c r="AO3335">
        <v>0</v>
      </c>
      <c r="AP3335">
        <v>0</v>
      </c>
      <c r="AQ3335">
        <v>0</v>
      </c>
      <c r="AR3335">
        <v>0</v>
      </c>
      <c r="AS3335">
        <v>0</v>
      </c>
      <c r="AT3335">
        <v>0</v>
      </c>
      <c r="AU3335">
        <v>0</v>
      </c>
      <c r="AV3335">
        <v>0</v>
      </c>
      <c r="AW3335">
        <v>0</v>
      </c>
      <c r="AX3335">
        <v>0</v>
      </c>
      <c r="AY3335">
        <v>0</v>
      </c>
      <c r="AZ3335">
        <v>0</v>
      </c>
      <c r="BA3335">
        <v>0</v>
      </c>
    </row>
    <row r="3336" spans="1:53" x14ac:dyDescent="0.4">
      <c r="A3336">
        <v>3380</v>
      </c>
      <c r="B3336" s="1">
        <v>43909</v>
      </c>
      <c r="C3336">
        <v>2</v>
      </c>
      <c r="D3336" s="1">
        <v>43909.454861111109</v>
      </c>
      <c r="E3336" s="1">
        <v>43909.732638888891</v>
      </c>
      <c r="F3336">
        <v>31900</v>
      </c>
      <c r="G3336">
        <v>800</v>
      </c>
      <c r="H3336">
        <v>200</v>
      </c>
      <c r="I3336">
        <v>0</v>
      </c>
      <c r="J3336">
        <v>0</v>
      </c>
      <c r="K3336">
        <v>0</v>
      </c>
      <c r="L3336">
        <v>0</v>
      </c>
      <c r="M3336">
        <v>3290</v>
      </c>
      <c r="N3336">
        <v>0</v>
      </c>
      <c r="O3336">
        <v>0</v>
      </c>
      <c r="P3336">
        <v>21175</v>
      </c>
      <c r="Q3336">
        <v>0</v>
      </c>
      <c r="R3336">
        <v>57365</v>
      </c>
      <c r="S3336">
        <v>0</v>
      </c>
      <c r="T3336">
        <v>0</v>
      </c>
      <c r="U3336">
        <v>0</v>
      </c>
      <c r="V3336">
        <v>1</v>
      </c>
      <c r="W3336">
        <v>3</v>
      </c>
      <c r="X3336">
        <v>0</v>
      </c>
      <c r="Y3336">
        <v>65</v>
      </c>
      <c r="Z3336">
        <v>24</v>
      </c>
      <c r="AA3336">
        <v>6</v>
      </c>
      <c r="AB3336">
        <v>53</v>
      </c>
      <c r="AC3336">
        <v>102</v>
      </c>
      <c r="AD3336">
        <v>67</v>
      </c>
      <c r="AE3336">
        <v>155</v>
      </c>
      <c r="AF3336">
        <v>605</v>
      </c>
      <c r="AG3336">
        <v>107365</v>
      </c>
      <c r="AH3336">
        <v>50000</v>
      </c>
      <c r="AI3336">
        <v>0</v>
      </c>
      <c r="AJ3336">
        <v>96</v>
      </c>
      <c r="AK3336" t="s">
        <v>4</v>
      </c>
      <c r="AL3336">
        <v>0</v>
      </c>
      <c r="AM3336">
        <v>0</v>
      </c>
      <c r="AN3336">
        <v>0</v>
      </c>
      <c r="AO3336">
        <v>0</v>
      </c>
      <c r="AP3336">
        <v>0</v>
      </c>
      <c r="AQ3336">
        <v>0</v>
      </c>
      <c r="AR3336">
        <v>0</v>
      </c>
      <c r="AS3336">
        <v>0</v>
      </c>
      <c r="AT3336">
        <v>0</v>
      </c>
      <c r="AU3336">
        <v>0</v>
      </c>
      <c r="AV3336">
        <v>0</v>
      </c>
      <c r="AW3336">
        <v>0</v>
      </c>
      <c r="AX3336">
        <v>594</v>
      </c>
      <c r="AY3336">
        <v>43</v>
      </c>
      <c r="AZ3336">
        <v>85</v>
      </c>
      <c r="BA3336">
        <v>6581</v>
      </c>
    </row>
    <row r="3337" spans="1:53" x14ac:dyDescent="0.4">
      <c r="A3337">
        <v>3381</v>
      </c>
      <c r="B3337" s="1">
        <v>43909</v>
      </c>
      <c r="C3337">
        <v>3</v>
      </c>
      <c r="D3337" s="1">
        <v>43909.732638888891</v>
      </c>
      <c r="E3337" s="1">
        <v>43909.960416666669</v>
      </c>
      <c r="F3337">
        <v>50300</v>
      </c>
      <c r="G3337">
        <v>5500</v>
      </c>
      <c r="H3337">
        <v>0</v>
      </c>
      <c r="I3337">
        <v>0</v>
      </c>
      <c r="J3337">
        <v>0</v>
      </c>
      <c r="K3337">
        <v>0</v>
      </c>
      <c r="L3337">
        <v>0</v>
      </c>
      <c r="M3337">
        <v>5580</v>
      </c>
      <c r="N3337">
        <v>0</v>
      </c>
      <c r="O3337">
        <v>0</v>
      </c>
      <c r="P3337">
        <v>-21175</v>
      </c>
      <c r="Q3337">
        <v>0</v>
      </c>
      <c r="R3337">
        <v>40205</v>
      </c>
      <c r="S3337">
        <v>0</v>
      </c>
      <c r="T3337">
        <v>0</v>
      </c>
      <c r="U3337">
        <v>0</v>
      </c>
      <c r="V3337">
        <v>2</v>
      </c>
      <c r="W3337">
        <v>5</v>
      </c>
      <c r="X3337">
        <v>0</v>
      </c>
      <c r="Y3337">
        <v>75</v>
      </c>
      <c r="Z3337">
        <v>28</v>
      </c>
      <c r="AA3337">
        <v>36</v>
      </c>
      <c r="AB3337">
        <v>53</v>
      </c>
      <c r="AC3337">
        <v>94</v>
      </c>
      <c r="AD3337">
        <v>68</v>
      </c>
      <c r="AE3337">
        <v>145</v>
      </c>
      <c r="AF3337">
        <v>5895</v>
      </c>
      <c r="AG3337">
        <v>147570</v>
      </c>
      <c r="AH3337">
        <v>50000</v>
      </c>
      <c r="AI3337">
        <v>0</v>
      </c>
      <c r="AJ3337">
        <v>84</v>
      </c>
      <c r="AK3337" t="s">
        <v>16</v>
      </c>
      <c r="AL3337">
        <v>0</v>
      </c>
      <c r="AM3337">
        <v>0</v>
      </c>
      <c r="AN3337">
        <v>0</v>
      </c>
      <c r="AO3337">
        <v>0</v>
      </c>
      <c r="AP3337">
        <v>0</v>
      </c>
      <c r="AQ3337">
        <v>0</v>
      </c>
      <c r="AR3337">
        <v>0</v>
      </c>
      <c r="AS3337">
        <v>0</v>
      </c>
      <c r="AT3337">
        <v>0</v>
      </c>
      <c r="AU3337">
        <v>0</v>
      </c>
      <c r="AV3337">
        <v>0</v>
      </c>
      <c r="AW3337">
        <v>0</v>
      </c>
      <c r="AX3337">
        <v>5830</v>
      </c>
      <c r="AY3337">
        <v>13</v>
      </c>
      <c r="AZ3337">
        <v>43</v>
      </c>
      <c r="BA3337">
        <v>2462</v>
      </c>
    </row>
    <row r="3338" spans="1:53" x14ac:dyDescent="0.4">
      <c r="A3338">
        <v>3382</v>
      </c>
      <c r="B3338" s="1">
        <v>43910</v>
      </c>
      <c r="C3338">
        <v>1</v>
      </c>
      <c r="D3338" s="1">
        <v>43910.291666666664</v>
      </c>
      <c r="E3338" s="1">
        <v>43910.413194444445</v>
      </c>
      <c r="F3338">
        <v>0</v>
      </c>
      <c r="G3338">
        <v>0</v>
      </c>
      <c r="H3338">
        <v>0</v>
      </c>
      <c r="I3338">
        <v>0</v>
      </c>
      <c r="J3338">
        <v>0</v>
      </c>
      <c r="K3338">
        <v>0</v>
      </c>
      <c r="L3338">
        <v>0</v>
      </c>
      <c r="M3338">
        <v>0</v>
      </c>
      <c r="N3338">
        <v>0</v>
      </c>
      <c r="O3338">
        <v>0</v>
      </c>
      <c r="P3338">
        <v>0</v>
      </c>
      <c r="Q3338">
        <v>0</v>
      </c>
      <c r="R3338">
        <v>0</v>
      </c>
      <c r="S3338">
        <v>0</v>
      </c>
      <c r="T3338">
        <v>0</v>
      </c>
      <c r="U3338">
        <v>0</v>
      </c>
      <c r="V3338">
        <v>0</v>
      </c>
      <c r="W3338">
        <v>0</v>
      </c>
      <c r="X3338">
        <v>0</v>
      </c>
      <c r="Y3338">
        <v>34</v>
      </c>
      <c r="Z3338">
        <v>18</v>
      </c>
      <c r="AA3338">
        <v>32</v>
      </c>
      <c r="AB3338">
        <v>48</v>
      </c>
      <c r="AC3338">
        <v>92</v>
      </c>
      <c r="AD3338">
        <v>67</v>
      </c>
      <c r="AE3338">
        <v>145</v>
      </c>
      <c r="AF3338">
        <v>0</v>
      </c>
      <c r="AG3338">
        <v>50000</v>
      </c>
      <c r="AH3338">
        <v>50000</v>
      </c>
      <c r="AI3338">
        <v>0</v>
      </c>
      <c r="AJ3338">
        <v>0</v>
      </c>
      <c r="AK3338" t="s">
        <v>6</v>
      </c>
      <c r="AL3338">
        <v>0</v>
      </c>
      <c r="AM3338">
        <v>0</v>
      </c>
      <c r="AN3338">
        <v>0</v>
      </c>
      <c r="AO3338">
        <v>0</v>
      </c>
      <c r="AP3338">
        <v>0</v>
      </c>
      <c r="AQ3338">
        <v>0</v>
      </c>
      <c r="AR3338">
        <v>0</v>
      </c>
      <c r="AS3338">
        <v>0</v>
      </c>
      <c r="AT3338">
        <v>0</v>
      </c>
      <c r="AU3338">
        <v>0</v>
      </c>
      <c r="AV3338">
        <v>0</v>
      </c>
      <c r="AW3338">
        <v>0</v>
      </c>
      <c r="AX3338">
        <v>0</v>
      </c>
      <c r="AY3338">
        <v>0</v>
      </c>
      <c r="AZ3338">
        <v>0</v>
      </c>
      <c r="BA3338">
        <v>0</v>
      </c>
    </row>
    <row r="3339" spans="1:53" x14ac:dyDescent="0.4">
      <c r="A3339">
        <v>3383</v>
      </c>
      <c r="B3339" s="1">
        <v>43910</v>
      </c>
      <c r="C3339">
        <v>2</v>
      </c>
      <c r="D3339" s="1">
        <v>43910.413194444445</v>
      </c>
      <c r="E3339" s="1">
        <v>43910.732638888891</v>
      </c>
      <c r="F3339">
        <v>44000</v>
      </c>
      <c r="G3339">
        <v>4480</v>
      </c>
      <c r="H3339">
        <v>200</v>
      </c>
      <c r="I3339">
        <v>0</v>
      </c>
      <c r="J3339">
        <v>0</v>
      </c>
      <c r="K3339">
        <v>400</v>
      </c>
      <c r="L3339">
        <v>0</v>
      </c>
      <c r="M3339">
        <v>4908</v>
      </c>
      <c r="N3339">
        <v>0</v>
      </c>
      <c r="O3339">
        <v>0</v>
      </c>
      <c r="P3339">
        <v>6050</v>
      </c>
      <c r="Q3339">
        <v>0</v>
      </c>
      <c r="R3339">
        <v>60038</v>
      </c>
      <c r="S3339">
        <v>0</v>
      </c>
      <c r="T3339">
        <v>0</v>
      </c>
      <c r="U3339">
        <v>0</v>
      </c>
      <c r="V3339">
        <v>3</v>
      </c>
      <c r="W3339">
        <v>1</v>
      </c>
      <c r="X3339">
        <v>0</v>
      </c>
      <c r="Y3339">
        <v>49</v>
      </c>
      <c r="Z3339">
        <v>37</v>
      </c>
      <c r="AA3339">
        <v>23</v>
      </c>
      <c r="AB3339">
        <v>16</v>
      </c>
      <c r="AC3339">
        <v>92</v>
      </c>
      <c r="AD3339">
        <v>76</v>
      </c>
      <c r="AE3339">
        <v>179</v>
      </c>
      <c r="AF3339">
        <v>3014</v>
      </c>
      <c r="AG3339">
        <v>110093</v>
      </c>
      <c r="AH3339">
        <v>50000</v>
      </c>
      <c r="AI3339">
        <v>55</v>
      </c>
      <c r="AJ3339">
        <v>93</v>
      </c>
      <c r="AK3339" t="s">
        <v>20</v>
      </c>
      <c r="AL3339">
        <v>0</v>
      </c>
      <c r="AM3339">
        <v>0</v>
      </c>
      <c r="AN3339">
        <v>0</v>
      </c>
      <c r="AO3339">
        <v>0</v>
      </c>
      <c r="AP3339">
        <v>0</v>
      </c>
      <c r="AQ3339">
        <v>0</v>
      </c>
      <c r="AR3339">
        <v>0</v>
      </c>
      <c r="AS3339">
        <v>0</v>
      </c>
      <c r="AT3339">
        <v>0</v>
      </c>
      <c r="AU3339">
        <v>0</v>
      </c>
      <c r="AV3339">
        <v>0</v>
      </c>
      <c r="AW3339">
        <v>0</v>
      </c>
      <c r="AX3339">
        <v>1342</v>
      </c>
      <c r="AY3339">
        <v>41</v>
      </c>
      <c r="AZ3339">
        <v>86</v>
      </c>
      <c r="BA3339">
        <v>7315</v>
      </c>
    </row>
    <row r="3340" spans="1:53" x14ac:dyDescent="0.4">
      <c r="A3340">
        <v>3384</v>
      </c>
      <c r="B3340" s="1">
        <v>43910</v>
      </c>
      <c r="C3340">
        <v>3</v>
      </c>
      <c r="D3340" s="1">
        <v>43910.732638888891</v>
      </c>
      <c r="E3340" s="1">
        <v>43910.964583333334</v>
      </c>
      <c r="F3340">
        <v>46100</v>
      </c>
      <c r="G3340">
        <v>1220</v>
      </c>
      <c r="H3340">
        <v>0</v>
      </c>
      <c r="I3340">
        <v>0</v>
      </c>
      <c r="J3340">
        <v>0</v>
      </c>
      <c r="K3340">
        <v>0</v>
      </c>
      <c r="L3340">
        <v>0</v>
      </c>
      <c r="M3340">
        <v>4732</v>
      </c>
      <c r="N3340">
        <v>0</v>
      </c>
      <c r="O3340">
        <v>0</v>
      </c>
      <c r="P3340">
        <v>10670</v>
      </c>
      <c r="Q3340">
        <v>0</v>
      </c>
      <c r="R3340">
        <v>62722</v>
      </c>
      <c r="S3340">
        <v>0</v>
      </c>
      <c r="T3340">
        <v>0</v>
      </c>
      <c r="U3340">
        <v>0</v>
      </c>
      <c r="V3340">
        <v>6</v>
      </c>
      <c r="W3340">
        <v>2</v>
      </c>
      <c r="X3340">
        <v>0</v>
      </c>
      <c r="Y3340">
        <v>55</v>
      </c>
      <c r="Z3340">
        <v>39</v>
      </c>
      <c r="AA3340">
        <v>19</v>
      </c>
      <c r="AB3340">
        <v>14</v>
      </c>
      <c r="AC3340">
        <v>90</v>
      </c>
      <c r="AD3340">
        <v>78</v>
      </c>
      <c r="AE3340">
        <v>181</v>
      </c>
      <c r="AF3340">
        <v>24189</v>
      </c>
      <c r="AG3340">
        <v>172760</v>
      </c>
      <c r="AH3340">
        <v>50000</v>
      </c>
      <c r="AI3340">
        <v>0</v>
      </c>
      <c r="AJ3340">
        <v>84</v>
      </c>
      <c r="AK3340" t="s">
        <v>16</v>
      </c>
      <c r="AL3340">
        <v>0</v>
      </c>
      <c r="AM3340">
        <v>0</v>
      </c>
      <c r="AN3340">
        <v>0</v>
      </c>
      <c r="AO3340">
        <v>0</v>
      </c>
      <c r="AP3340">
        <v>0</v>
      </c>
      <c r="AQ3340">
        <v>0</v>
      </c>
      <c r="AR3340">
        <v>0</v>
      </c>
      <c r="AS3340">
        <v>0</v>
      </c>
      <c r="AT3340">
        <v>0</v>
      </c>
      <c r="AU3340">
        <v>0</v>
      </c>
      <c r="AV3340">
        <v>0</v>
      </c>
      <c r="AW3340">
        <v>0</v>
      </c>
      <c r="AX3340">
        <v>29208</v>
      </c>
      <c r="AY3340">
        <v>20</v>
      </c>
      <c r="AZ3340">
        <v>54</v>
      </c>
      <c r="BA3340">
        <v>2245</v>
      </c>
    </row>
    <row r="3341" spans="1:53" x14ac:dyDescent="0.4">
      <c r="A3341">
        <v>3385</v>
      </c>
      <c r="B3341" s="1">
        <v>43910</v>
      </c>
      <c r="C3341">
        <v>4</v>
      </c>
      <c r="D3341" s="1">
        <v>43910.964583333334</v>
      </c>
      <c r="E3341" s="1">
        <v>43911.086805555555</v>
      </c>
      <c r="F3341">
        <v>76800</v>
      </c>
      <c r="G3341">
        <v>0</v>
      </c>
      <c r="H3341">
        <v>0</v>
      </c>
      <c r="I3341">
        <v>0</v>
      </c>
      <c r="J3341">
        <v>0</v>
      </c>
      <c r="K3341">
        <v>0</v>
      </c>
      <c r="L3341">
        <v>0</v>
      </c>
      <c r="M3341">
        <v>7680</v>
      </c>
      <c r="N3341">
        <v>0</v>
      </c>
      <c r="O3341">
        <v>0</v>
      </c>
      <c r="P3341">
        <v>38720</v>
      </c>
      <c r="Q3341">
        <v>0</v>
      </c>
      <c r="R3341">
        <v>123200</v>
      </c>
      <c r="S3341">
        <v>0</v>
      </c>
      <c r="T3341">
        <v>0</v>
      </c>
      <c r="U3341">
        <v>0</v>
      </c>
      <c r="V3341">
        <v>12</v>
      </c>
      <c r="W3341">
        <v>7</v>
      </c>
      <c r="X3341">
        <v>0</v>
      </c>
      <c r="Y3341">
        <v>54</v>
      </c>
      <c r="Z3341">
        <v>37</v>
      </c>
      <c r="AA3341">
        <v>12</v>
      </c>
      <c r="AB3341">
        <v>13</v>
      </c>
      <c r="AC3341">
        <v>93</v>
      </c>
      <c r="AD3341">
        <v>78</v>
      </c>
      <c r="AE3341">
        <v>181</v>
      </c>
      <c r="AF3341">
        <v>65109</v>
      </c>
      <c r="AG3341">
        <v>295960</v>
      </c>
      <c r="AH3341">
        <v>50000</v>
      </c>
      <c r="AI3341">
        <v>0</v>
      </c>
      <c r="AJ3341">
        <v>100</v>
      </c>
      <c r="AK3341" t="s">
        <v>0</v>
      </c>
      <c r="AL3341">
        <v>0</v>
      </c>
      <c r="AM3341">
        <v>0</v>
      </c>
      <c r="AN3341">
        <v>0</v>
      </c>
      <c r="AO3341">
        <v>0</v>
      </c>
      <c r="AP3341">
        <v>0</v>
      </c>
      <c r="AQ3341">
        <v>0</v>
      </c>
      <c r="AR3341">
        <v>0</v>
      </c>
      <c r="AS3341">
        <v>0</v>
      </c>
      <c r="AT3341">
        <v>0</v>
      </c>
      <c r="AU3341">
        <v>0</v>
      </c>
      <c r="AV3341">
        <v>0</v>
      </c>
      <c r="AW3341">
        <v>0</v>
      </c>
      <c r="AX3341">
        <v>11704</v>
      </c>
      <c r="AY3341">
        <v>6</v>
      </c>
      <c r="AZ3341">
        <v>25</v>
      </c>
      <c r="BA3341">
        <v>2015</v>
      </c>
    </row>
    <row r="3342" spans="1:53" x14ac:dyDescent="0.4">
      <c r="A3342">
        <v>3386</v>
      </c>
      <c r="B3342" s="1">
        <v>43911</v>
      </c>
      <c r="C3342">
        <v>1</v>
      </c>
      <c r="D3342" s="1">
        <v>43911.291666666664</v>
      </c>
      <c r="E3342" s="1">
        <v>43911.398611111108</v>
      </c>
      <c r="F3342">
        <v>0</v>
      </c>
      <c r="G3342">
        <v>0</v>
      </c>
      <c r="H3342">
        <v>0</v>
      </c>
      <c r="I3342">
        <v>0</v>
      </c>
      <c r="J3342">
        <v>0</v>
      </c>
      <c r="K3342">
        <v>0</v>
      </c>
      <c r="L3342">
        <v>0</v>
      </c>
      <c r="M3342">
        <v>0</v>
      </c>
      <c r="N3342">
        <v>0</v>
      </c>
      <c r="O3342">
        <v>0</v>
      </c>
      <c r="P3342">
        <v>0</v>
      </c>
      <c r="Q3342">
        <v>0</v>
      </c>
      <c r="R3342">
        <v>0</v>
      </c>
      <c r="S3342">
        <v>0</v>
      </c>
      <c r="T3342">
        <v>0</v>
      </c>
      <c r="U3342">
        <v>0</v>
      </c>
      <c r="V3342">
        <v>0</v>
      </c>
      <c r="W3342">
        <v>0</v>
      </c>
      <c r="X3342">
        <v>0</v>
      </c>
      <c r="Y3342">
        <v>30</v>
      </c>
      <c r="Z3342">
        <v>22</v>
      </c>
      <c r="AA3342">
        <v>69</v>
      </c>
      <c r="AB3342">
        <v>12</v>
      </c>
      <c r="AC3342">
        <v>93</v>
      </c>
      <c r="AD3342">
        <v>78</v>
      </c>
      <c r="AE3342">
        <v>180</v>
      </c>
      <c r="AF3342">
        <v>0</v>
      </c>
      <c r="AG3342">
        <v>50000</v>
      </c>
      <c r="AH3342">
        <v>50000</v>
      </c>
      <c r="AI3342">
        <v>0</v>
      </c>
      <c r="AJ3342">
        <v>0</v>
      </c>
      <c r="AK3342" t="s">
        <v>6</v>
      </c>
      <c r="AL3342">
        <v>0</v>
      </c>
      <c r="AM3342">
        <v>0</v>
      </c>
      <c r="AN3342">
        <v>0</v>
      </c>
      <c r="AO3342">
        <v>0</v>
      </c>
      <c r="AP3342">
        <v>0</v>
      </c>
      <c r="AQ3342">
        <v>0</v>
      </c>
      <c r="AR3342">
        <v>0</v>
      </c>
      <c r="AS3342">
        <v>0</v>
      </c>
      <c r="AT3342">
        <v>0</v>
      </c>
      <c r="AU3342">
        <v>0</v>
      </c>
      <c r="AV3342">
        <v>0</v>
      </c>
      <c r="AW3342">
        <v>0</v>
      </c>
      <c r="AX3342">
        <v>0</v>
      </c>
      <c r="AY3342">
        <v>0</v>
      </c>
      <c r="AZ3342">
        <v>0</v>
      </c>
      <c r="BA3342">
        <v>0</v>
      </c>
    </row>
    <row r="3343" spans="1:53" x14ac:dyDescent="0.4">
      <c r="A3343">
        <v>3387</v>
      </c>
      <c r="B3343" s="1">
        <v>43911</v>
      </c>
      <c r="C3343">
        <v>2</v>
      </c>
      <c r="D3343" s="1">
        <v>43911.398611111108</v>
      </c>
      <c r="E3343" s="1">
        <v>43911.736805555556</v>
      </c>
      <c r="F3343">
        <v>37400</v>
      </c>
      <c r="G3343">
        <v>2180</v>
      </c>
      <c r="H3343">
        <v>200</v>
      </c>
      <c r="I3343">
        <v>0</v>
      </c>
      <c r="J3343">
        <v>0</v>
      </c>
      <c r="K3343">
        <v>0</v>
      </c>
      <c r="L3343">
        <v>0</v>
      </c>
      <c r="M3343">
        <v>3978</v>
      </c>
      <c r="N3343">
        <v>0</v>
      </c>
      <c r="O3343">
        <v>0</v>
      </c>
      <c r="P3343">
        <v>24200</v>
      </c>
      <c r="Q3343">
        <v>0</v>
      </c>
      <c r="R3343">
        <v>67958</v>
      </c>
      <c r="S3343">
        <v>0</v>
      </c>
      <c r="T3343">
        <v>0</v>
      </c>
      <c r="U3343">
        <v>0</v>
      </c>
      <c r="V3343">
        <v>4</v>
      </c>
      <c r="W3343">
        <v>1</v>
      </c>
      <c r="X3343">
        <v>0</v>
      </c>
      <c r="Y3343">
        <v>48</v>
      </c>
      <c r="Z3343">
        <v>33</v>
      </c>
      <c r="AA3343">
        <v>67</v>
      </c>
      <c r="AB3343">
        <v>7</v>
      </c>
      <c r="AC3343">
        <v>83</v>
      </c>
      <c r="AD3343">
        <v>73</v>
      </c>
      <c r="AE3343">
        <v>214</v>
      </c>
      <c r="AF3343">
        <v>0</v>
      </c>
      <c r="AG3343">
        <v>117959</v>
      </c>
      <c r="AH3343">
        <v>50000</v>
      </c>
      <c r="AI3343">
        <v>1</v>
      </c>
      <c r="AJ3343">
        <v>93</v>
      </c>
      <c r="AK3343" t="s">
        <v>20</v>
      </c>
      <c r="AL3343">
        <v>0</v>
      </c>
      <c r="AM3343">
        <v>0</v>
      </c>
      <c r="AN3343">
        <v>0</v>
      </c>
      <c r="AO3343">
        <v>0</v>
      </c>
      <c r="AP3343">
        <v>0</v>
      </c>
      <c r="AQ3343">
        <v>0</v>
      </c>
      <c r="AR3343">
        <v>0</v>
      </c>
      <c r="AS3343">
        <v>0</v>
      </c>
      <c r="AT3343">
        <v>0</v>
      </c>
      <c r="AU3343">
        <v>0</v>
      </c>
      <c r="AV3343">
        <v>0</v>
      </c>
      <c r="AW3343">
        <v>0</v>
      </c>
      <c r="AX3343">
        <v>682</v>
      </c>
      <c r="AY3343">
        <v>47</v>
      </c>
      <c r="AZ3343">
        <v>98</v>
      </c>
      <c r="BA3343">
        <v>7324</v>
      </c>
    </row>
    <row r="3344" spans="1:53" x14ac:dyDescent="0.4">
      <c r="A3344">
        <v>3388</v>
      </c>
      <c r="B3344" s="1">
        <v>43911</v>
      </c>
      <c r="C3344">
        <v>3</v>
      </c>
      <c r="D3344" s="1">
        <v>43911.736805555556</v>
      </c>
      <c r="E3344" s="1">
        <v>43911.955555555556</v>
      </c>
      <c r="F3344">
        <v>30950</v>
      </c>
      <c r="G3344">
        <v>2440</v>
      </c>
      <c r="H3344">
        <v>0</v>
      </c>
      <c r="I3344">
        <v>0</v>
      </c>
      <c r="J3344">
        <v>0</v>
      </c>
      <c r="K3344">
        <v>0</v>
      </c>
      <c r="L3344">
        <v>0</v>
      </c>
      <c r="M3344">
        <v>3339</v>
      </c>
      <c r="N3344">
        <v>0</v>
      </c>
      <c r="O3344">
        <v>0</v>
      </c>
      <c r="P3344">
        <v>-2200</v>
      </c>
      <c r="Q3344">
        <v>0</v>
      </c>
      <c r="R3344">
        <v>34529</v>
      </c>
      <c r="S3344">
        <v>0</v>
      </c>
      <c r="T3344">
        <v>0</v>
      </c>
      <c r="U3344">
        <v>0</v>
      </c>
      <c r="V3344">
        <v>6</v>
      </c>
      <c r="W3344">
        <v>5</v>
      </c>
      <c r="X3344">
        <v>0</v>
      </c>
      <c r="Y3344">
        <v>43</v>
      </c>
      <c r="Z3344">
        <v>32</v>
      </c>
      <c r="AA3344">
        <v>68</v>
      </c>
      <c r="AB3344">
        <v>6</v>
      </c>
      <c r="AC3344">
        <v>81</v>
      </c>
      <c r="AD3344">
        <v>72</v>
      </c>
      <c r="AE3344">
        <v>217</v>
      </c>
      <c r="AF3344">
        <v>0</v>
      </c>
      <c r="AG3344">
        <v>152487</v>
      </c>
      <c r="AH3344">
        <v>50000</v>
      </c>
      <c r="AI3344">
        <v>0</v>
      </c>
      <c r="AJ3344">
        <v>100</v>
      </c>
      <c r="AK3344" t="s">
        <v>0</v>
      </c>
      <c r="AL3344">
        <v>0</v>
      </c>
      <c r="AM3344">
        <v>0</v>
      </c>
      <c r="AN3344">
        <v>0</v>
      </c>
      <c r="AO3344">
        <v>0</v>
      </c>
      <c r="AP3344">
        <v>0</v>
      </c>
      <c r="AQ3344">
        <v>0</v>
      </c>
      <c r="AR3344">
        <v>0</v>
      </c>
      <c r="AS3344">
        <v>0</v>
      </c>
      <c r="AT3344">
        <v>0</v>
      </c>
      <c r="AU3344">
        <v>0</v>
      </c>
      <c r="AV3344">
        <v>0</v>
      </c>
      <c r="AW3344">
        <v>0</v>
      </c>
      <c r="AX3344">
        <v>28275</v>
      </c>
      <c r="AY3344">
        <v>15</v>
      </c>
      <c r="AZ3344">
        <v>56</v>
      </c>
      <c r="BA3344">
        <v>2492</v>
      </c>
    </row>
    <row r="3345" spans="1:53" x14ac:dyDescent="0.4">
      <c r="A3345">
        <v>3389</v>
      </c>
      <c r="B3345" s="1">
        <v>43911</v>
      </c>
      <c r="C3345">
        <v>4</v>
      </c>
      <c r="D3345" s="1">
        <v>43911.955555555556</v>
      </c>
      <c r="E3345" s="1">
        <v>43912.279861111114</v>
      </c>
      <c r="F3345">
        <v>204775</v>
      </c>
      <c r="G3345">
        <v>9710</v>
      </c>
      <c r="H3345">
        <v>0</v>
      </c>
      <c r="I3345">
        <v>0</v>
      </c>
      <c r="J3345">
        <v>1300</v>
      </c>
      <c r="K3345">
        <v>9300</v>
      </c>
      <c r="L3345">
        <v>0</v>
      </c>
      <c r="M3345">
        <v>22249</v>
      </c>
      <c r="N3345">
        <v>0</v>
      </c>
      <c r="O3345">
        <v>0</v>
      </c>
      <c r="P3345">
        <v>-22000</v>
      </c>
      <c r="Q3345">
        <v>0</v>
      </c>
      <c r="R3345">
        <v>222734</v>
      </c>
      <c r="S3345">
        <v>0</v>
      </c>
      <c r="T3345">
        <v>0</v>
      </c>
      <c r="U3345">
        <v>0</v>
      </c>
      <c r="V3345">
        <v>0</v>
      </c>
      <c r="W3345">
        <v>0</v>
      </c>
      <c r="X3345">
        <v>0</v>
      </c>
      <c r="Y3345">
        <v>32</v>
      </c>
      <c r="Z3345">
        <v>18</v>
      </c>
      <c r="AA3345">
        <v>76</v>
      </c>
      <c r="AB3345">
        <v>4</v>
      </c>
      <c r="AC3345">
        <v>76</v>
      </c>
      <c r="AD3345">
        <v>64</v>
      </c>
      <c r="AE3345">
        <v>120</v>
      </c>
      <c r="AF3345">
        <v>0</v>
      </c>
      <c r="AG3345">
        <v>50000</v>
      </c>
      <c r="AH3345">
        <v>0</v>
      </c>
      <c r="AI3345">
        <v>-275221</v>
      </c>
      <c r="AJ3345">
        <v>108</v>
      </c>
      <c r="AK3345" t="s">
        <v>30</v>
      </c>
      <c r="AL3345">
        <v>0</v>
      </c>
      <c r="AM3345">
        <v>0</v>
      </c>
      <c r="AN3345">
        <v>0</v>
      </c>
      <c r="AO3345">
        <v>0</v>
      </c>
      <c r="AP3345">
        <v>0</v>
      </c>
      <c r="AQ3345">
        <v>0</v>
      </c>
      <c r="AR3345">
        <v>0</v>
      </c>
      <c r="AS3345">
        <v>0</v>
      </c>
      <c r="AT3345">
        <v>0</v>
      </c>
      <c r="AU3345">
        <v>0</v>
      </c>
      <c r="AV3345">
        <v>0</v>
      </c>
      <c r="AW3345">
        <v>0</v>
      </c>
      <c r="AX3345">
        <v>0</v>
      </c>
      <c r="AY3345">
        <v>20</v>
      </c>
      <c r="AZ3345">
        <v>63</v>
      </c>
      <c r="BA3345">
        <v>5889</v>
      </c>
    </row>
    <row r="3346" spans="1:53" x14ac:dyDescent="0.4">
      <c r="A3346">
        <v>3390</v>
      </c>
      <c r="B3346" s="1">
        <v>43912</v>
      </c>
      <c r="C3346">
        <v>1</v>
      </c>
      <c r="D3346" s="1">
        <v>43912.291666666664</v>
      </c>
      <c r="E3346" s="1">
        <v>43912.408333333333</v>
      </c>
      <c r="F3346">
        <v>0</v>
      </c>
      <c r="G3346">
        <v>0</v>
      </c>
      <c r="H3346">
        <v>0</v>
      </c>
      <c r="I3346">
        <v>0</v>
      </c>
      <c r="J3346">
        <v>0</v>
      </c>
      <c r="K3346">
        <v>0</v>
      </c>
      <c r="L3346">
        <v>0</v>
      </c>
      <c r="M3346">
        <v>0</v>
      </c>
      <c r="N3346">
        <v>0</v>
      </c>
      <c r="O3346">
        <v>0</v>
      </c>
      <c r="P3346">
        <v>0</v>
      </c>
      <c r="Q3346">
        <v>0</v>
      </c>
      <c r="R3346">
        <v>0</v>
      </c>
      <c r="S3346">
        <v>0</v>
      </c>
      <c r="T3346">
        <v>0</v>
      </c>
      <c r="U3346">
        <v>0</v>
      </c>
      <c r="V3346">
        <v>0</v>
      </c>
      <c r="W3346">
        <v>0</v>
      </c>
      <c r="X3346">
        <v>0</v>
      </c>
      <c r="Y3346">
        <v>32</v>
      </c>
      <c r="Z3346">
        <v>18</v>
      </c>
      <c r="AA3346">
        <v>76</v>
      </c>
      <c r="AB3346">
        <v>4</v>
      </c>
      <c r="AC3346">
        <v>76</v>
      </c>
      <c r="AD3346">
        <v>64</v>
      </c>
      <c r="AE3346">
        <v>120</v>
      </c>
      <c r="AF3346">
        <v>0</v>
      </c>
      <c r="AG3346">
        <v>50000</v>
      </c>
      <c r="AH3346">
        <v>50000</v>
      </c>
      <c r="AI3346">
        <v>0</v>
      </c>
      <c r="AJ3346">
        <v>0</v>
      </c>
      <c r="AK3346" t="s">
        <v>6</v>
      </c>
      <c r="AL3346">
        <v>0</v>
      </c>
      <c r="AM3346">
        <v>0</v>
      </c>
      <c r="AN3346">
        <v>0</v>
      </c>
      <c r="AO3346">
        <v>0</v>
      </c>
      <c r="AP3346">
        <v>0</v>
      </c>
      <c r="AQ3346">
        <v>0</v>
      </c>
      <c r="AR3346">
        <v>0</v>
      </c>
      <c r="AS3346">
        <v>0</v>
      </c>
      <c r="AT3346">
        <v>0</v>
      </c>
      <c r="AU3346">
        <v>0</v>
      </c>
      <c r="AV3346">
        <v>0</v>
      </c>
      <c r="AW3346">
        <v>0</v>
      </c>
      <c r="AX3346">
        <v>0</v>
      </c>
      <c r="AY3346">
        <v>0</v>
      </c>
      <c r="AZ3346">
        <v>0</v>
      </c>
      <c r="BA3346">
        <v>0</v>
      </c>
    </row>
    <row r="3347" spans="1:53" x14ac:dyDescent="0.4">
      <c r="A3347">
        <v>3391</v>
      </c>
      <c r="B3347" s="1">
        <v>43912</v>
      </c>
      <c r="C3347">
        <v>2</v>
      </c>
      <c r="D3347" s="1">
        <v>43912.408333333333</v>
      </c>
      <c r="E3347" s="1">
        <v>43912.738888888889</v>
      </c>
      <c r="F3347">
        <v>35200</v>
      </c>
      <c r="G3347">
        <v>2280</v>
      </c>
      <c r="H3347">
        <v>200</v>
      </c>
      <c r="I3347">
        <v>0</v>
      </c>
      <c r="J3347">
        <v>100</v>
      </c>
      <c r="K3347">
        <v>0</v>
      </c>
      <c r="L3347">
        <v>0</v>
      </c>
      <c r="M3347">
        <v>3758</v>
      </c>
      <c r="N3347">
        <v>0</v>
      </c>
      <c r="O3347">
        <v>0</v>
      </c>
      <c r="P3347">
        <v>25410</v>
      </c>
      <c r="Q3347">
        <v>0</v>
      </c>
      <c r="R3347">
        <v>66748</v>
      </c>
      <c r="S3347">
        <v>0</v>
      </c>
      <c r="T3347">
        <v>0</v>
      </c>
      <c r="U3347">
        <v>0</v>
      </c>
      <c r="V3347">
        <v>4</v>
      </c>
      <c r="W3347">
        <v>1</v>
      </c>
      <c r="X3347">
        <v>0</v>
      </c>
      <c r="Y3347">
        <v>45</v>
      </c>
      <c r="Z3347">
        <v>35</v>
      </c>
      <c r="AA3347">
        <v>72</v>
      </c>
      <c r="AB3347">
        <v>1</v>
      </c>
      <c r="AC3347">
        <v>7</v>
      </c>
      <c r="AD3347">
        <v>68</v>
      </c>
      <c r="AE3347">
        <v>178</v>
      </c>
      <c r="AF3347">
        <v>1430</v>
      </c>
      <c r="AG3347">
        <v>116768</v>
      </c>
      <c r="AH3347">
        <v>50000</v>
      </c>
      <c r="AI3347">
        <v>20</v>
      </c>
      <c r="AJ3347">
        <v>90</v>
      </c>
      <c r="AK3347" t="s">
        <v>38</v>
      </c>
      <c r="AL3347">
        <v>0</v>
      </c>
      <c r="AM3347">
        <v>0</v>
      </c>
      <c r="AN3347">
        <v>0</v>
      </c>
      <c r="AO3347">
        <v>0</v>
      </c>
      <c r="AP3347">
        <v>0</v>
      </c>
      <c r="AQ3347">
        <v>0</v>
      </c>
      <c r="AR3347">
        <v>0</v>
      </c>
      <c r="AS3347">
        <v>0</v>
      </c>
      <c r="AT3347">
        <v>0</v>
      </c>
      <c r="AU3347">
        <v>0</v>
      </c>
      <c r="AV3347">
        <v>0</v>
      </c>
      <c r="AW3347">
        <v>0</v>
      </c>
      <c r="AX3347">
        <v>770</v>
      </c>
      <c r="AY3347">
        <v>49</v>
      </c>
      <c r="AZ3347">
        <v>107</v>
      </c>
      <c r="BA3347">
        <v>7072</v>
      </c>
    </row>
    <row r="3348" spans="1:53" x14ac:dyDescent="0.4">
      <c r="A3348">
        <v>3392</v>
      </c>
      <c r="B3348" s="1">
        <v>43912</v>
      </c>
      <c r="C3348">
        <v>3</v>
      </c>
      <c r="D3348" s="1">
        <v>43912.738888888889</v>
      </c>
      <c r="E3348" s="1">
        <v>43912.955555555556</v>
      </c>
      <c r="F3348">
        <v>34700</v>
      </c>
      <c r="G3348">
        <v>700</v>
      </c>
      <c r="H3348">
        <v>0</v>
      </c>
      <c r="I3348">
        <v>0</v>
      </c>
      <c r="J3348">
        <v>0</v>
      </c>
      <c r="K3348">
        <v>0</v>
      </c>
      <c r="L3348">
        <v>0</v>
      </c>
      <c r="M3348">
        <v>3540</v>
      </c>
      <c r="N3348">
        <v>0</v>
      </c>
      <c r="O3348">
        <v>0</v>
      </c>
      <c r="P3348">
        <v>-25410</v>
      </c>
      <c r="Q3348">
        <v>0</v>
      </c>
      <c r="R3348">
        <v>13530</v>
      </c>
      <c r="S3348">
        <v>0</v>
      </c>
      <c r="T3348">
        <v>0</v>
      </c>
      <c r="U3348">
        <v>0</v>
      </c>
      <c r="V3348">
        <v>4</v>
      </c>
      <c r="W3348">
        <v>3</v>
      </c>
      <c r="X3348">
        <v>0</v>
      </c>
      <c r="Y3348">
        <v>48</v>
      </c>
      <c r="Z3348">
        <v>33</v>
      </c>
      <c r="AA3348">
        <v>80</v>
      </c>
      <c r="AB3348">
        <v>2</v>
      </c>
      <c r="AC3348">
        <v>77</v>
      </c>
      <c r="AD3348">
        <v>60</v>
      </c>
      <c r="AE3348">
        <v>178</v>
      </c>
      <c r="AF3348">
        <v>1430</v>
      </c>
      <c r="AG3348">
        <v>130278</v>
      </c>
      <c r="AH3348">
        <v>50000</v>
      </c>
      <c r="AI3348">
        <v>0</v>
      </c>
      <c r="AJ3348">
        <v>101</v>
      </c>
      <c r="AK3348" t="s">
        <v>28</v>
      </c>
      <c r="AL3348">
        <v>0</v>
      </c>
      <c r="AM3348">
        <v>0</v>
      </c>
      <c r="AN3348">
        <v>0</v>
      </c>
      <c r="AO3348">
        <v>0</v>
      </c>
      <c r="AP3348">
        <v>0</v>
      </c>
      <c r="AQ3348">
        <v>0</v>
      </c>
      <c r="AR3348">
        <v>0</v>
      </c>
      <c r="AS3348">
        <v>0</v>
      </c>
      <c r="AT3348">
        <v>0</v>
      </c>
      <c r="AU3348">
        <v>0</v>
      </c>
      <c r="AV3348">
        <v>0</v>
      </c>
      <c r="AW3348">
        <v>0</v>
      </c>
      <c r="AX3348">
        <v>1815</v>
      </c>
      <c r="AY3348">
        <v>7</v>
      </c>
      <c r="AZ3348">
        <v>18</v>
      </c>
      <c r="BA3348">
        <v>2129</v>
      </c>
    </row>
    <row r="3349" spans="1:53" x14ac:dyDescent="0.4">
      <c r="A3349">
        <v>3393</v>
      </c>
      <c r="B3349" s="1">
        <v>43912</v>
      </c>
      <c r="C3349">
        <v>4</v>
      </c>
      <c r="D3349" s="1">
        <v>43912.955555555556</v>
      </c>
      <c r="E3349" s="1">
        <v>43913.078472222223</v>
      </c>
      <c r="F3349">
        <v>5500</v>
      </c>
      <c r="G3349">
        <v>0</v>
      </c>
      <c r="H3349">
        <v>400</v>
      </c>
      <c r="I3349">
        <v>0</v>
      </c>
      <c r="J3349">
        <v>0</v>
      </c>
      <c r="K3349">
        <v>0</v>
      </c>
      <c r="L3349">
        <v>0</v>
      </c>
      <c r="M3349">
        <v>590</v>
      </c>
      <c r="N3349">
        <v>0</v>
      </c>
      <c r="O3349">
        <v>0</v>
      </c>
      <c r="P3349">
        <v>10340</v>
      </c>
      <c r="Q3349">
        <v>0</v>
      </c>
      <c r="R3349">
        <v>16830</v>
      </c>
      <c r="S3349">
        <v>0</v>
      </c>
      <c r="T3349">
        <v>0</v>
      </c>
      <c r="U3349">
        <v>0</v>
      </c>
      <c r="V3349">
        <v>5</v>
      </c>
      <c r="W3349">
        <v>2</v>
      </c>
      <c r="X3349">
        <v>0</v>
      </c>
      <c r="Y3349">
        <v>59</v>
      </c>
      <c r="Z3349">
        <v>33</v>
      </c>
      <c r="AA3349">
        <v>85</v>
      </c>
      <c r="AB3349">
        <v>4</v>
      </c>
      <c r="AC3349">
        <v>101</v>
      </c>
      <c r="AD3349">
        <v>60</v>
      </c>
      <c r="AE3349">
        <v>178</v>
      </c>
      <c r="AF3349">
        <v>1420</v>
      </c>
      <c r="AG3349">
        <v>147108</v>
      </c>
      <c r="AH3349">
        <v>50000</v>
      </c>
      <c r="AI3349">
        <v>0</v>
      </c>
      <c r="AJ3349">
        <v>108</v>
      </c>
      <c r="AK3349" t="s">
        <v>30</v>
      </c>
      <c r="AL3349">
        <v>0</v>
      </c>
      <c r="AM3349">
        <v>0</v>
      </c>
      <c r="AN3349">
        <v>0</v>
      </c>
      <c r="AO3349">
        <v>0</v>
      </c>
      <c r="AP3349">
        <v>0</v>
      </c>
      <c r="AQ3349">
        <v>0</v>
      </c>
      <c r="AR3349">
        <v>0</v>
      </c>
      <c r="AS3349">
        <v>0</v>
      </c>
      <c r="AT3349">
        <v>0</v>
      </c>
      <c r="AU3349">
        <v>0</v>
      </c>
      <c r="AV3349">
        <v>0</v>
      </c>
      <c r="AW3349">
        <v>0</v>
      </c>
      <c r="AX3349">
        <v>0</v>
      </c>
      <c r="AY3349">
        <v>2</v>
      </c>
      <c r="AZ3349">
        <v>7</v>
      </c>
      <c r="BA3349">
        <v>299</v>
      </c>
    </row>
    <row r="3350" spans="1:53" x14ac:dyDescent="0.4">
      <c r="A3350">
        <v>3394</v>
      </c>
      <c r="B3350" s="1">
        <v>43913</v>
      </c>
      <c r="C3350">
        <v>1</v>
      </c>
      <c r="D3350" s="1">
        <v>43913.291666666664</v>
      </c>
      <c r="E3350" s="1">
        <v>43913.454861111109</v>
      </c>
      <c r="F3350">
        <v>0</v>
      </c>
      <c r="G3350">
        <v>0</v>
      </c>
      <c r="H3350">
        <v>0</v>
      </c>
      <c r="I3350">
        <v>0</v>
      </c>
      <c r="J3350">
        <v>0</v>
      </c>
      <c r="K3350">
        <v>0</v>
      </c>
      <c r="L3350">
        <v>0</v>
      </c>
      <c r="M3350">
        <v>0</v>
      </c>
      <c r="N3350">
        <v>0</v>
      </c>
      <c r="O3350">
        <v>0</v>
      </c>
      <c r="P3350">
        <v>0</v>
      </c>
      <c r="Q3350">
        <v>0</v>
      </c>
      <c r="R3350">
        <v>0</v>
      </c>
      <c r="S3350">
        <v>0</v>
      </c>
      <c r="T3350">
        <v>0</v>
      </c>
      <c r="U3350">
        <v>0</v>
      </c>
      <c r="V3350">
        <v>0</v>
      </c>
      <c r="W3350">
        <v>0</v>
      </c>
      <c r="X3350">
        <v>0</v>
      </c>
      <c r="Y3350">
        <v>30</v>
      </c>
      <c r="Z3350">
        <v>22</v>
      </c>
      <c r="AA3350">
        <v>75</v>
      </c>
      <c r="AB3350">
        <v>2</v>
      </c>
      <c r="AC3350">
        <v>99</v>
      </c>
      <c r="AD3350">
        <v>60</v>
      </c>
      <c r="AE3350">
        <v>110</v>
      </c>
      <c r="AF3350">
        <v>0</v>
      </c>
      <c r="AG3350">
        <v>50000</v>
      </c>
      <c r="AH3350">
        <v>0</v>
      </c>
      <c r="AI3350">
        <v>50000</v>
      </c>
      <c r="AJ3350">
        <v>0</v>
      </c>
      <c r="AK3350" t="s">
        <v>6</v>
      </c>
      <c r="AL3350">
        <v>0</v>
      </c>
      <c r="AM3350">
        <v>0</v>
      </c>
      <c r="AN3350">
        <v>0</v>
      </c>
      <c r="AO3350">
        <v>0</v>
      </c>
      <c r="AP3350">
        <v>0</v>
      </c>
      <c r="AQ3350">
        <v>0</v>
      </c>
      <c r="AR3350">
        <v>0</v>
      </c>
      <c r="AS3350">
        <v>0</v>
      </c>
      <c r="AT3350">
        <v>0</v>
      </c>
      <c r="AU3350">
        <v>0</v>
      </c>
      <c r="AV3350">
        <v>0</v>
      </c>
      <c r="AW3350">
        <v>0</v>
      </c>
      <c r="AX3350">
        <v>0</v>
      </c>
      <c r="AY3350">
        <v>0</v>
      </c>
      <c r="AZ3350">
        <v>0</v>
      </c>
      <c r="BA3350">
        <v>0</v>
      </c>
    </row>
    <row r="3351" spans="1:53" x14ac:dyDescent="0.4">
      <c r="A3351">
        <v>3395</v>
      </c>
      <c r="B3351" s="1">
        <v>43913</v>
      </c>
      <c r="C3351">
        <v>2</v>
      </c>
      <c r="D3351" s="1">
        <v>43913.454861111109</v>
      </c>
      <c r="E3351" s="1">
        <v>43913.75277777778</v>
      </c>
      <c r="F3351">
        <v>47300</v>
      </c>
      <c r="G3351">
        <v>2820</v>
      </c>
      <c r="H3351">
        <v>200</v>
      </c>
      <c r="I3351">
        <v>0</v>
      </c>
      <c r="J3351">
        <v>200</v>
      </c>
      <c r="K3351">
        <v>0</v>
      </c>
      <c r="L3351">
        <v>0</v>
      </c>
      <c r="M3351">
        <v>5012</v>
      </c>
      <c r="N3351">
        <v>0</v>
      </c>
      <c r="O3351">
        <v>0</v>
      </c>
      <c r="P3351">
        <v>8470</v>
      </c>
      <c r="Q3351">
        <v>0</v>
      </c>
      <c r="R3351">
        <v>63602</v>
      </c>
      <c r="S3351">
        <v>0</v>
      </c>
      <c r="T3351">
        <v>0</v>
      </c>
      <c r="U3351">
        <v>0</v>
      </c>
      <c r="V3351">
        <v>1</v>
      </c>
      <c r="W3351">
        <v>3</v>
      </c>
      <c r="X3351">
        <v>0</v>
      </c>
      <c r="Y3351">
        <v>53</v>
      </c>
      <c r="Z3351">
        <v>50</v>
      </c>
      <c r="AA3351">
        <v>46</v>
      </c>
      <c r="AB3351">
        <v>6</v>
      </c>
      <c r="AC3351">
        <v>89</v>
      </c>
      <c r="AD3351">
        <v>65</v>
      </c>
      <c r="AE3351">
        <v>150</v>
      </c>
      <c r="AF3351">
        <v>3927</v>
      </c>
      <c r="AG3351">
        <v>113192</v>
      </c>
      <c r="AH3351">
        <v>50000</v>
      </c>
      <c r="AI3351">
        <v>-410</v>
      </c>
      <c r="AJ3351">
        <v>84</v>
      </c>
      <c r="AK3351" t="s">
        <v>16</v>
      </c>
      <c r="AL3351">
        <v>0</v>
      </c>
      <c r="AM3351">
        <v>0</v>
      </c>
      <c r="AN3351">
        <v>0</v>
      </c>
      <c r="AO3351">
        <v>0</v>
      </c>
      <c r="AP3351">
        <v>0</v>
      </c>
      <c r="AQ3351">
        <v>0</v>
      </c>
      <c r="AR3351">
        <v>0</v>
      </c>
      <c r="AS3351">
        <v>0</v>
      </c>
      <c r="AT3351">
        <v>0</v>
      </c>
      <c r="AU3351">
        <v>0</v>
      </c>
      <c r="AV3351">
        <v>0</v>
      </c>
      <c r="AW3351">
        <v>0</v>
      </c>
      <c r="AX3351">
        <v>-1397</v>
      </c>
      <c r="AY3351">
        <v>44</v>
      </c>
      <c r="AZ3351">
        <v>101</v>
      </c>
      <c r="BA3351">
        <v>7018</v>
      </c>
    </row>
    <row r="3352" spans="1:53" x14ac:dyDescent="0.4">
      <c r="A3352">
        <v>3396</v>
      </c>
      <c r="B3352" s="1">
        <v>43913</v>
      </c>
      <c r="C3352">
        <v>3</v>
      </c>
      <c r="D3352" s="1">
        <v>43913.75277777778</v>
      </c>
      <c r="E3352" s="1">
        <v>43913.96875</v>
      </c>
      <c r="F3352">
        <v>22362</v>
      </c>
      <c r="G3352">
        <v>380</v>
      </c>
      <c r="H3352">
        <v>0</v>
      </c>
      <c r="I3352">
        <v>0</v>
      </c>
      <c r="J3352">
        <v>0</v>
      </c>
      <c r="K3352">
        <v>0</v>
      </c>
      <c r="L3352">
        <v>0</v>
      </c>
      <c r="M3352">
        <v>2274</v>
      </c>
      <c r="N3352">
        <v>0</v>
      </c>
      <c r="O3352">
        <v>0</v>
      </c>
      <c r="P3352">
        <v>-8470</v>
      </c>
      <c r="Q3352">
        <v>0</v>
      </c>
      <c r="R3352">
        <v>16546</v>
      </c>
      <c r="S3352">
        <v>0</v>
      </c>
      <c r="T3352">
        <v>0</v>
      </c>
      <c r="U3352">
        <v>0</v>
      </c>
      <c r="V3352">
        <v>2</v>
      </c>
      <c r="W3352">
        <v>2</v>
      </c>
      <c r="X3352">
        <v>0</v>
      </c>
      <c r="Y3352">
        <v>57</v>
      </c>
      <c r="Z3352">
        <v>51</v>
      </c>
      <c r="AA3352">
        <v>61</v>
      </c>
      <c r="AB3352">
        <v>7</v>
      </c>
      <c r="AC3352">
        <v>97</v>
      </c>
      <c r="AD3352">
        <v>67</v>
      </c>
      <c r="AE3352">
        <v>153</v>
      </c>
      <c r="AF3352">
        <v>9330</v>
      </c>
      <c r="AG3352">
        <v>129738</v>
      </c>
      <c r="AH3352">
        <v>50000</v>
      </c>
      <c r="AI3352">
        <v>-410</v>
      </c>
      <c r="AJ3352">
        <v>108</v>
      </c>
      <c r="AK3352" t="s">
        <v>30</v>
      </c>
      <c r="AL3352">
        <v>0</v>
      </c>
      <c r="AM3352">
        <v>0</v>
      </c>
      <c r="AN3352">
        <v>0</v>
      </c>
      <c r="AO3352">
        <v>0</v>
      </c>
      <c r="AP3352">
        <v>0</v>
      </c>
      <c r="AQ3352">
        <v>0</v>
      </c>
      <c r="AR3352">
        <v>0</v>
      </c>
      <c r="AS3352">
        <v>0</v>
      </c>
      <c r="AT3352">
        <v>0</v>
      </c>
      <c r="AU3352">
        <v>0</v>
      </c>
      <c r="AV3352">
        <v>0</v>
      </c>
      <c r="AW3352">
        <v>0</v>
      </c>
      <c r="AX3352">
        <v>6160</v>
      </c>
      <c r="AY3352">
        <v>9</v>
      </c>
      <c r="AZ3352">
        <v>20</v>
      </c>
      <c r="BA3352">
        <v>1470</v>
      </c>
    </row>
    <row r="3353" spans="1:53" x14ac:dyDescent="0.4">
      <c r="A3353">
        <v>3397</v>
      </c>
      <c r="B3353" s="1">
        <v>43914</v>
      </c>
      <c r="C3353">
        <v>1</v>
      </c>
      <c r="D3353" s="1">
        <v>43914.291666666664</v>
      </c>
      <c r="E3353" s="1">
        <v>43914.451388888891</v>
      </c>
      <c r="F3353">
        <v>0</v>
      </c>
      <c r="G3353">
        <v>0</v>
      </c>
      <c r="H3353">
        <v>0</v>
      </c>
      <c r="I3353">
        <v>0</v>
      </c>
      <c r="J3353">
        <v>0</v>
      </c>
      <c r="K3353">
        <v>0</v>
      </c>
      <c r="L3353">
        <v>0</v>
      </c>
      <c r="M3353">
        <v>0</v>
      </c>
      <c r="N3353">
        <v>0</v>
      </c>
      <c r="O3353">
        <v>0</v>
      </c>
      <c r="P3353">
        <v>0</v>
      </c>
      <c r="Q3353">
        <v>0</v>
      </c>
      <c r="R3353">
        <v>0</v>
      </c>
      <c r="S3353">
        <v>0</v>
      </c>
      <c r="T3353">
        <v>0</v>
      </c>
      <c r="U3353">
        <v>0</v>
      </c>
      <c r="V3353">
        <v>0</v>
      </c>
      <c r="W3353">
        <v>0</v>
      </c>
      <c r="X3353">
        <v>0</v>
      </c>
      <c r="Y3353">
        <v>26</v>
      </c>
      <c r="Z3353">
        <v>28</v>
      </c>
      <c r="AA3353">
        <v>84</v>
      </c>
      <c r="AB3353">
        <v>10</v>
      </c>
      <c r="AC3353">
        <v>63</v>
      </c>
      <c r="AD3353">
        <v>72</v>
      </c>
      <c r="AE3353">
        <v>110</v>
      </c>
      <c r="AF3353">
        <v>0</v>
      </c>
      <c r="AG3353">
        <v>50000</v>
      </c>
      <c r="AH3353">
        <v>50000</v>
      </c>
      <c r="AI3353">
        <v>0</v>
      </c>
      <c r="AJ3353">
        <v>0</v>
      </c>
      <c r="AK3353" t="s">
        <v>6</v>
      </c>
      <c r="AL3353">
        <v>0</v>
      </c>
      <c r="AM3353">
        <v>0</v>
      </c>
      <c r="AN3353">
        <v>0</v>
      </c>
      <c r="AO3353">
        <v>0</v>
      </c>
      <c r="AP3353">
        <v>0</v>
      </c>
      <c r="AQ3353">
        <v>0</v>
      </c>
      <c r="AR3353">
        <v>0</v>
      </c>
      <c r="AS3353">
        <v>0</v>
      </c>
      <c r="AT3353">
        <v>0</v>
      </c>
      <c r="AU3353">
        <v>0</v>
      </c>
      <c r="AV3353">
        <v>0</v>
      </c>
      <c r="AW3353">
        <v>0</v>
      </c>
      <c r="AX3353">
        <v>0</v>
      </c>
      <c r="AY3353">
        <v>0</v>
      </c>
      <c r="AZ3353">
        <v>0</v>
      </c>
      <c r="BA3353">
        <v>0</v>
      </c>
    </row>
    <row r="3354" spans="1:53" x14ac:dyDescent="0.4">
      <c r="A3354">
        <v>3398</v>
      </c>
      <c r="B3354" s="1">
        <v>43914</v>
      </c>
      <c r="C3354">
        <v>2</v>
      </c>
      <c r="D3354" s="1">
        <v>43914.451388888891</v>
      </c>
      <c r="E3354" s="1">
        <v>43914.741666666669</v>
      </c>
      <c r="F3354">
        <v>42350</v>
      </c>
      <c r="G3354">
        <v>2400</v>
      </c>
      <c r="H3354">
        <v>200</v>
      </c>
      <c r="I3354">
        <v>0</v>
      </c>
      <c r="J3354">
        <v>550</v>
      </c>
      <c r="K3354">
        <v>0</v>
      </c>
      <c r="L3354">
        <v>0</v>
      </c>
      <c r="M3354">
        <v>4440</v>
      </c>
      <c r="N3354">
        <v>0</v>
      </c>
      <c r="O3354">
        <v>0</v>
      </c>
      <c r="P3354">
        <v>12100</v>
      </c>
      <c r="Q3354">
        <v>0</v>
      </c>
      <c r="R3354">
        <v>60940</v>
      </c>
      <c r="S3354">
        <v>0</v>
      </c>
      <c r="T3354">
        <v>0</v>
      </c>
      <c r="U3354">
        <v>0</v>
      </c>
      <c r="V3354">
        <v>3</v>
      </c>
      <c r="W3354">
        <v>2</v>
      </c>
      <c r="X3354">
        <v>0</v>
      </c>
      <c r="Y3354">
        <v>41</v>
      </c>
      <c r="Z3354">
        <v>49</v>
      </c>
      <c r="AA3354">
        <v>41</v>
      </c>
      <c r="AB3354">
        <v>5</v>
      </c>
      <c r="AC3354">
        <v>59</v>
      </c>
      <c r="AD3354">
        <v>69</v>
      </c>
      <c r="AE3354">
        <v>155</v>
      </c>
      <c r="AF3354">
        <v>0</v>
      </c>
      <c r="AG3354">
        <v>110940</v>
      </c>
      <c r="AH3354">
        <v>50000</v>
      </c>
      <c r="AI3354">
        <v>0</v>
      </c>
      <c r="AJ3354">
        <v>107</v>
      </c>
      <c r="AK3354" t="s">
        <v>40</v>
      </c>
      <c r="AL3354">
        <v>0</v>
      </c>
      <c r="AM3354">
        <v>0</v>
      </c>
      <c r="AN3354">
        <v>0</v>
      </c>
      <c r="AO3354">
        <v>0</v>
      </c>
      <c r="AP3354">
        <v>0</v>
      </c>
      <c r="AQ3354">
        <v>0</v>
      </c>
      <c r="AR3354">
        <v>0</v>
      </c>
      <c r="AS3354">
        <v>0</v>
      </c>
      <c r="AT3354">
        <v>0</v>
      </c>
      <c r="AU3354">
        <v>0</v>
      </c>
      <c r="AV3354">
        <v>0</v>
      </c>
      <c r="AW3354">
        <v>0</v>
      </c>
      <c r="AX3354">
        <v>-3025</v>
      </c>
      <c r="AY3354">
        <v>41</v>
      </c>
      <c r="AZ3354">
        <v>90</v>
      </c>
      <c r="BA3354">
        <v>6661</v>
      </c>
    </row>
    <row r="3355" spans="1:53" x14ac:dyDescent="0.4">
      <c r="A3355">
        <v>3399</v>
      </c>
      <c r="B3355" s="1">
        <v>43914</v>
      </c>
      <c r="C3355">
        <v>3</v>
      </c>
      <c r="D3355" s="1">
        <v>43914.741666666669</v>
      </c>
      <c r="E3355" s="1">
        <v>43914.947916666664</v>
      </c>
      <c r="F3355">
        <v>40550</v>
      </c>
      <c r="G3355">
        <v>1920</v>
      </c>
      <c r="H3355">
        <v>0</v>
      </c>
      <c r="I3355">
        <v>0</v>
      </c>
      <c r="J3355">
        <v>0</v>
      </c>
      <c r="K3355">
        <v>0</v>
      </c>
      <c r="L3355">
        <v>0</v>
      </c>
      <c r="M3355">
        <v>4247</v>
      </c>
      <c r="N3355">
        <v>0</v>
      </c>
      <c r="O3355">
        <v>0</v>
      </c>
      <c r="P3355">
        <v>-7612</v>
      </c>
      <c r="Q3355">
        <v>0</v>
      </c>
      <c r="R3355">
        <v>39105</v>
      </c>
      <c r="S3355">
        <v>0</v>
      </c>
      <c r="T3355">
        <v>0</v>
      </c>
      <c r="U3355">
        <v>0</v>
      </c>
      <c r="V3355">
        <v>4</v>
      </c>
      <c r="W3355">
        <v>2</v>
      </c>
      <c r="X3355">
        <v>0</v>
      </c>
      <c r="Y3355">
        <v>58</v>
      </c>
      <c r="Z3355">
        <v>48</v>
      </c>
      <c r="AA3355">
        <v>55</v>
      </c>
      <c r="AB3355">
        <v>0</v>
      </c>
      <c r="AC3355">
        <v>53</v>
      </c>
      <c r="AD3355">
        <v>67</v>
      </c>
      <c r="AE3355">
        <v>143</v>
      </c>
      <c r="AF3355">
        <v>11537</v>
      </c>
      <c r="AG3355">
        <v>150045</v>
      </c>
      <c r="AH3355">
        <v>50000</v>
      </c>
      <c r="AI3355">
        <v>0</v>
      </c>
      <c r="AJ3355">
        <v>98</v>
      </c>
      <c r="AK3355" t="s">
        <v>35</v>
      </c>
      <c r="AL3355">
        <v>0</v>
      </c>
      <c r="AM3355">
        <v>0</v>
      </c>
      <c r="AN3355">
        <v>0</v>
      </c>
      <c r="AO3355">
        <v>0</v>
      </c>
      <c r="AP3355">
        <v>0</v>
      </c>
      <c r="AQ3355">
        <v>0</v>
      </c>
      <c r="AR3355">
        <v>0</v>
      </c>
      <c r="AS3355">
        <v>0</v>
      </c>
      <c r="AT3355">
        <v>0</v>
      </c>
      <c r="AU3355">
        <v>0</v>
      </c>
      <c r="AV3355">
        <v>0</v>
      </c>
      <c r="AW3355">
        <v>0</v>
      </c>
      <c r="AX3355">
        <v>7249</v>
      </c>
      <c r="AY3355">
        <v>15</v>
      </c>
      <c r="AZ3355">
        <v>41</v>
      </c>
      <c r="BA3355">
        <v>2309</v>
      </c>
    </row>
    <row r="3356" spans="1:53" x14ac:dyDescent="0.4">
      <c r="A3356">
        <v>3400</v>
      </c>
      <c r="B3356" s="1">
        <v>43914</v>
      </c>
      <c r="C3356">
        <v>4</v>
      </c>
      <c r="D3356" s="1">
        <v>43914.947916666664</v>
      </c>
      <c r="E3356" s="1">
        <v>43915.11041666667</v>
      </c>
      <c r="F3356">
        <v>6050</v>
      </c>
      <c r="G3356">
        <v>540</v>
      </c>
      <c r="H3356">
        <v>200</v>
      </c>
      <c r="I3356">
        <v>0</v>
      </c>
      <c r="J3356">
        <v>0</v>
      </c>
      <c r="K3356">
        <v>0</v>
      </c>
      <c r="L3356">
        <v>0</v>
      </c>
      <c r="M3356">
        <v>679</v>
      </c>
      <c r="N3356">
        <v>0</v>
      </c>
      <c r="O3356">
        <v>0</v>
      </c>
      <c r="P3356">
        <v>0</v>
      </c>
      <c r="Q3356">
        <v>0</v>
      </c>
      <c r="R3356">
        <v>7469</v>
      </c>
      <c r="S3356">
        <v>0</v>
      </c>
      <c r="T3356">
        <v>0</v>
      </c>
      <c r="U3356">
        <v>0</v>
      </c>
      <c r="V3356">
        <v>5</v>
      </c>
      <c r="W3356">
        <v>2</v>
      </c>
      <c r="X3356">
        <v>0</v>
      </c>
      <c r="Y3356">
        <v>54</v>
      </c>
      <c r="Z3356">
        <v>50</v>
      </c>
      <c r="AA3356">
        <v>60</v>
      </c>
      <c r="AB3356">
        <v>1</v>
      </c>
      <c r="AC3356">
        <v>42</v>
      </c>
      <c r="AD3356">
        <v>73</v>
      </c>
      <c r="AE3356">
        <v>142</v>
      </c>
      <c r="AF3356">
        <v>11537</v>
      </c>
      <c r="AG3356">
        <v>157514</v>
      </c>
      <c r="AH3356">
        <v>50000</v>
      </c>
      <c r="AI3356">
        <v>0</v>
      </c>
      <c r="AJ3356">
        <v>101</v>
      </c>
      <c r="AK3356" t="s">
        <v>28</v>
      </c>
      <c r="AL3356">
        <v>0</v>
      </c>
      <c r="AM3356">
        <v>0</v>
      </c>
      <c r="AN3356">
        <v>0</v>
      </c>
      <c r="AO3356">
        <v>0</v>
      </c>
      <c r="AP3356">
        <v>0</v>
      </c>
      <c r="AQ3356">
        <v>0</v>
      </c>
      <c r="AR3356">
        <v>0</v>
      </c>
      <c r="AS3356">
        <v>0</v>
      </c>
      <c r="AT3356">
        <v>0</v>
      </c>
      <c r="AU3356">
        <v>0</v>
      </c>
      <c r="AV3356">
        <v>0</v>
      </c>
      <c r="AW3356">
        <v>0</v>
      </c>
      <c r="AX3356">
        <v>0</v>
      </c>
      <c r="AY3356">
        <v>0</v>
      </c>
      <c r="AZ3356">
        <v>3</v>
      </c>
      <c r="BA3356">
        <v>509</v>
      </c>
    </row>
    <row r="3357" spans="1:53" x14ac:dyDescent="0.4">
      <c r="A3357">
        <v>3401</v>
      </c>
      <c r="B3357" s="1">
        <v>43914</v>
      </c>
      <c r="C3357">
        <v>5</v>
      </c>
      <c r="D3357" s="1">
        <v>43915.11041666667</v>
      </c>
      <c r="E3357" s="1">
        <v>43915.242361111108</v>
      </c>
      <c r="F3357">
        <v>2700</v>
      </c>
      <c r="G3357">
        <v>0</v>
      </c>
      <c r="H3357">
        <v>0</v>
      </c>
      <c r="I3357">
        <v>0</v>
      </c>
      <c r="J3357">
        <v>0</v>
      </c>
      <c r="K3357">
        <v>0</v>
      </c>
      <c r="L3357">
        <v>0</v>
      </c>
      <c r="M3357">
        <v>270</v>
      </c>
      <c r="N3357">
        <v>0</v>
      </c>
      <c r="O3357">
        <v>0</v>
      </c>
      <c r="P3357">
        <v>0</v>
      </c>
      <c r="Q3357">
        <v>0</v>
      </c>
      <c r="R3357">
        <v>2970</v>
      </c>
      <c r="S3357">
        <v>0</v>
      </c>
      <c r="T3357">
        <v>0</v>
      </c>
      <c r="U3357">
        <v>0</v>
      </c>
      <c r="V3357">
        <v>0</v>
      </c>
      <c r="W3357">
        <v>0</v>
      </c>
      <c r="X3357">
        <v>0</v>
      </c>
      <c r="Y3357">
        <v>36</v>
      </c>
      <c r="Z3357">
        <v>14</v>
      </c>
      <c r="AA3357">
        <v>60</v>
      </c>
      <c r="AB3357">
        <v>2</v>
      </c>
      <c r="AC3357">
        <v>42</v>
      </c>
      <c r="AD3357">
        <v>69</v>
      </c>
      <c r="AE3357">
        <v>135</v>
      </c>
      <c r="AF3357">
        <v>0</v>
      </c>
      <c r="AG3357">
        <v>50000</v>
      </c>
      <c r="AH3357">
        <v>0</v>
      </c>
      <c r="AI3357">
        <v>-60484</v>
      </c>
      <c r="AJ3357">
        <v>101</v>
      </c>
      <c r="AK3357" t="s">
        <v>28</v>
      </c>
      <c r="AL3357">
        <v>0</v>
      </c>
      <c r="AM3357">
        <v>0</v>
      </c>
      <c r="AN3357">
        <v>0</v>
      </c>
      <c r="AO3357">
        <v>0</v>
      </c>
      <c r="AP3357">
        <v>0</v>
      </c>
      <c r="AQ3357">
        <v>0</v>
      </c>
      <c r="AR3357">
        <v>0</v>
      </c>
      <c r="AS3357">
        <v>0</v>
      </c>
      <c r="AT3357">
        <v>0</v>
      </c>
      <c r="AU3357">
        <v>0</v>
      </c>
      <c r="AV3357">
        <v>0</v>
      </c>
      <c r="AW3357">
        <v>0</v>
      </c>
      <c r="AX3357">
        <v>0</v>
      </c>
      <c r="AY3357">
        <v>1</v>
      </c>
      <c r="AZ3357">
        <v>3</v>
      </c>
      <c r="BA3357">
        <v>430</v>
      </c>
    </row>
    <row r="3358" spans="1:53" x14ac:dyDescent="0.4">
      <c r="A3358">
        <v>3402</v>
      </c>
      <c r="B3358" s="1">
        <v>43915</v>
      </c>
      <c r="C3358">
        <v>1</v>
      </c>
      <c r="D3358" s="1">
        <v>43915.291666666664</v>
      </c>
      <c r="E3358" s="1">
        <v>43915.414583333331</v>
      </c>
      <c r="F3358">
        <v>0</v>
      </c>
      <c r="G3358">
        <v>0</v>
      </c>
      <c r="H3358">
        <v>0</v>
      </c>
      <c r="I3358">
        <v>0</v>
      </c>
      <c r="J3358">
        <v>0</v>
      </c>
      <c r="K3358">
        <v>0</v>
      </c>
      <c r="L3358">
        <v>0</v>
      </c>
      <c r="M3358">
        <v>0</v>
      </c>
      <c r="N3358">
        <v>0</v>
      </c>
      <c r="O3358">
        <v>0</v>
      </c>
      <c r="P3358">
        <v>0</v>
      </c>
      <c r="Q3358">
        <v>0</v>
      </c>
      <c r="R3358">
        <v>0</v>
      </c>
      <c r="S3358">
        <v>0</v>
      </c>
      <c r="T3358">
        <v>0</v>
      </c>
      <c r="U3358">
        <v>0</v>
      </c>
      <c r="V3358">
        <v>0</v>
      </c>
      <c r="W3358">
        <v>0</v>
      </c>
      <c r="X3358">
        <v>0</v>
      </c>
      <c r="Y3358">
        <v>36</v>
      </c>
      <c r="Z3358">
        <v>14</v>
      </c>
      <c r="AA3358">
        <v>60</v>
      </c>
      <c r="AB3358">
        <v>2</v>
      </c>
      <c r="AC3358">
        <v>42</v>
      </c>
      <c r="AD3358">
        <v>69</v>
      </c>
      <c r="AE3358">
        <v>135</v>
      </c>
      <c r="AF3358">
        <v>0</v>
      </c>
      <c r="AG3358">
        <v>50000</v>
      </c>
      <c r="AH3358">
        <v>50000</v>
      </c>
      <c r="AI3358">
        <v>0</v>
      </c>
      <c r="AJ3358">
        <v>0</v>
      </c>
      <c r="AK3358" t="s">
        <v>6</v>
      </c>
      <c r="AL3358">
        <v>0</v>
      </c>
      <c r="AM3358">
        <v>0</v>
      </c>
      <c r="AN3358">
        <v>0</v>
      </c>
      <c r="AO3358">
        <v>0</v>
      </c>
      <c r="AP3358">
        <v>0</v>
      </c>
      <c r="AQ3358">
        <v>0</v>
      </c>
      <c r="AR3358">
        <v>0</v>
      </c>
      <c r="AS3358">
        <v>0</v>
      </c>
      <c r="AT3358">
        <v>0</v>
      </c>
      <c r="AU3358">
        <v>0</v>
      </c>
      <c r="AV3358">
        <v>0</v>
      </c>
      <c r="AW3358">
        <v>0</v>
      </c>
      <c r="AX3358">
        <v>0</v>
      </c>
      <c r="AY3358">
        <v>0</v>
      </c>
      <c r="AZ3358">
        <v>0</v>
      </c>
      <c r="BA3358">
        <v>0</v>
      </c>
    </row>
    <row r="3359" spans="1:53" x14ac:dyDescent="0.4">
      <c r="A3359">
        <v>3403</v>
      </c>
      <c r="B3359" s="1">
        <v>43915</v>
      </c>
      <c r="C3359">
        <v>2</v>
      </c>
      <c r="D3359" s="1">
        <v>43915.414583333331</v>
      </c>
      <c r="E3359" s="1">
        <v>43915.756249999999</v>
      </c>
      <c r="F3359">
        <v>52250</v>
      </c>
      <c r="G3359">
        <v>2820</v>
      </c>
      <c r="H3359">
        <v>0</v>
      </c>
      <c r="I3359">
        <v>0</v>
      </c>
      <c r="J3359">
        <v>0</v>
      </c>
      <c r="K3359">
        <v>0</v>
      </c>
      <c r="L3359">
        <v>0</v>
      </c>
      <c r="M3359">
        <v>5507</v>
      </c>
      <c r="N3359">
        <v>0</v>
      </c>
      <c r="O3359">
        <v>0</v>
      </c>
      <c r="P3359">
        <v>15730</v>
      </c>
      <c r="Q3359">
        <v>0</v>
      </c>
      <c r="R3359">
        <v>76307</v>
      </c>
      <c r="S3359">
        <v>0</v>
      </c>
      <c r="T3359">
        <v>0</v>
      </c>
      <c r="U3359">
        <v>0</v>
      </c>
      <c r="V3359">
        <v>2</v>
      </c>
      <c r="W3359">
        <v>4</v>
      </c>
      <c r="X3359">
        <v>0</v>
      </c>
      <c r="Y3359">
        <v>55</v>
      </c>
      <c r="Z3359">
        <v>42</v>
      </c>
      <c r="AA3359">
        <v>98</v>
      </c>
      <c r="AB3359">
        <v>0</v>
      </c>
      <c r="AC3359">
        <v>0</v>
      </c>
      <c r="AD3359">
        <v>58</v>
      </c>
      <c r="AE3359">
        <v>217</v>
      </c>
      <c r="AF3359">
        <v>0</v>
      </c>
      <c r="AG3359">
        <v>126307</v>
      </c>
      <c r="AH3359">
        <v>50000</v>
      </c>
      <c r="AI3359">
        <v>0</v>
      </c>
      <c r="AJ3359">
        <v>97</v>
      </c>
      <c r="AK3359" t="s">
        <v>33</v>
      </c>
      <c r="AL3359">
        <v>0</v>
      </c>
      <c r="AM3359">
        <v>0</v>
      </c>
      <c r="AN3359">
        <v>0</v>
      </c>
      <c r="AO3359">
        <v>0</v>
      </c>
      <c r="AP3359">
        <v>0</v>
      </c>
      <c r="AQ3359">
        <v>0</v>
      </c>
      <c r="AR3359">
        <v>0</v>
      </c>
      <c r="AS3359">
        <v>0</v>
      </c>
      <c r="AT3359">
        <v>0</v>
      </c>
      <c r="AU3359">
        <v>0</v>
      </c>
      <c r="AV3359">
        <v>0</v>
      </c>
      <c r="AW3359">
        <v>0</v>
      </c>
      <c r="AX3359">
        <v>440</v>
      </c>
      <c r="AY3359">
        <v>49</v>
      </c>
      <c r="AZ3359">
        <v>118</v>
      </c>
      <c r="BA3359">
        <v>7689</v>
      </c>
    </row>
    <row r="3360" spans="1:53" x14ac:dyDescent="0.4">
      <c r="A3360">
        <v>3404</v>
      </c>
      <c r="B3360" s="1">
        <v>43915</v>
      </c>
      <c r="C3360">
        <v>3</v>
      </c>
      <c r="D3360" s="1">
        <v>43915.756249999999</v>
      </c>
      <c r="E3360" s="1">
        <v>43915.953472222223</v>
      </c>
      <c r="F3360">
        <v>29975</v>
      </c>
      <c r="G3360">
        <v>400</v>
      </c>
      <c r="H3360">
        <v>0</v>
      </c>
      <c r="I3360">
        <v>0</v>
      </c>
      <c r="J3360">
        <v>0</v>
      </c>
      <c r="K3360">
        <v>0</v>
      </c>
      <c r="L3360">
        <v>0</v>
      </c>
      <c r="M3360">
        <v>3037</v>
      </c>
      <c r="N3360">
        <v>0</v>
      </c>
      <c r="O3360">
        <v>0</v>
      </c>
      <c r="P3360">
        <v>-14234</v>
      </c>
      <c r="Q3360">
        <v>0</v>
      </c>
      <c r="R3360">
        <v>19178</v>
      </c>
      <c r="S3360">
        <v>0</v>
      </c>
      <c r="T3360">
        <v>0</v>
      </c>
      <c r="U3360">
        <v>0</v>
      </c>
      <c r="V3360">
        <v>2</v>
      </c>
      <c r="W3360">
        <v>6</v>
      </c>
      <c r="X3360">
        <v>0</v>
      </c>
      <c r="Y3360">
        <v>56</v>
      </c>
      <c r="Z3360">
        <v>46</v>
      </c>
      <c r="AA3360">
        <v>117</v>
      </c>
      <c r="AB3360">
        <v>50</v>
      </c>
      <c r="AC3360">
        <v>115</v>
      </c>
      <c r="AD3360">
        <v>62</v>
      </c>
      <c r="AE3360">
        <v>220</v>
      </c>
      <c r="AF3360">
        <v>605</v>
      </c>
      <c r="AG3360">
        <v>145485</v>
      </c>
      <c r="AH3360">
        <v>50000</v>
      </c>
      <c r="AI3360">
        <v>0</v>
      </c>
      <c r="AJ3360">
        <v>84</v>
      </c>
      <c r="AK3360" t="s">
        <v>16</v>
      </c>
      <c r="AL3360">
        <v>0</v>
      </c>
      <c r="AM3360">
        <v>0</v>
      </c>
      <c r="AN3360">
        <v>0</v>
      </c>
      <c r="AO3360">
        <v>0</v>
      </c>
      <c r="AP3360">
        <v>0</v>
      </c>
      <c r="AQ3360">
        <v>0</v>
      </c>
      <c r="AR3360">
        <v>0</v>
      </c>
      <c r="AS3360">
        <v>0</v>
      </c>
      <c r="AT3360">
        <v>0</v>
      </c>
      <c r="AU3360">
        <v>0</v>
      </c>
      <c r="AV3360">
        <v>0</v>
      </c>
      <c r="AW3360">
        <v>0</v>
      </c>
      <c r="AX3360">
        <v>16500</v>
      </c>
      <c r="AY3360">
        <v>12</v>
      </c>
      <c r="AZ3360">
        <v>35</v>
      </c>
      <c r="BA3360">
        <v>2048</v>
      </c>
    </row>
    <row r="3361" spans="1:53" x14ac:dyDescent="0.4">
      <c r="A3361">
        <v>3405</v>
      </c>
      <c r="B3361" s="1">
        <v>43916</v>
      </c>
      <c r="C3361">
        <v>1</v>
      </c>
      <c r="D3361" s="1">
        <v>43916.291666666664</v>
      </c>
      <c r="E3361" s="1">
        <v>43916.413194444445</v>
      </c>
      <c r="F3361">
        <v>0</v>
      </c>
      <c r="G3361">
        <v>0</v>
      </c>
      <c r="H3361">
        <v>0</v>
      </c>
      <c r="I3361">
        <v>0</v>
      </c>
      <c r="J3361">
        <v>0</v>
      </c>
      <c r="K3361">
        <v>0</v>
      </c>
      <c r="L3361">
        <v>0</v>
      </c>
      <c r="M3361">
        <v>0</v>
      </c>
      <c r="N3361">
        <v>0</v>
      </c>
      <c r="O3361">
        <v>0</v>
      </c>
      <c r="P3361">
        <v>0</v>
      </c>
      <c r="Q3361">
        <v>0</v>
      </c>
      <c r="R3361">
        <v>0</v>
      </c>
      <c r="S3361">
        <v>0</v>
      </c>
      <c r="T3361">
        <v>0</v>
      </c>
      <c r="U3361">
        <v>0</v>
      </c>
      <c r="V3361">
        <v>0</v>
      </c>
      <c r="W3361">
        <v>0</v>
      </c>
      <c r="X3361">
        <v>0</v>
      </c>
      <c r="Y3361">
        <v>26</v>
      </c>
      <c r="Z3361">
        <v>18</v>
      </c>
      <c r="AA3361">
        <v>109</v>
      </c>
      <c r="AB3361">
        <v>50</v>
      </c>
      <c r="AC3361">
        <v>115</v>
      </c>
      <c r="AD3361">
        <v>65</v>
      </c>
      <c r="AE3361">
        <v>125</v>
      </c>
      <c r="AF3361">
        <v>0</v>
      </c>
      <c r="AG3361">
        <v>50000</v>
      </c>
      <c r="AH3361">
        <v>0</v>
      </c>
      <c r="AI3361">
        <v>50000</v>
      </c>
      <c r="AJ3361">
        <v>0</v>
      </c>
      <c r="AK3361" t="s">
        <v>6</v>
      </c>
      <c r="AL3361">
        <v>0</v>
      </c>
      <c r="AM3361">
        <v>0</v>
      </c>
      <c r="AN3361">
        <v>0</v>
      </c>
      <c r="AO3361">
        <v>0</v>
      </c>
      <c r="AP3361">
        <v>0</v>
      </c>
      <c r="AQ3361">
        <v>0</v>
      </c>
      <c r="AR3361">
        <v>0</v>
      </c>
      <c r="AS3361">
        <v>0</v>
      </c>
      <c r="AT3361">
        <v>0</v>
      </c>
      <c r="AU3361">
        <v>0</v>
      </c>
      <c r="AV3361">
        <v>0</v>
      </c>
      <c r="AW3361">
        <v>0</v>
      </c>
      <c r="AX3361">
        <v>0</v>
      </c>
      <c r="AY3361">
        <v>0</v>
      </c>
      <c r="AZ3361">
        <v>0</v>
      </c>
      <c r="BA3361">
        <v>0</v>
      </c>
    </row>
    <row r="3362" spans="1:53" x14ac:dyDescent="0.4">
      <c r="A3362">
        <v>3406</v>
      </c>
      <c r="B3362" s="1">
        <v>43916</v>
      </c>
      <c r="C3362">
        <v>2</v>
      </c>
      <c r="D3362" s="1">
        <v>43916.413194444445</v>
      </c>
      <c r="E3362" s="1">
        <v>43916.719444444447</v>
      </c>
      <c r="F3362">
        <v>31350</v>
      </c>
      <c r="G3362">
        <v>3020</v>
      </c>
      <c r="H3362">
        <v>200</v>
      </c>
      <c r="I3362">
        <v>0</v>
      </c>
      <c r="J3362">
        <v>0</v>
      </c>
      <c r="K3362">
        <v>0</v>
      </c>
      <c r="L3362">
        <v>0</v>
      </c>
      <c r="M3362">
        <v>3457</v>
      </c>
      <c r="N3362">
        <v>0</v>
      </c>
      <c r="O3362">
        <v>0</v>
      </c>
      <c r="P3362">
        <v>19360</v>
      </c>
      <c r="Q3362">
        <v>0</v>
      </c>
      <c r="R3362">
        <v>57387</v>
      </c>
      <c r="S3362">
        <v>0</v>
      </c>
      <c r="T3362">
        <v>0</v>
      </c>
      <c r="U3362">
        <v>0</v>
      </c>
      <c r="V3362">
        <v>3</v>
      </c>
      <c r="W3362">
        <v>1</v>
      </c>
      <c r="X3362">
        <v>0</v>
      </c>
      <c r="Y3362">
        <v>37</v>
      </c>
      <c r="Z3362">
        <v>41</v>
      </c>
      <c r="AA3362">
        <v>96</v>
      </c>
      <c r="AB3362">
        <v>57</v>
      </c>
      <c r="AC3362">
        <v>127</v>
      </c>
      <c r="AD3362">
        <v>69</v>
      </c>
      <c r="AE3362">
        <v>217</v>
      </c>
      <c r="AF3362">
        <v>605</v>
      </c>
      <c r="AG3362">
        <v>107387</v>
      </c>
      <c r="AH3362">
        <v>50000</v>
      </c>
      <c r="AI3362">
        <v>0</v>
      </c>
      <c r="AJ3362">
        <v>96</v>
      </c>
      <c r="AK3362" t="s">
        <v>4</v>
      </c>
      <c r="AL3362">
        <v>0</v>
      </c>
      <c r="AM3362">
        <v>0</v>
      </c>
      <c r="AN3362">
        <v>0</v>
      </c>
      <c r="AO3362">
        <v>0</v>
      </c>
      <c r="AP3362">
        <v>0</v>
      </c>
      <c r="AQ3362">
        <v>0</v>
      </c>
      <c r="AR3362">
        <v>0</v>
      </c>
      <c r="AS3362">
        <v>0</v>
      </c>
      <c r="AT3362">
        <v>0</v>
      </c>
      <c r="AU3362">
        <v>0</v>
      </c>
      <c r="AV3362">
        <v>0</v>
      </c>
      <c r="AW3362">
        <v>0</v>
      </c>
      <c r="AX3362">
        <v>0</v>
      </c>
      <c r="AY3362">
        <v>42</v>
      </c>
      <c r="AZ3362">
        <v>90</v>
      </c>
      <c r="BA3362">
        <v>6210</v>
      </c>
    </row>
    <row r="3363" spans="1:53" x14ac:dyDescent="0.4">
      <c r="A3363">
        <v>3407</v>
      </c>
      <c r="B3363" s="1">
        <v>43916</v>
      </c>
      <c r="C3363">
        <v>3</v>
      </c>
      <c r="D3363" s="1">
        <v>43916.719444444447</v>
      </c>
      <c r="E3363" s="1">
        <v>43916.959722222222</v>
      </c>
      <c r="F3363">
        <v>28250</v>
      </c>
      <c r="G3363">
        <v>280</v>
      </c>
      <c r="H3363">
        <v>0</v>
      </c>
      <c r="I3363">
        <v>0</v>
      </c>
      <c r="J3363">
        <v>0</v>
      </c>
      <c r="K3363">
        <v>0</v>
      </c>
      <c r="L3363">
        <v>0</v>
      </c>
      <c r="M3363">
        <v>2853</v>
      </c>
      <c r="N3363">
        <v>0</v>
      </c>
      <c r="O3363">
        <v>0</v>
      </c>
      <c r="P3363">
        <v>-13508</v>
      </c>
      <c r="Q3363">
        <v>0</v>
      </c>
      <c r="R3363">
        <v>17875</v>
      </c>
      <c r="S3363">
        <v>0</v>
      </c>
      <c r="T3363">
        <v>0</v>
      </c>
      <c r="U3363">
        <v>0</v>
      </c>
      <c r="V3363">
        <v>6</v>
      </c>
      <c r="W3363">
        <v>0</v>
      </c>
      <c r="X3363">
        <v>0</v>
      </c>
      <c r="Y3363">
        <v>28</v>
      </c>
      <c r="Z3363">
        <v>44</v>
      </c>
      <c r="AA3363">
        <v>103</v>
      </c>
      <c r="AB3363">
        <v>54</v>
      </c>
      <c r="AC3363">
        <v>110</v>
      </c>
      <c r="AD3363">
        <v>68</v>
      </c>
      <c r="AE3363">
        <v>217</v>
      </c>
      <c r="AF3363">
        <v>605</v>
      </c>
      <c r="AG3363">
        <v>125262</v>
      </c>
      <c r="AH3363">
        <v>50000</v>
      </c>
      <c r="AI3363">
        <v>0</v>
      </c>
      <c r="AJ3363">
        <v>107</v>
      </c>
      <c r="AK3363" t="s">
        <v>40</v>
      </c>
      <c r="AL3363">
        <v>0</v>
      </c>
      <c r="AM3363">
        <v>0</v>
      </c>
      <c r="AN3363">
        <v>0</v>
      </c>
      <c r="AO3363">
        <v>0</v>
      </c>
      <c r="AP3363">
        <v>0</v>
      </c>
      <c r="AQ3363">
        <v>0</v>
      </c>
      <c r="AR3363">
        <v>0</v>
      </c>
      <c r="AS3363">
        <v>0</v>
      </c>
      <c r="AT3363">
        <v>0</v>
      </c>
      <c r="AU3363">
        <v>0</v>
      </c>
      <c r="AV3363">
        <v>0</v>
      </c>
      <c r="AW3363">
        <v>0</v>
      </c>
      <c r="AX3363">
        <v>8745</v>
      </c>
      <c r="AY3363">
        <v>12</v>
      </c>
      <c r="AZ3363">
        <v>30</v>
      </c>
      <c r="BA3363">
        <v>2122</v>
      </c>
    </row>
    <row r="3364" spans="1:53" x14ac:dyDescent="0.4">
      <c r="A3364">
        <v>3408</v>
      </c>
      <c r="B3364" s="1">
        <v>43917</v>
      </c>
      <c r="C3364">
        <v>1</v>
      </c>
      <c r="D3364" s="1">
        <v>43917.291666666664</v>
      </c>
      <c r="E3364" s="1">
        <v>43917.412499999999</v>
      </c>
      <c r="F3364">
        <v>0</v>
      </c>
      <c r="G3364">
        <v>0</v>
      </c>
      <c r="H3364">
        <v>0</v>
      </c>
      <c r="I3364">
        <v>0</v>
      </c>
      <c r="J3364">
        <v>0</v>
      </c>
      <c r="K3364">
        <v>0</v>
      </c>
      <c r="L3364">
        <v>0</v>
      </c>
      <c r="M3364">
        <v>0</v>
      </c>
      <c r="N3364">
        <v>0</v>
      </c>
      <c r="O3364">
        <v>0</v>
      </c>
      <c r="P3364">
        <v>0</v>
      </c>
      <c r="Q3364">
        <v>0</v>
      </c>
      <c r="R3364">
        <v>0</v>
      </c>
      <c r="S3364">
        <v>0</v>
      </c>
      <c r="T3364">
        <v>0</v>
      </c>
      <c r="U3364">
        <v>0</v>
      </c>
      <c r="V3364">
        <v>0</v>
      </c>
      <c r="W3364">
        <v>2</v>
      </c>
      <c r="X3364">
        <v>0</v>
      </c>
      <c r="Y3364">
        <v>24</v>
      </c>
      <c r="Z3364">
        <v>12</v>
      </c>
      <c r="AA3364">
        <v>61</v>
      </c>
      <c r="AB3364">
        <v>53</v>
      </c>
      <c r="AC3364">
        <v>80</v>
      </c>
      <c r="AD3364">
        <v>67</v>
      </c>
      <c r="AE3364">
        <v>115</v>
      </c>
      <c r="AF3364">
        <v>0</v>
      </c>
      <c r="AG3364">
        <v>50000</v>
      </c>
      <c r="AH3364">
        <v>0</v>
      </c>
      <c r="AI3364">
        <v>50000</v>
      </c>
      <c r="AJ3364">
        <v>0</v>
      </c>
      <c r="AK3364" t="s">
        <v>6</v>
      </c>
      <c r="AL3364">
        <v>0</v>
      </c>
      <c r="AM3364">
        <v>0</v>
      </c>
      <c r="AN3364">
        <v>0</v>
      </c>
      <c r="AO3364">
        <v>0</v>
      </c>
      <c r="AP3364">
        <v>0</v>
      </c>
      <c r="AQ3364">
        <v>0</v>
      </c>
      <c r="AR3364">
        <v>0</v>
      </c>
      <c r="AS3364">
        <v>0</v>
      </c>
      <c r="AT3364">
        <v>0</v>
      </c>
      <c r="AU3364">
        <v>0</v>
      </c>
      <c r="AV3364">
        <v>0</v>
      </c>
      <c r="AW3364">
        <v>0</v>
      </c>
      <c r="AX3364">
        <v>0</v>
      </c>
      <c r="AY3364">
        <v>0</v>
      </c>
      <c r="AZ3364">
        <v>0</v>
      </c>
      <c r="BA3364">
        <v>0</v>
      </c>
    </row>
    <row r="3365" spans="1:53" x14ac:dyDescent="0.4">
      <c r="A3365">
        <v>3409</v>
      </c>
      <c r="B3365" s="1">
        <v>43917</v>
      </c>
      <c r="C3365">
        <v>2</v>
      </c>
      <c r="D3365" s="1">
        <v>43917.412499999999</v>
      </c>
      <c r="E3365" s="1">
        <v>43917.742361111108</v>
      </c>
      <c r="F3365">
        <v>29700</v>
      </c>
      <c r="G3365">
        <v>1220</v>
      </c>
      <c r="H3365">
        <v>0</v>
      </c>
      <c r="I3365">
        <v>0</v>
      </c>
      <c r="J3365">
        <v>0</v>
      </c>
      <c r="K3365">
        <v>0</v>
      </c>
      <c r="L3365">
        <v>0</v>
      </c>
      <c r="M3365">
        <v>3092</v>
      </c>
      <c r="N3365">
        <v>0</v>
      </c>
      <c r="O3365">
        <v>0</v>
      </c>
      <c r="P3365">
        <v>19965</v>
      </c>
      <c r="Q3365">
        <v>0</v>
      </c>
      <c r="R3365">
        <v>53977</v>
      </c>
      <c r="S3365">
        <v>0</v>
      </c>
      <c r="T3365">
        <v>0</v>
      </c>
      <c r="U3365">
        <v>0</v>
      </c>
      <c r="V3365">
        <v>4</v>
      </c>
      <c r="W3365">
        <v>2</v>
      </c>
      <c r="X3365">
        <v>0</v>
      </c>
      <c r="Y3365">
        <v>33</v>
      </c>
      <c r="Z3365">
        <v>30</v>
      </c>
      <c r="AA3365">
        <v>27</v>
      </c>
      <c r="AB3365">
        <v>45</v>
      </c>
      <c r="AC3365">
        <v>54</v>
      </c>
      <c r="AD3365">
        <v>68</v>
      </c>
      <c r="AE3365">
        <v>147</v>
      </c>
      <c r="AF3365">
        <v>0</v>
      </c>
      <c r="AG3365">
        <v>103977</v>
      </c>
      <c r="AH3365">
        <v>50000</v>
      </c>
      <c r="AI3365">
        <v>0</v>
      </c>
      <c r="AJ3365">
        <v>93</v>
      </c>
      <c r="AK3365" t="s">
        <v>20</v>
      </c>
      <c r="AL3365">
        <v>0</v>
      </c>
      <c r="AM3365">
        <v>0</v>
      </c>
      <c r="AN3365">
        <v>0</v>
      </c>
      <c r="AO3365">
        <v>0</v>
      </c>
      <c r="AP3365">
        <v>0</v>
      </c>
      <c r="AQ3365">
        <v>0</v>
      </c>
      <c r="AR3365">
        <v>0</v>
      </c>
      <c r="AS3365">
        <v>0</v>
      </c>
      <c r="AT3365">
        <v>0</v>
      </c>
      <c r="AU3365">
        <v>0</v>
      </c>
      <c r="AV3365">
        <v>0</v>
      </c>
      <c r="AW3365">
        <v>0</v>
      </c>
      <c r="AX3365">
        <v>1034</v>
      </c>
      <c r="AY3365">
        <v>43</v>
      </c>
      <c r="AZ3365">
        <v>86</v>
      </c>
      <c r="BA3365">
        <v>6551</v>
      </c>
    </row>
    <row r="3366" spans="1:53" x14ac:dyDescent="0.4">
      <c r="A3366">
        <v>3410</v>
      </c>
      <c r="B3366" s="1">
        <v>43917</v>
      </c>
      <c r="C3366">
        <v>3</v>
      </c>
      <c r="D3366" s="1">
        <v>43917.742361111108</v>
      </c>
      <c r="E3366" s="1">
        <v>43917.961805555555</v>
      </c>
      <c r="F3366">
        <v>47175</v>
      </c>
      <c r="G3366">
        <v>1890</v>
      </c>
      <c r="H3366">
        <v>0</v>
      </c>
      <c r="I3366">
        <v>0</v>
      </c>
      <c r="J3366">
        <v>100</v>
      </c>
      <c r="K3366">
        <v>0</v>
      </c>
      <c r="L3366">
        <v>0</v>
      </c>
      <c r="M3366">
        <v>4897</v>
      </c>
      <c r="N3366">
        <v>0</v>
      </c>
      <c r="O3366">
        <v>0</v>
      </c>
      <c r="P3366">
        <v>-19965</v>
      </c>
      <c r="Q3366">
        <v>0</v>
      </c>
      <c r="R3366">
        <v>33897</v>
      </c>
      <c r="S3366">
        <v>0</v>
      </c>
      <c r="T3366">
        <v>0</v>
      </c>
      <c r="U3366">
        <v>0</v>
      </c>
      <c r="V3366">
        <v>5</v>
      </c>
      <c r="W3366">
        <v>1</v>
      </c>
      <c r="X3366">
        <v>0</v>
      </c>
      <c r="Y3366">
        <v>54</v>
      </c>
      <c r="Z3366">
        <v>32</v>
      </c>
      <c r="AA3366">
        <v>24</v>
      </c>
      <c r="AB3366">
        <v>44</v>
      </c>
      <c r="AC3366">
        <v>58</v>
      </c>
      <c r="AD3366">
        <v>68</v>
      </c>
      <c r="AE3366">
        <v>149</v>
      </c>
      <c r="AF3366">
        <v>7205</v>
      </c>
      <c r="AG3366">
        <v>137874</v>
      </c>
      <c r="AH3366">
        <v>50000</v>
      </c>
      <c r="AI3366">
        <v>0</v>
      </c>
      <c r="AJ3366">
        <v>100</v>
      </c>
      <c r="AK3366" t="s">
        <v>0</v>
      </c>
      <c r="AL3366">
        <v>0</v>
      </c>
      <c r="AM3366">
        <v>0</v>
      </c>
      <c r="AN3366">
        <v>0</v>
      </c>
      <c r="AO3366">
        <v>0</v>
      </c>
      <c r="AP3366">
        <v>0</v>
      </c>
      <c r="AQ3366">
        <v>0</v>
      </c>
      <c r="AR3366">
        <v>0</v>
      </c>
      <c r="AS3366">
        <v>0</v>
      </c>
      <c r="AT3366">
        <v>0</v>
      </c>
      <c r="AU3366">
        <v>0</v>
      </c>
      <c r="AV3366">
        <v>0</v>
      </c>
      <c r="AW3366">
        <v>0</v>
      </c>
      <c r="AX3366">
        <v>50110</v>
      </c>
      <c r="AY3366">
        <v>21</v>
      </c>
      <c r="AZ3366">
        <v>62</v>
      </c>
      <c r="BA3366">
        <v>2286</v>
      </c>
    </row>
    <row r="3367" spans="1:53" x14ac:dyDescent="0.4">
      <c r="A3367">
        <v>3411</v>
      </c>
      <c r="B3367" s="1">
        <v>43917</v>
      </c>
      <c r="C3367">
        <v>4</v>
      </c>
      <c r="D3367" s="1">
        <v>43917.961805555555</v>
      </c>
      <c r="E3367" s="1">
        <v>43918.127083333333</v>
      </c>
      <c r="F3367">
        <v>68825</v>
      </c>
      <c r="G3367">
        <v>1000</v>
      </c>
      <c r="H3367">
        <v>200</v>
      </c>
      <c r="I3367">
        <v>0</v>
      </c>
      <c r="J3367">
        <v>0</v>
      </c>
      <c r="K3367">
        <v>0</v>
      </c>
      <c r="L3367">
        <v>0</v>
      </c>
      <c r="M3367">
        <v>7002</v>
      </c>
      <c r="N3367">
        <v>0</v>
      </c>
      <c r="O3367">
        <v>0</v>
      </c>
      <c r="P3367">
        <v>15400</v>
      </c>
      <c r="Q3367">
        <v>0</v>
      </c>
      <c r="R3367">
        <v>92427</v>
      </c>
      <c r="S3367">
        <v>0</v>
      </c>
      <c r="T3367">
        <v>0</v>
      </c>
      <c r="U3367">
        <v>0</v>
      </c>
      <c r="V3367">
        <v>13</v>
      </c>
      <c r="W3367">
        <v>2</v>
      </c>
      <c r="X3367">
        <v>0</v>
      </c>
      <c r="Y3367">
        <v>31</v>
      </c>
      <c r="Z3367">
        <v>30</v>
      </c>
      <c r="AA3367">
        <v>11</v>
      </c>
      <c r="AB3367">
        <v>41</v>
      </c>
      <c r="AC3367">
        <v>57</v>
      </c>
      <c r="AD3367">
        <v>68</v>
      </c>
      <c r="AE3367">
        <v>146</v>
      </c>
      <c r="AF3367">
        <v>40095</v>
      </c>
      <c r="AG3367">
        <v>230301</v>
      </c>
      <c r="AH3367">
        <v>50000</v>
      </c>
      <c r="AI3367">
        <v>0</v>
      </c>
      <c r="AJ3367">
        <v>100</v>
      </c>
      <c r="AK3367" t="s">
        <v>0</v>
      </c>
      <c r="AL3367">
        <v>0</v>
      </c>
      <c r="AM3367">
        <v>0</v>
      </c>
      <c r="AN3367">
        <v>0</v>
      </c>
      <c r="AO3367">
        <v>0</v>
      </c>
      <c r="AP3367">
        <v>0</v>
      </c>
      <c r="AQ3367">
        <v>0</v>
      </c>
      <c r="AR3367">
        <v>0</v>
      </c>
      <c r="AS3367">
        <v>0</v>
      </c>
      <c r="AT3367">
        <v>0</v>
      </c>
      <c r="AU3367">
        <v>0</v>
      </c>
      <c r="AV3367">
        <v>0</v>
      </c>
      <c r="AW3367">
        <v>0</v>
      </c>
      <c r="AX3367">
        <v>22418</v>
      </c>
      <c r="AY3367">
        <v>4</v>
      </c>
      <c r="AZ3367">
        <v>12</v>
      </c>
      <c r="BA3367">
        <v>1298</v>
      </c>
    </row>
    <row r="3368" spans="1:53" x14ac:dyDescent="0.4">
      <c r="A3368">
        <v>3412</v>
      </c>
      <c r="B3368" s="1">
        <v>43917</v>
      </c>
      <c r="C3368">
        <v>5</v>
      </c>
      <c r="D3368" s="1">
        <v>43918.127083333333</v>
      </c>
      <c r="E3368" s="1">
        <v>43918.268055555556</v>
      </c>
      <c r="F3368">
        <v>30400</v>
      </c>
      <c r="G3368">
        <v>2460</v>
      </c>
      <c r="H3368">
        <v>0</v>
      </c>
      <c r="I3368">
        <v>0</v>
      </c>
      <c r="J3368">
        <v>0</v>
      </c>
      <c r="K3368">
        <v>6600</v>
      </c>
      <c r="L3368">
        <v>0</v>
      </c>
      <c r="M3368">
        <v>3946</v>
      </c>
      <c r="N3368">
        <v>0</v>
      </c>
      <c r="O3368">
        <v>0</v>
      </c>
      <c r="P3368">
        <v>-15400</v>
      </c>
      <c r="Q3368">
        <v>0</v>
      </c>
      <c r="R3368">
        <v>28006</v>
      </c>
      <c r="S3368">
        <v>0</v>
      </c>
      <c r="T3368">
        <v>0</v>
      </c>
      <c r="U3368">
        <v>0</v>
      </c>
      <c r="V3368">
        <v>0</v>
      </c>
      <c r="W3368">
        <v>0</v>
      </c>
      <c r="X3368">
        <v>0</v>
      </c>
      <c r="Y3368">
        <v>32</v>
      </c>
      <c r="Z3368">
        <v>19</v>
      </c>
      <c r="AA3368">
        <v>56</v>
      </c>
      <c r="AB3368">
        <v>38</v>
      </c>
      <c r="AC3368">
        <v>53</v>
      </c>
      <c r="AD3368">
        <v>66</v>
      </c>
      <c r="AE3368">
        <v>140</v>
      </c>
      <c r="AF3368">
        <v>0</v>
      </c>
      <c r="AG3368">
        <v>50000</v>
      </c>
      <c r="AH3368">
        <v>0</v>
      </c>
      <c r="AI3368">
        <v>-158307</v>
      </c>
      <c r="AJ3368">
        <v>108</v>
      </c>
      <c r="AK3368" t="s">
        <v>30</v>
      </c>
      <c r="AL3368">
        <v>0</v>
      </c>
      <c r="AM3368">
        <v>0</v>
      </c>
      <c r="AN3368">
        <v>0</v>
      </c>
      <c r="AO3368">
        <v>0</v>
      </c>
      <c r="AP3368">
        <v>0</v>
      </c>
      <c r="AQ3368">
        <v>0</v>
      </c>
      <c r="AR3368">
        <v>0</v>
      </c>
      <c r="AS3368">
        <v>0</v>
      </c>
      <c r="AT3368">
        <v>0</v>
      </c>
      <c r="AU3368">
        <v>0</v>
      </c>
      <c r="AV3368">
        <v>0</v>
      </c>
      <c r="AW3368">
        <v>0</v>
      </c>
      <c r="AX3368">
        <v>0</v>
      </c>
      <c r="AY3368">
        <v>1</v>
      </c>
      <c r="AZ3368">
        <v>2</v>
      </c>
      <c r="BA3368">
        <v>667</v>
      </c>
    </row>
    <row r="3369" spans="1:53" x14ac:dyDescent="0.4">
      <c r="A3369">
        <v>3413</v>
      </c>
      <c r="B3369" s="1">
        <v>43918</v>
      </c>
      <c r="C3369">
        <v>1</v>
      </c>
      <c r="D3369" s="1">
        <v>43918.291666666664</v>
      </c>
      <c r="E3369" s="1">
        <v>43918.40902777778</v>
      </c>
      <c r="F3369">
        <v>0</v>
      </c>
      <c r="G3369">
        <v>0</v>
      </c>
      <c r="H3369">
        <v>0</v>
      </c>
      <c r="I3369">
        <v>0</v>
      </c>
      <c r="J3369">
        <v>0</v>
      </c>
      <c r="K3369">
        <v>0</v>
      </c>
      <c r="L3369">
        <v>0</v>
      </c>
      <c r="M3369">
        <v>0</v>
      </c>
      <c r="N3369">
        <v>0</v>
      </c>
      <c r="O3369">
        <v>0</v>
      </c>
      <c r="P3369">
        <v>0</v>
      </c>
      <c r="Q3369">
        <v>0</v>
      </c>
      <c r="R3369">
        <v>0</v>
      </c>
      <c r="S3369">
        <v>0</v>
      </c>
      <c r="T3369">
        <v>0</v>
      </c>
      <c r="U3369">
        <v>0</v>
      </c>
      <c r="V3369">
        <v>0</v>
      </c>
      <c r="W3369">
        <v>0</v>
      </c>
      <c r="X3369">
        <v>0</v>
      </c>
      <c r="Y3369">
        <v>32</v>
      </c>
      <c r="Z3369">
        <v>19</v>
      </c>
      <c r="AA3369">
        <v>56</v>
      </c>
      <c r="AB3369">
        <v>38</v>
      </c>
      <c r="AC3369">
        <v>53</v>
      </c>
      <c r="AD3369">
        <v>66</v>
      </c>
      <c r="AE3369">
        <v>140</v>
      </c>
      <c r="AF3369">
        <v>0</v>
      </c>
      <c r="AG3369">
        <v>50000</v>
      </c>
      <c r="AH3369">
        <v>50000</v>
      </c>
      <c r="AI3369">
        <v>0</v>
      </c>
      <c r="AJ3369">
        <v>0</v>
      </c>
      <c r="AK3369" t="s">
        <v>6</v>
      </c>
      <c r="AL3369">
        <v>0</v>
      </c>
      <c r="AM3369">
        <v>0</v>
      </c>
      <c r="AN3369">
        <v>0</v>
      </c>
      <c r="AO3369">
        <v>0</v>
      </c>
      <c r="AP3369">
        <v>0</v>
      </c>
      <c r="AQ3369">
        <v>0</v>
      </c>
      <c r="AR3369">
        <v>0</v>
      </c>
      <c r="AS3369">
        <v>0</v>
      </c>
      <c r="AT3369">
        <v>0</v>
      </c>
      <c r="AU3369">
        <v>0</v>
      </c>
      <c r="AV3369">
        <v>0</v>
      </c>
      <c r="AW3369">
        <v>0</v>
      </c>
      <c r="AX3369">
        <v>0</v>
      </c>
      <c r="AY3369">
        <v>0</v>
      </c>
      <c r="AZ3369">
        <v>0</v>
      </c>
      <c r="BA3369">
        <v>0</v>
      </c>
    </row>
    <row r="3370" spans="1:53" x14ac:dyDescent="0.4">
      <c r="A3370">
        <v>3414</v>
      </c>
      <c r="B3370" s="1">
        <v>43918</v>
      </c>
      <c r="C3370">
        <v>2</v>
      </c>
      <c r="D3370" s="1">
        <v>43918.40902777778</v>
      </c>
      <c r="E3370" s="1">
        <v>43918.731944444444</v>
      </c>
      <c r="F3370">
        <v>37675</v>
      </c>
      <c r="G3370">
        <v>1900</v>
      </c>
      <c r="H3370">
        <v>0</v>
      </c>
      <c r="I3370">
        <v>0</v>
      </c>
      <c r="J3370">
        <v>0</v>
      </c>
      <c r="K3370">
        <v>0</v>
      </c>
      <c r="L3370">
        <v>0</v>
      </c>
      <c r="M3370">
        <v>3958</v>
      </c>
      <c r="N3370">
        <v>0</v>
      </c>
      <c r="O3370">
        <v>0</v>
      </c>
      <c r="P3370">
        <v>15510</v>
      </c>
      <c r="Q3370">
        <v>0</v>
      </c>
      <c r="R3370">
        <v>59043</v>
      </c>
      <c r="S3370">
        <v>0</v>
      </c>
      <c r="T3370">
        <v>0</v>
      </c>
      <c r="U3370">
        <v>0</v>
      </c>
      <c r="V3370">
        <v>3</v>
      </c>
      <c r="W3370">
        <v>1</v>
      </c>
      <c r="X3370">
        <v>0</v>
      </c>
      <c r="Y3370">
        <v>52</v>
      </c>
      <c r="Z3370">
        <v>31</v>
      </c>
      <c r="AA3370">
        <v>45</v>
      </c>
      <c r="AB3370">
        <v>25</v>
      </c>
      <c r="AC3370">
        <v>23</v>
      </c>
      <c r="AD3370">
        <v>73</v>
      </c>
      <c r="AE3370">
        <v>208</v>
      </c>
      <c r="AF3370">
        <v>0</v>
      </c>
      <c r="AG3370">
        <v>109053</v>
      </c>
      <c r="AH3370">
        <v>50000</v>
      </c>
      <c r="AI3370">
        <v>10</v>
      </c>
      <c r="AJ3370">
        <v>97</v>
      </c>
      <c r="AK3370" t="s">
        <v>33</v>
      </c>
      <c r="AL3370">
        <v>0</v>
      </c>
      <c r="AM3370">
        <v>0</v>
      </c>
      <c r="AN3370">
        <v>0</v>
      </c>
      <c r="AO3370">
        <v>0</v>
      </c>
      <c r="AP3370">
        <v>0</v>
      </c>
      <c r="AQ3370">
        <v>0</v>
      </c>
      <c r="AR3370">
        <v>0</v>
      </c>
      <c r="AS3370">
        <v>0</v>
      </c>
      <c r="AT3370">
        <v>0</v>
      </c>
      <c r="AU3370">
        <v>0</v>
      </c>
      <c r="AV3370">
        <v>0</v>
      </c>
      <c r="AW3370">
        <v>0</v>
      </c>
      <c r="AX3370">
        <v>-770</v>
      </c>
      <c r="AY3370">
        <v>42</v>
      </c>
      <c r="AZ3370">
        <v>92</v>
      </c>
      <c r="BA3370">
        <v>6605</v>
      </c>
    </row>
    <row r="3371" spans="1:53" x14ac:dyDescent="0.4">
      <c r="A3371">
        <v>3415</v>
      </c>
      <c r="B3371" s="1">
        <v>43918</v>
      </c>
      <c r="C3371">
        <v>3</v>
      </c>
      <c r="D3371" s="1">
        <v>43918.731944444444</v>
      </c>
      <c r="E3371" s="1">
        <v>43918.95416666667</v>
      </c>
      <c r="F3371">
        <v>68700</v>
      </c>
      <c r="G3371">
        <v>8980</v>
      </c>
      <c r="H3371">
        <v>0</v>
      </c>
      <c r="I3371">
        <v>0</v>
      </c>
      <c r="J3371">
        <v>200</v>
      </c>
      <c r="K3371">
        <v>0</v>
      </c>
      <c r="L3371">
        <v>0</v>
      </c>
      <c r="M3371">
        <v>7748</v>
      </c>
      <c r="N3371">
        <v>0</v>
      </c>
      <c r="O3371">
        <v>0</v>
      </c>
      <c r="P3371">
        <v>-11880</v>
      </c>
      <c r="Q3371">
        <v>0</v>
      </c>
      <c r="R3371">
        <v>73348</v>
      </c>
      <c r="S3371">
        <v>0</v>
      </c>
      <c r="T3371">
        <v>0</v>
      </c>
      <c r="U3371">
        <v>0</v>
      </c>
      <c r="V3371">
        <v>5</v>
      </c>
      <c r="W3371">
        <v>5</v>
      </c>
      <c r="X3371">
        <v>0</v>
      </c>
      <c r="Y3371">
        <v>66</v>
      </c>
      <c r="Z3371">
        <v>29</v>
      </c>
      <c r="AA3371">
        <v>52</v>
      </c>
      <c r="AB3371">
        <v>24</v>
      </c>
      <c r="AC3371">
        <v>6</v>
      </c>
      <c r="AD3371">
        <v>68</v>
      </c>
      <c r="AE3371">
        <v>203</v>
      </c>
      <c r="AF3371">
        <v>19888</v>
      </c>
      <c r="AG3371">
        <v>182391</v>
      </c>
      <c r="AH3371">
        <v>50000</v>
      </c>
      <c r="AI3371">
        <v>0</v>
      </c>
      <c r="AJ3371">
        <v>101</v>
      </c>
      <c r="AK3371" t="s">
        <v>28</v>
      </c>
      <c r="AL3371">
        <v>0</v>
      </c>
      <c r="AM3371">
        <v>0</v>
      </c>
      <c r="AN3371">
        <v>0</v>
      </c>
      <c r="AO3371">
        <v>0</v>
      </c>
      <c r="AP3371">
        <v>0</v>
      </c>
      <c r="AQ3371">
        <v>0</v>
      </c>
      <c r="AR3371">
        <v>0</v>
      </c>
      <c r="AS3371">
        <v>0</v>
      </c>
      <c r="AT3371">
        <v>0</v>
      </c>
      <c r="AU3371">
        <v>0</v>
      </c>
      <c r="AV3371">
        <v>0</v>
      </c>
      <c r="AW3371">
        <v>0</v>
      </c>
      <c r="AX3371">
        <v>72765</v>
      </c>
      <c r="AY3371">
        <v>25</v>
      </c>
      <c r="AZ3371">
        <v>76</v>
      </c>
      <c r="BA3371">
        <v>3561</v>
      </c>
    </row>
    <row r="3372" spans="1:53" x14ac:dyDescent="0.4">
      <c r="A3372">
        <v>3416</v>
      </c>
      <c r="B3372" s="1">
        <v>43918</v>
      </c>
      <c r="C3372">
        <v>4</v>
      </c>
      <c r="D3372" s="1">
        <v>43918.95416666667</v>
      </c>
      <c r="E3372" s="1">
        <v>43919.109722222223</v>
      </c>
      <c r="F3372">
        <v>108050</v>
      </c>
      <c r="G3372">
        <v>1100</v>
      </c>
      <c r="H3372">
        <v>200</v>
      </c>
      <c r="I3372">
        <v>0</v>
      </c>
      <c r="J3372">
        <v>500</v>
      </c>
      <c r="K3372">
        <v>0</v>
      </c>
      <c r="L3372">
        <v>0</v>
      </c>
      <c r="M3372">
        <v>10885</v>
      </c>
      <c r="N3372">
        <v>0</v>
      </c>
      <c r="O3372">
        <v>0</v>
      </c>
      <c r="P3372">
        <v>52607</v>
      </c>
      <c r="Q3372">
        <v>0</v>
      </c>
      <c r="R3372">
        <v>172342</v>
      </c>
      <c r="S3372">
        <v>0</v>
      </c>
      <c r="T3372">
        <v>0</v>
      </c>
      <c r="U3372">
        <v>0</v>
      </c>
      <c r="V3372">
        <v>20</v>
      </c>
      <c r="W3372">
        <v>3</v>
      </c>
      <c r="X3372">
        <v>0</v>
      </c>
      <c r="Y3372">
        <v>98</v>
      </c>
      <c r="Z3372">
        <v>23</v>
      </c>
      <c r="AA3372">
        <v>66</v>
      </c>
      <c r="AB3372">
        <v>22</v>
      </c>
      <c r="AC3372">
        <v>4</v>
      </c>
      <c r="AD3372">
        <v>58</v>
      </c>
      <c r="AE3372">
        <v>198</v>
      </c>
      <c r="AF3372">
        <v>22005</v>
      </c>
      <c r="AG3372">
        <v>354733</v>
      </c>
      <c r="AH3372">
        <v>50000</v>
      </c>
      <c r="AI3372">
        <v>0</v>
      </c>
      <c r="AJ3372">
        <v>107</v>
      </c>
      <c r="AK3372" t="s">
        <v>40</v>
      </c>
      <c r="AL3372">
        <v>0</v>
      </c>
      <c r="AM3372">
        <v>0</v>
      </c>
      <c r="AN3372">
        <v>0</v>
      </c>
      <c r="AO3372">
        <v>0</v>
      </c>
      <c r="AP3372">
        <v>0</v>
      </c>
      <c r="AQ3372">
        <v>0</v>
      </c>
      <c r="AR3372">
        <v>0</v>
      </c>
      <c r="AS3372">
        <v>0</v>
      </c>
      <c r="AT3372">
        <v>0</v>
      </c>
      <c r="AU3372">
        <v>0</v>
      </c>
      <c r="AV3372">
        <v>0</v>
      </c>
      <c r="AW3372">
        <v>0</v>
      </c>
      <c r="AX3372">
        <v>20460</v>
      </c>
      <c r="AY3372">
        <v>12</v>
      </c>
      <c r="AZ3372">
        <v>47</v>
      </c>
      <c r="BA3372">
        <v>2000</v>
      </c>
    </row>
    <row r="3373" spans="1:53" x14ac:dyDescent="0.4">
      <c r="A3373">
        <v>3417</v>
      </c>
      <c r="B3373" s="1">
        <v>43919</v>
      </c>
      <c r="C3373">
        <v>1</v>
      </c>
      <c r="D3373" s="1">
        <v>43919.291666666664</v>
      </c>
      <c r="E3373" s="1">
        <v>43919.411805555559</v>
      </c>
      <c r="F3373">
        <v>0</v>
      </c>
      <c r="G3373">
        <v>0</v>
      </c>
      <c r="H3373">
        <v>0</v>
      </c>
      <c r="I3373">
        <v>0</v>
      </c>
      <c r="J3373">
        <v>0</v>
      </c>
      <c r="K3373">
        <v>0</v>
      </c>
      <c r="L3373">
        <v>0</v>
      </c>
      <c r="M3373">
        <v>0</v>
      </c>
      <c r="N3373">
        <v>0</v>
      </c>
      <c r="O3373">
        <v>0</v>
      </c>
      <c r="P3373">
        <v>0</v>
      </c>
      <c r="Q3373">
        <v>0</v>
      </c>
      <c r="R3373">
        <v>0</v>
      </c>
      <c r="S3373">
        <v>0</v>
      </c>
      <c r="T3373">
        <v>0</v>
      </c>
      <c r="U3373">
        <v>0</v>
      </c>
      <c r="V3373">
        <v>0</v>
      </c>
      <c r="W3373">
        <v>0</v>
      </c>
      <c r="X3373">
        <v>0</v>
      </c>
      <c r="Y3373">
        <v>30</v>
      </c>
      <c r="Z3373">
        <v>13</v>
      </c>
      <c r="AA3373">
        <v>110</v>
      </c>
      <c r="AB3373">
        <v>22</v>
      </c>
      <c r="AC3373">
        <v>109</v>
      </c>
      <c r="AD3373">
        <v>42</v>
      </c>
      <c r="AE3373">
        <v>100</v>
      </c>
      <c r="AF3373">
        <v>0</v>
      </c>
      <c r="AG3373">
        <v>50000</v>
      </c>
      <c r="AH3373">
        <v>50000</v>
      </c>
      <c r="AI3373">
        <v>0</v>
      </c>
      <c r="AJ3373">
        <v>0</v>
      </c>
      <c r="AK3373" t="s">
        <v>6</v>
      </c>
      <c r="AL3373">
        <v>0</v>
      </c>
      <c r="AM3373">
        <v>0</v>
      </c>
      <c r="AN3373">
        <v>0</v>
      </c>
      <c r="AO3373">
        <v>0</v>
      </c>
      <c r="AP3373">
        <v>0</v>
      </c>
      <c r="AQ3373">
        <v>0</v>
      </c>
      <c r="AR3373">
        <v>0</v>
      </c>
      <c r="AS3373">
        <v>0</v>
      </c>
      <c r="AT3373">
        <v>0</v>
      </c>
      <c r="AU3373">
        <v>0</v>
      </c>
      <c r="AV3373">
        <v>0</v>
      </c>
      <c r="AW3373">
        <v>0</v>
      </c>
      <c r="AX3373">
        <v>0</v>
      </c>
      <c r="AY3373">
        <v>0</v>
      </c>
      <c r="AZ3373">
        <v>0</v>
      </c>
      <c r="BA3373">
        <v>0</v>
      </c>
    </row>
    <row r="3374" spans="1:53" x14ac:dyDescent="0.4">
      <c r="A3374">
        <v>3418</v>
      </c>
      <c r="B3374" s="1">
        <v>43919</v>
      </c>
      <c r="C3374">
        <v>2</v>
      </c>
      <c r="D3374" s="1">
        <v>43919.411805555559</v>
      </c>
      <c r="E3374" s="1">
        <v>43919.738194444442</v>
      </c>
      <c r="F3374">
        <v>39875</v>
      </c>
      <c r="G3374">
        <v>3860</v>
      </c>
      <c r="H3374">
        <v>200</v>
      </c>
      <c r="I3374">
        <v>0</v>
      </c>
      <c r="J3374">
        <v>100</v>
      </c>
      <c r="K3374">
        <v>0</v>
      </c>
      <c r="L3374">
        <v>0</v>
      </c>
      <c r="M3374">
        <v>4384</v>
      </c>
      <c r="N3374">
        <v>0</v>
      </c>
      <c r="O3374">
        <v>0</v>
      </c>
      <c r="P3374">
        <v>16335</v>
      </c>
      <c r="Q3374">
        <v>0</v>
      </c>
      <c r="R3374">
        <v>64554</v>
      </c>
      <c r="S3374">
        <v>0</v>
      </c>
      <c r="T3374">
        <v>0</v>
      </c>
      <c r="U3374">
        <v>0</v>
      </c>
      <c r="V3374">
        <v>3</v>
      </c>
      <c r="W3374">
        <v>0</v>
      </c>
      <c r="X3374">
        <v>0</v>
      </c>
      <c r="Y3374">
        <v>65</v>
      </c>
      <c r="Z3374">
        <v>15</v>
      </c>
      <c r="AA3374">
        <v>52</v>
      </c>
      <c r="AB3374">
        <v>9</v>
      </c>
      <c r="AC3374">
        <v>71</v>
      </c>
      <c r="AD3374">
        <v>35</v>
      </c>
      <c r="AE3374">
        <v>129</v>
      </c>
      <c r="AF3374">
        <v>5390</v>
      </c>
      <c r="AG3374">
        <v>114554</v>
      </c>
      <c r="AH3374">
        <v>50000</v>
      </c>
      <c r="AI3374">
        <v>0</v>
      </c>
      <c r="AJ3374">
        <v>97</v>
      </c>
      <c r="AK3374" t="s">
        <v>33</v>
      </c>
      <c r="AL3374">
        <v>0</v>
      </c>
      <c r="AM3374">
        <v>0</v>
      </c>
      <c r="AN3374">
        <v>0</v>
      </c>
      <c r="AO3374">
        <v>0</v>
      </c>
      <c r="AP3374">
        <v>0</v>
      </c>
      <c r="AQ3374">
        <v>0</v>
      </c>
      <c r="AR3374">
        <v>0</v>
      </c>
      <c r="AS3374">
        <v>0</v>
      </c>
      <c r="AT3374">
        <v>0</v>
      </c>
      <c r="AU3374">
        <v>0</v>
      </c>
      <c r="AV3374">
        <v>0</v>
      </c>
      <c r="AW3374">
        <v>0</v>
      </c>
      <c r="AX3374">
        <v>1606</v>
      </c>
      <c r="AY3374">
        <v>44</v>
      </c>
      <c r="AZ3374">
        <v>100</v>
      </c>
      <c r="BA3374">
        <v>6349</v>
      </c>
    </row>
    <row r="3375" spans="1:53" x14ac:dyDescent="0.4">
      <c r="A3375">
        <v>3419</v>
      </c>
      <c r="B3375" s="1">
        <v>43920</v>
      </c>
      <c r="C3375">
        <v>1</v>
      </c>
      <c r="D3375" s="1">
        <v>43920.291666666664</v>
      </c>
      <c r="E3375" s="1">
        <v>43920.413888888892</v>
      </c>
      <c r="F3375">
        <v>0</v>
      </c>
      <c r="G3375">
        <v>0</v>
      </c>
      <c r="H3375">
        <v>0</v>
      </c>
      <c r="I3375">
        <v>0</v>
      </c>
      <c r="J3375">
        <v>0</v>
      </c>
      <c r="K3375">
        <v>0</v>
      </c>
      <c r="L3375">
        <v>0</v>
      </c>
      <c r="M3375">
        <v>0</v>
      </c>
      <c r="N3375">
        <v>0</v>
      </c>
      <c r="O3375">
        <v>0</v>
      </c>
      <c r="P3375">
        <v>0</v>
      </c>
      <c r="Q3375">
        <v>0</v>
      </c>
      <c r="R3375">
        <v>0</v>
      </c>
      <c r="S3375">
        <v>0</v>
      </c>
      <c r="T3375">
        <v>0</v>
      </c>
      <c r="U3375">
        <v>0</v>
      </c>
      <c r="V3375">
        <v>0</v>
      </c>
      <c r="W3375">
        <v>0</v>
      </c>
      <c r="X3375">
        <v>0</v>
      </c>
      <c r="Y3375">
        <v>37</v>
      </c>
      <c r="Z3375">
        <v>11</v>
      </c>
      <c r="AA3375">
        <v>60</v>
      </c>
      <c r="AB3375">
        <v>8</v>
      </c>
      <c r="AC3375">
        <v>83</v>
      </c>
      <c r="AD3375">
        <v>28</v>
      </c>
      <c r="AE3375">
        <v>130</v>
      </c>
      <c r="AF3375">
        <v>0</v>
      </c>
      <c r="AG3375">
        <v>50000</v>
      </c>
      <c r="AH3375">
        <v>0</v>
      </c>
      <c r="AI3375">
        <v>50000</v>
      </c>
      <c r="AJ3375">
        <v>0</v>
      </c>
      <c r="AK3375" t="s">
        <v>6</v>
      </c>
      <c r="AL3375">
        <v>0</v>
      </c>
      <c r="AM3375">
        <v>0</v>
      </c>
      <c r="AN3375">
        <v>0</v>
      </c>
      <c r="AO3375">
        <v>0</v>
      </c>
      <c r="AP3375">
        <v>0</v>
      </c>
      <c r="AQ3375">
        <v>0</v>
      </c>
      <c r="AR3375">
        <v>0</v>
      </c>
      <c r="AS3375">
        <v>0</v>
      </c>
      <c r="AT3375">
        <v>0</v>
      </c>
      <c r="AU3375">
        <v>0</v>
      </c>
      <c r="AV3375">
        <v>0</v>
      </c>
      <c r="AW3375">
        <v>0</v>
      </c>
      <c r="AX3375">
        <v>0</v>
      </c>
      <c r="AY3375">
        <v>0</v>
      </c>
      <c r="AZ3375">
        <v>0</v>
      </c>
      <c r="BA3375">
        <v>0</v>
      </c>
    </row>
    <row r="3376" spans="1:53" x14ac:dyDescent="0.4">
      <c r="A3376">
        <v>3420</v>
      </c>
      <c r="B3376" s="1">
        <v>43920</v>
      </c>
      <c r="C3376">
        <v>2</v>
      </c>
      <c r="D3376" s="1">
        <v>43920.413888888892</v>
      </c>
      <c r="E3376" s="1">
        <v>43920.751388888886</v>
      </c>
      <c r="F3376">
        <v>30800</v>
      </c>
      <c r="G3376">
        <v>280</v>
      </c>
      <c r="H3376">
        <v>200</v>
      </c>
      <c r="I3376">
        <v>0</v>
      </c>
      <c r="J3376">
        <v>0</v>
      </c>
      <c r="K3376">
        <v>0</v>
      </c>
      <c r="L3376">
        <v>0</v>
      </c>
      <c r="M3376">
        <v>3128</v>
      </c>
      <c r="N3376">
        <v>0</v>
      </c>
      <c r="O3376">
        <v>0</v>
      </c>
      <c r="P3376">
        <v>11495</v>
      </c>
      <c r="Q3376">
        <v>0</v>
      </c>
      <c r="R3376">
        <v>45903</v>
      </c>
      <c r="S3376">
        <v>0</v>
      </c>
      <c r="T3376">
        <v>0</v>
      </c>
      <c r="U3376">
        <v>0</v>
      </c>
      <c r="V3376">
        <v>2</v>
      </c>
      <c r="W3376">
        <v>2</v>
      </c>
      <c r="X3376">
        <v>0</v>
      </c>
      <c r="Y3376">
        <v>40</v>
      </c>
      <c r="Z3376">
        <v>33</v>
      </c>
      <c r="AA3376">
        <v>84</v>
      </c>
      <c r="AB3376">
        <v>3</v>
      </c>
      <c r="AC3376">
        <v>55</v>
      </c>
      <c r="AD3376">
        <v>25</v>
      </c>
      <c r="AE3376">
        <v>179</v>
      </c>
      <c r="AF3376">
        <v>0</v>
      </c>
      <c r="AG3376">
        <v>95904</v>
      </c>
      <c r="AH3376">
        <v>50000</v>
      </c>
      <c r="AI3376">
        <v>1</v>
      </c>
      <c r="AJ3376">
        <v>101</v>
      </c>
      <c r="AK3376" t="s">
        <v>28</v>
      </c>
      <c r="AL3376">
        <v>0</v>
      </c>
      <c r="AM3376">
        <v>0</v>
      </c>
      <c r="AN3376">
        <v>0</v>
      </c>
      <c r="AO3376">
        <v>0</v>
      </c>
      <c r="AP3376">
        <v>0</v>
      </c>
      <c r="AQ3376">
        <v>0</v>
      </c>
      <c r="AR3376">
        <v>0</v>
      </c>
      <c r="AS3376">
        <v>0</v>
      </c>
      <c r="AT3376">
        <v>0</v>
      </c>
      <c r="AU3376">
        <v>0</v>
      </c>
      <c r="AV3376">
        <v>0</v>
      </c>
      <c r="AW3376">
        <v>0</v>
      </c>
      <c r="AX3376">
        <v>726</v>
      </c>
      <c r="AY3376">
        <v>35</v>
      </c>
      <c r="AZ3376">
        <v>73</v>
      </c>
      <c r="BA3376">
        <v>5555</v>
      </c>
    </row>
    <row r="3377" spans="1:53" x14ac:dyDescent="0.4">
      <c r="A3377">
        <v>3421</v>
      </c>
      <c r="B3377" s="1">
        <v>43920</v>
      </c>
      <c r="C3377">
        <v>3</v>
      </c>
      <c r="D3377" s="1">
        <v>43920.751388888886</v>
      </c>
      <c r="E3377" s="1">
        <v>43920.95416666667</v>
      </c>
      <c r="F3377">
        <v>22750</v>
      </c>
      <c r="G3377">
        <v>660</v>
      </c>
      <c r="H3377">
        <v>0</v>
      </c>
      <c r="I3377">
        <v>0</v>
      </c>
      <c r="J3377">
        <v>0</v>
      </c>
      <c r="K3377">
        <v>0</v>
      </c>
      <c r="L3377">
        <v>0</v>
      </c>
      <c r="M3377">
        <v>2341</v>
      </c>
      <c r="N3377">
        <v>0</v>
      </c>
      <c r="O3377">
        <v>0</v>
      </c>
      <c r="P3377">
        <v>-4345</v>
      </c>
      <c r="Q3377">
        <v>0</v>
      </c>
      <c r="R3377">
        <v>21406</v>
      </c>
      <c r="S3377">
        <v>0</v>
      </c>
      <c r="T3377">
        <v>0</v>
      </c>
      <c r="U3377">
        <v>0</v>
      </c>
      <c r="V3377">
        <v>3</v>
      </c>
      <c r="W3377">
        <v>4</v>
      </c>
      <c r="X3377">
        <v>0</v>
      </c>
      <c r="Y3377">
        <v>40</v>
      </c>
      <c r="Z3377">
        <v>35</v>
      </c>
      <c r="AA3377">
        <v>88</v>
      </c>
      <c r="AB3377">
        <v>2</v>
      </c>
      <c r="AC3377">
        <v>60</v>
      </c>
      <c r="AD3377">
        <v>26</v>
      </c>
      <c r="AE3377">
        <v>179</v>
      </c>
      <c r="AF3377">
        <v>0</v>
      </c>
      <c r="AG3377">
        <v>117309</v>
      </c>
      <c r="AH3377">
        <v>50000</v>
      </c>
      <c r="AI3377">
        <v>0</v>
      </c>
      <c r="AJ3377">
        <v>107</v>
      </c>
      <c r="AK3377" t="s">
        <v>40</v>
      </c>
      <c r="AL3377">
        <v>0</v>
      </c>
      <c r="AM3377">
        <v>0</v>
      </c>
      <c r="AN3377">
        <v>0</v>
      </c>
      <c r="AO3377">
        <v>0</v>
      </c>
      <c r="AP3377">
        <v>0</v>
      </c>
      <c r="AQ3377">
        <v>0</v>
      </c>
      <c r="AR3377">
        <v>0</v>
      </c>
      <c r="AS3377">
        <v>0</v>
      </c>
      <c r="AT3377">
        <v>0</v>
      </c>
      <c r="AU3377">
        <v>0</v>
      </c>
      <c r="AV3377">
        <v>0</v>
      </c>
      <c r="AW3377">
        <v>0</v>
      </c>
      <c r="AX3377">
        <v>4923</v>
      </c>
      <c r="AY3377">
        <v>7</v>
      </c>
      <c r="AZ3377">
        <v>18</v>
      </c>
      <c r="BA3377">
        <v>1407</v>
      </c>
    </row>
    <row r="3378" spans="1:53" x14ac:dyDescent="0.4">
      <c r="A3378">
        <v>3422</v>
      </c>
      <c r="B3378" s="1">
        <v>43920</v>
      </c>
      <c r="C3378">
        <v>4</v>
      </c>
      <c r="D3378" s="1">
        <v>43920.95416666667</v>
      </c>
      <c r="E3378" s="1">
        <v>43921.106944444444</v>
      </c>
      <c r="F3378">
        <v>17550</v>
      </c>
      <c r="G3378">
        <v>0</v>
      </c>
      <c r="H3378">
        <v>0</v>
      </c>
      <c r="I3378">
        <v>0</v>
      </c>
      <c r="J3378">
        <v>0</v>
      </c>
      <c r="K3378">
        <v>0</v>
      </c>
      <c r="L3378">
        <v>0</v>
      </c>
      <c r="M3378">
        <v>1755</v>
      </c>
      <c r="N3378">
        <v>0</v>
      </c>
      <c r="O3378">
        <v>0</v>
      </c>
      <c r="P3378">
        <v>1826</v>
      </c>
      <c r="Q3378">
        <v>0</v>
      </c>
      <c r="R3378">
        <v>21131</v>
      </c>
      <c r="S3378">
        <v>0</v>
      </c>
      <c r="T3378">
        <v>0</v>
      </c>
      <c r="U3378">
        <v>0</v>
      </c>
      <c r="V3378">
        <v>5</v>
      </c>
      <c r="W3378">
        <v>4</v>
      </c>
      <c r="X3378">
        <v>0</v>
      </c>
      <c r="Y3378">
        <v>41</v>
      </c>
      <c r="Z3378">
        <v>35</v>
      </c>
      <c r="AA3378">
        <v>89</v>
      </c>
      <c r="AB3378">
        <v>1</v>
      </c>
      <c r="AC3378">
        <v>68</v>
      </c>
      <c r="AD3378">
        <v>26</v>
      </c>
      <c r="AE3378">
        <v>180</v>
      </c>
      <c r="AF3378">
        <v>0</v>
      </c>
      <c r="AG3378">
        <v>138440</v>
      </c>
      <c r="AH3378">
        <v>50000</v>
      </c>
      <c r="AI3378">
        <v>0</v>
      </c>
      <c r="AJ3378">
        <v>107</v>
      </c>
      <c r="AK3378" t="s">
        <v>40</v>
      </c>
      <c r="AL3378">
        <v>0</v>
      </c>
      <c r="AM3378">
        <v>0</v>
      </c>
      <c r="AN3378">
        <v>0</v>
      </c>
      <c r="AO3378">
        <v>0</v>
      </c>
      <c r="AP3378">
        <v>0</v>
      </c>
      <c r="AQ3378">
        <v>0</v>
      </c>
      <c r="AR3378">
        <v>0</v>
      </c>
      <c r="AS3378">
        <v>0</v>
      </c>
      <c r="AT3378">
        <v>0</v>
      </c>
      <c r="AU3378">
        <v>0</v>
      </c>
      <c r="AV3378">
        <v>0</v>
      </c>
      <c r="AW3378">
        <v>0</v>
      </c>
      <c r="AX3378">
        <v>1815</v>
      </c>
      <c r="AY3378">
        <v>5</v>
      </c>
      <c r="AZ3378">
        <v>11</v>
      </c>
      <c r="BA3378">
        <v>733</v>
      </c>
    </row>
    <row r="3379" spans="1:53" x14ac:dyDescent="0.4">
      <c r="A3379">
        <v>3423</v>
      </c>
      <c r="B3379" s="1">
        <v>43920</v>
      </c>
      <c r="C3379">
        <v>5</v>
      </c>
      <c r="D3379" s="1">
        <v>43921.106944444444</v>
      </c>
      <c r="E3379" s="1">
        <v>43921.268055555556</v>
      </c>
      <c r="F3379">
        <v>16010</v>
      </c>
      <c r="G3379">
        <v>1280</v>
      </c>
      <c r="H3379">
        <v>0</v>
      </c>
      <c r="I3379">
        <v>0</v>
      </c>
      <c r="J3379">
        <v>0</v>
      </c>
      <c r="K3379">
        <v>0</v>
      </c>
      <c r="L3379">
        <v>0</v>
      </c>
      <c r="M3379">
        <v>1729</v>
      </c>
      <c r="N3379">
        <v>0</v>
      </c>
      <c r="O3379">
        <v>0</v>
      </c>
      <c r="P3379">
        <v>-8976</v>
      </c>
      <c r="Q3379">
        <v>0</v>
      </c>
      <c r="R3379">
        <v>10043</v>
      </c>
      <c r="S3379">
        <v>0</v>
      </c>
      <c r="T3379">
        <v>0</v>
      </c>
      <c r="U3379">
        <v>0</v>
      </c>
      <c r="V3379">
        <v>0</v>
      </c>
      <c r="W3379">
        <v>0</v>
      </c>
      <c r="X3379">
        <v>0</v>
      </c>
      <c r="Y3379">
        <v>34</v>
      </c>
      <c r="Z3379">
        <v>12</v>
      </c>
      <c r="AA3379">
        <v>90</v>
      </c>
      <c r="AB3379">
        <v>2</v>
      </c>
      <c r="AC3379">
        <v>63</v>
      </c>
      <c r="AD3379">
        <v>28</v>
      </c>
      <c r="AE3379">
        <v>130</v>
      </c>
      <c r="AF3379">
        <v>0</v>
      </c>
      <c r="AG3379">
        <v>50000</v>
      </c>
      <c r="AH3379">
        <v>0</v>
      </c>
      <c r="AI3379">
        <v>-48483</v>
      </c>
      <c r="AJ3379">
        <v>94</v>
      </c>
      <c r="AK3379" t="s">
        <v>43</v>
      </c>
      <c r="AL3379">
        <v>0</v>
      </c>
      <c r="AM3379">
        <v>0</v>
      </c>
      <c r="AN3379">
        <v>0</v>
      </c>
      <c r="AO3379">
        <v>0</v>
      </c>
      <c r="AP3379">
        <v>0</v>
      </c>
      <c r="AQ3379">
        <v>0</v>
      </c>
      <c r="AR3379">
        <v>0</v>
      </c>
      <c r="AS3379">
        <v>0</v>
      </c>
      <c r="AT3379">
        <v>0</v>
      </c>
      <c r="AU3379">
        <v>0</v>
      </c>
      <c r="AV3379">
        <v>0</v>
      </c>
      <c r="AW3379">
        <v>0</v>
      </c>
      <c r="AX3379">
        <v>0</v>
      </c>
      <c r="AY3379">
        <v>2</v>
      </c>
      <c r="AZ3379">
        <v>3</v>
      </c>
      <c r="BA3379">
        <v>980</v>
      </c>
    </row>
    <row r="3380" spans="1:53" x14ac:dyDescent="0.4">
      <c r="A3380">
        <v>3424</v>
      </c>
      <c r="B3380" s="1">
        <v>43921</v>
      </c>
      <c r="C3380">
        <v>1</v>
      </c>
      <c r="D3380" s="1">
        <v>43921.291666666664</v>
      </c>
      <c r="E3380" s="1">
        <v>43921.410416666666</v>
      </c>
      <c r="F3380">
        <v>0</v>
      </c>
      <c r="G3380">
        <v>0</v>
      </c>
      <c r="H3380">
        <v>0</v>
      </c>
      <c r="I3380">
        <v>0</v>
      </c>
      <c r="J3380">
        <v>0</v>
      </c>
      <c r="K3380">
        <v>0</v>
      </c>
      <c r="L3380">
        <v>0</v>
      </c>
      <c r="M3380">
        <v>0</v>
      </c>
      <c r="N3380">
        <v>0</v>
      </c>
      <c r="O3380">
        <v>0</v>
      </c>
      <c r="P3380">
        <v>0</v>
      </c>
      <c r="Q3380">
        <v>0</v>
      </c>
      <c r="R3380">
        <v>0</v>
      </c>
      <c r="S3380">
        <v>0</v>
      </c>
      <c r="T3380">
        <v>0</v>
      </c>
      <c r="U3380">
        <v>0</v>
      </c>
      <c r="V3380">
        <v>0</v>
      </c>
      <c r="W3380">
        <v>0</v>
      </c>
      <c r="X3380">
        <v>0</v>
      </c>
      <c r="Y3380">
        <v>34</v>
      </c>
      <c r="Z3380">
        <v>12</v>
      </c>
      <c r="AA3380">
        <v>90</v>
      </c>
      <c r="AB3380">
        <v>2</v>
      </c>
      <c r="AC3380">
        <v>63</v>
      </c>
      <c r="AD3380">
        <v>28</v>
      </c>
      <c r="AE3380">
        <v>130</v>
      </c>
      <c r="AF3380">
        <v>0</v>
      </c>
      <c r="AG3380">
        <v>50000</v>
      </c>
      <c r="AH3380">
        <v>50000</v>
      </c>
      <c r="AI3380">
        <v>0</v>
      </c>
      <c r="AJ3380">
        <v>0</v>
      </c>
      <c r="AK3380" t="s">
        <v>6</v>
      </c>
      <c r="AL3380">
        <v>0</v>
      </c>
      <c r="AM3380">
        <v>0</v>
      </c>
      <c r="AN3380">
        <v>0</v>
      </c>
      <c r="AO3380">
        <v>0</v>
      </c>
      <c r="AP3380">
        <v>0</v>
      </c>
      <c r="AQ3380">
        <v>0</v>
      </c>
      <c r="AR3380">
        <v>0</v>
      </c>
      <c r="AS3380">
        <v>0</v>
      </c>
      <c r="AT3380">
        <v>0</v>
      </c>
      <c r="AU3380">
        <v>0</v>
      </c>
      <c r="AV3380">
        <v>0</v>
      </c>
      <c r="AW3380">
        <v>0</v>
      </c>
      <c r="AX3380">
        <v>0</v>
      </c>
      <c r="AY3380">
        <v>0</v>
      </c>
      <c r="AZ3380">
        <v>0</v>
      </c>
      <c r="BA3380">
        <v>0</v>
      </c>
    </row>
    <row r="3381" spans="1:53" x14ac:dyDescent="0.4">
      <c r="A3381">
        <v>3425</v>
      </c>
      <c r="B3381" s="1">
        <v>43921</v>
      </c>
      <c r="C3381">
        <v>2</v>
      </c>
      <c r="D3381" s="1">
        <v>43921.410416666666</v>
      </c>
      <c r="E3381" s="1">
        <v>43921.741666666669</v>
      </c>
      <c r="F3381">
        <v>25850</v>
      </c>
      <c r="G3381">
        <v>540</v>
      </c>
      <c r="H3381">
        <v>0</v>
      </c>
      <c r="I3381">
        <v>0</v>
      </c>
      <c r="J3381">
        <v>0</v>
      </c>
      <c r="K3381">
        <v>0</v>
      </c>
      <c r="L3381">
        <v>0</v>
      </c>
      <c r="M3381">
        <v>2639</v>
      </c>
      <c r="N3381">
        <v>0</v>
      </c>
      <c r="O3381">
        <v>0</v>
      </c>
      <c r="P3381">
        <v>13200</v>
      </c>
      <c r="Q3381">
        <v>0</v>
      </c>
      <c r="R3381">
        <v>42229</v>
      </c>
      <c r="S3381">
        <v>0</v>
      </c>
      <c r="T3381">
        <v>0</v>
      </c>
      <c r="U3381">
        <v>0</v>
      </c>
      <c r="V3381">
        <v>2</v>
      </c>
      <c r="W3381">
        <v>0</v>
      </c>
      <c r="X3381">
        <v>0</v>
      </c>
      <c r="Y3381">
        <v>53</v>
      </c>
      <c r="Z3381">
        <v>24</v>
      </c>
      <c r="AA3381">
        <v>70</v>
      </c>
      <c r="AB3381">
        <v>0</v>
      </c>
      <c r="AC3381">
        <v>1</v>
      </c>
      <c r="AD3381">
        <v>11</v>
      </c>
      <c r="AE3381">
        <v>174</v>
      </c>
      <c r="AF3381">
        <v>0</v>
      </c>
      <c r="AG3381">
        <v>92239</v>
      </c>
      <c r="AH3381">
        <v>50000</v>
      </c>
      <c r="AI3381">
        <v>10</v>
      </c>
      <c r="AJ3381">
        <v>90</v>
      </c>
      <c r="AK3381" t="s">
        <v>38</v>
      </c>
      <c r="AL3381">
        <v>0</v>
      </c>
      <c r="AM3381">
        <v>0</v>
      </c>
      <c r="AN3381">
        <v>0</v>
      </c>
      <c r="AO3381">
        <v>0</v>
      </c>
      <c r="AP3381">
        <v>0</v>
      </c>
      <c r="AQ3381">
        <v>0</v>
      </c>
      <c r="AR3381">
        <v>0</v>
      </c>
      <c r="AS3381">
        <v>0</v>
      </c>
      <c r="AT3381">
        <v>0</v>
      </c>
      <c r="AU3381">
        <v>0</v>
      </c>
      <c r="AV3381">
        <v>0</v>
      </c>
      <c r="AW3381">
        <v>0</v>
      </c>
      <c r="AX3381">
        <v>0</v>
      </c>
      <c r="AY3381">
        <v>33</v>
      </c>
      <c r="AZ3381">
        <v>69</v>
      </c>
      <c r="BA3381">
        <v>5023</v>
      </c>
    </row>
    <row r="3382" spans="1:53" x14ac:dyDescent="0.4">
      <c r="A3382">
        <v>3426</v>
      </c>
      <c r="B3382" s="1">
        <v>43921</v>
      </c>
      <c r="C3382">
        <v>3</v>
      </c>
      <c r="D3382" s="1">
        <v>43921.741666666669</v>
      </c>
      <c r="E3382" s="1">
        <v>43921.953472222223</v>
      </c>
      <c r="F3382">
        <v>28350</v>
      </c>
      <c r="G3382">
        <v>1610</v>
      </c>
      <c r="H3382">
        <v>0</v>
      </c>
      <c r="I3382">
        <v>0</v>
      </c>
      <c r="J3382">
        <v>1450</v>
      </c>
      <c r="K3382">
        <v>0</v>
      </c>
      <c r="L3382">
        <v>0</v>
      </c>
      <c r="M3382">
        <v>2851</v>
      </c>
      <c r="N3382">
        <v>0</v>
      </c>
      <c r="O3382">
        <v>0</v>
      </c>
      <c r="P3382">
        <v>-6666</v>
      </c>
      <c r="Q3382">
        <v>0</v>
      </c>
      <c r="R3382">
        <v>24695</v>
      </c>
      <c r="S3382">
        <v>0</v>
      </c>
      <c r="T3382">
        <v>0</v>
      </c>
      <c r="U3382">
        <v>0</v>
      </c>
      <c r="V3382">
        <v>4</v>
      </c>
      <c r="W3382">
        <v>1</v>
      </c>
      <c r="X3382">
        <v>0</v>
      </c>
      <c r="Y3382">
        <v>42</v>
      </c>
      <c r="Z3382">
        <v>25</v>
      </c>
      <c r="AA3382">
        <v>82</v>
      </c>
      <c r="AB3382">
        <v>4</v>
      </c>
      <c r="AC3382">
        <v>18</v>
      </c>
      <c r="AD3382">
        <v>8</v>
      </c>
      <c r="AE3382">
        <v>172</v>
      </c>
      <c r="AF3382">
        <v>8632</v>
      </c>
      <c r="AG3382">
        <v>116924</v>
      </c>
      <c r="AH3382">
        <v>50000</v>
      </c>
      <c r="AI3382">
        <v>0</v>
      </c>
      <c r="AJ3382">
        <v>101</v>
      </c>
      <c r="AK3382" t="s">
        <v>28</v>
      </c>
      <c r="AL3382">
        <v>0</v>
      </c>
      <c r="AM3382">
        <v>0</v>
      </c>
      <c r="AN3382">
        <v>0</v>
      </c>
      <c r="AO3382">
        <v>0</v>
      </c>
      <c r="AP3382">
        <v>0</v>
      </c>
      <c r="AQ3382">
        <v>0</v>
      </c>
      <c r="AR3382">
        <v>0</v>
      </c>
      <c r="AS3382">
        <v>0</v>
      </c>
      <c r="AT3382">
        <v>0</v>
      </c>
      <c r="AU3382">
        <v>0</v>
      </c>
      <c r="AV3382">
        <v>0</v>
      </c>
      <c r="AW3382">
        <v>0</v>
      </c>
      <c r="AX3382">
        <v>2200</v>
      </c>
      <c r="AY3382">
        <v>10</v>
      </c>
      <c r="AZ3382">
        <v>22</v>
      </c>
      <c r="BA3382">
        <v>1325</v>
      </c>
    </row>
    <row r="3383" spans="1:53" x14ac:dyDescent="0.4">
      <c r="A3383">
        <v>3427</v>
      </c>
      <c r="B3383" s="1">
        <v>43921</v>
      </c>
      <c r="C3383">
        <v>4</v>
      </c>
      <c r="D3383" s="1">
        <v>43921.953472222223</v>
      </c>
      <c r="E3383" s="1">
        <v>43922.283333333333</v>
      </c>
      <c r="F3383">
        <v>24840</v>
      </c>
      <c r="G3383">
        <v>4230</v>
      </c>
      <c r="H3383">
        <v>200</v>
      </c>
      <c r="I3383">
        <v>0</v>
      </c>
      <c r="J3383">
        <v>0</v>
      </c>
      <c r="K3383">
        <v>0</v>
      </c>
      <c r="L3383">
        <v>0</v>
      </c>
      <c r="M3383">
        <v>2927</v>
      </c>
      <c r="N3383">
        <v>0</v>
      </c>
      <c r="O3383">
        <v>0</v>
      </c>
      <c r="P3383">
        <v>-6534</v>
      </c>
      <c r="Q3383">
        <v>0</v>
      </c>
      <c r="R3383">
        <v>25663</v>
      </c>
      <c r="S3383">
        <v>0</v>
      </c>
      <c r="T3383">
        <v>0</v>
      </c>
      <c r="U3383">
        <v>0</v>
      </c>
      <c r="V3383">
        <v>0</v>
      </c>
      <c r="W3383">
        <v>0</v>
      </c>
      <c r="X3383">
        <v>0</v>
      </c>
      <c r="Y3383">
        <v>35</v>
      </c>
      <c r="Z3383">
        <v>11</v>
      </c>
      <c r="AA3383">
        <v>91</v>
      </c>
      <c r="AB3383">
        <v>3</v>
      </c>
      <c r="AC3383">
        <v>15</v>
      </c>
      <c r="AD3383">
        <v>8</v>
      </c>
      <c r="AE3383">
        <v>60</v>
      </c>
      <c r="AF3383">
        <v>0</v>
      </c>
      <c r="AG3383">
        <v>50000</v>
      </c>
      <c r="AH3383">
        <v>0</v>
      </c>
      <c r="AI3383">
        <v>-42587</v>
      </c>
      <c r="AJ3383">
        <v>94</v>
      </c>
      <c r="AK3383" t="s">
        <v>43</v>
      </c>
      <c r="AL3383">
        <v>0</v>
      </c>
      <c r="AM3383">
        <v>0</v>
      </c>
      <c r="AN3383">
        <v>0</v>
      </c>
      <c r="AO3383">
        <v>0</v>
      </c>
      <c r="AP3383">
        <v>0</v>
      </c>
      <c r="AQ3383">
        <v>0</v>
      </c>
      <c r="AR3383">
        <v>0</v>
      </c>
      <c r="AS3383">
        <v>0</v>
      </c>
      <c r="AT3383">
        <v>0</v>
      </c>
      <c r="AU3383">
        <v>0</v>
      </c>
      <c r="AV3383">
        <v>0</v>
      </c>
      <c r="AW3383">
        <v>0</v>
      </c>
      <c r="AX3383">
        <v>0</v>
      </c>
      <c r="AY3383">
        <v>4</v>
      </c>
      <c r="AZ3383">
        <v>10</v>
      </c>
      <c r="BA3383">
        <v>1688</v>
      </c>
    </row>
    <row r="3384" spans="1:53" x14ac:dyDescent="0.4">
      <c r="A3384">
        <v>3428</v>
      </c>
      <c r="B3384" s="1">
        <v>43922</v>
      </c>
      <c r="C3384">
        <v>1</v>
      </c>
      <c r="D3384" s="1">
        <v>43922.291666666664</v>
      </c>
      <c r="E3384" s="1">
        <v>43922.404861111114</v>
      </c>
      <c r="F3384">
        <v>0</v>
      </c>
      <c r="G3384">
        <v>0</v>
      </c>
      <c r="H3384">
        <v>0</v>
      </c>
      <c r="I3384">
        <v>0</v>
      </c>
      <c r="J3384">
        <v>0</v>
      </c>
      <c r="K3384">
        <v>0</v>
      </c>
      <c r="L3384">
        <v>0</v>
      </c>
      <c r="M3384">
        <v>0</v>
      </c>
      <c r="N3384">
        <v>0</v>
      </c>
      <c r="O3384">
        <v>0</v>
      </c>
      <c r="P3384">
        <v>0</v>
      </c>
      <c r="Q3384">
        <v>0</v>
      </c>
      <c r="R3384">
        <v>0</v>
      </c>
      <c r="S3384">
        <v>0</v>
      </c>
      <c r="T3384">
        <v>0</v>
      </c>
      <c r="U3384">
        <v>0</v>
      </c>
      <c r="V3384">
        <v>0</v>
      </c>
      <c r="W3384">
        <v>0</v>
      </c>
      <c r="X3384">
        <v>0</v>
      </c>
      <c r="Y3384">
        <v>35</v>
      </c>
      <c r="Z3384">
        <v>11</v>
      </c>
      <c r="AA3384">
        <v>91</v>
      </c>
      <c r="AB3384">
        <v>3</v>
      </c>
      <c r="AC3384">
        <v>15</v>
      </c>
      <c r="AD3384">
        <v>8</v>
      </c>
      <c r="AE3384">
        <v>60</v>
      </c>
      <c r="AF3384">
        <v>0</v>
      </c>
      <c r="AG3384">
        <v>50000</v>
      </c>
      <c r="AH3384">
        <v>50000</v>
      </c>
      <c r="AI3384">
        <v>0</v>
      </c>
      <c r="AJ3384">
        <v>0</v>
      </c>
      <c r="AK3384" t="s">
        <v>6</v>
      </c>
      <c r="AL3384">
        <v>0</v>
      </c>
      <c r="AM3384">
        <v>0</v>
      </c>
      <c r="AN3384">
        <v>0</v>
      </c>
      <c r="AO3384">
        <v>0</v>
      </c>
      <c r="AP3384">
        <v>0</v>
      </c>
      <c r="AQ3384">
        <v>0</v>
      </c>
      <c r="AR3384">
        <v>0</v>
      </c>
      <c r="AS3384">
        <v>0</v>
      </c>
      <c r="AT3384">
        <v>0</v>
      </c>
      <c r="AU3384">
        <v>0</v>
      </c>
      <c r="AV3384">
        <v>0</v>
      </c>
      <c r="AW3384">
        <v>0</v>
      </c>
      <c r="AX3384">
        <v>0</v>
      </c>
      <c r="AY3384">
        <v>0</v>
      </c>
      <c r="AZ3384">
        <v>0</v>
      </c>
      <c r="BA3384">
        <v>0</v>
      </c>
    </row>
    <row r="3385" spans="1:53" x14ac:dyDescent="0.4">
      <c r="A3385">
        <v>3429</v>
      </c>
      <c r="B3385" s="1">
        <v>43922</v>
      </c>
      <c r="C3385">
        <v>2</v>
      </c>
      <c r="D3385" s="1">
        <v>43922.404861111114</v>
      </c>
      <c r="E3385" s="1">
        <v>43922.745138888888</v>
      </c>
      <c r="F3385">
        <v>12650</v>
      </c>
      <c r="G3385">
        <v>0</v>
      </c>
      <c r="H3385">
        <v>200</v>
      </c>
      <c r="I3385">
        <v>0</v>
      </c>
      <c r="J3385">
        <v>0</v>
      </c>
      <c r="K3385">
        <v>0</v>
      </c>
      <c r="L3385">
        <v>0</v>
      </c>
      <c r="M3385">
        <v>1285</v>
      </c>
      <c r="N3385">
        <v>0</v>
      </c>
      <c r="O3385">
        <v>0</v>
      </c>
      <c r="P3385">
        <v>9075</v>
      </c>
      <c r="Q3385">
        <v>0</v>
      </c>
      <c r="R3385">
        <v>23210</v>
      </c>
      <c r="S3385">
        <v>0</v>
      </c>
      <c r="T3385">
        <v>0</v>
      </c>
      <c r="U3385">
        <v>0</v>
      </c>
      <c r="V3385">
        <v>1</v>
      </c>
      <c r="W3385">
        <v>0</v>
      </c>
      <c r="X3385">
        <v>0</v>
      </c>
      <c r="Y3385">
        <v>37</v>
      </c>
      <c r="Z3385">
        <v>21</v>
      </c>
      <c r="AA3385">
        <v>82</v>
      </c>
      <c r="AB3385">
        <v>102</v>
      </c>
      <c r="AC3385">
        <v>129</v>
      </c>
      <c r="AD3385">
        <v>58</v>
      </c>
      <c r="AE3385">
        <v>60</v>
      </c>
      <c r="AF3385">
        <v>770</v>
      </c>
      <c r="AG3385">
        <v>73210</v>
      </c>
      <c r="AH3385">
        <v>50000</v>
      </c>
      <c r="AI3385">
        <v>0</v>
      </c>
      <c r="AJ3385">
        <v>107</v>
      </c>
      <c r="AK3385" t="s">
        <v>40</v>
      </c>
      <c r="AL3385">
        <v>0</v>
      </c>
      <c r="AM3385">
        <v>0</v>
      </c>
      <c r="AN3385">
        <v>0</v>
      </c>
      <c r="AO3385">
        <v>0</v>
      </c>
      <c r="AP3385">
        <v>0</v>
      </c>
      <c r="AQ3385">
        <v>0</v>
      </c>
      <c r="AR3385">
        <v>0</v>
      </c>
      <c r="AS3385">
        <v>0</v>
      </c>
      <c r="AT3385">
        <v>0</v>
      </c>
      <c r="AU3385">
        <v>0</v>
      </c>
      <c r="AV3385">
        <v>0</v>
      </c>
      <c r="AW3385">
        <v>0</v>
      </c>
      <c r="AX3385">
        <v>1815</v>
      </c>
      <c r="AY3385">
        <v>22</v>
      </c>
      <c r="AZ3385">
        <v>38</v>
      </c>
      <c r="BA3385">
        <v>3322</v>
      </c>
    </row>
    <row r="3386" spans="1:53" x14ac:dyDescent="0.4">
      <c r="A3386">
        <v>3430</v>
      </c>
      <c r="B3386" s="1">
        <v>43922</v>
      </c>
      <c r="C3386">
        <v>3</v>
      </c>
      <c r="D3386" s="1">
        <v>43922.745138888888</v>
      </c>
      <c r="E3386" s="1">
        <v>43922.947222222225</v>
      </c>
      <c r="F3386">
        <v>10450</v>
      </c>
      <c r="G3386">
        <v>0</v>
      </c>
      <c r="H3386">
        <v>0</v>
      </c>
      <c r="I3386">
        <v>0</v>
      </c>
      <c r="J3386">
        <v>0</v>
      </c>
      <c r="K3386">
        <v>0</v>
      </c>
      <c r="L3386">
        <v>0</v>
      </c>
      <c r="M3386">
        <v>1045</v>
      </c>
      <c r="N3386">
        <v>0</v>
      </c>
      <c r="O3386">
        <v>0</v>
      </c>
      <c r="P3386">
        <v>-7579</v>
      </c>
      <c r="Q3386">
        <v>0</v>
      </c>
      <c r="R3386">
        <v>3916</v>
      </c>
      <c r="S3386">
        <v>0</v>
      </c>
      <c r="T3386">
        <v>0</v>
      </c>
      <c r="U3386">
        <v>0</v>
      </c>
      <c r="V3386">
        <v>1</v>
      </c>
      <c r="W3386">
        <v>0</v>
      </c>
      <c r="X3386">
        <v>0</v>
      </c>
      <c r="Y3386">
        <v>40</v>
      </c>
      <c r="Z3386">
        <v>23</v>
      </c>
      <c r="AA3386">
        <v>81</v>
      </c>
      <c r="AB3386">
        <v>102</v>
      </c>
      <c r="AC3386">
        <v>130</v>
      </c>
      <c r="AD3386">
        <v>60</v>
      </c>
      <c r="AE3386">
        <v>56</v>
      </c>
      <c r="AF3386">
        <v>770</v>
      </c>
      <c r="AG3386">
        <v>77126</v>
      </c>
      <c r="AH3386">
        <v>50000</v>
      </c>
      <c r="AI3386">
        <v>0</v>
      </c>
      <c r="AJ3386">
        <v>98</v>
      </c>
      <c r="AK3386" t="s">
        <v>35</v>
      </c>
      <c r="AL3386">
        <v>0</v>
      </c>
      <c r="AM3386">
        <v>0</v>
      </c>
      <c r="AN3386">
        <v>0</v>
      </c>
      <c r="AO3386">
        <v>0</v>
      </c>
      <c r="AP3386">
        <v>0</v>
      </c>
      <c r="AQ3386">
        <v>0</v>
      </c>
      <c r="AR3386">
        <v>0</v>
      </c>
      <c r="AS3386">
        <v>0</v>
      </c>
      <c r="AT3386">
        <v>0</v>
      </c>
      <c r="AU3386">
        <v>0</v>
      </c>
      <c r="AV3386">
        <v>0</v>
      </c>
      <c r="AW3386">
        <v>0</v>
      </c>
      <c r="AX3386">
        <v>0</v>
      </c>
      <c r="AY3386">
        <v>2</v>
      </c>
      <c r="AZ3386">
        <v>3</v>
      </c>
      <c r="BA3386">
        <v>581</v>
      </c>
    </row>
    <row r="3387" spans="1:53" x14ac:dyDescent="0.4">
      <c r="A3387">
        <v>3431</v>
      </c>
      <c r="B3387" s="1">
        <v>43923</v>
      </c>
      <c r="C3387">
        <v>1</v>
      </c>
      <c r="D3387" s="1">
        <v>43923.291666666664</v>
      </c>
      <c r="E3387" s="1">
        <v>43923.411805555559</v>
      </c>
      <c r="F3387">
        <v>0</v>
      </c>
      <c r="G3387">
        <v>0</v>
      </c>
      <c r="H3387">
        <v>0</v>
      </c>
      <c r="I3387">
        <v>0</v>
      </c>
      <c r="J3387">
        <v>0</v>
      </c>
      <c r="K3387">
        <v>0</v>
      </c>
      <c r="L3387">
        <v>0</v>
      </c>
      <c r="M3387">
        <v>0</v>
      </c>
      <c r="N3387">
        <v>0</v>
      </c>
      <c r="O3387">
        <v>0</v>
      </c>
      <c r="P3387">
        <v>0</v>
      </c>
      <c r="Q3387">
        <v>0</v>
      </c>
      <c r="R3387">
        <v>0</v>
      </c>
      <c r="S3387">
        <v>0</v>
      </c>
      <c r="T3387">
        <v>0</v>
      </c>
      <c r="U3387">
        <v>0</v>
      </c>
      <c r="V3387">
        <v>0</v>
      </c>
      <c r="W3387">
        <v>0</v>
      </c>
      <c r="X3387">
        <v>0</v>
      </c>
      <c r="Y3387">
        <v>28</v>
      </c>
      <c r="Z3387">
        <v>15</v>
      </c>
      <c r="AA3387">
        <v>79</v>
      </c>
      <c r="AB3387">
        <v>100</v>
      </c>
      <c r="AC3387">
        <v>119</v>
      </c>
      <c r="AD3387">
        <v>61</v>
      </c>
      <c r="AE3387">
        <v>55</v>
      </c>
      <c r="AF3387">
        <v>0</v>
      </c>
      <c r="AG3387">
        <v>49950</v>
      </c>
      <c r="AH3387">
        <v>0</v>
      </c>
      <c r="AI3387">
        <v>49950</v>
      </c>
      <c r="AJ3387">
        <v>0</v>
      </c>
      <c r="AK3387" t="s">
        <v>6</v>
      </c>
      <c r="AL3387">
        <v>0</v>
      </c>
      <c r="AM3387">
        <v>0</v>
      </c>
      <c r="AN3387">
        <v>0</v>
      </c>
      <c r="AO3387">
        <v>0</v>
      </c>
      <c r="AP3387">
        <v>0</v>
      </c>
      <c r="AQ3387">
        <v>0</v>
      </c>
      <c r="AR3387">
        <v>0</v>
      </c>
      <c r="AS3387">
        <v>0</v>
      </c>
      <c r="AT3387">
        <v>0</v>
      </c>
      <c r="AU3387">
        <v>0</v>
      </c>
      <c r="AV3387">
        <v>0</v>
      </c>
      <c r="AW3387">
        <v>0</v>
      </c>
      <c r="AX3387">
        <v>0</v>
      </c>
      <c r="AY3387">
        <v>0</v>
      </c>
      <c r="AZ3387">
        <v>0</v>
      </c>
      <c r="BA3387">
        <v>0</v>
      </c>
    </row>
    <row r="3388" spans="1:53" x14ac:dyDescent="0.4">
      <c r="A3388">
        <v>3432</v>
      </c>
      <c r="B3388" s="1">
        <v>43923</v>
      </c>
      <c r="C3388">
        <v>2</v>
      </c>
      <c r="D3388" s="1">
        <v>43923.411805555559</v>
      </c>
      <c r="E3388" s="1">
        <v>43923.745138888888</v>
      </c>
      <c r="F3388">
        <v>19250</v>
      </c>
      <c r="G3388">
        <v>1120</v>
      </c>
      <c r="H3388">
        <v>0</v>
      </c>
      <c r="I3388">
        <v>0</v>
      </c>
      <c r="J3388">
        <v>0</v>
      </c>
      <c r="K3388">
        <v>0</v>
      </c>
      <c r="L3388">
        <v>0</v>
      </c>
      <c r="M3388">
        <v>2037</v>
      </c>
      <c r="N3388">
        <v>0</v>
      </c>
      <c r="O3388">
        <v>0</v>
      </c>
      <c r="P3388">
        <v>10285</v>
      </c>
      <c r="Q3388">
        <v>0</v>
      </c>
      <c r="R3388">
        <v>32692</v>
      </c>
      <c r="S3388">
        <v>0</v>
      </c>
      <c r="T3388">
        <v>0</v>
      </c>
      <c r="U3388">
        <v>0</v>
      </c>
      <c r="V3388">
        <v>1</v>
      </c>
      <c r="W3388">
        <v>0</v>
      </c>
      <c r="X3388">
        <v>0</v>
      </c>
      <c r="Y3388">
        <v>43</v>
      </c>
      <c r="Z3388">
        <v>29</v>
      </c>
      <c r="AA3388">
        <v>81</v>
      </c>
      <c r="AB3388">
        <v>105</v>
      </c>
      <c r="AC3388">
        <v>139</v>
      </c>
      <c r="AD3388">
        <v>65</v>
      </c>
      <c r="AE3388">
        <v>77</v>
      </c>
      <c r="AF3388">
        <v>0</v>
      </c>
      <c r="AG3388">
        <v>82642</v>
      </c>
      <c r="AH3388">
        <v>50000</v>
      </c>
      <c r="AI3388">
        <v>-50</v>
      </c>
      <c r="AJ3388">
        <v>93</v>
      </c>
      <c r="AK3388" t="s">
        <v>20</v>
      </c>
      <c r="AL3388">
        <v>0</v>
      </c>
      <c r="AM3388">
        <v>0</v>
      </c>
      <c r="AN3388">
        <v>0</v>
      </c>
      <c r="AO3388">
        <v>0</v>
      </c>
      <c r="AP3388">
        <v>0</v>
      </c>
      <c r="AQ3388">
        <v>0</v>
      </c>
      <c r="AR3388">
        <v>0</v>
      </c>
      <c r="AS3388">
        <v>0</v>
      </c>
      <c r="AT3388">
        <v>0</v>
      </c>
      <c r="AU3388">
        <v>0</v>
      </c>
      <c r="AV3388">
        <v>0</v>
      </c>
      <c r="AW3388">
        <v>0</v>
      </c>
      <c r="AX3388">
        <v>-792</v>
      </c>
      <c r="AY3388">
        <v>26</v>
      </c>
      <c r="AZ3388">
        <v>52</v>
      </c>
      <c r="BA3388">
        <v>3740</v>
      </c>
    </row>
    <row r="3389" spans="1:53" x14ac:dyDescent="0.4">
      <c r="A3389">
        <v>3433</v>
      </c>
      <c r="B3389" s="1">
        <v>43923</v>
      </c>
      <c r="C3389">
        <v>3</v>
      </c>
      <c r="D3389" s="1">
        <v>43923.745138888888</v>
      </c>
      <c r="E3389" s="1">
        <v>43923.95416666667</v>
      </c>
      <c r="F3389">
        <v>13750</v>
      </c>
      <c r="G3389">
        <v>380</v>
      </c>
      <c r="H3389">
        <v>0</v>
      </c>
      <c r="I3389">
        <v>0</v>
      </c>
      <c r="J3389">
        <v>0</v>
      </c>
      <c r="K3389">
        <v>0</v>
      </c>
      <c r="L3389">
        <v>0</v>
      </c>
      <c r="M3389">
        <v>1413</v>
      </c>
      <c r="N3389">
        <v>0</v>
      </c>
      <c r="O3389">
        <v>0</v>
      </c>
      <c r="P3389">
        <v>-10285</v>
      </c>
      <c r="Q3389">
        <v>0</v>
      </c>
      <c r="R3389">
        <v>5258</v>
      </c>
      <c r="S3389">
        <v>0</v>
      </c>
      <c r="T3389">
        <v>0</v>
      </c>
      <c r="U3389">
        <v>0</v>
      </c>
      <c r="V3389">
        <v>1</v>
      </c>
      <c r="W3389">
        <v>0</v>
      </c>
      <c r="X3389">
        <v>0</v>
      </c>
      <c r="Y3389">
        <v>49</v>
      </c>
      <c r="Z3389">
        <v>28</v>
      </c>
      <c r="AA3389">
        <v>80</v>
      </c>
      <c r="AB3389">
        <v>104</v>
      </c>
      <c r="AC3389">
        <v>134</v>
      </c>
      <c r="AD3389">
        <v>66</v>
      </c>
      <c r="AE3389">
        <v>80</v>
      </c>
      <c r="AF3389">
        <v>0</v>
      </c>
      <c r="AG3389">
        <v>87950</v>
      </c>
      <c r="AH3389">
        <v>50000</v>
      </c>
      <c r="AI3389">
        <v>0</v>
      </c>
      <c r="AJ3389">
        <v>108</v>
      </c>
      <c r="AK3389" t="s">
        <v>30</v>
      </c>
      <c r="AL3389">
        <v>0</v>
      </c>
      <c r="AM3389">
        <v>0</v>
      </c>
      <c r="AN3389">
        <v>0</v>
      </c>
      <c r="AO3389">
        <v>0</v>
      </c>
      <c r="AP3389">
        <v>0</v>
      </c>
      <c r="AQ3389">
        <v>0</v>
      </c>
      <c r="AR3389">
        <v>0</v>
      </c>
      <c r="AS3389">
        <v>0</v>
      </c>
      <c r="AT3389">
        <v>0</v>
      </c>
      <c r="AU3389">
        <v>0</v>
      </c>
      <c r="AV3389">
        <v>0</v>
      </c>
      <c r="AW3389">
        <v>0</v>
      </c>
      <c r="AX3389">
        <v>12419</v>
      </c>
      <c r="AY3389">
        <v>8</v>
      </c>
      <c r="AZ3389">
        <v>20</v>
      </c>
      <c r="BA3389">
        <v>1227</v>
      </c>
    </row>
    <row r="3390" spans="1:53" x14ac:dyDescent="0.4">
      <c r="A3390">
        <v>3434</v>
      </c>
      <c r="B3390" s="1">
        <v>43924</v>
      </c>
      <c r="C3390">
        <v>1</v>
      </c>
      <c r="D3390" s="1">
        <v>43924.291666666664</v>
      </c>
      <c r="E3390" s="1">
        <v>43924.408333333333</v>
      </c>
      <c r="F3390">
        <v>0</v>
      </c>
      <c r="G3390">
        <v>0</v>
      </c>
      <c r="H3390">
        <v>0</v>
      </c>
      <c r="I3390">
        <v>0</v>
      </c>
      <c r="J3390">
        <v>0</v>
      </c>
      <c r="K3390">
        <v>0</v>
      </c>
      <c r="L3390">
        <v>0</v>
      </c>
      <c r="M3390">
        <v>0</v>
      </c>
      <c r="N3390">
        <v>0</v>
      </c>
      <c r="O3390">
        <v>0</v>
      </c>
      <c r="P3390">
        <v>0</v>
      </c>
      <c r="Q3390">
        <v>0</v>
      </c>
      <c r="R3390">
        <v>0</v>
      </c>
      <c r="S3390">
        <v>0</v>
      </c>
      <c r="T3390">
        <v>0</v>
      </c>
      <c r="U3390">
        <v>0</v>
      </c>
      <c r="V3390">
        <v>0</v>
      </c>
      <c r="W3390">
        <v>0</v>
      </c>
      <c r="X3390">
        <v>0</v>
      </c>
      <c r="Y3390">
        <v>24</v>
      </c>
      <c r="Z3390">
        <v>21</v>
      </c>
      <c r="AA3390">
        <v>86</v>
      </c>
      <c r="AB3390">
        <v>100</v>
      </c>
      <c r="AC3390">
        <v>148</v>
      </c>
      <c r="AD3390">
        <v>68</v>
      </c>
      <c r="AE3390">
        <v>80</v>
      </c>
      <c r="AF3390">
        <v>0</v>
      </c>
      <c r="AG3390">
        <v>50000</v>
      </c>
      <c r="AH3390">
        <v>50000</v>
      </c>
      <c r="AI3390">
        <v>0</v>
      </c>
      <c r="AJ3390">
        <v>0</v>
      </c>
      <c r="AK3390" t="s">
        <v>6</v>
      </c>
      <c r="AL3390">
        <v>0</v>
      </c>
      <c r="AM3390">
        <v>0</v>
      </c>
      <c r="AN3390">
        <v>0</v>
      </c>
      <c r="AO3390">
        <v>0</v>
      </c>
      <c r="AP3390">
        <v>0</v>
      </c>
      <c r="AQ3390">
        <v>0</v>
      </c>
      <c r="AR3390">
        <v>0</v>
      </c>
      <c r="AS3390">
        <v>0</v>
      </c>
      <c r="AT3390">
        <v>0</v>
      </c>
      <c r="AU3390">
        <v>0</v>
      </c>
      <c r="AV3390">
        <v>0</v>
      </c>
      <c r="AW3390">
        <v>0</v>
      </c>
      <c r="AX3390">
        <v>0</v>
      </c>
      <c r="AY3390">
        <v>0</v>
      </c>
      <c r="AZ3390">
        <v>0</v>
      </c>
      <c r="BA3390">
        <v>0</v>
      </c>
    </row>
    <row r="3391" spans="1:53" x14ac:dyDescent="0.4">
      <c r="A3391">
        <v>3435</v>
      </c>
      <c r="B3391" s="1">
        <v>43924</v>
      </c>
      <c r="C3391">
        <v>2</v>
      </c>
      <c r="D3391" s="1">
        <v>43924.408333333333</v>
      </c>
      <c r="E3391" s="1">
        <v>43924.745138888888</v>
      </c>
      <c r="F3391">
        <v>11550</v>
      </c>
      <c r="G3391">
        <v>0</v>
      </c>
      <c r="H3391">
        <v>200</v>
      </c>
      <c r="I3391">
        <v>0</v>
      </c>
      <c r="J3391">
        <v>0</v>
      </c>
      <c r="K3391">
        <v>0</v>
      </c>
      <c r="L3391">
        <v>0</v>
      </c>
      <c r="M3391">
        <v>1175</v>
      </c>
      <c r="N3391">
        <v>0</v>
      </c>
      <c r="O3391">
        <v>0</v>
      </c>
      <c r="P3391">
        <v>7865</v>
      </c>
      <c r="Q3391">
        <v>0</v>
      </c>
      <c r="R3391">
        <v>20790</v>
      </c>
      <c r="S3391">
        <v>0</v>
      </c>
      <c r="T3391">
        <v>0</v>
      </c>
      <c r="U3391">
        <v>0</v>
      </c>
      <c r="V3391">
        <v>0</v>
      </c>
      <c r="W3391">
        <v>0</v>
      </c>
      <c r="X3391">
        <v>0</v>
      </c>
      <c r="Y3391">
        <v>42</v>
      </c>
      <c r="Z3391">
        <v>29</v>
      </c>
      <c r="AA3391">
        <v>76</v>
      </c>
      <c r="AB3391">
        <v>96</v>
      </c>
      <c r="AC3391">
        <v>144</v>
      </c>
      <c r="AD3391">
        <v>70</v>
      </c>
      <c r="AE3391">
        <v>100</v>
      </c>
      <c r="AF3391">
        <v>0</v>
      </c>
      <c r="AG3391">
        <v>70790</v>
      </c>
      <c r="AH3391">
        <v>50000</v>
      </c>
      <c r="AI3391">
        <v>0</v>
      </c>
      <c r="AJ3391">
        <v>101</v>
      </c>
      <c r="AK3391" t="s">
        <v>28</v>
      </c>
      <c r="AL3391">
        <v>0</v>
      </c>
      <c r="AM3391">
        <v>0</v>
      </c>
      <c r="AN3391">
        <v>0</v>
      </c>
      <c r="AO3391">
        <v>0</v>
      </c>
      <c r="AP3391">
        <v>0</v>
      </c>
      <c r="AQ3391">
        <v>0</v>
      </c>
      <c r="AR3391">
        <v>0</v>
      </c>
      <c r="AS3391">
        <v>0</v>
      </c>
      <c r="AT3391">
        <v>0</v>
      </c>
      <c r="AU3391">
        <v>0</v>
      </c>
      <c r="AV3391">
        <v>0</v>
      </c>
      <c r="AW3391">
        <v>0</v>
      </c>
      <c r="AX3391">
        <v>-1210</v>
      </c>
      <c r="AY3391">
        <v>16</v>
      </c>
      <c r="AZ3391">
        <v>34</v>
      </c>
      <c r="BA3391">
        <v>2402</v>
      </c>
    </row>
    <row r="3392" spans="1:53" x14ac:dyDescent="0.4">
      <c r="A3392">
        <v>3436</v>
      </c>
      <c r="B3392" s="1">
        <v>43924</v>
      </c>
      <c r="C3392">
        <v>3</v>
      </c>
      <c r="D3392" s="1">
        <v>43924.745138888888</v>
      </c>
      <c r="E3392" s="1">
        <v>43924.95416666667</v>
      </c>
      <c r="F3392">
        <v>20000</v>
      </c>
      <c r="G3392">
        <v>0</v>
      </c>
      <c r="H3392">
        <v>0</v>
      </c>
      <c r="I3392">
        <v>0</v>
      </c>
      <c r="J3392">
        <v>0</v>
      </c>
      <c r="K3392">
        <v>0</v>
      </c>
      <c r="L3392">
        <v>0</v>
      </c>
      <c r="M3392">
        <v>2000</v>
      </c>
      <c r="N3392">
        <v>0</v>
      </c>
      <c r="O3392">
        <v>0</v>
      </c>
      <c r="P3392">
        <v>-7865</v>
      </c>
      <c r="Q3392">
        <v>0</v>
      </c>
      <c r="R3392">
        <v>14135</v>
      </c>
      <c r="S3392">
        <v>0</v>
      </c>
      <c r="T3392">
        <v>0</v>
      </c>
      <c r="U3392">
        <v>0</v>
      </c>
      <c r="V3392">
        <v>0</v>
      </c>
      <c r="W3392">
        <v>1</v>
      </c>
      <c r="X3392">
        <v>0</v>
      </c>
      <c r="Y3392">
        <v>51</v>
      </c>
      <c r="Z3392">
        <v>28</v>
      </c>
      <c r="AA3392">
        <v>82</v>
      </c>
      <c r="AB3392">
        <v>97</v>
      </c>
      <c r="AC3392">
        <v>142</v>
      </c>
      <c r="AD3392">
        <v>71</v>
      </c>
      <c r="AE3392">
        <v>100</v>
      </c>
      <c r="AF3392">
        <v>0</v>
      </c>
      <c r="AG3392">
        <v>84925</v>
      </c>
      <c r="AH3392">
        <v>50000</v>
      </c>
      <c r="AI3392">
        <v>0</v>
      </c>
      <c r="AJ3392">
        <v>84</v>
      </c>
      <c r="AK3392" t="s">
        <v>16</v>
      </c>
      <c r="AL3392">
        <v>0</v>
      </c>
      <c r="AM3392">
        <v>0</v>
      </c>
      <c r="AN3392">
        <v>0</v>
      </c>
      <c r="AO3392">
        <v>0</v>
      </c>
      <c r="AP3392">
        <v>0</v>
      </c>
      <c r="AQ3392">
        <v>0</v>
      </c>
      <c r="AR3392">
        <v>0</v>
      </c>
      <c r="AS3392">
        <v>0</v>
      </c>
      <c r="AT3392">
        <v>0</v>
      </c>
      <c r="AU3392">
        <v>0</v>
      </c>
      <c r="AV3392">
        <v>0</v>
      </c>
      <c r="AW3392">
        <v>0</v>
      </c>
      <c r="AX3392">
        <v>8360</v>
      </c>
      <c r="AY3392">
        <v>7</v>
      </c>
      <c r="AZ3392">
        <v>15</v>
      </c>
      <c r="BA3392">
        <v>945</v>
      </c>
    </row>
    <row r="3393" spans="1:53" x14ac:dyDescent="0.4">
      <c r="A3393">
        <v>3437</v>
      </c>
      <c r="B3393" s="1">
        <v>43925</v>
      </c>
      <c r="C3393">
        <v>1</v>
      </c>
      <c r="D3393" s="1">
        <v>43925.291666666664</v>
      </c>
      <c r="E3393" s="1">
        <v>43925.409722222219</v>
      </c>
      <c r="F3393">
        <v>0</v>
      </c>
      <c r="G3393">
        <v>0</v>
      </c>
      <c r="H3393">
        <v>0</v>
      </c>
      <c r="I3393">
        <v>0</v>
      </c>
      <c r="J3393">
        <v>0</v>
      </c>
      <c r="K3393">
        <v>0</v>
      </c>
      <c r="L3393">
        <v>0</v>
      </c>
      <c r="M3393">
        <v>0</v>
      </c>
      <c r="N3393">
        <v>0</v>
      </c>
      <c r="O3393">
        <v>0</v>
      </c>
      <c r="P3393">
        <v>0</v>
      </c>
      <c r="Q3393">
        <v>0</v>
      </c>
      <c r="R3393">
        <v>0</v>
      </c>
      <c r="S3393">
        <v>0</v>
      </c>
      <c r="T3393">
        <v>0</v>
      </c>
      <c r="U3393">
        <v>0</v>
      </c>
      <c r="V3393">
        <v>0</v>
      </c>
      <c r="W3393">
        <v>0</v>
      </c>
      <c r="X3393">
        <v>0</v>
      </c>
      <c r="Y3393">
        <v>28</v>
      </c>
      <c r="Z3393">
        <v>20</v>
      </c>
      <c r="AA3393">
        <v>85</v>
      </c>
      <c r="AB3393">
        <v>46</v>
      </c>
      <c r="AC3393">
        <v>100</v>
      </c>
      <c r="AD3393">
        <v>20</v>
      </c>
      <c r="AE3393">
        <v>100</v>
      </c>
      <c r="AF3393">
        <v>0</v>
      </c>
      <c r="AG3393">
        <v>50000</v>
      </c>
      <c r="AH3393">
        <v>50000</v>
      </c>
      <c r="AI3393">
        <v>0</v>
      </c>
      <c r="AJ3393">
        <v>0</v>
      </c>
      <c r="AK3393" t="s">
        <v>6</v>
      </c>
      <c r="AL3393">
        <v>0</v>
      </c>
      <c r="AM3393">
        <v>0</v>
      </c>
      <c r="AN3393">
        <v>0</v>
      </c>
      <c r="AO3393">
        <v>0</v>
      </c>
      <c r="AP3393">
        <v>0</v>
      </c>
      <c r="AQ3393">
        <v>0</v>
      </c>
      <c r="AR3393">
        <v>0</v>
      </c>
      <c r="AS3393">
        <v>0</v>
      </c>
      <c r="AT3393">
        <v>0</v>
      </c>
      <c r="AU3393">
        <v>0</v>
      </c>
      <c r="AV3393">
        <v>0</v>
      </c>
      <c r="AW3393">
        <v>0</v>
      </c>
      <c r="AX3393">
        <v>0</v>
      </c>
      <c r="AY3393">
        <v>0</v>
      </c>
      <c r="AZ3393">
        <v>0</v>
      </c>
      <c r="BA3393">
        <v>0</v>
      </c>
    </row>
    <row r="3394" spans="1:53" x14ac:dyDescent="0.4">
      <c r="A3394">
        <v>3438</v>
      </c>
      <c r="B3394" s="1">
        <v>43925</v>
      </c>
      <c r="C3394">
        <v>2</v>
      </c>
      <c r="D3394" s="1">
        <v>43925.409722222219</v>
      </c>
      <c r="E3394" s="1">
        <v>43925.738888888889</v>
      </c>
      <c r="F3394">
        <v>19250</v>
      </c>
      <c r="G3394">
        <v>540</v>
      </c>
      <c r="H3394">
        <v>200</v>
      </c>
      <c r="I3394">
        <v>0</v>
      </c>
      <c r="J3394">
        <v>100</v>
      </c>
      <c r="K3394">
        <v>0</v>
      </c>
      <c r="L3394">
        <v>0</v>
      </c>
      <c r="M3394">
        <v>1989</v>
      </c>
      <c r="N3394">
        <v>0</v>
      </c>
      <c r="O3394">
        <v>0</v>
      </c>
      <c r="P3394">
        <v>12100</v>
      </c>
      <c r="Q3394">
        <v>0</v>
      </c>
      <c r="R3394">
        <v>33979</v>
      </c>
      <c r="S3394">
        <v>0</v>
      </c>
      <c r="T3394">
        <v>0</v>
      </c>
      <c r="U3394">
        <v>0</v>
      </c>
      <c r="V3394">
        <v>0</v>
      </c>
      <c r="W3394">
        <v>1</v>
      </c>
      <c r="X3394">
        <v>0</v>
      </c>
      <c r="Y3394">
        <v>53</v>
      </c>
      <c r="Z3394">
        <v>32</v>
      </c>
      <c r="AA3394">
        <v>63</v>
      </c>
      <c r="AB3394">
        <v>47</v>
      </c>
      <c r="AC3394">
        <v>110</v>
      </c>
      <c r="AD3394">
        <v>21</v>
      </c>
      <c r="AE3394">
        <v>124</v>
      </c>
      <c r="AF3394">
        <v>0</v>
      </c>
      <c r="AG3394">
        <v>83979</v>
      </c>
      <c r="AH3394">
        <v>50000</v>
      </c>
      <c r="AI3394">
        <v>0</v>
      </c>
      <c r="AJ3394">
        <v>93</v>
      </c>
      <c r="AK3394" t="s">
        <v>20</v>
      </c>
      <c r="AL3394">
        <v>0</v>
      </c>
      <c r="AM3394">
        <v>0</v>
      </c>
      <c r="AN3394">
        <v>0</v>
      </c>
      <c r="AO3394">
        <v>0</v>
      </c>
      <c r="AP3394">
        <v>0</v>
      </c>
      <c r="AQ3394">
        <v>0</v>
      </c>
      <c r="AR3394">
        <v>0</v>
      </c>
      <c r="AS3394">
        <v>0</v>
      </c>
      <c r="AT3394">
        <v>0</v>
      </c>
      <c r="AU3394">
        <v>0</v>
      </c>
      <c r="AV3394">
        <v>0</v>
      </c>
      <c r="AW3394">
        <v>0</v>
      </c>
      <c r="AX3394">
        <v>1210</v>
      </c>
      <c r="AY3394">
        <v>27</v>
      </c>
      <c r="AZ3394">
        <v>55</v>
      </c>
      <c r="BA3394">
        <v>4076</v>
      </c>
    </row>
    <row r="3395" spans="1:53" x14ac:dyDescent="0.4">
      <c r="A3395">
        <v>3439</v>
      </c>
      <c r="B3395" s="1">
        <v>43925</v>
      </c>
      <c r="C3395">
        <v>3</v>
      </c>
      <c r="D3395" s="1">
        <v>43925.738888888889</v>
      </c>
      <c r="E3395" s="1">
        <v>43925.95</v>
      </c>
      <c r="F3395">
        <v>16350</v>
      </c>
      <c r="G3395">
        <v>0</v>
      </c>
      <c r="H3395">
        <v>200</v>
      </c>
      <c r="I3395">
        <v>0</v>
      </c>
      <c r="J3395">
        <v>0</v>
      </c>
      <c r="K3395">
        <v>0</v>
      </c>
      <c r="L3395">
        <v>0</v>
      </c>
      <c r="M3395">
        <v>1655</v>
      </c>
      <c r="N3395">
        <v>0</v>
      </c>
      <c r="O3395">
        <v>0</v>
      </c>
      <c r="P3395">
        <v>-10670</v>
      </c>
      <c r="Q3395">
        <v>0</v>
      </c>
      <c r="R3395">
        <v>7535</v>
      </c>
      <c r="S3395">
        <v>0</v>
      </c>
      <c r="T3395">
        <v>0</v>
      </c>
      <c r="U3395">
        <v>0</v>
      </c>
      <c r="V3395">
        <v>0</v>
      </c>
      <c r="W3395">
        <v>1</v>
      </c>
      <c r="X3395">
        <v>0</v>
      </c>
      <c r="Y3395">
        <v>61</v>
      </c>
      <c r="Z3395">
        <v>31</v>
      </c>
      <c r="AA3395">
        <v>62</v>
      </c>
      <c r="AB3395">
        <v>46</v>
      </c>
      <c r="AC3395">
        <v>107</v>
      </c>
      <c r="AD3395">
        <v>20</v>
      </c>
      <c r="AE3395">
        <v>124</v>
      </c>
      <c r="AF3395">
        <v>220</v>
      </c>
      <c r="AG3395">
        <v>91514</v>
      </c>
      <c r="AH3395">
        <v>50000</v>
      </c>
      <c r="AI3395">
        <v>0</v>
      </c>
      <c r="AJ3395">
        <v>101</v>
      </c>
      <c r="AK3395" t="s">
        <v>28</v>
      </c>
      <c r="AL3395">
        <v>0</v>
      </c>
      <c r="AM3395">
        <v>0</v>
      </c>
      <c r="AN3395">
        <v>0</v>
      </c>
      <c r="AO3395">
        <v>0</v>
      </c>
      <c r="AP3395">
        <v>0</v>
      </c>
      <c r="AQ3395">
        <v>0</v>
      </c>
      <c r="AR3395">
        <v>0</v>
      </c>
      <c r="AS3395">
        <v>0</v>
      </c>
      <c r="AT3395">
        <v>0</v>
      </c>
      <c r="AU3395">
        <v>0</v>
      </c>
      <c r="AV3395">
        <v>0</v>
      </c>
      <c r="AW3395">
        <v>0</v>
      </c>
      <c r="AX3395">
        <v>28485</v>
      </c>
      <c r="AY3395">
        <v>13</v>
      </c>
      <c r="AZ3395">
        <v>30</v>
      </c>
      <c r="BA3395">
        <v>1860</v>
      </c>
    </row>
    <row r="3396" spans="1:53" x14ac:dyDescent="0.4">
      <c r="A3396">
        <v>3440</v>
      </c>
      <c r="B3396" s="1">
        <v>43925</v>
      </c>
      <c r="C3396">
        <v>4</v>
      </c>
      <c r="D3396" s="1">
        <v>43925.95</v>
      </c>
      <c r="E3396" s="1">
        <v>43926.140277777777</v>
      </c>
      <c r="F3396">
        <v>57550</v>
      </c>
      <c r="G3396">
        <v>2320</v>
      </c>
      <c r="H3396">
        <v>0</v>
      </c>
      <c r="I3396">
        <v>0</v>
      </c>
      <c r="J3396">
        <v>0</v>
      </c>
      <c r="K3396">
        <v>0</v>
      </c>
      <c r="L3396">
        <v>0</v>
      </c>
      <c r="M3396">
        <v>5987</v>
      </c>
      <c r="N3396">
        <v>0</v>
      </c>
      <c r="O3396">
        <v>0</v>
      </c>
      <c r="P3396">
        <v>9240</v>
      </c>
      <c r="Q3396">
        <v>0</v>
      </c>
      <c r="R3396">
        <v>75097</v>
      </c>
      <c r="S3396">
        <v>0</v>
      </c>
      <c r="T3396">
        <v>0</v>
      </c>
      <c r="U3396">
        <v>0</v>
      </c>
      <c r="V3396">
        <v>7</v>
      </c>
      <c r="W3396">
        <v>0</v>
      </c>
      <c r="X3396">
        <v>0</v>
      </c>
      <c r="Y3396">
        <v>68</v>
      </c>
      <c r="Z3396">
        <v>31</v>
      </c>
      <c r="AA3396">
        <v>68</v>
      </c>
      <c r="AB3396">
        <v>41</v>
      </c>
      <c r="AC3396">
        <v>99</v>
      </c>
      <c r="AD3396">
        <v>19</v>
      </c>
      <c r="AE3396">
        <v>118</v>
      </c>
      <c r="AF3396">
        <v>3058</v>
      </c>
      <c r="AG3396">
        <v>166611</v>
      </c>
      <c r="AH3396">
        <v>50000</v>
      </c>
      <c r="AI3396">
        <v>0</v>
      </c>
      <c r="AJ3396">
        <v>107</v>
      </c>
      <c r="AK3396" t="s">
        <v>40</v>
      </c>
      <c r="AL3396">
        <v>0</v>
      </c>
      <c r="AM3396">
        <v>0</v>
      </c>
      <c r="AN3396">
        <v>0</v>
      </c>
      <c r="AO3396">
        <v>0</v>
      </c>
      <c r="AP3396">
        <v>0</v>
      </c>
      <c r="AQ3396">
        <v>0</v>
      </c>
      <c r="AR3396">
        <v>0</v>
      </c>
      <c r="AS3396">
        <v>0</v>
      </c>
      <c r="AT3396">
        <v>0</v>
      </c>
      <c r="AU3396">
        <v>0</v>
      </c>
      <c r="AV3396">
        <v>0</v>
      </c>
      <c r="AW3396">
        <v>0</v>
      </c>
      <c r="AX3396">
        <v>5445</v>
      </c>
      <c r="AY3396">
        <v>5</v>
      </c>
      <c r="AZ3396">
        <v>12</v>
      </c>
      <c r="BA3396">
        <v>1445</v>
      </c>
    </row>
    <row r="3397" spans="1:53" x14ac:dyDescent="0.4">
      <c r="A3397">
        <v>3441</v>
      </c>
      <c r="B3397" s="1">
        <v>43926</v>
      </c>
      <c r="C3397">
        <v>1</v>
      </c>
      <c r="D3397" s="1">
        <v>43926.291666666664</v>
      </c>
      <c r="E3397" s="1">
        <v>43926.411805555559</v>
      </c>
      <c r="F3397">
        <v>0</v>
      </c>
      <c r="G3397">
        <v>0</v>
      </c>
      <c r="H3397">
        <v>0</v>
      </c>
      <c r="I3397">
        <v>0</v>
      </c>
      <c r="J3397">
        <v>0</v>
      </c>
      <c r="K3397">
        <v>0</v>
      </c>
      <c r="L3397">
        <v>0</v>
      </c>
      <c r="M3397">
        <v>0</v>
      </c>
      <c r="N3397">
        <v>0</v>
      </c>
      <c r="O3397">
        <v>0</v>
      </c>
      <c r="P3397">
        <v>0</v>
      </c>
      <c r="Q3397">
        <v>0</v>
      </c>
      <c r="R3397">
        <v>0</v>
      </c>
      <c r="S3397">
        <v>0</v>
      </c>
      <c r="T3397">
        <v>0</v>
      </c>
      <c r="U3397">
        <v>0</v>
      </c>
      <c r="V3397">
        <v>0</v>
      </c>
      <c r="W3397">
        <v>0</v>
      </c>
      <c r="X3397">
        <v>0</v>
      </c>
      <c r="Y3397">
        <v>27</v>
      </c>
      <c r="Z3397">
        <v>20</v>
      </c>
      <c r="AA3397">
        <v>70</v>
      </c>
      <c r="AB3397">
        <v>83</v>
      </c>
      <c r="AC3397">
        <v>143</v>
      </c>
      <c r="AD3397">
        <v>61</v>
      </c>
      <c r="AE3397">
        <v>115</v>
      </c>
      <c r="AF3397">
        <v>0</v>
      </c>
      <c r="AG3397">
        <v>50000</v>
      </c>
      <c r="AH3397">
        <v>50000</v>
      </c>
      <c r="AI3397">
        <v>0</v>
      </c>
      <c r="AJ3397">
        <v>0</v>
      </c>
      <c r="AK3397" t="s">
        <v>6</v>
      </c>
      <c r="AL3397">
        <v>0</v>
      </c>
      <c r="AM3397">
        <v>0</v>
      </c>
      <c r="AN3397">
        <v>0</v>
      </c>
      <c r="AO3397">
        <v>0</v>
      </c>
      <c r="AP3397">
        <v>0</v>
      </c>
      <c r="AQ3397">
        <v>0</v>
      </c>
      <c r="AR3397">
        <v>0</v>
      </c>
      <c r="AS3397">
        <v>0</v>
      </c>
      <c r="AT3397">
        <v>0</v>
      </c>
      <c r="AU3397">
        <v>0</v>
      </c>
      <c r="AV3397">
        <v>0</v>
      </c>
      <c r="AW3397">
        <v>0</v>
      </c>
      <c r="AX3397">
        <v>0</v>
      </c>
      <c r="AY3397">
        <v>0</v>
      </c>
      <c r="AZ3397">
        <v>0</v>
      </c>
      <c r="BA3397">
        <v>0</v>
      </c>
    </row>
    <row r="3398" spans="1:53" x14ac:dyDescent="0.4">
      <c r="A3398">
        <v>3442</v>
      </c>
      <c r="B3398" s="1">
        <v>43926</v>
      </c>
      <c r="C3398">
        <v>2</v>
      </c>
      <c r="D3398" s="1">
        <v>43926.411805555559</v>
      </c>
      <c r="E3398" s="1">
        <v>43926.73541666667</v>
      </c>
      <c r="F3398">
        <v>14300</v>
      </c>
      <c r="G3398">
        <v>0</v>
      </c>
      <c r="H3398">
        <v>0</v>
      </c>
      <c r="I3398">
        <v>0</v>
      </c>
      <c r="J3398">
        <v>0</v>
      </c>
      <c r="K3398">
        <v>0</v>
      </c>
      <c r="L3398">
        <v>0</v>
      </c>
      <c r="M3398">
        <v>1430</v>
      </c>
      <c r="N3398">
        <v>0</v>
      </c>
      <c r="O3398">
        <v>0</v>
      </c>
      <c r="P3398">
        <v>6655</v>
      </c>
      <c r="Q3398">
        <v>0</v>
      </c>
      <c r="R3398">
        <v>22385</v>
      </c>
      <c r="S3398">
        <v>0</v>
      </c>
      <c r="T3398">
        <v>0</v>
      </c>
      <c r="U3398">
        <v>0</v>
      </c>
      <c r="V3398">
        <v>2</v>
      </c>
      <c r="W3398">
        <v>0</v>
      </c>
      <c r="X3398">
        <v>0</v>
      </c>
      <c r="Y3398">
        <v>25</v>
      </c>
      <c r="Z3398">
        <v>26</v>
      </c>
      <c r="AA3398">
        <v>73</v>
      </c>
      <c r="AB3398">
        <v>83</v>
      </c>
      <c r="AC3398">
        <v>129</v>
      </c>
      <c r="AD3398">
        <v>63</v>
      </c>
      <c r="AE3398">
        <v>120</v>
      </c>
      <c r="AF3398">
        <v>1210</v>
      </c>
      <c r="AG3398">
        <v>72385</v>
      </c>
      <c r="AH3398">
        <v>50000</v>
      </c>
      <c r="AI3398">
        <v>0</v>
      </c>
      <c r="AJ3398">
        <v>97</v>
      </c>
      <c r="AK3398" t="s">
        <v>33</v>
      </c>
      <c r="AL3398">
        <v>0</v>
      </c>
      <c r="AM3398">
        <v>0</v>
      </c>
      <c r="AN3398">
        <v>0</v>
      </c>
      <c r="AO3398">
        <v>0</v>
      </c>
      <c r="AP3398">
        <v>0</v>
      </c>
      <c r="AQ3398">
        <v>0</v>
      </c>
      <c r="AR3398">
        <v>0</v>
      </c>
      <c r="AS3398">
        <v>0</v>
      </c>
      <c r="AT3398">
        <v>0</v>
      </c>
      <c r="AU3398">
        <v>0</v>
      </c>
      <c r="AV3398">
        <v>0</v>
      </c>
      <c r="AW3398">
        <v>0</v>
      </c>
      <c r="AX3398">
        <v>-1375</v>
      </c>
      <c r="AY3398">
        <v>17</v>
      </c>
      <c r="AZ3398">
        <v>35</v>
      </c>
      <c r="BA3398">
        <v>2708</v>
      </c>
    </row>
    <row r="3399" spans="1:53" x14ac:dyDescent="0.4">
      <c r="A3399">
        <v>3443</v>
      </c>
      <c r="B3399" s="1">
        <v>43926</v>
      </c>
      <c r="C3399">
        <v>3</v>
      </c>
      <c r="D3399" s="1">
        <v>43926.73541666667</v>
      </c>
      <c r="E3399" s="1">
        <v>43926.956944444442</v>
      </c>
      <c r="F3399">
        <v>9350</v>
      </c>
      <c r="G3399">
        <v>1200</v>
      </c>
      <c r="H3399">
        <v>0</v>
      </c>
      <c r="I3399">
        <v>0</v>
      </c>
      <c r="J3399">
        <v>0</v>
      </c>
      <c r="K3399">
        <v>0</v>
      </c>
      <c r="L3399">
        <v>0</v>
      </c>
      <c r="M3399">
        <v>1055</v>
      </c>
      <c r="N3399">
        <v>0</v>
      </c>
      <c r="O3399">
        <v>0</v>
      </c>
      <c r="P3399">
        <v>8195</v>
      </c>
      <c r="Q3399">
        <v>0</v>
      </c>
      <c r="R3399">
        <v>19800</v>
      </c>
      <c r="S3399">
        <v>0</v>
      </c>
      <c r="T3399">
        <v>0</v>
      </c>
      <c r="U3399">
        <v>0</v>
      </c>
      <c r="V3399">
        <v>3</v>
      </c>
      <c r="W3399">
        <v>0</v>
      </c>
      <c r="X3399">
        <v>0</v>
      </c>
      <c r="Y3399">
        <v>19</v>
      </c>
      <c r="Z3399">
        <v>26</v>
      </c>
      <c r="AA3399">
        <v>79</v>
      </c>
      <c r="AB3399">
        <v>86</v>
      </c>
      <c r="AC3399">
        <v>144</v>
      </c>
      <c r="AD3399">
        <v>73</v>
      </c>
      <c r="AE3399">
        <v>120</v>
      </c>
      <c r="AF3399">
        <v>16060</v>
      </c>
      <c r="AG3399">
        <v>92185</v>
      </c>
      <c r="AH3399">
        <v>50000</v>
      </c>
      <c r="AI3399">
        <v>0</v>
      </c>
      <c r="AJ3399">
        <v>108</v>
      </c>
      <c r="AK3399" t="s">
        <v>30</v>
      </c>
      <c r="AL3399">
        <v>0</v>
      </c>
      <c r="AM3399">
        <v>0</v>
      </c>
      <c r="AN3399">
        <v>0</v>
      </c>
      <c r="AO3399">
        <v>0</v>
      </c>
      <c r="AP3399">
        <v>0</v>
      </c>
      <c r="AQ3399">
        <v>0</v>
      </c>
      <c r="AR3399">
        <v>0</v>
      </c>
      <c r="AS3399">
        <v>0</v>
      </c>
      <c r="AT3399">
        <v>0</v>
      </c>
      <c r="AU3399">
        <v>0</v>
      </c>
      <c r="AV3399">
        <v>0</v>
      </c>
      <c r="AW3399">
        <v>0</v>
      </c>
      <c r="AX3399">
        <v>-10520</v>
      </c>
      <c r="AY3399">
        <v>5</v>
      </c>
      <c r="AZ3399">
        <v>10</v>
      </c>
      <c r="BA3399">
        <v>917</v>
      </c>
    </row>
    <row r="3400" spans="1:53" x14ac:dyDescent="0.4">
      <c r="A3400">
        <v>3444</v>
      </c>
      <c r="B3400" s="1">
        <v>43926</v>
      </c>
      <c r="C3400">
        <v>4</v>
      </c>
      <c r="D3400" s="1">
        <v>43926.956944444442</v>
      </c>
      <c r="E3400" s="1">
        <v>43927.118750000001</v>
      </c>
      <c r="F3400">
        <v>7900</v>
      </c>
      <c r="G3400">
        <v>0</v>
      </c>
      <c r="H3400">
        <v>0</v>
      </c>
      <c r="I3400">
        <v>0</v>
      </c>
      <c r="J3400">
        <v>0</v>
      </c>
      <c r="K3400">
        <v>0</v>
      </c>
      <c r="L3400">
        <v>0</v>
      </c>
      <c r="M3400">
        <v>790</v>
      </c>
      <c r="N3400">
        <v>0</v>
      </c>
      <c r="O3400">
        <v>0</v>
      </c>
      <c r="P3400">
        <v>-5060</v>
      </c>
      <c r="Q3400">
        <v>0</v>
      </c>
      <c r="R3400">
        <v>3630</v>
      </c>
      <c r="S3400">
        <v>0</v>
      </c>
      <c r="T3400">
        <v>0</v>
      </c>
      <c r="U3400">
        <v>0</v>
      </c>
      <c r="V3400">
        <v>3</v>
      </c>
      <c r="W3400">
        <v>0</v>
      </c>
      <c r="X3400">
        <v>0</v>
      </c>
      <c r="Y3400">
        <v>22</v>
      </c>
      <c r="Z3400">
        <v>26</v>
      </c>
      <c r="AA3400">
        <v>85</v>
      </c>
      <c r="AB3400">
        <v>87</v>
      </c>
      <c r="AC3400">
        <v>142</v>
      </c>
      <c r="AD3400">
        <v>73</v>
      </c>
      <c r="AE3400">
        <v>120</v>
      </c>
      <c r="AF3400">
        <v>16060</v>
      </c>
      <c r="AG3400">
        <v>95815</v>
      </c>
      <c r="AH3400">
        <v>50000</v>
      </c>
      <c r="AI3400">
        <v>0</v>
      </c>
      <c r="AJ3400">
        <v>108</v>
      </c>
      <c r="AK3400" t="s">
        <v>30</v>
      </c>
      <c r="AL3400">
        <v>0</v>
      </c>
      <c r="AM3400">
        <v>0</v>
      </c>
      <c r="AN3400">
        <v>0</v>
      </c>
      <c r="AO3400">
        <v>0</v>
      </c>
      <c r="AP3400">
        <v>0</v>
      </c>
      <c r="AQ3400">
        <v>0</v>
      </c>
      <c r="AR3400">
        <v>0</v>
      </c>
      <c r="AS3400">
        <v>0</v>
      </c>
      <c r="AT3400">
        <v>0</v>
      </c>
      <c r="AU3400">
        <v>0</v>
      </c>
      <c r="AV3400">
        <v>0</v>
      </c>
      <c r="AW3400">
        <v>0</v>
      </c>
      <c r="AX3400">
        <v>0</v>
      </c>
      <c r="AY3400">
        <v>1</v>
      </c>
      <c r="AZ3400">
        <v>2</v>
      </c>
      <c r="BA3400">
        <v>519</v>
      </c>
    </row>
    <row r="3401" spans="1:53" x14ac:dyDescent="0.4">
      <c r="A3401">
        <v>3445</v>
      </c>
      <c r="B3401" s="1">
        <v>43927</v>
      </c>
      <c r="C3401">
        <v>1</v>
      </c>
      <c r="D3401" s="1">
        <v>43927.291666666664</v>
      </c>
      <c r="E3401" s="1">
        <v>43927.449305555558</v>
      </c>
      <c r="F3401">
        <v>0</v>
      </c>
      <c r="G3401">
        <v>0</v>
      </c>
      <c r="H3401">
        <v>0</v>
      </c>
      <c r="I3401">
        <v>0</v>
      </c>
      <c r="J3401">
        <v>0</v>
      </c>
      <c r="K3401">
        <v>0</v>
      </c>
      <c r="L3401">
        <v>0</v>
      </c>
      <c r="M3401">
        <v>0</v>
      </c>
      <c r="N3401">
        <v>0</v>
      </c>
      <c r="O3401">
        <v>0</v>
      </c>
      <c r="P3401">
        <v>0</v>
      </c>
      <c r="Q3401">
        <v>0</v>
      </c>
      <c r="R3401">
        <v>0</v>
      </c>
      <c r="S3401">
        <v>0</v>
      </c>
      <c r="T3401">
        <v>0</v>
      </c>
      <c r="U3401">
        <v>0</v>
      </c>
      <c r="V3401">
        <v>0</v>
      </c>
      <c r="W3401">
        <v>0</v>
      </c>
      <c r="X3401">
        <v>0</v>
      </c>
      <c r="Y3401">
        <v>27</v>
      </c>
      <c r="Z3401">
        <v>17</v>
      </c>
      <c r="AA3401">
        <v>82</v>
      </c>
      <c r="AB3401">
        <v>88</v>
      </c>
      <c r="AC3401">
        <v>141</v>
      </c>
      <c r="AD3401">
        <v>74</v>
      </c>
      <c r="AE3401">
        <v>120</v>
      </c>
      <c r="AF3401">
        <v>0</v>
      </c>
      <c r="AG3401">
        <v>50000</v>
      </c>
      <c r="AH3401">
        <v>0</v>
      </c>
      <c r="AI3401">
        <v>50000</v>
      </c>
      <c r="AJ3401">
        <v>0</v>
      </c>
      <c r="AK3401" t="s">
        <v>6</v>
      </c>
      <c r="AL3401">
        <v>0</v>
      </c>
      <c r="AM3401">
        <v>0</v>
      </c>
      <c r="AN3401">
        <v>0</v>
      </c>
      <c r="AO3401">
        <v>0</v>
      </c>
      <c r="AP3401">
        <v>0</v>
      </c>
      <c r="AQ3401">
        <v>0</v>
      </c>
      <c r="AR3401">
        <v>0</v>
      </c>
      <c r="AS3401">
        <v>0</v>
      </c>
      <c r="AT3401">
        <v>0</v>
      </c>
      <c r="AU3401">
        <v>0</v>
      </c>
      <c r="AV3401">
        <v>0</v>
      </c>
      <c r="AW3401">
        <v>0</v>
      </c>
      <c r="AX3401">
        <v>0</v>
      </c>
      <c r="AY3401">
        <v>0</v>
      </c>
      <c r="AZ3401">
        <v>0</v>
      </c>
      <c r="BA3401">
        <v>0</v>
      </c>
    </row>
    <row r="3402" spans="1:53" x14ac:dyDescent="0.4">
      <c r="A3402">
        <v>3446</v>
      </c>
      <c r="B3402" s="1">
        <v>43927</v>
      </c>
      <c r="C3402">
        <v>2</v>
      </c>
      <c r="D3402" s="1">
        <v>43927.449305555558</v>
      </c>
      <c r="E3402" s="1">
        <v>43927.742361111108</v>
      </c>
      <c r="F3402">
        <v>17600</v>
      </c>
      <c r="G3402">
        <v>2080</v>
      </c>
      <c r="H3402">
        <v>0</v>
      </c>
      <c r="I3402">
        <v>0</v>
      </c>
      <c r="J3402">
        <v>0</v>
      </c>
      <c r="K3402">
        <v>0</v>
      </c>
      <c r="L3402">
        <v>0</v>
      </c>
      <c r="M3402">
        <v>1968</v>
      </c>
      <c r="N3402">
        <v>0</v>
      </c>
      <c r="O3402">
        <v>0</v>
      </c>
      <c r="P3402">
        <v>12100</v>
      </c>
      <c r="Q3402">
        <v>0</v>
      </c>
      <c r="R3402">
        <v>33748</v>
      </c>
      <c r="S3402">
        <v>0</v>
      </c>
      <c r="T3402">
        <v>0</v>
      </c>
      <c r="U3402">
        <v>0</v>
      </c>
      <c r="V3402">
        <v>2</v>
      </c>
      <c r="W3402">
        <v>0</v>
      </c>
      <c r="X3402">
        <v>0</v>
      </c>
      <c r="Y3402">
        <v>35</v>
      </c>
      <c r="Z3402">
        <v>26</v>
      </c>
      <c r="AA3402">
        <v>90</v>
      </c>
      <c r="AB3402">
        <v>92</v>
      </c>
      <c r="AC3402">
        <v>159</v>
      </c>
      <c r="AD3402">
        <v>83</v>
      </c>
      <c r="AE3402">
        <v>143</v>
      </c>
      <c r="AF3402">
        <v>0</v>
      </c>
      <c r="AG3402">
        <v>83748</v>
      </c>
      <c r="AH3402">
        <v>50000</v>
      </c>
      <c r="AI3402">
        <v>0</v>
      </c>
      <c r="AJ3402">
        <v>96</v>
      </c>
      <c r="AK3402" t="s">
        <v>4</v>
      </c>
      <c r="AL3402">
        <v>0</v>
      </c>
      <c r="AM3402">
        <v>0</v>
      </c>
      <c r="AN3402">
        <v>0</v>
      </c>
      <c r="AO3402">
        <v>0</v>
      </c>
      <c r="AP3402">
        <v>0</v>
      </c>
      <c r="AQ3402">
        <v>0</v>
      </c>
      <c r="AR3402">
        <v>0</v>
      </c>
      <c r="AS3402">
        <v>0</v>
      </c>
      <c r="AT3402">
        <v>0</v>
      </c>
      <c r="AU3402">
        <v>0</v>
      </c>
      <c r="AV3402">
        <v>0</v>
      </c>
      <c r="AW3402">
        <v>0</v>
      </c>
      <c r="AX3402">
        <v>1782</v>
      </c>
      <c r="AY3402">
        <v>25</v>
      </c>
      <c r="AZ3402">
        <v>50</v>
      </c>
      <c r="BA3402">
        <v>3700</v>
      </c>
    </row>
    <row r="3403" spans="1:53" x14ac:dyDescent="0.4">
      <c r="A3403">
        <v>3447</v>
      </c>
      <c r="B3403" s="1">
        <v>43927</v>
      </c>
      <c r="C3403">
        <v>3</v>
      </c>
      <c r="D3403" s="1">
        <v>43927.742361111108</v>
      </c>
      <c r="E3403" s="1">
        <v>43927.95</v>
      </c>
      <c r="F3403">
        <v>14900</v>
      </c>
      <c r="G3403">
        <v>1620</v>
      </c>
      <c r="H3403">
        <v>0</v>
      </c>
      <c r="I3403">
        <v>0</v>
      </c>
      <c r="J3403">
        <v>0</v>
      </c>
      <c r="K3403">
        <v>0</v>
      </c>
      <c r="L3403">
        <v>0</v>
      </c>
      <c r="M3403">
        <v>1652</v>
      </c>
      <c r="N3403">
        <v>0</v>
      </c>
      <c r="O3403">
        <v>0</v>
      </c>
      <c r="P3403">
        <v>-12100</v>
      </c>
      <c r="Q3403">
        <v>0</v>
      </c>
      <c r="R3403">
        <v>6072</v>
      </c>
      <c r="S3403">
        <v>0</v>
      </c>
      <c r="T3403">
        <v>0</v>
      </c>
      <c r="U3403">
        <v>0</v>
      </c>
      <c r="V3403">
        <v>2</v>
      </c>
      <c r="W3403">
        <v>1</v>
      </c>
      <c r="X3403">
        <v>0</v>
      </c>
      <c r="Y3403">
        <v>36</v>
      </c>
      <c r="Z3403">
        <v>24</v>
      </c>
      <c r="AA3403">
        <v>99</v>
      </c>
      <c r="AB3403">
        <v>94</v>
      </c>
      <c r="AC3403">
        <v>167</v>
      </c>
      <c r="AD3403">
        <v>81</v>
      </c>
      <c r="AE3403">
        <v>145</v>
      </c>
      <c r="AF3403">
        <v>0</v>
      </c>
      <c r="AG3403">
        <v>89820</v>
      </c>
      <c r="AH3403">
        <v>50000</v>
      </c>
      <c r="AI3403">
        <v>0</v>
      </c>
      <c r="AJ3403">
        <v>84</v>
      </c>
      <c r="AK3403" t="s">
        <v>16</v>
      </c>
      <c r="AL3403">
        <v>0</v>
      </c>
      <c r="AM3403">
        <v>0</v>
      </c>
      <c r="AN3403">
        <v>0</v>
      </c>
      <c r="AO3403">
        <v>0</v>
      </c>
      <c r="AP3403">
        <v>0</v>
      </c>
      <c r="AQ3403">
        <v>0</v>
      </c>
      <c r="AR3403">
        <v>0</v>
      </c>
      <c r="AS3403">
        <v>0</v>
      </c>
      <c r="AT3403">
        <v>0</v>
      </c>
      <c r="AU3403">
        <v>0</v>
      </c>
      <c r="AV3403">
        <v>0</v>
      </c>
      <c r="AW3403">
        <v>0</v>
      </c>
      <c r="AX3403">
        <v>3300</v>
      </c>
      <c r="AY3403">
        <v>2</v>
      </c>
      <c r="AZ3403">
        <v>5</v>
      </c>
      <c r="BA3403">
        <v>940</v>
      </c>
    </row>
    <row r="3404" spans="1:53" x14ac:dyDescent="0.4">
      <c r="A3404">
        <v>3448</v>
      </c>
      <c r="B3404" s="1">
        <v>43927</v>
      </c>
      <c r="C3404">
        <v>4</v>
      </c>
      <c r="D3404" s="1">
        <v>43927.95</v>
      </c>
      <c r="E3404" s="1">
        <v>43928.080555555556</v>
      </c>
      <c r="F3404">
        <v>4000</v>
      </c>
      <c r="G3404">
        <v>0</v>
      </c>
      <c r="H3404">
        <v>0</v>
      </c>
      <c r="I3404">
        <v>0</v>
      </c>
      <c r="J3404">
        <v>0</v>
      </c>
      <c r="K3404">
        <v>0</v>
      </c>
      <c r="L3404">
        <v>0</v>
      </c>
      <c r="M3404">
        <v>400</v>
      </c>
      <c r="N3404">
        <v>0</v>
      </c>
      <c r="O3404">
        <v>0</v>
      </c>
      <c r="P3404">
        <v>0</v>
      </c>
      <c r="Q3404">
        <v>0</v>
      </c>
      <c r="R3404">
        <v>4400</v>
      </c>
      <c r="S3404">
        <v>0</v>
      </c>
      <c r="T3404">
        <v>0</v>
      </c>
      <c r="U3404">
        <v>0</v>
      </c>
      <c r="V3404">
        <v>3</v>
      </c>
      <c r="W3404">
        <v>0</v>
      </c>
      <c r="X3404">
        <v>0</v>
      </c>
      <c r="Y3404">
        <v>35</v>
      </c>
      <c r="Z3404">
        <v>24</v>
      </c>
      <c r="AA3404">
        <v>103</v>
      </c>
      <c r="AB3404">
        <v>94</v>
      </c>
      <c r="AC3404">
        <v>167</v>
      </c>
      <c r="AD3404">
        <v>81</v>
      </c>
      <c r="AE3404">
        <v>145</v>
      </c>
      <c r="AF3404">
        <v>0</v>
      </c>
      <c r="AG3404">
        <v>94220</v>
      </c>
      <c r="AH3404">
        <v>50000</v>
      </c>
      <c r="AI3404">
        <v>0</v>
      </c>
      <c r="AJ3404">
        <v>107</v>
      </c>
      <c r="AK3404" t="s">
        <v>40</v>
      </c>
      <c r="AL3404">
        <v>0</v>
      </c>
      <c r="AM3404">
        <v>0</v>
      </c>
      <c r="AN3404">
        <v>0</v>
      </c>
      <c r="AO3404">
        <v>0</v>
      </c>
      <c r="AP3404">
        <v>0</v>
      </c>
      <c r="AQ3404">
        <v>0</v>
      </c>
      <c r="AR3404">
        <v>0</v>
      </c>
      <c r="AS3404">
        <v>0</v>
      </c>
      <c r="AT3404">
        <v>0</v>
      </c>
      <c r="AU3404">
        <v>0</v>
      </c>
      <c r="AV3404">
        <v>0</v>
      </c>
      <c r="AW3404">
        <v>0</v>
      </c>
      <c r="AX3404">
        <v>0</v>
      </c>
      <c r="AY3404">
        <v>0</v>
      </c>
      <c r="AZ3404">
        <v>0</v>
      </c>
      <c r="BA3404">
        <v>38</v>
      </c>
    </row>
    <row r="3405" spans="1:53" x14ac:dyDescent="0.4">
      <c r="A3405">
        <v>3449</v>
      </c>
      <c r="B3405" s="1">
        <v>43927</v>
      </c>
      <c r="C3405">
        <v>5</v>
      </c>
      <c r="D3405" s="1">
        <v>43928.080555555556</v>
      </c>
      <c r="E3405" s="1">
        <v>43928.21597222222</v>
      </c>
      <c r="F3405">
        <v>0</v>
      </c>
      <c r="G3405">
        <v>0</v>
      </c>
      <c r="H3405">
        <v>0</v>
      </c>
      <c r="I3405">
        <v>0</v>
      </c>
      <c r="J3405">
        <v>0</v>
      </c>
      <c r="K3405">
        <v>0</v>
      </c>
      <c r="L3405">
        <v>0</v>
      </c>
      <c r="M3405">
        <v>0</v>
      </c>
      <c r="N3405">
        <v>0</v>
      </c>
      <c r="O3405">
        <v>0</v>
      </c>
      <c r="P3405">
        <v>0</v>
      </c>
      <c r="Q3405">
        <v>0</v>
      </c>
      <c r="R3405">
        <v>0</v>
      </c>
      <c r="S3405">
        <v>0</v>
      </c>
      <c r="T3405">
        <v>0</v>
      </c>
      <c r="U3405">
        <v>0</v>
      </c>
      <c r="V3405">
        <v>0</v>
      </c>
      <c r="W3405">
        <v>0</v>
      </c>
      <c r="X3405">
        <v>0</v>
      </c>
      <c r="Y3405">
        <v>27</v>
      </c>
      <c r="Z3405">
        <v>13</v>
      </c>
      <c r="AA3405">
        <v>101</v>
      </c>
      <c r="AB3405">
        <v>95</v>
      </c>
      <c r="AC3405">
        <v>115</v>
      </c>
      <c r="AD3405">
        <v>81</v>
      </c>
      <c r="AE3405">
        <v>95</v>
      </c>
      <c r="AF3405">
        <v>0</v>
      </c>
      <c r="AG3405">
        <v>50000</v>
      </c>
      <c r="AH3405">
        <v>0</v>
      </c>
      <c r="AI3405">
        <v>5780</v>
      </c>
      <c r="AJ3405">
        <v>107</v>
      </c>
      <c r="AK3405" t="s">
        <v>40</v>
      </c>
      <c r="AL3405">
        <v>0</v>
      </c>
      <c r="AM3405">
        <v>0</v>
      </c>
      <c r="AN3405">
        <v>0</v>
      </c>
      <c r="AO3405">
        <v>0</v>
      </c>
      <c r="AP3405">
        <v>0</v>
      </c>
      <c r="AQ3405">
        <v>0</v>
      </c>
      <c r="AR3405">
        <v>0</v>
      </c>
      <c r="AS3405">
        <v>0</v>
      </c>
      <c r="AT3405">
        <v>0</v>
      </c>
      <c r="AU3405">
        <v>0</v>
      </c>
      <c r="AV3405">
        <v>0</v>
      </c>
      <c r="AW3405">
        <v>0</v>
      </c>
      <c r="AX3405">
        <v>0</v>
      </c>
      <c r="AY3405">
        <v>0</v>
      </c>
      <c r="AZ3405">
        <v>0</v>
      </c>
      <c r="BA3405">
        <v>0</v>
      </c>
    </row>
    <row r="3406" spans="1:53" x14ac:dyDescent="0.4">
      <c r="A3406">
        <v>3450</v>
      </c>
      <c r="B3406" s="1">
        <v>43928</v>
      </c>
      <c r="C3406">
        <v>1</v>
      </c>
      <c r="D3406" s="1">
        <v>43928.291666666664</v>
      </c>
      <c r="E3406" s="1">
        <v>43928.45</v>
      </c>
      <c r="F3406">
        <v>0</v>
      </c>
      <c r="G3406">
        <v>0</v>
      </c>
      <c r="H3406">
        <v>0</v>
      </c>
      <c r="I3406">
        <v>0</v>
      </c>
      <c r="J3406">
        <v>0</v>
      </c>
      <c r="K3406">
        <v>0</v>
      </c>
      <c r="L3406">
        <v>0</v>
      </c>
      <c r="M3406">
        <v>0</v>
      </c>
      <c r="N3406">
        <v>0</v>
      </c>
      <c r="O3406">
        <v>0</v>
      </c>
      <c r="P3406">
        <v>0</v>
      </c>
      <c r="Q3406">
        <v>0</v>
      </c>
      <c r="R3406">
        <v>0</v>
      </c>
      <c r="S3406">
        <v>0</v>
      </c>
      <c r="T3406">
        <v>0</v>
      </c>
      <c r="U3406">
        <v>0</v>
      </c>
      <c r="V3406">
        <v>0</v>
      </c>
      <c r="W3406">
        <v>0</v>
      </c>
      <c r="X3406">
        <v>0</v>
      </c>
      <c r="Y3406">
        <v>27</v>
      </c>
      <c r="Z3406">
        <v>13</v>
      </c>
      <c r="AA3406">
        <v>101</v>
      </c>
      <c r="AB3406">
        <v>95</v>
      </c>
      <c r="AC3406">
        <v>115</v>
      </c>
      <c r="AD3406">
        <v>81</v>
      </c>
      <c r="AE3406">
        <v>95</v>
      </c>
      <c r="AF3406">
        <v>0</v>
      </c>
      <c r="AG3406">
        <v>50000</v>
      </c>
      <c r="AH3406">
        <v>50000</v>
      </c>
      <c r="AI3406">
        <v>0</v>
      </c>
      <c r="AJ3406">
        <v>0</v>
      </c>
      <c r="AK3406" t="s">
        <v>6</v>
      </c>
      <c r="AL3406">
        <v>0</v>
      </c>
      <c r="AM3406">
        <v>0</v>
      </c>
      <c r="AN3406">
        <v>0</v>
      </c>
      <c r="AO3406">
        <v>0</v>
      </c>
      <c r="AP3406">
        <v>0</v>
      </c>
      <c r="AQ3406">
        <v>0</v>
      </c>
      <c r="AR3406">
        <v>0</v>
      </c>
      <c r="AS3406">
        <v>0</v>
      </c>
      <c r="AT3406">
        <v>0</v>
      </c>
      <c r="AU3406">
        <v>0</v>
      </c>
      <c r="AV3406">
        <v>0</v>
      </c>
      <c r="AW3406">
        <v>0</v>
      </c>
      <c r="AX3406">
        <v>0</v>
      </c>
      <c r="AY3406">
        <v>0</v>
      </c>
      <c r="AZ3406">
        <v>0</v>
      </c>
      <c r="BA3406">
        <v>0</v>
      </c>
    </row>
    <row r="3407" spans="1:53" x14ac:dyDescent="0.4">
      <c r="A3407">
        <v>3451</v>
      </c>
      <c r="B3407" s="1">
        <v>43928</v>
      </c>
      <c r="C3407">
        <v>2</v>
      </c>
      <c r="D3407" s="1">
        <v>43928.45</v>
      </c>
      <c r="E3407" s="1">
        <v>43928.745138888888</v>
      </c>
      <c r="F3407">
        <v>14850</v>
      </c>
      <c r="G3407">
        <v>0</v>
      </c>
      <c r="H3407">
        <v>200</v>
      </c>
      <c r="I3407">
        <v>0</v>
      </c>
      <c r="J3407">
        <v>0</v>
      </c>
      <c r="K3407">
        <v>0</v>
      </c>
      <c r="L3407">
        <v>0</v>
      </c>
      <c r="M3407">
        <v>1505</v>
      </c>
      <c r="N3407">
        <v>0</v>
      </c>
      <c r="O3407">
        <v>0</v>
      </c>
      <c r="P3407">
        <v>8470</v>
      </c>
      <c r="Q3407">
        <v>0</v>
      </c>
      <c r="R3407">
        <v>25025</v>
      </c>
      <c r="S3407">
        <v>0</v>
      </c>
      <c r="T3407">
        <v>0</v>
      </c>
      <c r="U3407">
        <v>0</v>
      </c>
      <c r="V3407">
        <v>0</v>
      </c>
      <c r="W3407">
        <v>2</v>
      </c>
      <c r="X3407">
        <v>0</v>
      </c>
      <c r="Y3407">
        <v>34</v>
      </c>
      <c r="Z3407">
        <v>26</v>
      </c>
      <c r="AA3407">
        <v>116</v>
      </c>
      <c r="AB3407">
        <v>95</v>
      </c>
      <c r="AC3407">
        <v>118</v>
      </c>
      <c r="AD3407">
        <v>79</v>
      </c>
      <c r="AE3407">
        <v>100</v>
      </c>
      <c r="AF3407">
        <v>0</v>
      </c>
      <c r="AG3407">
        <v>75025</v>
      </c>
      <c r="AH3407">
        <v>50000</v>
      </c>
      <c r="AI3407">
        <v>0</v>
      </c>
      <c r="AJ3407">
        <v>97</v>
      </c>
      <c r="AK3407" t="s">
        <v>33</v>
      </c>
      <c r="AL3407">
        <v>0</v>
      </c>
      <c r="AM3407">
        <v>0</v>
      </c>
      <c r="AN3407">
        <v>0</v>
      </c>
      <c r="AO3407">
        <v>0</v>
      </c>
      <c r="AP3407">
        <v>0</v>
      </c>
      <c r="AQ3407">
        <v>0</v>
      </c>
      <c r="AR3407">
        <v>0</v>
      </c>
      <c r="AS3407">
        <v>0</v>
      </c>
      <c r="AT3407">
        <v>0</v>
      </c>
      <c r="AU3407">
        <v>0</v>
      </c>
      <c r="AV3407">
        <v>0</v>
      </c>
      <c r="AW3407">
        <v>0</v>
      </c>
      <c r="AX3407">
        <v>-1210</v>
      </c>
      <c r="AY3407">
        <v>21</v>
      </c>
      <c r="AZ3407">
        <v>39</v>
      </c>
      <c r="BA3407">
        <v>2821</v>
      </c>
    </row>
    <row r="3408" spans="1:53" x14ac:dyDescent="0.4">
      <c r="A3408">
        <v>3452</v>
      </c>
      <c r="B3408" s="1">
        <v>43928</v>
      </c>
      <c r="C3408">
        <v>3</v>
      </c>
      <c r="D3408" s="1">
        <v>43928.745138888888</v>
      </c>
      <c r="E3408" s="1">
        <v>43928.958333333336</v>
      </c>
      <c r="F3408">
        <v>8800</v>
      </c>
      <c r="G3408">
        <v>280</v>
      </c>
      <c r="H3408">
        <v>0</v>
      </c>
      <c r="I3408">
        <v>0</v>
      </c>
      <c r="J3408">
        <v>0</v>
      </c>
      <c r="K3408">
        <v>0</v>
      </c>
      <c r="L3408">
        <v>0</v>
      </c>
      <c r="M3408">
        <v>908</v>
      </c>
      <c r="N3408">
        <v>0</v>
      </c>
      <c r="O3408">
        <v>0</v>
      </c>
      <c r="P3408">
        <v>-1870</v>
      </c>
      <c r="Q3408">
        <v>0</v>
      </c>
      <c r="R3408">
        <v>8118</v>
      </c>
      <c r="S3408">
        <v>0</v>
      </c>
      <c r="T3408">
        <v>0</v>
      </c>
      <c r="U3408">
        <v>0</v>
      </c>
      <c r="V3408">
        <v>0</v>
      </c>
      <c r="W3408">
        <v>3</v>
      </c>
      <c r="X3408">
        <v>0</v>
      </c>
      <c r="Y3408">
        <v>36</v>
      </c>
      <c r="Z3408">
        <v>29</v>
      </c>
      <c r="AA3408">
        <v>113</v>
      </c>
      <c r="AB3408">
        <v>93</v>
      </c>
      <c r="AC3408">
        <v>120</v>
      </c>
      <c r="AD3408">
        <v>79</v>
      </c>
      <c r="AE3408">
        <v>99</v>
      </c>
      <c r="AF3408">
        <v>0</v>
      </c>
      <c r="AG3408">
        <v>83144</v>
      </c>
      <c r="AH3408">
        <v>50000</v>
      </c>
      <c r="AI3408">
        <v>1</v>
      </c>
      <c r="AJ3408">
        <v>101</v>
      </c>
      <c r="AK3408" t="s">
        <v>28</v>
      </c>
      <c r="AL3408">
        <v>0</v>
      </c>
      <c r="AM3408">
        <v>0</v>
      </c>
      <c r="AN3408">
        <v>0</v>
      </c>
      <c r="AO3408">
        <v>0</v>
      </c>
      <c r="AP3408">
        <v>0</v>
      </c>
      <c r="AQ3408">
        <v>0</v>
      </c>
      <c r="AR3408">
        <v>0</v>
      </c>
      <c r="AS3408">
        <v>0</v>
      </c>
      <c r="AT3408">
        <v>0</v>
      </c>
      <c r="AU3408">
        <v>0</v>
      </c>
      <c r="AV3408">
        <v>0</v>
      </c>
      <c r="AW3408">
        <v>0</v>
      </c>
      <c r="AX3408">
        <v>-2244</v>
      </c>
      <c r="AY3408">
        <v>5</v>
      </c>
      <c r="AZ3408">
        <v>9</v>
      </c>
      <c r="BA3408">
        <v>980</v>
      </c>
    </row>
    <row r="3409" spans="1:53" x14ac:dyDescent="0.4">
      <c r="A3409">
        <v>3453</v>
      </c>
      <c r="B3409" s="1">
        <v>43928</v>
      </c>
      <c r="C3409">
        <v>4</v>
      </c>
      <c r="D3409" s="1">
        <v>43928.958333333336</v>
      </c>
      <c r="E3409" s="1">
        <v>43929.093055555553</v>
      </c>
      <c r="F3409">
        <v>2600</v>
      </c>
      <c r="G3409">
        <v>0</v>
      </c>
      <c r="H3409">
        <v>200</v>
      </c>
      <c r="I3409">
        <v>0</v>
      </c>
      <c r="J3409">
        <v>0</v>
      </c>
      <c r="K3409">
        <v>0</v>
      </c>
      <c r="L3409">
        <v>0</v>
      </c>
      <c r="M3409">
        <v>280</v>
      </c>
      <c r="N3409">
        <v>0</v>
      </c>
      <c r="O3409">
        <v>0</v>
      </c>
      <c r="P3409">
        <v>-2112</v>
      </c>
      <c r="Q3409">
        <v>0</v>
      </c>
      <c r="R3409">
        <v>968</v>
      </c>
      <c r="S3409">
        <v>0</v>
      </c>
      <c r="T3409">
        <v>0</v>
      </c>
      <c r="U3409">
        <v>0</v>
      </c>
      <c r="V3409">
        <v>0</v>
      </c>
      <c r="W3409">
        <v>3</v>
      </c>
      <c r="X3409">
        <v>0</v>
      </c>
      <c r="Y3409">
        <v>37</v>
      </c>
      <c r="Z3409">
        <v>29</v>
      </c>
      <c r="AA3409">
        <v>110</v>
      </c>
      <c r="AB3409">
        <v>93</v>
      </c>
      <c r="AC3409">
        <v>125</v>
      </c>
      <c r="AD3409">
        <v>79</v>
      </c>
      <c r="AE3409">
        <v>96</v>
      </c>
      <c r="AF3409">
        <v>220</v>
      </c>
      <c r="AG3409">
        <v>84111</v>
      </c>
      <c r="AH3409">
        <v>50000</v>
      </c>
      <c r="AI3409">
        <v>0</v>
      </c>
      <c r="AJ3409">
        <v>94</v>
      </c>
      <c r="AK3409" t="s">
        <v>43</v>
      </c>
      <c r="AL3409">
        <v>0</v>
      </c>
      <c r="AM3409">
        <v>0</v>
      </c>
      <c r="AN3409">
        <v>0</v>
      </c>
      <c r="AO3409">
        <v>0</v>
      </c>
      <c r="AP3409">
        <v>0</v>
      </c>
      <c r="AQ3409">
        <v>0</v>
      </c>
      <c r="AR3409">
        <v>0</v>
      </c>
      <c r="AS3409">
        <v>0</v>
      </c>
      <c r="AT3409">
        <v>0</v>
      </c>
      <c r="AU3409">
        <v>0</v>
      </c>
      <c r="AV3409">
        <v>0</v>
      </c>
      <c r="AW3409">
        <v>0</v>
      </c>
      <c r="AX3409">
        <v>-748</v>
      </c>
      <c r="AY3409">
        <v>1</v>
      </c>
      <c r="AZ3409">
        <v>1</v>
      </c>
      <c r="BA3409">
        <v>402</v>
      </c>
    </row>
    <row r="3410" spans="1:53" x14ac:dyDescent="0.4">
      <c r="A3410">
        <v>3454</v>
      </c>
      <c r="B3410" s="1">
        <v>43928</v>
      </c>
      <c r="C3410">
        <v>5</v>
      </c>
      <c r="D3410" s="1">
        <v>43929.093055555553</v>
      </c>
      <c r="E3410" s="1">
        <v>43929.243750000001</v>
      </c>
      <c r="F3410">
        <v>680</v>
      </c>
      <c r="G3410">
        <v>0</v>
      </c>
      <c r="H3410">
        <v>0</v>
      </c>
      <c r="I3410">
        <v>0</v>
      </c>
      <c r="J3410">
        <v>0</v>
      </c>
      <c r="K3410">
        <v>0</v>
      </c>
      <c r="L3410">
        <v>0</v>
      </c>
      <c r="M3410">
        <v>68</v>
      </c>
      <c r="N3410">
        <v>0</v>
      </c>
      <c r="O3410">
        <v>0</v>
      </c>
      <c r="P3410">
        <v>-748</v>
      </c>
      <c r="Q3410">
        <v>0</v>
      </c>
      <c r="R3410">
        <v>0</v>
      </c>
      <c r="S3410">
        <v>0</v>
      </c>
      <c r="T3410">
        <v>0</v>
      </c>
      <c r="U3410">
        <v>0</v>
      </c>
      <c r="V3410">
        <v>0</v>
      </c>
      <c r="W3410">
        <v>0</v>
      </c>
      <c r="X3410">
        <v>0</v>
      </c>
      <c r="Y3410">
        <v>26</v>
      </c>
      <c r="Z3410">
        <v>13</v>
      </c>
      <c r="AA3410">
        <v>111</v>
      </c>
      <c r="AB3410">
        <v>93</v>
      </c>
      <c r="AC3410">
        <v>126</v>
      </c>
      <c r="AD3410">
        <v>79</v>
      </c>
      <c r="AE3410">
        <v>95</v>
      </c>
      <c r="AF3410">
        <v>0</v>
      </c>
      <c r="AG3410">
        <v>50000</v>
      </c>
      <c r="AH3410">
        <v>0</v>
      </c>
      <c r="AI3410">
        <v>15889</v>
      </c>
      <c r="AJ3410">
        <v>94</v>
      </c>
      <c r="AK3410" t="s">
        <v>43</v>
      </c>
      <c r="AL3410">
        <v>0</v>
      </c>
      <c r="AM3410">
        <v>0</v>
      </c>
      <c r="AN3410">
        <v>0</v>
      </c>
      <c r="AO3410">
        <v>0</v>
      </c>
      <c r="AP3410">
        <v>0</v>
      </c>
      <c r="AQ3410">
        <v>0</v>
      </c>
      <c r="AR3410">
        <v>0</v>
      </c>
      <c r="AS3410">
        <v>0</v>
      </c>
      <c r="AT3410">
        <v>0</v>
      </c>
      <c r="AU3410">
        <v>0</v>
      </c>
      <c r="AV3410">
        <v>0</v>
      </c>
      <c r="AW3410">
        <v>0</v>
      </c>
      <c r="AX3410">
        <v>0</v>
      </c>
      <c r="AY3410">
        <v>0</v>
      </c>
      <c r="AZ3410">
        <v>0</v>
      </c>
      <c r="BA3410">
        <v>599</v>
      </c>
    </row>
    <row r="3411" spans="1:53" x14ac:dyDescent="0.4">
      <c r="A3411">
        <v>3455</v>
      </c>
      <c r="B3411" s="1">
        <v>43929</v>
      </c>
      <c r="C3411">
        <v>1</v>
      </c>
      <c r="D3411" s="1">
        <v>43929.291666666664</v>
      </c>
      <c r="E3411" s="1">
        <v>43929.442361111112</v>
      </c>
      <c r="F3411">
        <v>0</v>
      </c>
      <c r="G3411">
        <v>0</v>
      </c>
      <c r="H3411">
        <v>0</v>
      </c>
      <c r="I3411">
        <v>0</v>
      </c>
      <c r="J3411">
        <v>0</v>
      </c>
      <c r="K3411">
        <v>0</v>
      </c>
      <c r="L3411">
        <v>0</v>
      </c>
      <c r="M3411">
        <v>0</v>
      </c>
      <c r="N3411">
        <v>0</v>
      </c>
      <c r="O3411">
        <v>0</v>
      </c>
      <c r="P3411">
        <v>0</v>
      </c>
      <c r="Q3411">
        <v>0</v>
      </c>
      <c r="R3411">
        <v>0</v>
      </c>
      <c r="S3411">
        <v>0</v>
      </c>
      <c r="T3411">
        <v>0</v>
      </c>
      <c r="U3411">
        <v>0</v>
      </c>
      <c r="V3411">
        <v>0</v>
      </c>
      <c r="W3411">
        <v>0</v>
      </c>
      <c r="X3411">
        <v>0</v>
      </c>
      <c r="Y3411">
        <v>26</v>
      </c>
      <c r="Z3411">
        <v>13</v>
      </c>
      <c r="AA3411">
        <v>111</v>
      </c>
      <c r="AB3411">
        <v>93</v>
      </c>
      <c r="AC3411">
        <v>126</v>
      </c>
      <c r="AD3411">
        <v>79</v>
      </c>
      <c r="AE3411">
        <v>95</v>
      </c>
      <c r="AF3411">
        <v>0</v>
      </c>
      <c r="AG3411">
        <v>50000</v>
      </c>
      <c r="AH3411">
        <v>50000</v>
      </c>
      <c r="AI3411">
        <v>0</v>
      </c>
      <c r="AJ3411">
        <v>0</v>
      </c>
      <c r="AK3411" t="s">
        <v>6</v>
      </c>
      <c r="AL3411">
        <v>0</v>
      </c>
      <c r="AM3411">
        <v>0</v>
      </c>
      <c r="AN3411">
        <v>0</v>
      </c>
      <c r="AO3411">
        <v>0</v>
      </c>
      <c r="AP3411">
        <v>0</v>
      </c>
      <c r="AQ3411">
        <v>0</v>
      </c>
      <c r="AR3411">
        <v>0</v>
      </c>
      <c r="AS3411">
        <v>0</v>
      </c>
      <c r="AT3411">
        <v>0</v>
      </c>
      <c r="AU3411">
        <v>0</v>
      </c>
      <c r="AV3411">
        <v>0</v>
      </c>
      <c r="AW3411">
        <v>0</v>
      </c>
      <c r="AX3411">
        <v>0</v>
      </c>
      <c r="AY3411">
        <v>0</v>
      </c>
      <c r="AZ3411">
        <v>0</v>
      </c>
      <c r="BA3411">
        <v>0</v>
      </c>
    </row>
    <row r="3412" spans="1:53" x14ac:dyDescent="0.4">
      <c r="A3412">
        <v>3456</v>
      </c>
      <c r="B3412" s="1">
        <v>43929</v>
      </c>
      <c r="C3412">
        <v>2</v>
      </c>
      <c r="D3412" s="1">
        <v>43929.442361111112</v>
      </c>
      <c r="E3412" s="1">
        <v>43929.741666666669</v>
      </c>
      <c r="F3412">
        <v>11550</v>
      </c>
      <c r="G3412">
        <v>0</v>
      </c>
      <c r="H3412">
        <v>0</v>
      </c>
      <c r="I3412">
        <v>0</v>
      </c>
      <c r="J3412">
        <v>0</v>
      </c>
      <c r="K3412">
        <v>0</v>
      </c>
      <c r="L3412">
        <v>0</v>
      </c>
      <c r="M3412">
        <v>1155</v>
      </c>
      <c r="N3412">
        <v>0</v>
      </c>
      <c r="O3412">
        <v>0</v>
      </c>
      <c r="P3412">
        <v>4840</v>
      </c>
      <c r="Q3412">
        <v>0</v>
      </c>
      <c r="R3412">
        <v>17545</v>
      </c>
      <c r="S3412">
        <v>0</v>
      </c>
      <c r="T3412">
        <v>0</v>
      </c>
      <c r="U3412">
        <v>0</v>
      </c>
      <c r="V3412">
        <v>1</v>
      </c>
      <c r="W3412">
        <v>0</v>
      </c>
      <c r="X3412">
        <v>0</v>
      </c>
      <c r="Y3412">
        <v>32</v>
      </c>
      <c r="Z3412">
        <v>20</v>
      </c>
      <c r="AA3412">
        <v>95</v>
      </c>
      <c r="AB3412">
        <v>88</v>
      </c>
      <c r="AC3412">
        <v>115</v>
      </c>
      <c r="AD3412">
        <v>78</v>
      </c>
      <c r="AE3412">
        <v>105</v>
      </c>
      <c r="AF3412">
        <v>0</v>
      </c>
      <c r="AG3412">
        <v>67545</v>
      </c>
      <c r="AH3412">
        <v>50000</v>
      </c>
      <c r="AI3412">
        <v>0</v>
      </c>
      <c r="AJ3412">
        <v>97</v>
      </c>
      <c r="AK3412" t="s">
        <v>33</v>
      </c>
      <c r="AL3412">
        <v>0</v>
      </c>
      <c r="AM3412">
        <v>0</v>
      </c>
      <c r="AN3412">
        <v>0</v>
      </c>
      <c r="AO3412">
        <v>0</v>
      </c>
      <c r="AP3412">
        <v>0</v>
      </c>
      <c r="AQ3412">
        <v>0</v>
      </c>
      <c r="AR3412">
        <v>0</v>
      </c>
      <c r="AS3412">
        <v>0</v>
      </c>
      <c r="AT3412">
        <v>0</v>
      </c>
      <c r="AU3412">
        <v>0</v>
      </c>
      <c r="AV3412">
        <v>0</v>
      </c>
      <c r="AW3412">
        <v>0</v>
      </c>
      <c r="AX3412">
        <v>0</v>
      </c>
      <c r="AY3412">
        <v>13</v>
      </c>
      <c r="AZ3412">
        <v>27</v>
      </c>
      <c r="BA3412">
        <v>2061</v>
      </c>
    </row>
    <row r="3413" spans="1:53" x14ac:dyDescent="0.4">
      <c r="A3413">
        <v>3457</v>
      </c>
      <c r="B3413" s="1">
        <v>43929</v>
      </c>
      <c r="C3413">
        <v>3</v>
      </c>
      <c r="D3413" s="1">
        <v>43929.741666666669</v>
      </c>
      <c r="E3413" s="1">
        <v>43929.995833333334</v>
      </c>
      <c r="F3413">
        <v>9200</v>
      </c>
      <c r="G3413">
        <v>0</v>
      </c>
      <c r="H3413">
        <v>0</v>
      </c>
      <c r="I3413">
        <v>0</v>
      </c>
      <c r="J3413">
        <v>0</v>
      </c>
      <c r="K3413">
        <v>0</v>
      </c>
      <c r="L3413">
        <v>0</v>
      </c>
      <c r="M3413">
        <v>920</v>
      </c>
      <c r="N3413">
        <v>0</v>
      </c>
      <c r="O3413">
        <v>0</v>
      </c>
      <c r="P3413">
        <v>-3344</v>
      </c>
      <c r="Q3413">
        <v>0</v>
      </c>
      <c r="R3413">
        <v>6776</v>
      </c>
      <c r="S3413">
        <v>0</v>
      </c>
      <c r="T3413">
        <v>0</v>
      </c>
      <c r="U3413">
        <v>0</v>
      </c>
      <c r="V3413">
        <v>2</v>
      </c>
      <c r="W3413">
        <v>0</v>
      </c>
      <c r="X3413">
        <v>0</v>
      </c>
      <c r="Y3413">
        <v>28</v>
      </c>
      <c r="Z3413">
        <v>23</v>
      </c>
      <c r="AA3413">
        <v>88</v>
      </c>
      <c r="AB3413">
        <v>87</v>
      </c>
      <c r="AC3413">
        <v>116</v>
      </c>
      <c r="AD3413">
        <v>79</v>
      </c>
      <c r="AE3413">
        <v>116</v>
      </c>
      <c r="AF3413">
        <v>0</v>
      </c>
      <c r="AG3413">
        <v>74321</v>
      </c>
      <c r="AH3413">
        <v>50000</v>
      </c>
      <c r="AI3413">
        <v>0</v>
      </c>
      <c r="AJ3413">
        <v>90</v>
      </c>
      <c r="AK3413" t="s">
        <v>38</v>
      </c>
      <c r="AL3413">
        <v>0</v>
      </c>
      <c r="AM3413">
        <v>0</v>
      </c>
      <c r="AN3413">
        <v>0</v>
      </c>
      <c r="AO3413">
        <v>0</v>
      </c>
      <c r="AP3413">
        <v>0</v>
      </c>
      <c r="AQ3413">
        <v>0</v>
      </c>
      <c r="AR3413">
        <v>0</v>
      </c>
      <c r="AS3413">
        <v>0</v>
      </c>
      <c r="AT3413">
        <v>0</v>
      </c>
      <c r="AU3413">
        <v>0</v>
      </c>
      <c r="AV3413">
        <v>0</v>
      </c>
      <c r="AW3413">
        <v>0</v>
      </c>
      <c r="AX3413">
        <v>1210</v>
      </c>
      <c r="AY3413">
        <v>6</v>
      </c>
      <c r="AZ3413">
        <v>10</v>
      </c>
      <c r="BA3413">
        <v>733</v>
      </c>
    </row>
    <row r="3414" spans="1:53" x14ac:dyDescent="0.4">
      <c r="A3414">
        <v>3458</v>
      </c>
      <c r="B3414" s="1">
        <v>43929</v>
      </c>
      <c r="C3414">
        <v>4</v>
      </c>
      <c r="D3414" s="1">
        <v>43929.995833333334</v>
      </c>
      <c r="E3414" s="1">
        <v>43930.076388888891</v>
      </c>
      <c r="F3414">
        <v>2200</v>
      </c>
      <c r="G3414">
        <v>0</v>
      </c>
      <c r="H3414">
        <v>0</v>
      </c>
      <c r="I3414">
        <v>0</v>
      </c>
      <c r="J3414">
        <v>0</v>
      </c>
      <c r="K3414">
        <v>0</v>
      </c>
      <c r="L3414">
        <v>0</v>
      </c>
      <c r="M3414">
        <v>220</v>
      </c>
      <c r="N3414">
        <v>0</v>
      </c>
      <c r="O3414">
        <v>0</v>
      </c>
      <c r="P3414">
        <v>4400</v>
      </c>
      <c r="Q3414">
        <v>0</v>
      </c>
      <c r="R3414">
        <v>6820</v>
      </c>
      <c r="S3414">
        <v>0</v>
      </c>
      <c r="T3414">
        <v>0</v>
      </c>
      <c r="U3414">
        <v>0</v>
      </c>
      <c r="V3414">
        <v>2</v>
      </c>
      <c r="W3414">
        <v>1</v>
      </c>
      <c r="X3414">
        <v>0</v>
      </c>
      <c r="Y3414">
        <v>31</v>
      </c>
      <c r="Z3414">
        <v>21</v>
      </c>
      <c r="AA3414">
        <v>86</v>
      </c>
      <c r="AB3414">
        <v>87</v>
      </c>
      <c r="AC3414">
        <v>118</v>
      </c>
      <c r="AD3414">
        <v>79</v>
      </c>
      <c r="AE3414">
        <v>116</v>
      </c>
      <c r="AF3414">
        <v>0</v>
      </c>
      <c r="AG3414">
        <v>81141</v>
      </c>
      <c r="AH3414">
        <v>50000</v>
      </c>
      <c r="AI3414">
        <v>0</v>
      </c>
      <c r="AJ3414">
        <v>100</v>
      </c>
      <c r="AK3414" t="s">
        <v>0</v>
      </c>
      <c r="AL3414">
        <v>0</v>
      </c>
      <c r="AM3414">
        <v>0</v>
      </c>
      <c r="AN3414">
        <v>0</v>
      </c>
      <c r="AO3414">
        <v>0</v>
      </c>
      <c r="AP3414">
        <v>0</v>
      </c>
      <c r="AQ3414">
        <v>0</v>
      </c>
      <c r="AR3414">
        <v>0</v>
      </c>
      <c r="AS3414">
        <v>0</v>
      </c>
      <c r="AT3414">
        <v>0</v>
      </c>
      <c r="AU3414">
        <v>0</v>
      </c>
      <c r="AV3414">
        <v>0</v>
      </c>
      <c r="AW3414">
        <v>0</v>
      </c>
      <c r="AX3414">
        <v>0</v>
      </c>
      <c r="AY3414">
        <v>1</v>
      </c>
      <c r="AZ3414">
        <v>2</v>
      </c>
      <c r="BA3414">
        <v>241</v>
      </c>
    </row>
    <row r="3415" spans="1:53" x14ac:dyDescent="0.4">
      <c r="A3415">
        <v>3459</v>
      </c>
      <c r="B3415" s="1">
        <v>43930</v>
      </c>
      <c r="C3415">
        <v>1</v>
      </c>
      <c r="D3415" s="1">
        <v>43930.291666666664</v>
      </c>
      <c r="E3415" s="1">
        <v>43930.446527777778</v>
      </c>
      <c r="F3415">
        <v>0</v>
      </c>
      <c r="G3415">
        <v>0</v>
      </c>
      <c r="H3415">
        <v>0</v>
      </c>
      <c r="I3415">
        <v>0</v>
      </c>
      <c r="J3415">
        <v>0</v>
      </c>
      <c r="K3415">
        <v>0</v>
      </c>
      <c r="L3415">
        <v>0</v>
      </c>
      <c r="M3415">
        <v>0</v>
      </c>
      <c r="N3415">
        <v>0</v>
      </c>
      <c r="O3415">
        <v>0</v>
      </c>
      <c r="P3415">
        <v>0</v>
      </c>
      <c r="Q3415">
        <v>0</v>
      </c>
      <c r="R3415">
        <v>0</v>
      </c>
      <c r="S3415">
        <v>0</v>
      </c>
      <c r="T3415">
        <v>0</v>
      </c>
      <c r="U3415">
        <v>0</v>
      </c>
      <c r="V3415">
        <v>0</v>
      </c>
      <c r="W3415">
        <v>0</v>
      </c>
      <c r="X3415">
        <v>0</v>
      </c>
      <c r="Y3415">
        <v>27</v>
      </c>
      <c r="Z3415">
        <v>17</v>
      </c>
      <c r="AA3415">
        <v>85</v>
      </c>
      <c r="AB3415">
        <v>87</v>
      </c>
      <c r="AC3415">
        <v>115</v>
      </c>
      <c r="AD3415">
        <v>77</v>
      </c>
      <c r="AE3415">
        <v>115</v>
      </c>
      <c r="AF3415">
        <v>0</v>
      </c>
      <c r="AG3415">
        <v>50000</v>
      </c>
      <c r="AH3415">
        <v>0</v>
      </c>
      <c r="AI3415">
        <v>50000</v>
      </c>
      <c r="AJ3415">
        <v>0</v>
      </c>
      <c r="AK3415" t="s">
        <v>6</v>
      </c>
      <c r="AL3415">
        <v>0</v>
      </c>
      <c r="AM3415">
        <v>0</v>
      </c>
      <c r="AN3415">
        <v>0</v>
      </c>
      <c r="AO3415">
        <v>0</v>
      </c>
      <c r="AP3415">
        <v>0</v>
      </c>
      <c r="AQ3415">
        <v>0</v>
      </c>
      <c r="AR3415">
        <v>0</v>
      </c>
      <c r="AS3415">
        <v>0</v>
      </c>
      <c r="AT3415">
        <v>0</v>
      </c>
      <c r="AU3415">
        <v>0</v>
      </c>
      <c r="AV3415">
        <v>0</v>
      </c>
      <c r="AW3415">
        <v>0</v>
      </c>
      <c r="AX3415">
        <v>0</v>
      </c>
      <c r="AY3415">
        <v>0</v>
      </c>
      <c r="AZ3415">
        <v>0</v>
      </c>
      <c r="BA3415">
        <v>0</v>
      </c>
    </row>
    <row r="3416" spans="1:53" x14ac:dyDescent="0.4">
      <c r="A3416">
        <v>3460</v>
      </c>
      <c r="B3416" s="1">
        <v>43930</v>
      </c>
      <c r="C3416">
        <v>2</v>
      </c>
      <c r="D3416" s="1">
        <v>43930.446527777778</v>
      </c>
      <c r="E3416" s="1">
        <v>43930.734722222223</v>
      </c>
      <c r="F3416">
        <v>10450</v>
      </c>
      <c r="G3416">
        <v>0</v>
      </c>
      <c r="H3416">
        <v>0</v>
      </c>
      <c r="I3416">
        <v>0</v>
      </c>
      <c r="J3416">
        <v>0</v>
      </c>
      <c r="K3416">
        <v>0</v>
      </c>
      <c r="L3416">
        <v>0</v>
      </c>
      <c r="M3416">
        <v>1045</v>
      </c>
      <c r="N3416">
        <v>0</v>
      </c>
      <c r="O3416">
        <v>0</v>
      </c>
      <c r="P3416">
        <v>6050</v>
      </c>
      <c r="Q3416">
        <v>0</v>
      </c>
      <c r="R3416">
        <v>17545</v>
      </c>
      <c r="S3416">
        <v>0</v>
      </c>
      <c r="T3416">
        <v>0</v>
      </c>
      <c r="U3416">
        <v>0</v>
      </c>
      <c r="V3416">
        <v>2</v>
      </c>
      <c r="W3416">
        <v>0</v>
      </c>
      <c r="X3416">
        <v>0</v>
      </c>
      <c r="Y3416">
        <v>21</v>
      </c>
      <c r="Z3416">
        <v>21</v>
      </c>
      <c r="AA3416">
        <v>100</v>
      </c>
      <c r="AB3416">
        <v>88</v>
      </c>
      <c r="AC3416">
        <v>112</v>
      </c>
      <c r="AD3416">
        <v>81</v>
      </c>
      <c r="AE3416">
        <v>120</v>
      </c>
      <c r="AF3416">
        <v>0</v>
      </c>
      <c r="AG3416">
        <v>67545</v>
      </c>
      <c r="AH3416">
        <v>50000</v>
      </c>
      <c r="AI3416">
        <v>0</v>
      </c>
      <c r="AJ3416">
        <v>96</v>
      </c>
      <c r="AK3416" t="s">
        <v>4</v>
      </c>
      <c r="AL3416">
        <v>0</v>
      </c>
      <c r="AM3416">
        <v>0</v>
      </c>
      <c r="AN3416">
        <v>0</v>
      </c>
      <c r="AO3416">
        <v>0</v>
      </c>
      <c r="AP3416">
        <v>0</v>
      </c>
      <c r="AQ3416">
        <v>0</v>
      </c>
      <c r="AR3416">
        <v>0</v>
      </c>
      <c r="AS3416">
        <v>0</v>
      </c>
      <c r="AT3416">
        <v>0</v>
      </c>
      <c r="AU3416">
        <v>0</v>
      </c>
      <c r="AV3416">
        <v>0</v>
      </c>
      <c r="AW3416">
        <v>0</v>
      </c>
      <c r="AX3416">
        <v>0</v>
      </c>
      <c r="AY3416">
        <v>16</v>
      </c>
      <c r="AZ3416">
        <v>29</v>
      </c>
      <c r="BA3416">
        <v>2500</v>
      </c>
    </row>
    <row r="3417" spans="1:53" x14ac:dyDescent="0.4">
      <c r="A3417">
        <v>3461</v>
      </c>
      <c r="B3417" s="1">
        <v>43930</v>
      </c>
      <c r="C3417">
        <v>3</v>
      </c>
      <c r="D3417" s="1">
        <v>43930.734722222223</v>
      </c>
      <c r="E3417" s="1">
        <v>43930.748611111114</v>
      </c>
      <c r="F3417">
        <v>1100</v>
      </c>
      <c r="G3417">
        <v>0</v>
      </c>
      <c r="H3417">
        <v>0</v>
      </c>
      <c r="I3417">
        <v>0</v>
      </c>
      <c r="J3417">
        <v>0</v>
      </c>
      <c r="K3417">
        <v>0</v>
      </c>
      <c r="L3417">
        <v>0</v>
      </c>
      <c r="M3417">
        <v>110</v>
      </c>
      <c r="N3417">
        <v>0</v>
      </c>
      <c r="O3417">
        <v>0</v>
      </c>
      <c r="P3417">
        <v>-1210</v>
      </c>
      <c r="Q3417">
        <v>0</v>
      </c>
      <c r="R3417">
        <v>0</v>
      </c>
      <c r="S3417">
        <v>0</v>
      </c>
      <c r="T3417">
        <v>0</v>
      </c>
      <c r="U3417">
        <v>0</v>
      </c>
      <c r="V3417">
        <v>2</v>
      </c>
      <c r="W3417">
        <v>0</v>
      </c>
      <c r="X3417">
        <v>0</v>
      </c>
      <c r="Y3417">
        <v>21</v>
      </c>
      <c r="Z3417">
        <v>21</v>
      </c>
      <c r="AA3417">
        <v>100</v>
      </c>
      <c r="AB3417">
        <v>88</v>
      </c>
      <c r="AC3417">
        <v>112</v>
      </c>
      <c r="AD3417">
        <v>81</v>
      </c>
      <c r="AE3417">
        <v>120</v>
      </c>
      <c r="AF3417">
        <v>0</v>
      </c>
      <c r="AG3417">
        <v>67545</v>
      </c>
      <c r="AH3417">
        <v>50000</v>
      </c>
      <c r="AI3417">
        <v>0</v>
      </c>
      <c r="AJ3417">
        <v>106</v>
      </c>
      <c r="AK3417" t="s">
        <v>44</v>
      </c>
      <c r="AL3417">
        <v>0</v>
      </c>
      <c r="AM3417">
        <v>0</v>
      </c>
      <c r="AN3417">
        <v>0</v>
      </c>
      <c r="AO3417">
        <v>0</v>
      </c>
      <c r="AP3417">
        <v>0</v>
      </c>
      <c r="AQ3417">
        <v>0</v>
      </c>
      <c r="AR3417">
        <v>0</v>
      </c>
      <c r="AS3417">
        <v>0</v>
      </c>
      <c r="AT3417">
        <v>0</v>
      </c>
      <c r="AU3417">
        <v>0</v>
      </c>
      <c r="AV3417">
        <v>0</v>
      </c>
      <c r="AW3417">
        <v>0</v>
      </c>
      <c r="AX3417">
        <v>0</v>
      </c>
      <c r="AY3417">
        <v>0</v>
      </c>
      <c r="AZ3417">
        <v>0</v>
      </c>
      <c r="BA3417">
        <v>92</v>
      </c>
    </row>
    <row r="3418" spans="1:53" x14ac:dyDescent="0.4">
      <c r="A3418">
        <v>3462</v>
      </c>
      <c r="B3418" s="1">
        <v>43930</v>
      </c>
      <c r="C3418">
        <v>4</v>
      </c>
      <c r="D3418" s="1">
        <v>43930.748611111114</v>
      </c>
      <c r="E3418" s="1">
        <v>43931.077777777777</v>
      </c>
      <c r="F3418">
        <v>7300</v>
      </c>
      <c r="G3418">
        <v>0</v>
      </c>
      <c r="H3418">
        <v>200</v>
      </c>
      <c r="I3418">
        <v>0</v>
      </c>
      <c r="J3418">
        <v>0</v>
      </c>
      <c r="K3418">
        <v>0</v>
      </c>
      <c r="L3418">
        <v>0</v>
      </c>
      <c r="M3418">
        <v>750</v>
      </c>
      <c r="N3418">
        <v>0</v>
      </c>
      <c r="O3418">
        <v>0</v>
      </c>
      <c r="P3418">
        <v>7260</v>
      </c>
      <c r="Q3418">
        <v>0</v>
      </c>
      <c r="R3418">
        <v>15510</v>
      </c>
      <c r="S3418">
        <v>0</v>
      </c>
      <c r="T3418">
        <v>0</v>
      </c>
      <c r="U3418">
        <v>0</v>
      </c>
      <c r="V3418">
        <v>4</v>
      </c>
      <c r="W3418">
        <v>0</v>
      </c>
      <c r="X3418">
        <v>0</v>
      </c>
      <c r="Y3418">
        <v>17</v>
      </c>
      <c r="Z3418">
        <v>20</v>
      </c>
      <c r="AA3418">
        <v>101</v>
      </c>
      <c r="AB3418">
        <v>87</v>
      </c>
      <c r="AC3418">
        <v>108</v>
      </c>
      <c r="AD3418">
        <v>81</v>
      </c>
      <c r="AE3418">
        <v>120</v>
      </c>
      <c r="AF3418">
        <v>0</v>
      </c>
      <c r="AG3418">
        <v>83055</v>
      </c>
      <c r="AH3418">
        <v>50000</v>
      </c>
      <c r="AI3418">
        <v>0</v>
      </c>
      <c r="AJ3418">
        <v>108</v>
      </c>
      <c r="AK3418" t="s">
        <v>30</v>
      </c>
      <c r="AL3418">
        <v>0</v>
      </c>
      <c r="AM3418">
        <v>0</v>
      </c>
      <c r="AN3418">
        <v>0</v>
      </c>
      <c r="AO3418">
        <v>0</v>
      </c>
      <c r="AP3418">
        <v>0</v>
      </c>
      <c r="AQ3418">
        <v>0</v>
      </c>
      <c r="AR3418">
        <v>0</v>
      </c>
      <c r="AS3418">
        <v>0</v>
      </c>
      <c r="AT3418">
        <v>0</v>
      </c>
      <c r="AU3418">
        <v>0</v>
      </c>
      <c r="AV3418">
        <v>0</v>
      </c>
      <c r="AW3418">
        <v>0</v>
      </c>
      <c r="AX3418">
        <v>2695</v>
      </c>
      <c r="AY3418">
        <v>8</v>
      </c>
      <c r="AZ3418">
        <v>17</v>
      </c>
      <c r="BA3418">
        <v>761</v>
      </c>
    </row>
    <row r="3419" spans="1:53" x14ac:dyDescent="0.4">
      <c r="A3419">
        <v>3463</v>
      </c>
      <c r="B3419" s="1">
        <v>43931</v>
      </c>
      <c r="C3419">
        <v>1</v>
      </c>
      <c r="D3419" s="1">
        <v>43931.291666666664</v>
      </c>
      <c r="E3419" s="1">
        <v>43931.447222222225</v>
      </c>
      <c r="F3419">
        <v>0</v>
      </c>
      <c r="G3419">
        <v>0</v>
      </c>
      <c r="H3419">
        <v>0</v>
      </c>
      <c r="I3419">
        <v>0</v>
      </c>
      <c r="J3419">
        <v>0</v>
      </c>
      <c r="K3419">
        <v>0</v>
      </c>
      <c r="L3419">
        <v>0</v>
      </c>
      <c r="M3419">
        <v>0</v>
      </c>
      <c r="N3419">
        <v>0</v>
      </c>
      <c r="O3419">
        <v>0</v>
      </c>
      <c r="P3419">
        <v>0</v>
      </c>
      <c r="Q3419">
        <v>0</v>
      </c>
      <c r="R3419">
        <v>0</v>
      </c>
      <c r="S3419">
        <v>0</v>
      </c>
      <c r="T3419">
        <v>0</v>
      </c>
      <c r="U3419">
        <v>0</v>
      </c>
      <c r="V3419">
        <v>0</v>
      </c>
      <c r="W3419">
        <v>0</v>
      </c>
      <c r="X3419">
        <v>0</v>
      </c>
      <c r="Y3419">
        <v>25</v>
      </c>
      <c r="Z3419">
        <v>18</v>
      </c>
      <c r="AA3419">
        <v>101</v>
      </c>
      <c r="AB3419">
        <v>86</v>
      </c>
      <c r="AC3419">
        <v>108</v>
      </c>
      <c r="AD3419">
        <v>80</v>
      </c>
      <c r="AE3419">
        <v>120</v>
      </c>
      <c r="AF3419">
        <v>0</v>
      </c>
      <c r="AG3419">
        <v>50000</v>
      </c>
      <c r="AH3419">
        <v>50000</v>
      </c>
      <c r="AI3419">
        <v>0</v>
      </c>
      <c r="AJ3419">
        <v>0</v>
      </c>
      <c r="AK3419" t="s">
        <v>6</v>
      </c>
      <c r="AL3419">
        <v>0</v>
      </c>
      <c r="AM3419">
        <v>0</v>
      </c>
      <c r="AN3419">
        <v>0</v>
      </c>
      <c r="AO3419">
        <v>0</v>
      </c>
      <c r="AP3419">
        <v>0</v>
      </c>
      <c r="AQ3419">
        <v>0</v>
      </c>
      <c r="AR3419">
        <v>0</v>
      </c>
      <c r="AS3419">
        <v>0</v>
      </c>
      <c r="AT3419">
        <v>0</v>
      </c>
      <c r="AU3419">
        <v>0</v>
      </c>
      <c r="AV3419">
        <v>0</v>
      </c>
      <c r="AW3419">
        <v>0</v>
      </c>
      <c r="AX3419">
        <v>0</v>
      </c>
      <c r="AY3419">
        <v>0</v>
      </c>
      <c r="AZ3419">
        <v>0</v>
      </c>
      <c r="BA3419">
        <v>0</v>
      </c>
    </row>
    <row r="3420" spans="1:53" x14ac:dyDescent="0.4">
      <c r="A3420">
        <v>3464</v>
      </c>
      <c r="B3420" s="1">
        <v>43931</v>
      </c>
      <c r="C3420">
        <v>2</v>
      </c>
      <c r="D3420" s="1">
        <v>43931.447222222225</v>
      </c>
      <c r="E3420" s="1">
        <v>43931.732638888891</v>
      </c>
      <c r="F3420">
        <v>6600</v>
      </c>
      <c r="G3420">
        <v>280</v>
      </c>
      <c r="H3420">
        <v>0</v>
      </c>
      <c r="I3420">
        <v>0</v>
      </c>
      <c r="J3420">
        <v>100</v>
      </c>
      <c r="K3420">
        <v>0</v>
      </c>
      <c r="L3420">
        <v>0</v>
      </c>
      <c r="M3420">
        <v>678</v>
      </c>
      <c r="N3420">
        <v>0</v>
      </c>
      <c r="O3420">
        <v>0</v>
      </c>
      <c r="P3420">
        <v>1210</v>
      </c>
      <c r="Q3420">
        <v>0</v>
      </c>
      <c r="R3420">
        <v>8668</v>
      </c>
      <c r="S3420">
        <v>0</v>
      </c>
      <c r="T3420">
        <v>0</v>
      </c>
      <c r="U3420">
        <v>0</v>
      </c>
      <c r="V3420">
        <v>0</v>
      </c>
      <c r="W3420">
        <v>0</v>
      </c>
      <c r="X3420">
        <v>0</v>
      </c>
      <c r="Y3420">
        <v>34</v>
      </c>
      <c r="Z3420">
        <v>19</v>
      </c>
      <c r="AA3420">
        <v>94</v>
      </c>
      <c r="AB3420">
        <v>84</v>
      </c>
      <c r="AC3420">
        <v>104</v>
      </c>
      <c r="AD3420">
        <v>82</v>
      </c>
      <c r="AE3420">
        <v>118</v>
      </c>
      <c r="AF3420">
        <v>0</v>
      </c>
      <c r="AG3420">
        <v>58668</v>
      </c>
      <c r="AH3420">
        <v>50000</v>
      </c>
      <c r="AI3420">
        <v>0</v>
      </c>
      <c r="AJ3420">
        <v>97</v>
      </c>
      <c r="AK3420" t="s">
        <v>33</v>
      </c>
      <c r="AL3420">
        <v>0</v>
      </c>
      <c r="AM3420">
        <v>0</v>
      </c>
      <c r="AN3420">
        <v>0</v>
      </c>
      <c r="AO3420">
        <v>0</v>
      </c>
      <c r="AP3420">
        <v>0</v>
      </c>
      <c r="AQ3420">
        <v>0</v>
      </c>
      <c r="AR3420">
        <v>0</v>
      </c>
      <c r="AS3420">
        <v>0</v>
      </c>
      <c r="AT3420">
        <v>0</v>
      </c>
      <c r="AU3420">
        <v>0</v>
      </c>
      <c r="AV3420">
        <v>0</v>
      </c>
      <c r="AW3420">
        <v>0</v>
      </c>
      <c r="AX3420">
        <v>0</v>
      </c>
      <c r="AY3420">
        <v>9</v>
      </c>
      <c r="AZ3420">
        <v>14</v>
      </c>
      <c r="BA3420">
        <v>1563</v>
      </c>
    </row>
    <row r="3421" spans="1:53" x14ac:dyDescent="0.4">
      <c r="A3421">
        <v>3465</v>
      </c>
      <c r="B3421" s="1">
        <v>43931</v>
      </c>
      <c r="C3421">
        <v>3</v>
      </c>
      <c r="D3421" s="1">
        <v>43931.732638888891</v>
      </c>
      <c r="E3421" s="1">
        <v>43931.95416666667</v>
      </c>
      <c r="F3421">
        <v>10850</v>
      </c>
      <c r="G3421">
        <v>400</v>
      </c>
      <c r="H3421">
        <v>200</v>
      </c>
      <c r="I3421">
        <v>0</v>
      </c>
      <c r="J3421">
        <v>0</v>
      </c>
      <c r="K3421">
        <v>0</v>
      </c>
      <c r="L3421">
        <v>0</v>
      </c>
      <c r="M3421">
        <v>1145</v>
      </c>
      <c r="N3421">
        <v>0</v>
      </c>
      <c r="O3421">
        <v>0</v>
      </c>
      <c r="P3421">
        <v>-1210</v>
      </c>
      <c r="Q3421">
        <v>0</v>
      </c>
      <c r="R3421">
        <v>11385</v>
      </c>
      <c r="S3421">
        <v>0</v>
      </c>
      <c r="T3421">
        <v>0</v>
      </c>
      <c r="U3421">
        <v>0</v>
      </c>
      <c r="V3421">
        <v>1</v>
      </c>
      <c r="W3421">
        <v>1</v>
      </c>
      <c r="X3421">
        <v>0</v>
      </c>
      <c r="Y3421">
        <v>28</v>
      </c>
      <c r="Z3421">
        <v>21</v>
      </c>
      <c r="AA3421">
        <v>81</v>
      </c>
      <c r="AB3421">
        <v>88</v>
      </c>
      <c r="AC3421">
        <v>117</v>
      </c>
      <c r="AD3421">
        <v>81</v>
      </c>
      <c r="AE3421">
        <v>118</v>
      </c>
      <c r="AF3421">
        <v>2360</v>
      </c>
      <c r="AG3421">
        <v>70053</v>
      </c>
      <c r="AH3421">
        <v>50000</v>
      </c>
      <c r="AI3421">
        <v>0</v>
      </c>
      <c r="AJ3421">
        <v>101</v>
      </c>
      <c r="AK3421" t="s">
        <v>28</v>
      </c>
      <c r="AL3421">
        <v>0</v>
      </c>
      <c r="AM3421">
        <v>0</v>
      </c>
      <c r="AN3421">
        <v>0</v>
      </c>
      <c r="AO3421">
        <v>0</v>
      </c>
      <c r="AP3421">
        <v>0</v>
      </c>
      <c r="AQ3421">
        <v>0</v>
      </c>
      <c r="AR3421">
        <v>0</v>
      </c>
      <c r="AS3421">
        <v>0</v>
      </c>
      <c r="AT3421">
        <v>0</v>
      </c>
      <c r="AU3421">
        <v>0</v>
      </c>
      <c r="AV3421">
        <v>0</v>
      </c>
      <c r="AW3421">
        <v>0</v>
      </c>
      <c r="AX3421">
        <v>9350</v>
      </c>
      <c r="AY3421">
        <v>8</v>
      </c>
      <c r="AZ3421">
        <v>15</v>
      </c>
      <c r="BA3421">
        <v>795</v>
      </c>
    </row>
    <row r="3422" spans="1:53" x14ac:dyDescent="0.4">
      <c r="A3422">
        <v>3466</v>
      </c>
      <c r="B3422" s="1">
        <v>43931</v>
      </c>
      <c r="C3422">
        <v>4</v>
      </c>
      <c r="D3422" s="1">
        <v>43931.95416666667</v>
      </c>
      <c r="E3422" s="1">
        <v>43932.07916666667</v>
      </c>
      <c r="F3422">
        <v>12200</v>
      </c>
      <c r="G3422">
        <v>200</v>
      </c>
      <c r="H3422">
        <v>0</v>
      </c>
      <c r="I3422">
        <v>0</v>
      </c>
      <c r="J3422">
        <v>0</v>
      </c>
      <c r="K3422">
        <v>0</v>
      </c>
      <c r="L3422">
        <v>0</v>
      </c>
      <c r="M3422">
        <v>1240</v>
      </c>
      <c r="N3422">
        <v>0</v>
      </c>
      <c r="O3422">
        <v>0</v>
      </c>
      <c r="P3422">
        <v>31130</v>
      </c>
      <c r="Q3422">
        <v>0</v>
      </c>
      <c r="R3422">
        <v>44770</v>
      </c>
      <c r="S3422">
        <v>0</v>
      </c>
      <c r="T3422">
        <v>0</v>
      </c>
      <c r="U3422">
        <v>0</v>
      </c>
      <c r="V3422">
        <v>5</v>
      </c>
      <c r="W3422">
        <v>0</v>
      </c>
      <c r="X3422">
        <v>0</v>
      </c>
      <c r="Y3422">
        <v>31</v>
      </c>
      <c r="Z3422">
        <v>30</v>
      </c>
      <c r="AA3422">
        <v>86</v>
      </c>
      <c r="AB3422">
        <v>92</v>
      </c>
      <c r="AC3422">
        <v>130</v>
      </c>
      <c r="AD3422">
        <v>82</v>
      </c>
      <c r="AE3422">
        <v>123</v>
      </c>
      <c r="AF3422">
        <v>3790</v>
      </c>
      <c r="AG3422">
        <v>114823</v>
      </c>
      <c r="AH3422">
        <v>50000</v>
      </c>
      <c r="AI3422">
        <v>0</v>
      </c>
      <c r="AJ3422">
        <v>100</v>
      </c>
      <c r="AK3422" t="s">
        <v>0</v>
      </c>
      <c r="AL3422">
        <v>0</v>
      </c>
      <c r="AM3422">
        <v>0</v>
      </c>
      <c r="AN3422">
        <v>0</v>
      </c>
      <c r="AO3422">
        <v>0</v>
      </c>
      <c r="AP3422">
        <v>0</v>
      </c>
      <c r="AQ3422">
        <v>0</v>
      </c>
      <c r="AR3422">
        <v>0</v>
      </c>
      <c r="AS3422">
        <v>0</v>
      </c>
      <c r="AT3422">
        <v>0</v>
      </c>
      <c r="AU3422">
        <v>0</v>
      </c>
      <c r="AV3422">
        <v>0</v>
      </c>
      <c r="AW3422">
        <v>0</v>
      </c>
      <c r="AX3422">
        <v>462</v>
      </c>
      <c r="AY3422">
        <v>6</v>
      </c>
      <c r="AZ3422">
        <v>18</v>
      </c>
      <c r="BA3422">
        <v>831</v>
      </c>
    </row>
    <row r="3423" spans="1:53" x14ac:dyDescent="0.4">
      <c r="A3423">
        <v>3467</v>
      </c>
      <c r="B3423" s="1">
        <v>43932</v>
      </c>
      <c r="C3423">
        <v>1</v>
      </c>
      <c r="D3423" s="1">
        <v>43932.291666666664</v>
      </c>
      <c r="E3423" s="1">
        <v>43932.402777777781</v>
      </c>
      <c r="F3423">
        <v>0</v>
      </c>
      <c r="G3423">
        <v>0</v>
      </c>
      <c r="H3423">
        <v>0</v>
      </c>
      <c r="I3423">
        <v>0</v>
      </c>
      <c r="J3423">
        <v>0</v>
      </c>
      <c r="K3423">
        <v>0</v>
      </c>
      <c r="L3423">
        <v>0</v>
      </c>
      <c r="M3423">
        <v>0</v>
      </c>
      <c r="N3423">
        <v>0</v>
      </c>
      <c r="O3423">
        <v>0</v>
      </c>
      <c r="P3423">
        <v>0</v>
      </c>
      <c r="Q3423">
        <v>0</v>
      </c>
      <c r="R3423">
        <v>0</v>
      </c>
      <c r="S3423">
        <v>0</v>
      </c>
      <c r="T3423">
        <v>0</v>
      </c>
      <c r="U3423">
        <v>0</v>
      </c>
      <c r="V3423">
        <v>0</v>
      </c>
      <c r="W3423">
        <v>0</v>
      </c>
      <c r="X3423">
        <v>0</v>
      </c>
      <c r="Y3423">
        <v>29</v>
      </c>
      <c r="Z3423">
        <v>13</v>
      </c>
      <c r="AA3423">
        <v>85</v>
      </c>
      <c r="AB3423">
        <v>83</v>
      </c>
      <c r="AC3423">
        <v>132</v>
      </c>
      <c r="AD3423">
        <v>81</v>
      </c>
      <c r="AE3423">
        <v>125</v>
      </c>
      <c r="AF3423">
        <v>0</v>
      </c>
      <c r="AG3423">
        <v>50000</v>
      </c>
      <c r="AH3423">
        <v>50000</v>
      </c>
      <c r="AI3423">
        <v>0</v>
      </c>
      <c r="AJ3423">
        <v>0</v>
      </c>
      <c r="AK3423" t="s">
        <v>6</v>
      </c>
      <c r="AL3423">
        <v>0</v>
      </c>
      <c r="AM3423">
        <v>0</v>
      </c>
      <c r="AN3423">
        <v>0</v>
      </c>
      <c r="AO3423">
        <v>0</v>
      </c>
      <c r="AP3423">
        <v>0</v>
      </c>
      <c r="AQ3423">
        <v>0</v>
      </c>
      <c r="AR3423">
        <v>0</v>
      </c>
      <c r="AS3423">
        <v>0</v>
      </c>
      <c r="AT3423">
        <v>0</v>
      </c>
      <c r="AU3423">
        <v>0</v>
      </c>
      <c r="AV3423">
        <v>0</v>
      </c>
      <c r="AW3423">
        <v>0</v>
      </c>
      <c r="AX3423">
        <v>0</v>
      </c>
      <c r="AY3423">
        <v>0</v>
      </c>
      <c r="AZ3423">
        <v>0</v>
      </c>
      <c r="BA3423">
        <v>0</v>
      </c>
    </row>
    <row r="3424" spans="1:53" x14ac:dyDescent="0.4">
      <c r="A3424">
        <v>3468</v>
      </c>
      <c r="B3424" s="1">
        <v>43932</v>
      </c>
      <c r="C3424">
        <v>2</v>
      </c>
      <c r="D3424" s="1">
        <v>43932.402777777781</v>
      </c>
      <c r="E3424" s="1">
        <v>43932.741666666669</v>
      </c>
      <c r="F3424">
        <v>14850</v>
      </c>
      <c r="G3424">
        <v>1500</v>
      </c>
      <c r="H3424">
        <v>200</v>
      </c>
      <c r="I3424">
        <v>0</v>
      </c>
      <c r="J3424">
        <v>0</v>
      </c>
      <c r="K3424">
        <v>0</v>
      </c>
      <c r="L3424">
        <v>0</v>
      </c>
      <c r="M3424">
        <v>1655</v>
      </c>
      <c r="N3424">
        <v>0</v>
      </c>
      <c r="O3424">
        <v>0</v>
      </c>
      <c r="P3424">
        <v>4840</v>
      </c>
      <c r="Q3424">
        <v>0</v>
      </c>
      <c r="R3424">
        <v>23045</v>
      </c>
      <c r="S3424">
        <v>0</v>
      </c>
      <c r="T3424">
        <v>0</v>
      </c>
      <c r="U3424">
        <v>0</v>
      </c>
      <c r="V3424">
        <v>2</v>
      </c>
      <c r="W3424">
        <v>0</v>
      </c>
      <c r="X3424">
        <v>0</v>
      </c>
      <c r="Y3424">
        <v>26</v>
      </c>
      <c r="Z3424">
        <v>19</v>
      </c>
      <c r="AA3424">
        <v>105</v>
      </c>
      <c r="AB3424">
        <v>81</v>
      </c>
      <c r="AC3424">
        <v>123</v>
      </c>
      <c r="AD3424">
        <v>84</v>
      </c>
      <c r="AE3424">
        <v>135</v>
      </c>
      <c r="AF3424">
        <v>1210</v>
      </c>
      <c r="AG3424">
        <v>73045</v>
      </c>
      <c r="AH3424">
        <v>50000</v>
      </c>
      <c r="AI3424">
        <v>0</v>
      </c>
      <c r="AJ3424">
        <v>93</v>
      </c>
      <c r="AK3424" t="s">
        <v>20</v>
      </c>
      <c r="AL3424">
        <v>0</v>
      </c>
      <c r="AM3424">
        <v>0</v>
      </c>
      <c r="AN3424">
        <v>0</v>
      </c>
      <c r="AO3424">
        <v>0</v>
      </c>
      <c r="AP3424">
        <v>0</v>
      </c>
      <c r="AQ3424">
        <v>0</v>
      </c>
      <c r="AR3424">
        <v>0</v>
      </c>
      <c r="AS3424">
        <v>0</v>
      </c>
      <c r="AT3424">
        <v>0</v>
      </c>
      <c r="AU3424">
        <v>0</v>
      </c>
      <c r="AV3424">
        <v>0</v>
      </c>
      <c r="AW3424">
        <v>0</v>
      </c>
      <c r="AX3424">
        <v>0</v>
      </c>
      <c r="AY3424">
        <v>16</v>
      </c>
      <c r="AZ3424">
        <v>30</v>
      </c>
      <c r="BA3424">
        <v>2665</v>
      </c>
    </row>
    <row r="3425" spans="1:53" x14ac:dyDescent="0.4">
      <c r="A3425">
        <v>3469</v>
      </c>
      <c r="B3425" s="1">
        <v>43976</v>
      </c>
      <c r="C3425">
        <v>1</v>
      </c>
      <c r="D3425" s="1">
        <v>43976.291666666664</v>
      </c>
      <c r="E3425" s="1">
        <v>43976.427777777775</v>
      </c>
      <c r="F3425">
        <v>0</v>
      </c>
      <c r="G3425">
        <v>0</v>
      </c>
      <c r="H3425">
        <v>0</v>
      </c>
      <c r="I3425">
        <v>0</v>
      </c>
      <c r="J3425">
        <v>0</v>
      </c>
      <c r="K3425">
        <v>0</v>
      </c>
      <c r="L3425">
        <v>0</v>
      </c>
      <c r="M3425">
        <v>0</v>
      </c>
      <c r="N3425">
        <v>0</v>
      </c>
      <c r="O3425">
        <v>0</v>
      </c>
      <c r="P3425">
        <v>0</v>
      </c>
      <c r="Q3425">
        <v>0</v>
      </c>
      <c r="R3425">
        <v>0</v>
      </c>
      <c r="S3425">
        <v>0</v>
      </c>
      <c r="T3425">
        <v>0</v>
      </c>
      <c r="U3425">
        <v>0</v>
      </c>
      <c r="V3425">
        <v>0</v>
      </c>
      <c r="W3425">
        <v>0</v>
      </c>
      <c r="X3425">
        <v>0</v>
      </c>
      <c r="Y3425">
        <v>33</v>
      </c>
      <c r="Z3425">
        <v>11</v>
      </c>
      <c r="AA3425">
        <v>85</v>
      </c>
      <c r="AB3425">
        <v>38</v>
      </c>
      <c r="AC3425">
        <v>61</v>
      </c>
      <c r="AD3425">
        <v>78</v>
      </c>
      <c r="AE3425">
        <v>100</v>
      </c>
      <c r="AF3425">
        <v>0</v>
      </c>
      <c r="AG3425">
        <v>50000</v>
      </c>
      <c r="AH3425">
        <v>50000</v>
      </c>
      <c r="AI3425">
        <v>0</v>
      </c>
      <c r="AJ3425">
        <v>0</v>
      </c>
      <c r="AK3425" t="s">
        <v>6</v>
      </c>
      <c r="AL3425">
        <v>0</v>
      </c>
      <c r="AM3425">
        <v>0</v>
      </c>
      <c r="AN3425">
        <v>0</v>
      </c>
      <c r="AO3425">
        <v>0</v>
      </c>
      <c r="AP3425">
        <v>0</v>
      </c>
      <c r="AQ3425">
        <v>0</v>
      </c>
      <c r="AR3425">
        <v>0</v>
      </c>
      <c r="AS3425">
        <v>0</v>
      </c>
      <c r="AT3425">
        <v>0</v>
      </c>
      <c r="AU3425">
        <v>0</v>
      </c>
      <c r="AV3425">
        <v>0</v>
      </c>
      <c r="AW3425">
        <v>0</v>
      </c>
      <c r="AX3425">
        <v>0</v>
      </c>
      <c r="AY3425">
        <v>0</v>
      </c>
      <c r="AZ3425">
        <v>0</v>
      </c>
      <c r="BA3425">
        <v>0</v>
      </c>
    </row>
    <row r="3426" spans="1:53" x14ac:dyDescent="0.4">
      <c r="A3426">
        <v>3470</v>
      </c>
      <c r="B3426" s="1">
        <v>43976</v>
      </c>
      <c r="C3426">
        <v>2</v>
      </c>
      <c r="D3426" s="1">
        <v>43976.427777777775</v>
      </c>
      <c r="E3426" s="1">
        <v>43976.731944444444</v>
      </c>
      <c r="F3426">
        <v>9900</v>
      </c>
      <c r="G3426">
        <v>280</v>
      </c>
      <c r="H3426">
        <v>90</v>
      </c>
      <c r="I3426">
        <v>0</v>
      </c>
      <c r="J3426">
        <v>0</v>
      </c>
      <c r="K3426">
        <v>400</v>
      </c>
      <c r="L3426">
        <v>0</v>
      </c>
      <c r="M3426">
        <v>1067</v>
      </c>
      <c r="N3426">
        <v>0</v>
      </c>
      <c r="O3426">
        <v>0</v>
      </c>
      <c r="P3426">
        <v>9075</v>
      </c>
      <c r="Q3426">
        <v>0</v>
      </c>
      <c r="R3426">
        <v>20812</v>
      </c>
      <c r="S3426">
        <v>0</v>
      </c>
      <c r="T3426">
        <v>0</v>
      </c>
      <c r="U3426">
        <v>0</v>
      </c>
      <c r="V3426">
        <v>0</v>
      </c>
      <c r="W3426">
        <v>1</v>
      </c>
      <c r="X3426">
        <v>0</v>
      </c>
      <c r="Y3426">
        <v>47</v>
      </c>
      <c r="Z3426">
        <v>17</v>
      </c>
      <c r="AA3426">
        <v>70</v>
      </c>
      <c r="AB3426">
        <v>33</v>
      </c>
      <c r="AC3426">
        <v>53</v>
      </c>
      <c r="AD3426">
        <v>82</v>
      </c>
      <c r="AE3426">
        <v>117</v>
      </c>
      <c r="AF3426">
        <v>605</v>
      </c>
      <c r="AG3426">
        <v>70812</v>
      </c>
      <c r="AH3426">
        <v>50000</v>
      </c>
      <c r="AI3426">
        <v>0</v>
      </c>
      <c r="AJ3426">
        <v>95</v>
      </c>
      <c r="AK3426" t="s">
        <v>21</v>
      </c>
      <c r="AL3426">
        <v>0</v>
      </c>
      <c r="AM3426">
        <v>0</v>
      </c>
      <c r="AN3426">
        <v>0</v>
      </c>
      <c r="AO3426">
        <v>0</v>
      </c>
      <c r="AP3426">
        <v>0</v>
      </c>
      <c r="AQ3426">
        <v>0</v>
      </c>
      <c r="AR3426">
        <v>0</v>
      </c>
      <c r="AS3426">
        <v>0</v>
      </c>
      <c r="AT3426">
        <v>0</v>
      </c>
      <c r="AU3426">
        <v>0</v>
      </c>
      <c r="AV3426">
        <v>0</v>
      </c>
      <c r="AW3426">
        <v>0</v>
      </c>
      <c r="AX3426">
        <v>0</v>
      </c>
      <c r="AY3426">
        <v>17</v>
      </c>
      <c r="AZ3426">
        <v>33</v>
      </c>
      <c r="BA3426">
        <v>2478</v>
      </c>
    </row>
    <row r="3427" spans="1:53" x14ac:dyDescent="0.4">
      <c r="A3427">
        <v>3471</v>
      </c>
      <c r="B3427" s="1">
        <v>43977</v>
      </c>
      <c r="C3427">
        <v>1</v>
      </c>
      <c r="D3427" s="1">
        <v>43977.291666666664</v>
      </c>
      <c r="E3427" s="1">
        <v>43977.434027777781</v>
      </c>
      <c r="F3427">
        <v>0</v>
      </c>
      <c r="G3427">
        <v>0</v>
      </c>
      <c r="H3427">
        <v>0</v>
      </c>
      <c r="I3427">
        <v>0</v>
      </c>
      <c r="J3427">
        <v>0</v>
      </c>
      <c r="K3427">
        <v>0</v>
      </c>
      <c r="L3427">
        <v>0</v>
      </c>
      <c r="M3427">
        <v>0</v>
      </c>
      <c r="N3427">
        <v>0</v>
      </c>
      <c r="O3427">
        <v>0</v>
      </c>
      <c r="P3427">
        <v>0</v>
      </c>
      <c r="Q3427">
        <v>0</v>
      </c>
      <c r="R3427">
        <v>0</v>
      </c>
      <c r="S3427">
        <v>0</v>
      </c>
      <c r="T3427">
        <v>0</v>
      </c>
      <c r="U3427">
        <v>0</v>
      </c>
      <c r="V3427">
        <v>0</v>
      </c>
      <c r="W3427">
        <v>0</v>
      </c>
      <c r="X3427">
        <v>0</v>
      </c>
      <c r="Y3427">
        <v>34</v>
      </c>
      <c r="Z3427">
        <v>14</v>
      </c>
      <c r="AA3427">
        <v>64</v>
      </c>
      <c r="AB3427">
        <v>32</v>
      </c>
      <c r="AC3427">
        <v>50</v>
      </c>
      <c r="AD3427">
        <v>78</v>
      </c>
      <c r="AE3427">
        <v>110</v>
      </c>
      <c r="AF3427">
        <v>0</v>
      </c>
      <c r="AG3427">
        <v>50000</v>
      </c>
      <c r="AH3427">
        <v>50000</v>
      </c>
      <c r="AI3427">
        <v>0</v>
      </c>
      <c r="AJ3427">
        <v>0</v>
      </c>
      <c r="AK3427" t="s">
        <v>6</v>
      </c>
      <c r="AL3427">
        <v>0</v>
      </c>
      <c r="AM3427">
        <v>0</v>
      </c>
      <c r="AN3427">
        <v>0</v>
      </c>
      <c r="AO3427">
        <v>0</v>
      </c>
      <c r="AP3427">
        <v>0</v>
      </c>
      <c r="AQ3427">
        <v>0</v>
      </c>
      <c r="AR3427">
        <v>0</v>
      </c>
      <c r="AS3427">
        <v>0</v>
      </c>
      <c r="AT3427">
        <v>0</v>
      </c>
      <c r="AU3427">
        <v>0</v>
      </c>
      <c r="AV3427">
        <v>0</v>
      </c>
      <c r="AW3427">
        <v>0</v>
      </c>
      <c r="AX3427">
        <v>0</v>
      </c>
      <c r="AY3427">
        <v>0</v>
      </c>
      <c r="AZ3427">
        <v>0</v>
      </c>
      <c r="BA3427">
        <v>0</v>
      </c>
    </row>
    <row r="3428" spans="1:53" x14ac:dyDescent="0.4">
      <c r="A3428">
        <v>3472</v>
      </c>
      <c r="B3428" s="1">
        <v>43978</v>
      </c>
      <c r="C3428">
        <v>1</v>
      </c>
      <c r="D3428" s="1">
        <v>43978.291666666664</v>
      </c>
      <c r="E3428" s="1">
        <v>43978.429861111108</v>
      </c>
      <c r="F3428">
        <v>0</v>
      </c>
      <c r="G3428">
        <v>0</v>
      </c>
      <c r="H3428">
        <v>0</v>
      </c>
      <c r="I3428">
        <v>0</v>
      </c>
      <c r="J3428">
        <v>0</v>
      </c>
      <c r="K3428">
        <v>0</v>
      </c>
      <c r="L3428">
        <v>0</v>
      </c>
      <c r="M3428">
        <v>0</v>
      </c>
      <c r="N3428">
        <v>0</v>
      </c>
      <c r="O3428">
        <v>0</v>
      </c>
      <c r="P3428">
        <v>0</v>
      </c>
      <c r="Q3428">
        <v>0</v>
      </c>
      <c r="R3428">
        <v>0</v>
      </c>
      <c r="S3428">
        <v>0</v>
      </c>
      <c r="T3428">
        <v>0</v>
      </c>
      <c r="U3428">
        <v>0</v>
      </c>
      <c r="V3428">
        <v>0</v>
      </c>
      <c r="W3428">
        <v>0</v>
      </c>
      <c r="X3428">
        <v>0</v>
      </c>
      <c r="Y3428">
        <v>34</v>
      </c>
      <c r="Z3428">
        <v>24</v>
      </c>
      <c r="AA3428">
        <v>15</v>
      </c>
      <c r="AB3428">
        <v>30</v>
      </c>
      <c r="AC3428">
        <v>45</v>
      </c>
      <c r="AD3428">
        <v>88</v>
      </c>
      <c r="AE3428">
        <v>110</v>
      </c>
      <c r="AF3428">
        <v>0</v>
      </c>
      <c r="AG3428">
        <v>50000</v>
      </c>
      <c r="AH3428">
        <v>50000</v>
      </c>
      <c r="AI3428">
        <v>0</v>
      </c>
      <c r="AJ3428">
        <v>0</v>
      </c>
      <c r="AK3428" t="s">
        <v>6</v>
      </c>
      <c r="AL3428">
        <v>0</v>
      </c>
      <c r="AM3428">
        <v>0</v>
      </c>
      <c r="AN3428">
        <v>0</v>
      </c>
      <c r="AO3428">
        <v>0</v>
      </c>
      <c r="AP3428">
        <v>0</v>
      </c>
      <c r="AQ3428">
        <v>0</v>
      </c>
      <c r="AR3428">
        <v>0</v>
      </c>
      <c r="AS3428">
        <v>0</v>
      </c>
      <c r="AT3428">
        <v>0</v>
      </c>
      <c r="AU3428">
        <v>0</v>
      </c>
      <c r="AV3428">
        <v>0</v>
      </c>
      <c r="AW3428">
        <v>0</v>
      </c>
      <c r="AX3428">
        <v>0</v>
      </c>
      <c r="AY3428">
        <v>0</v>
      </c>
      <c r="AZ3428">
        <v>0</v>
      </c>
      <c r="BA3428">
        <v>0</v>
      </c>
    </row>
    <row r="3429" spans="1:53" x14ac:dyDescent="0.4">
      <c r="A3429">
        <v>3473</v>
      </c>
      <c r="B3429" s="1">
        <v>43979</v>
      </c>
      <c r="C3429">
        <v>1</v>
      </c>
      <c r="D3429" s="1">
        <v>43979.291666666664</v>
      </c>
      <c r="E3429" s="1">
        <v>43979.45416666667</v>
      </c>
      <c r="F3429">
        <v>0</v>
      </c>
      <c r="G3429">
        <v>0</v>
      </c>
      <c r="H3429">
        <v>0</v>
      </c>
      <c r="I3429">
        <v>0</v>
      </c>
      <c r="J3429">
        <v>0</v>
      </c>
      <c r="K3429">
        <v>0</v>
      </c>
      <c r="L3429">
        <v>0</v>
      </c>
      <c r="M3429">
        <v>0</v>
      </c>
      <c r="N3429">
        <v>0</v>
      </c>
      <c r="O3429">
        <v>0</v>
      </c>
      <c r="P3429">
        <v>0</v>
      </c>
      <c r="Q3429">
        <v>0</v>
      </c>
      <c r="R3429">
        <v>0</v>
      </c>
      <c r="S3429">
        <v>0</v>
      </c>
      <c r="T3429">
        <v>0</v>
      </c>
      <c r="U3429">
        <v>0</v>
      </c>
      <c r="V3429">
        <v>0</v>
      </c>
      <c r="W3429">
        <v>1</v>
      </c>
      <c r="X3429">
        <v>0</v>
      </c>
      <c r="Y3429">
        <v>27</v>
      </c>
      <c r="Z3429">
        <v>11</v>
      </c>
      <c r="AA3429">
        <v>73</v>
      </c>
      <c r="AB3429">
        <v>76</v>
      </c>
      <c r="AC3429">
        <v>75</v>
      </c>
      <c r="AD3429">
        <v>97</v>
      </c>
      <c r="AE3429">
        <v>165</v>
      </c>
      <c r="AF3429">
        <v>0</v>
      </c>
      <c r="AG3429">
        <v>50000</v>
      </c>
      <c r="AH3429">
        <v>50000</v>
      </c>
      <c r="AI3429">
        <v>0</v>
      </c>
      <c r="AJ3429">
        <v>0</v>
      </c>
      <c r="AK3429" t="s">
        <v>6</v>
      </c>
      <c r="AL3429">
        <v>0</v>
      </c>
      <c r="AM3429">
        <v>0</v>
      </c>
      <c r="AN3429">
        <v>0</v>
      </c>
      <c r="AO3429">
        <v>0</v>
      </c>
      <c r="AP3429">
        <v>0</v>
      </c>
      <c r="AQ3429">
        <v>0</v>
      </c>
      <c r="AR3429">
        <v>0</v>
      </c>
      <c r="AS3429">
        <v>0</v>
      </c>
      <c r="AT3429">
        <v>0</v>
      </c>
      <c r="AU3429">
        <v>0</v>
      </c>
      <c r="AV3429">
        <v>0</v>
      </c>
      <c r="AW3429">
        <v>0</v>
      </c>
      <c r="AX3429">
        <v>0</v>
      </c>
      <c r="AY3429">
        <v>0</v>
      </c>
      <c r="AZ3429">
        <v>0</v>
      </c>
      <c r="BA3429">
        <v>0</v>
      </c>
    </row>
    <row r="3430" spans="1:53" x14ac:dyDescent="0.4">
      <c r="A3430">
        <v>3474</v>
      </c>
      <c r="B3430" s="1">
        <v>43979</v>
      </c>
      <c r="C3430">
        <v>2</v>
      </c>
      <c r="D3430" s="1">
        <v>43979.45416666667</v>
      </c>
      <c r="E3430" s="1">
        <v>43979.634027777778</v>
      </c>
      <c r="F3430">
        <v>2750</v>
      </c>
      <c r="G3430">
        <v>0</v>
      </c>
      <c r="H3430">
        <v>120</v>
      </c>
      <c r="I3430">
        <v>0</v>
      </c>
      <c r="J3430">
        <v>0</v>
      </c>
      <c r="K3430">
        <v>0</v>
      </c>
      <c r="L3430">
        <v>0</v>
      </c>
      <c r="M3430">
        <v>287</v>
      </c>
      <c r="N3430">
        <v>0</v>
      </c>
      <c r="O3430">
        <v>0</v>
      </c>
      <c r="P3430">
        <v>20570</v>
      </c>
      <c r="Q3430">
        <v>0</v>
      </c>
      <c r="R3430">
        <v>23727</v>
      </c>
      <c r="S3430">
        <v>0</v>
      </c>
      <c r="T3430">
        <v>0</v>
      </c>
      <c r="U3430">
        <v>0</v>
      </c>
      <c r="V3430">
        <v>2</v>
      </c>
      <c r="W3430">
        <v>0</v>
      </c>
      <c r="X3430">
        <v>0</v>
      </c>
      <c r="Y3430">
        <v>32</v>
      </c>
      <c r="Z3430">
        <v>19</v>
      </c>
      <c r="AA3430">
        <v>72</v>
      </c>
      <c r="AB3430">
        <v>75</v>
      </c>
      <c r="AC3430">
        <v>58</v>
      </c>
      <c r="AD3430">
        <v>102</v>
      </c>
      <c r="AE3430">
        <v>187</v>
      </c>
      <c r="AF3430">
        <v>0</v>
      </c>
      <c r="AG3430">
        <v>73727</v>
      </c>
      <c r="AH3430">
        <v>50000</v>
      </c>
      <c r="AI3430">
        <v>0</v>
      </c>
      <c r="AJ3430">
        <v>97</v>
      </c>
      <c r="AK3430" t="s">
        <v>33</v>
      </c>
      <c r="AL3430">
        <v>0</v>
      </c>
      <c r="AM3430">
        <v>0</v>
      </c>
      <c r="AN3430">
        <v>0</v>
      </c>
      <c r="AO3430">
        <v>0</v>
      </c>
      <c r="AP3430">
        <v>0</v>
      </c>
      <c r="AQ3430">
        <v>0</v>
      </c>
      <c r="AR3430">
        <v>0</v>
      </c>
      <c r="AS3430">
        <v>0</v>
      </c>
      <c r="AT3430">
        <v>0</v>
      </c>
      <c r="AU3430">
        <v>0</v>
      </c>
      <c r="AV3430">
        <v>0</v>
      </c>
      <c r="AW3430">
        <v>0</v>
      </c>
      <c r="AX3430">
        <v>-1210</v>
      </c>
      <c r="AY3430">
        <v>19</v>
      </c>
      <c r="AZ3430">
        <v>38</v>
      </c>
      <c r="BA3430">
        <v>1588</v>
      </c>
    </row>
    <row r="3431" spans="1:53" x14ac:dyDescent="0.4">
      <c r="A3431">
        <v>3475</v>
      </c>
      <c r="B3431" s="1">
        <v>43979</v>
      </c>
      <c r="C3431">
        <v>3</v>
      </c>
      <c r="D3431" s="1">
        <v>43979.634027777778</v>
      </c>
      <c r="E3431" s="1">
        <v>43979.75277777778</v>
      </c>
      <c r="F3431">
        <v>19800</v>
      </c>
      <c r="G3431">
        <v>0</v>
      </c>
      <c r="H3431">
        <v>30</v>
      </c>
      <c r="I3431">
        <v>0</v>
      </c>
      <c r="J3431">
        <v>0</v>
      </c>
      <c r="K3431">
        <v>0</v>
      </c>
      <c r="L3431">
        <v>0</v>
      </c>
      <c r="M3431">
        <v>1983</v>
      </c>
      <c r="N3431">
        <v>0</v>
      </c>
      <c r="O3431">
        <v>0</v>
      </c>
      <c r="P3431">
        <v>-15125</v>
      </c>
      <c r="Q3431">
        <v>0</v>
      </c>
      <c r="R3431">
        <v>6688</v>
      </c>
      <c r="S3431">
        <v>0</v>
      </c>
      <c r="T3431">
        <v>0</v>
      </c>
      <c r="U3431">
        <v>0</v>
      </c>
      <c r="V3431">
        <v>2</v>
      </c>
      <c r="W3431">
        <v>0</v>
      </c>
      <c r="X3431">
        <v>0</v>
      </c>
      <c r="Y3431">
        <v>37</v>
      </c>
      <c r="Z3431">
        <v>23</v>
      </c>
      <c r="AA3431">
        <v>71</v>
      </c>
      <c r="AB3431">
        <v>72</v>
      </c>
      <c r="AC3431">
        <v>53</v>
      </c>
      <c r="AD3431">
        <v>99</v>
      </c>
      <c r="AE3431">
        <v>190</v>
      </c>
      <c r="AF3431">
        <v>0</v>
      </c>
      <c r="AG3431">
        <v>80415</v>
      </c>
      <c r="AH3431">
        <v>50000</v>
      </c>
      <c r="AI3431">
        <v>0</v>
      </c>
      <c r="AJ3431">
        <v>97</v>
      </c>
      <c r="AK3431" t="s">
        <v>33</v>
      </c>
      <c r="AL3431">
        <v>0</v>
      </c>
      <c r="AM3431">
        <v>0</v>
      </c>
      <c r="AN3431">
        <v>0</v>
      </c>
      <c r="AO3431">
        <v>0</v>
      </c>
      <c r="AP3431">
        <v>0</v>
      </c>
      <c r="AQ3431">
        <v>0</v>
      </c>
      <c r="AR3431">
        <v>0</v>
      </c>
      <c r="AS3431">
        <v>0</v>
      </c>
      <c r="AT3431">
        <v>0</v>
      </c>
      <c r="AU3431">
        <v>0</v>
      </c>
      <c r="AV3431">
        <v>0</v>
      </c>
      <c r="AW3431">
        <v>0</v>
      </c>
      <c r="AX3431">
        <v>1430</v>
      </c>
      <c r="AY3431">
        <v>5</v>
      </c>
      <c r="AZ3431">
        <v>13</v>
      </c>
      <c r="BA3431">
        <v>2291</v>
      </c>
    </row>
    <row r="3432" spans="1:53" x14ac:dyDescent="0.4">
      <c r="A3432">
        <v>3476</v>
      </c>
      <c r="B3432" s="1">
        <v>43980</v>
      </c>
      <c r="C3432">
        <v>1</v>
      </c>
      <c r="D3432" s="1">
        <v>43980.291666666664</v>
      </c>
      <c r="E3432" s="1">
        <v>43980.427083333336</v>
      </c>
      <c r="F3432">
        <v>0</v>
      </c>
      <c r="G3432">
        <v>0</v>
      </c>
      <c r="H3432">
        <v>0</v>
      </c>
      <c r="I3432">
        <v>0</v>
      </c>
      <c r="J3432">
        <v>0</v>
      </c>
      <c r="K3432">
        <v>0</v>
      </c>
      <c r="L3432">
        <v>0</v>
      </c>
      <c r="M3432">
        <v>0</v>
      </c>
      <c r="N3432">
        <v>0</v>
      </c>
      <c r="O3432">
        <v>0</v>
      </c>
      <c r="P3432">
        <v>0</v>
      </c>
      <c r="Q3432">
        <v>0</v>
      </c>
      <c r="R3432">
        <v>0</v>
      </c>
      <c r="S3432">
        <v>0</v>
      </c>
      <c r="T3432">
        <v>0</v>
      </c>
      <c r="U3432">
        <v>0</v>
      </c>
      <c r="V3432">
        <v>0</v>
      </c>
      <c r="W3432">
        <v>0</v>
      </c>
      <c r="X3432">
        <v>0</v>
      </c>
      <c r="Y3432">
        <v>31</v>
      </c>
      <c r="Z3432">
        <v>12</v>
      </c>
      <c r="AA3432">
        <v>81</v>
      </c>
      <c r="AB3432">
        <v>72</v>
      </c>
      <c r="AC3432">
        <v>64</v>
      </c>
      <c r="AD3432">
        <v>92</v>
      </c>
      <c r="AE3432">
        <v>200</v>
      </c>
      <c r="AF3432">
        <v>0</v>
      </c>
      <c r="AG3432">
        <v>50000</v>
      </c>
      <c r="AH3432">
        <v>50000</v>
      </c>
      <c r="AI3432">
        <v>0</v>
      </c>
      <c r="AJ3432">
        <v>0</v>
      </c>
      <c r="AK3432" t="s">
        <v>6</v>
      </c>
      <c r="AL3432">
        <v>0</v>
      </c>
      <c r="AM3432">
        <v>0</v>
      </c>
      <c r="AN3432">
        <v>0</v>
      </c>
      <c r="AO3432">
        <v>0</v>
      </c>
      <c r="AP3432">
        <v>0</v>
      </c>
      <c r="AQ3432">
        <v>0</v>
      </c>
      <c r="AR3432">
        <v>0</v>
      </c>
      <c r="AS3432">
        <v>0</v>
      </c>
      <c r="AT3432">
        <v>0</v>
      </c>
      <c r="AU3432">
        <v>0</v>
      </c>
      <c r="AV3432">
        <v>0</v>
      </c>
      <c r="AW3432">
        <v>0</v>
      </c>
      <c r="AX3432">
        <v>0</v>
      </c>
      <c r="AY3432">
        <v>0</v>
      </c>
      <c r="AZ3432">
        <v>0</v>
      </c>
      <c r="BA3432">
        <v>0</v>
      </c>
    </row>
    <row r="3433" spans="1:53" x14ac:dyDescent="0.4">
      <c r="A3433">
        <v>3477</v>
      </c>
      <c r="B3433" s="1">
        <v>43981</v>
      </c>
      <c r="C3433">
        <v>1</v>
      </c>
      <c r="D3433" s="1">
        <v>43981.291666666664</v>
      </c>
      <c r="E3433" s="1">
        <v>43981.424305555556</v>
      </c>
      <c r="F3433">
        <v>0</v>
      </c>
      <c r="G3433">
        <v>0</v>
      </c>
      <c r="H3433">
        <v>0</v>
      </c>
      <c r="I3433">
        <v>0</v>
      </c>
      <c r="J3433">
        <v>0</v>
      </c>
      <c r="K3433">
        <v>0</v>
      </c>
      <c r="L3433">
        <v>0</v>
      </c>
      <c r="M3433">
        <v>0</v>
      </c>
      <c r="N3433">
        <v>0</v>
      </c>
      <c r="O3433">
        <v>0</v>
      </c>
      <c r="P3433">
        <v>0</v>
      </c>
      <c r="Q3433">
        <v>0</v>
      </c>
      <c r="R3433">
        <v>0</v>
      </c>
      <c r="S3433">
        <v>0</v>
      </c>
      <c r="T3433">
        <v>0</v>
      </c>
      <c r="U3433">
        <v>0</v>
      </c>
      <c r="V3433">
        <v>0</v>
      </c>
      <c r="W3433">
        <v>0</v>
      </c>
      <c r="X3433">
        <v>0</v>
      </c>
      <c r="Y3433">
        <v>28</v>
      </c>
      <c r="Z3433">
        <v>11</v>
      </c>
      <c r="AA3433">
        <v>119</v>
      </c>
      <c r="AB3433">
        <v>73</v>
      </c>
      <c r="AC3433">
        <v>65</v>
      </c>
      <c r="AD3433">
        <v>37</v>
      </c>
      <c r="AE3433">
        <v>115</v>
      </c>
      <c r="AF3433">
        <v>0</v>
      </c>
      <c r="AG3433">
        <v>50000</v>
      </c>
      <c r="AH3433">
        <v>50000</v>
      </c>
      <c r="AI3433">
        <v>0</v>
      </c>
      <c r="AJ3433">
        <v>0</v>
      </c>
      <c r="AK3433" t="s">
        <v>6</v>
      </c>
      <c r="AL3433">
        <v>0</v>
      </c>
      <c r="AM3433">
        <v>0</v>
      </c>
      <c r="AN3433">
        <v>0</v>
      </c>
      <c r="AO3433">
        <v>0</v>
      </c>
      <c r="AP3433">
        <v>0</v>
      </c>
      <c r="AQ3433">
        <v>0</v>
      </c>
      <c r="AR3433">
        <v>0</v>
      </c>
      <c r="AS3433">
        <v>0</v>
      </c>
      <c r="AT3433">
        <v>0</v>
      </c>
      <c r="AU3433">
        <v>0</v>
      </c>
      <c r="AV3433">
        <v>0</v>
      </c>
      <c r="AW3433">
        <v>0</v>
      </c>
      <c r="AX3433">
        <v>0</v>
      </c>
      <c r="AY3433">
        <v>0</v>
      </c>
      <c r="AZ3433">
        <v>0</v>
      </c>
      <c r="BA3433">
        <v>0</v>
      </c>
    </row>
    <row r="3434" spans="1:53" x14ac:dyDescent="0.4">
      <c r="A3434">
        <v>3478</v>
      </c>
      <c r="B3434" s="1">
        <v>43981</v>
      </c>
      <c r="C3434">
        <v>2</v>
      </c>
      <c r="D3434" s="1">
        <v>43981.424305555556</v>
      </c>
      <c r="E3434" s="1">
        <v>43981.744444444441</v>
      </c>
      <c r="F3434">
        <v>30800</v>
      </c>
      <c r="G3434">
        <v>2140</v>
      </c>
      <c r="H3434">
        <v>60</v>
      </c>
      <c r="I3434">
        <v>0</v>
      </c>
      <c r="J3434">
        <v>0</v>
      </c>
      <c r="K3434">
        <v>0</v>
      </c>
      <c r="L3434">
        <v>0</v>
      </c>
      <c r="M3434">
        <v>3300</v>
      </c>
      <c r="N3434">
        <v>0</v>
      </c>
      <c r="O3434">
        <v>0</v>
      </c>
      <c r="P3434">
        <v>22385</v>
      </c>
      <c r="Q3434">
        <v>0</v>
      </c>
      <c r="R3434">
        <v>58685</v>
      </c>
      <c r="S3434">
        <v>0</v>
      </c>
      <c r="T3434">
        <v>0</v>
      </c>
      <c r="U3434">
        <v>0</v>
      </c>
      <c r="V3434">
        <v>1</v>
      </c>
      <c r="W3434">
        <v>2</v>
      </c>
      <c r="X3434">
        <v>0</v>
      </c>
      <c r="Y3434">
        <v>58</v>
      </c>
      <c r="Z3434">
        <v>22</v>
      </c>
      <c r="AA3434">
        <v>111</v>
      </c>
      <c r="AB3434">
        <v>67</v>
      </c>
      <c r="AC3434">
        <v>56</v>
      </c>
      <c r="AD3434">
        <v>53</v>
      </c>
      <c r="AE3434">
        <v>175</v>
      </c>
      <c r="AF3434">
        <v>4235</v>
      </c>
      <c r="AG3434">
        <v>108685</v>
      </c>
      <c r="AH3434">
        <v>50000</v>
      </c>
      <c r="AI3434">
        <v>0</v>
      </c>
      <c r="AJ3434">
        <v>97</v>
      </c>
      <c r="AK3434" t="s">
        <v>33</v>
      </c>
      <c r="AL3434">
        <v>0</v>
      </c>
      <c r="AM3434">
        <v>0</v>
      </c>
      <c r="AN3434">
        <v>0</v>
      </c>
      <c r="AO3434">
        <v>0</v>
      </c>
      <c r="AP3434">
        <v>0</v>
      </c>
      <c r="AQ3434">
        <v>0</v>
      </c>
      <c r="AR3434">
        <v>0</v>
      </c>
      <c r="AS3434">
        <v>0</v>
      </c>
      <c r="AT3434">
        <v>0</v>
      </c>
      <c r="AU3434">
        <v>0</v>
      </c>
      <c r="AV3434">
        <v>0</v>
      </c>
      <c r="AW3434">
        <v>0</v>
      </c>
      <c r="AX3434">
        <v>1210</v>
      </c>
      <c r="AY3434">
        <v>36</v>
      </c>
      <c r="AZ3434">
        <v>84</v>
      </c>
      <c r="BA3434">
        <v>6231</v>
      </c>
    </row>
    <row r="3435" spans="1:53" x14ac:dyDescent="0.4">
      <c r="A3435">
        <v>3479</v>
      </c>
      <c r="B3435" s="1">
        <v>43982</v>
      </c>
      <c r="C3435">
        <v>1</v>
      </c>
      <c r="D3435" s="1">
        <v>43982.291666666664</v>
      </c>
      <c r="E3435" s="1">
        <v>43982.402083333334</v>
      </c>
      <c r="F3435">
        <v>0</v>
      </c>
      <c r="G3435">
        <v>0</v>
      </c>
      <c r="H3435">
        <v>0</v>
      </c>
      <c r="I3435">
        <v>0</v>
      </c>
      <c r="J3435">
        <v>0</v>
      </c>
      <c r="K3435">
        <v>0</v>
      </c>
      <c r="L3435">
        <v>0</v>
      </c>
      <c r="M3435">
        <v>0</v>
      </c>
      <c r="N3435">
        <v>0</v>
      </c>
      <c r="O3435">
        <v>0</v>
      </c>
      <c r="P3435">
        <v>0</v>
      </c>
      <c r="Q3435">
        <v>0</v>
      </c>
      <c r="R3435">
        <v>0</v>
      </c>
      <c r="S3435">
        <v>0</v>
      </c>
      <c r="T3435">
        <v>0</v>
      </c>
      <c r="U3435">
        <v>0</v>
      </c>
      <c r="V3435">
        <v>0</v>
      </c>
      <c r="W3435">
        <v>0</v>
      </c>
      <c r="X3435">
        <v>0</v>
      </c>
      <c r="Y3435">
        <v>30</v>
      </c>
      <c r="Z3435">
        <v>10</v>
      </c>
      <c r="AA3435">
        <v>105</v>
      </c>
      <c r="AB3435">
        <v>70</v>
      </c>
      <c r="AC3435">
        <v>59</v>
      </c>
      <c r="AD3435">
        <v>50</v>
      </c>
      <c r="AE3435">
        <v>160</v>
      </c>
      <c r="AF3435">
        <v>0</v>
      </c>
      <c r="AG3435">
        <v>50000</v>
      </c>
      <c r="AH3435">
        <v>50000</v>
      </c>
      <c r="AI3435">
        <v>0</v>
      </c>
      <c r="AJ3435">
        <v>0</v>
      </c>
      <c r="AK3435" t="s">
        <v>6</v>
      </c>
      <c r="AL3435">
        <v>0</v>
      </c>
      <c r="AM3435">
        <v>0</v>
      </c>
      <c r="AN3435">
        <v>0</v>
      </c>
      <c r="AO3435">
        <v>0</v>
      </c>
      <c r="AP3435">
        <v>0</v>
      </c>
      <c r="AQ3435">
        <v>0</v>
      </c>
      <c r="AR3435">
        <v>0</v>
      </c>
      <c r="AS3435">
        <v>0</v>
      </c>
      <c r="AT3435">
        <v>0</v>
      </c>
      <c r="AU3435">
        <v>0</v>
      </c>
      <c r="AV3435">
        <v>0</v>
      </c>
      <c r="AW3435">
        <v>0</v>
      </c>
      <c r="AX3435">
        <v>0</v>
      </c>
      <c r="AY3435">
        <v>0</v>
      </c>
      <c r="AZ3435">
        <v>0</v>
      </c>
      <c r="BA3435">
        <v>0</v>
      </c>
    </row>
    <row r="3436" spans="1:53" x14ac:dyDescent="0.4">
      <c r="A3436">
        <v>3480</v>
      </c>
      <c r="B3436" s="1">
        <v>43983</v>
      </c>
      <c r="C3436">
        <v>1</v>
      </c>
      <c r="D3436" s="1">
        <v>43983.291666666664</v>
      </c>
      <c r="E3436" s="1">
        <v>43983.435416666667</v>
      </c>
      <c r="F3436">
        <v>0</v>
      </c>
      <c r="G3436">
        <v>0</v>
      </c>
      <c r="H3436">
        <v>0</v>
      </c>
      <c r="I3436">
        <v>0</v>
      </c>
      <c r="J3436">
        <v>0</v>
      </c>
      <c r="K3436">
        <v>0</v>
      </c>
      <c r="L3436">
        <v>0</v>
      </c>
      <c r="M3436">
        <v>0</v>
      </c>
      <c r="N3436">
        <v>0</v>
      </c>
      <c r="O3436">
        <v>0</v>
      </c>
      <c r="P3436">
        <v>0</v>
      </c>
      <c r="Q3436">
        <v>0</v>
      </c>
      <c r="R3436">
        <v>0</v>
      </c>
      <c r="S3436">
        <v>0</v>
      </c>
      <c r="T3436">
        <v>0</v>
      </c>
      <c r="U3436">
        <v>0</v>
      </c>
      <c r="V3436">
        <v>0</v>
      </c>
      <c r="W3436">
        <v>1</v>
      </c>
      <c r="X3436">
        <v>0</v>
      </c>
      <c r="Y3436">
        <v>25</v>
      </c>
      <c r="Z3436">
        <v>7</v>
      </c>
      <c r="AA3436">
        <v>126</v>
      </c>
      <c r="AB3436">
        <v>59</v>
      </c>
      <c r="AC3436">
        <v>54</v>
      </c>
      <c r="AD3436">
        <v>40</v>
      </c>
      <c r="AE3436">
        <v>210</v>
      </c>
      <c r="AF3436">
        <v>0</v>
      </c>
      <c r="AG3436">
        <v>50000</v>
      </c>
      <c r="AH3436">
        <v>50000</v>
      </c>
      <c r="AI3436">
        <v>0</v>
      </c>
      <c r="AJ3436">
        <v>0</v>
      </c>
      <c r="AK3436" t="s">
        <v>6</v>
      </c>
      <c r="AL3436">
        <v>0</v>
      </c>
      <c r="AM3436">
        <v>0</v>
      </c>
      <c r="AN3436">
        <v>0</v>
      </c>
      <c r="AO3436">
        <v>0</v>
      </c>
      <c r="AP3436">
        <v>0</v>
      </c>
      <c r="AQ3436">
        <v>0</v>
      </c>
      <c r="AR3436">
        <v>0</v>
      </c>
      <c r="AS3436">
        <v>0</v>
      </c>
      <c r="AT3436">
        <v>0</v>
      </c>
      <c r="AU3436">
        <v>0</v>
      </c>
      <c r="AV3436">
        <v>0</v>
      </c>
      <c r="AW3436">
        <v>0</v>
      </c>
      <c r="AX3436">
        <v>0</v>
      </c>
      <c r="AY3436">
        <v>0</v>
      </c>
      <c r="AZ3436">
        <v>0</v>
      </c>
      <c r="BA3436">
        <v>0</v>
      </c>
    </row>
    <row r="3437" spans="1:53" x14ac:dyDescent="0.4">
      <c r="A3437">
        <v>3481</v>
      </c>
      <c r="B3437" s="1">
        <v>43983</v>
      </c>
      <c r="C3437">
        <v>2</v>
      </c>
      <c r="D3437" s="1">
        <v>43983.435416666667</v>
      </c>
      <c r="E3437" s="1">
        <v>43983.804861111108</v>
      </c>
      <c r="F3437">
        <v>17600</v>
      </c>
      <c r="G3437">
        <v>0</v>
      </c>
      <c r="H3437">
        <v>60</v>
      </c>
      <c r="I3437">
        <v>0</v>
      </c>
      <c r="J3437">
        <v>0</v>
      </c>
      <c r="K3437">
        <v>0</v>
      </c>
      <c r="L3437">
        <v>0</v>
      </c>
      <c r="M3437">
        <v>1766</v>
      </c>
      <c r="N3437">
        <v>0</v>
      </c>
      <c r="O3437">
        <v>0</v>
      </c>
      <c r="P3437">
        <v>6655</v>
      </c>
      <c r="Q3437">
        <v>0</v>
      </c>
      <c r="R3437">
        <v>26081</v>
      </c>
      <c r="S3437">
        <v>0</v>
      </c>
      <c r="T3437">
        <v>0</v>
      </c>
      <c r="U3437">
        <v>0</v>
      </c>
      <c r="V3437">
        <v>1</v>
      </c>
      <c r="W3437">
        <v>0</v>
      </c>
      <c r="X3437">
        <v>0</v>
      </c>
      <c r="Y3437">
        <v>44</v>
      </c>
      <c r="Z3437">
        <v>8</v>
      </c>
      <c r="AA3437">
        <v>117</v>
      </c>
      <c r="AB3437">
        <v>50</v>
      </c>
      <c r="AC3437">
        <v>30</v>
      </c>
      <c r="AD3437">
        <v>37</v>
      </c>
      <c r="AE3437">
        <v>233</v>
      </c>
      <c r="AF3437">
        <v>3163</v>
      </c>
      <c r="AG3437">
        <v>76081</v>
      </c>
      <c r="AH3437">
        <v>50000</v>
      </c>
      <c r="AI3437">
        <v>0</v>
      </c>
      <c r="AJ3437">
        <v>107</v>
      </c>
      <c r="AK3437" t="s">
        <v>40</v>
      </c>
      <c r="AL3437">
        <v>0</v>
      </c>
      <c r="AM3437">
        <v>0</v>
      </c>
      <c r="AN3437">
        <v>0</v>
      </c>
      <c r="AO3437">
        <v>0</v>
      </c>
      <c r="AP3437">
        <v>0</v>
      </c>
      <c r="AQ3437">
        <v>0</v>
      </c>
      <c r="AR3437">
        <v>0</v>
      </c>
      <c r="AS3437">
        <v>0</v>
      </c>
      <c r="AT3437">
        <v>0</v>
      </c>
      <c r="AU3437">
        <v>0</v>
      </c>
      <c r="AV3437">
        <v>0</v>
      </c>
      <c r="AW3437">
        <v>0</v>
      </c>
      <c r="AX3437">
        <v>6787</v>
      </c>
      <c r="AY3437">
        <v>32</v>
      </c>
      <c r="AZ3437">
        <v>47</v>
      </c>
      <c r="BA3437">
        <v>4425</v>
      </c>
    </row>
    <row r="3438" spans="1:53" x14ac:dyDescent="0.4">
      <c r="A3438">
        <v>3482</v>
      </c>
      <c r="B3438" s="1">
        <v>43984</v>
      </c>
      <c r="C3438">
        <v>1</v>
      </c>
      <c r="D3438" s="1">
        <v>43984.291666666664</v>
      </c>
      <c r="E3438" s="1">
        <v>43984.43472222222</v>
      </c>
      <c r="F3438">
        <v>0</v>
      </c>
      <c r="G3438">
        <v>0</v>
      </c>
      <c r="H3438">
        <v>0</v>
      </c>
      <c r="I3438">
        <v>0</v>
      </c>
      <c r="J3438">
        <v>0</v>
      </c>
      <c r="K3438">
        <v>0</v>
      </c>
      <c r="L3438">
        <v>0</v>
      </c>
      <c r="M3438">
        <v>0</v>
      </c>
      <c r="N3438">
        <v>0</v>
      </c>
      <c r="O3438">
        <v>0</v>
      </c>
      <c r="P3438">
        <v>0</v>
      </c>
      <c r="Q3438">
        <v>0</v>
      </c>
      <c r="R3438">
        <v>0</v>
      </c>
      <c r="S3438">
        <v>0</v>
      </c>
      <c r="T3438">
        <v>0</v>
      </c>
      <c r="U3438">
        <v>0</v>
      </c>
      <c r="V3438">
        <v>0</v>
      </c>
      <c r="W3438">
        <v>0</v>
      </c>
      <c r="X3438">
        <v>0</v>
      </c>
      <c r="Y3438">
        <v>33</v>
      </c>
      <c r="Z3438">
        <v>4</v>
      </c>
      <c r="AA3438">
        <v>118</v>
      </c>
      <c r="AB3438">
        <v>50</v>
      </c>
      <c r="AC3438">
        <v>29</v>
      </c>
      <c r="AD3438">
        <v>34</v>
      </c>
      <c r="AE3438">
        <v>240</v>
      </c>
      <c r="AF3438">
        <v>0</v>
      </c>
      <c r="AG3438">
        <v>50000</v>
      </c>
      <c r="AH3438">
        <v>50000</v>
      </c>
      <c r="AI3438">
        <v>0</v>
      </c>
      <c r="AJ3438">
        <v>0</v>
      </c>
      <c r="AK3438" t="s">
        <v>6</v>
      </c>
      <c r="AL3438">
        <v>0</v>
      </c>
      <c r="AM3438">
        <v>0</v>
      </c>
      <c r="AN3438">
        <v>0</v>
      </c>
      <c r="AO3438">
        <v>0</v>
      </c>
      <c r="AP3438">
        <v>0</v>
      </c>
      <c r="AQ3438">
        <v>0</v>
      </c>
      <c r="AR3438">
        <v>0</v>
      </c>
      <c r="AS3438">
        <v>0</v>
      </c>
      <c r="AT3438">
        <v>0</v>
      </c>
      <c r="AU3438">
        <v>0</v>
      </c>
      <c r="AV3438">
        <v>0</v>
      </c>
      <c r="AW3438">
        <v>0</v>
      </c>
      <c r="AX3438">
        <v>0</v>
      </c>
      <c r="AY3438">
        <v>0</v>
      </c>
      <c r="AZ3438">
        <v>0</v>
      </c>
      <c r="BA3438">
        <v>0</v>
      </c>
    </row>
    <row r="3439" spans="1:53" x14ac:dyDescent="0.4">
      <c r="A3439">
        <v>3483</v>
      </c>
      <c r="B3439" s="1">
        <v>43984</v>
      </c>
      <c r="C3439">
        <v>2</v>
      </c>
      <c r="D3439" s="1">
        <v>43984.43472222222</v>
      </c>
      <c r="E3439" s="1">
        <v>43984.746527777781</v>
      </c>
      <c r="F3439">
        <v>6050</v>
      </c>
      <c r="G3439">
        <v>380</v>
      </c>
      <c r="H3439">
        <v>230</v>
      </c>
      <c r="I3439">
        <v>0</v>
      </c>
      <c r="J3439">
        <v>0</v>
      </c>
      <c r="K3439">
        <v>0</v>
      </c>
      <c r="L3439">
        <v>0</v>
      </c>
      <c r="M3439">
        <v>666</v>
      </c>
      <c r="N3439">
        <v>0</v>
      </c>
      <c r="O3439">
        <v>0</v>
      </c>
      <c r="P3439">
        <v>9680</v>
      </c>
      <c r="Q3439">
        <v>0</v>
      </c>
      <c r="R3439">
        <v>17006</v>
      </c>
      <c r="S3439">
        <v>0</v>
      </c>
      <c r="T3439">
        <v>0</v>
      </c>
      <c r="U3439">
        <v>0</v>
      </c>
      <c r="V3439">
        <v>1</v>
      </c>
      <c r="W3439">
        <v>1</v>
      </c>
      <c r="X3439">
        <v>0</v>
      </c>
      <c r="Y3439">
        <v>30</v>
      </c>
      <c r="Z3439">
        <v>9</v>
      </c>
      <c r="AA3439">
        <v>132</v>
      </c>
      <c r="AB3439">
        <v>47</v>
      </c>
      <c r="AC3439">
        <v>32</v>
      </c>
      <c r="AD3439">
        <v>34</v>
      </c>
      <c r="AE3439">
        <v>256</v>
      </c>
      <c r="AF3439">
        <v>1210</v>
      </c>
      <c r="AG3439">
        <v>67006</v>
      </c>
      <c r="AH3439">
        <v>50000</v>
      </c>
      <c r="AI3439">
        <v>0</v>
      </c>
      <c r="AJ3439">
        <v>97</v>
      </c>
      <c r="AK3439" t="s">
        <v>33</v>
      </c>
      <c r="AL3439">
        <v>0</v>
      </c>
      <c r="AM3439">
        <v>0</v>
      </c>
      <c r="AN3439">
        <v>0</v>
      </c>
      <c r="AO3439">
        <v>0</v>
      </c>
      <c r="AP3439">
        <v>0</v>
      </c>
      <c r="AQ3439">
        <v>0</v>
      </c>
      <c r="AR3439">
        <v>0</v>
      </c>
      <c r="AS3439">
        <v>0</v>
      </c>
      <c r="AT3439">
        <v>0</v>
      </c>
      <c r="AU3439">
        <v>0</v>
      </c>
      <c r="AV3439">
        <v>0</v>
      </c>
      <c r="AW3439">
        <v>0</v>
      </c>
      <c r="AX3439">
        <v>0</v>
      </c>
      <c r="AY3439">
        <v>17</v>
      </c>
      <c r="AZ3439">
        <v>27</v>
      </c>
      <c r="BA3439">
        <v>2101</v>
      </c>
    </row>
    <row r="3440" spans="1:53" x14ac:dyDescent="0.4">
      <c r="A3440">
        <v>3484</v>
      </c>
      <c r="B3440" s="1">
        <v>43985</v>
      </c>
      <c r="C3440">
        <v>1</v>
      </c>
      <c r="D3440" s="1">
        <v>43985.291666666664</v>
      </c>
      <c r="E3440" s="1">
        <v>43985.436111111114</v>
      </c>
      <c r="F3440">
        <v>0</v>
      </c>
      <c r="G3440">
        <v>0</v>
      </c>
      <c r="H3440">
        <v>0</v>
      </c>
      <c r="I3440">
        <v>0</v>
      </c>
      <c r="J3440">
        <v>0</v>
      </c>
      <c r="K3440">
        <v>0</v>
      </c>
      <c r="L3440">
        <v>0</v>
      </c>
      <c r="M3440">
        <v>0</v>
      </c>
      <c r="N3440">
        <v>0</v>
      </c>
      <c r="O3440">
        <v>0</v>
      </c>
      <c r="P3440">
        <v>0</v>
      </c>
      <c r="Q3440">
        <v>0</v>
      </c>
      <c r="R3440">
        <v>0</v>
      </c>
      <c r="S3440">
        <v>0</v>
      </c>
      <c r="T3440">
        <v>0</v>
      </c>
      <c r="U3440">
        <v>0</v>
      </c>
      <c r="V3440">
        <v>0</v>
      </c>
      <c r="W3440">
        <v>0</v>
      </c>
      <c r="X3440">
        <v>0</v>
      </c>
      <c r="Y3440">
        <v>30</v>
      </c>
      <c r="Z3440">
        <v>9</v>
      </c>
      <c r="AA3440">
        <v>125</v>
      </c>
      <c r="AB3440">
        <v>45</v>
      </c>
      <c r="AC3440">
        <v>32</v>
      </c>
      <c r="AD3440">
        <v>35</v>
      </c>
      <c r="AE3440">
        <v>255</v>
      </c>
      <c r="AF3440">
        <v>0</v>
      </c>
      <c r="AG3440">
        <v>50000</v>
      </c>
      <c r="AH3440">
        <v>50000</v>
      </c>
      <c r="AI3440">
        <v>0</v>
      </c>
      <c r="AJ3440">
        <v>0</v>
      </c>
      <c r="AK3440" t="s">
        <v>6</v>
      </c>
      <c r="AL3440">
        <v>0</v>
      </c>
      <c r="AM3440">
        <v>0</v>
      </c>
      <c r="AN3440">
        <v>0</v>
      </c>
      <c r="AO3440">
        <v>0</v>
      </c>
      <c r="AP3440">
        <v>0</v>
      </c>
      <c r="AQ3440">
        <v>0</v>
      </c>
      <c r="AR3440">
        <v>0</v>
      </c>
      <c r="AS3440">
        <v>0</v>
      </c>
      <c r="AT3440">
        <v>0</v>
      </c>
      <c r="AU3440">
        <v>0</v>
      </c>
      <c r="AV3440">
        <v>0</v>
      </c>
      <c r="AW3440">
        <v>0</v>
      </c>
      <c r="AX3440">
        <v>0</v>
      </c>
      <c r="AY3440">
        <v>0</v>
      </c>
      <c r="AZ3440">
        <v>0</v>
      </c>
      <c r="BA3440">
        <v>0</v>
      </c>
    </row>
    <row r="3441" spans="1:53" x14ac:dyDescent="0.4">
      <c r="A3441">
        <v>3485</v>
      </c>
      <c r="B3441" s="1">
        <v>43985</v>
      </c>
      <c r="C3441">
        <v>2</v>
      </c>
      <c r="D3441" s="1">
        <v>43985.436111111114</v>
      </c>
      <c r="E3441" s="1">
        <v>43985.736805555556</v>
      </c>
      <c r="F3441">
        <v>11550</v>
      </c>
      <c r="G3441">
        <v>3540</v>
      </c>
      <c r="H3441">
        <v>90</v>
      </c>
      <c r="I3441">
        <v>0</v>
      </c>
      <c r="J3441">
        <v>0</v>
      </c>
      <c r="K3441">
        <v>0</v>
      </c>
      <c r="L3441">
        <v>0</v>
      </c>
      <c r="M3441">
        <v>1518</v>
      </c>
      <c r="N3441">
        <v>0</v>
      </c>
      <c r="O3441">
        <v>0</v>
      </c>
      <c r="P3441">
        <v>9680</v>
      </c>
      <c r="Q3441">
        <v>0</v>
      </c>
      <c r="R3441">
        <v>26378</v>
      </c>
      <c r="S3441">
        <v>0</v>
      </c>
      <c r="T3441">
        <v>0</v>
      </c>
      <c r="U3441">
        <v>0</v>
      </c>
      <c r="V3441">
        <v>0</v>
      </c>
      <c r="W3441">
        <v>1</v>
      </c>
      <c r="X3441">
        <v>0</v>
      </c>
      <c r="Y3441">
        <v>48</v>
      </c>
      <c r="Z3441">
        <v>18</v>
      </c>
      <c r="AA3441">
        <v>109</v>
      </c>
      <c r="AB3441">
        <v>41</v>
      </c>
      <c r="AC3441">
        <v>33</v>
      </c>
      <c r="AD3441">
        <v>45</v>
      </c>
      <c r="AE3441">
        <v>268</v>
      </c>
      <c r="AF3441">
        <v>605</v>
      </c>
      <c r="AG3441">
        <v>76378</v>
      </c>
      <c r="AH3441">
        <v>50000</v>
      </c>
      <c r="AI3441">
        <v>0</v>
      </c>
      <c r="AJ3441">
        <v>97</v>
      </c>
      <c r="AK3441" t="s">
        <v>33</v>
      </c>
      <c r="AL3441">
        <v>0</v>
      </c>
      <c r="AM3441">
        <v>0</v>
      </c>
      <c r="AN3441">
        <v>0</v>
      </c>
      <c r="AO3441">
        <v>0</v>
      </c>
      <c r="AP3441">
        <v>0</v>
      </c>
      <c r="AQ3441">
        <v>0</v>
      </c>
      <c r="AR3441">
        <v>0</v>
      </c>
      <c r="AS3441">
        <v>0</v>
      </c>
      <c r="AT3441">
        <v>0</v>
      </c>
      <c r="AU3441">
        <v>0</v>
      </c>
      <c r="AV3441">
        <v>0</v>
      </c>
      <c r="AW3441">
        <v>0</v>
      </c>
      <c r="AX3441">
        <v>440</v>
      </c>
      <c r="AY3441">
        <v>23</v>
      </c>
      <c r="AZ3441">
        <v>37</v>
      </c>
      <c r="BA3441">
        <v>2929</v>
      </c>
    </row>
    <row r="3442" spans="1:53" x14ac:dyDescent="0.4">
      <c r="A3442">
        <v>3486</v>
      </c>
      <c r="B3442" s="1">
        <v>43986</v>
      </c>
      <c r="C3442">
        <v>1</v>
      </c>
      <c r="D3442" s="1">
        <v>43986.291666666664</v>
      </c>
      <c r="E3442" s="1">
        <v>43986.439583333333</v>
      </c>
      <c r="F3442">
        <v>0</v>
      </c>
      <c r="G3442">
        <v>0</v>
      </c>
      <c r="H3442">
        <v>0</v>
      </c>
      <c r="I3442">
        <v>0</v>
      </c>
      <c r="J3442">
        <v>0</v>
      </c>
      <c r="K3442">
        <v>0</v>
      </c>
      <c r="L3442">
        <v>0</v>
      </c>
      <c r="M3442">
        <v>0</v>
      </c>
      <c r="N3442">
        <v>0</v>
      </c>
      <c r="O3442">
        <v>0</v>
      </c>
      <c r="P3442">
        <v>0</v>
      </c>
      <c r="Q3442">
        <v>0</v>
      </c>
      <c r="R3442">
        <v>0</v>
      </c>
      <c r="S3442">
        <v>0</v>
      </c>
      <c r="T3442">
        <v>0</v>
      </c>
      <c r="U3442">
        <v>0</v>
      </c>
      <c r="V3442">
        <v>0</v>
      </c>
      <c r="W3442">
        <v>0</v>
      </c>
      <c r="X3442">
        <v>0</v>
      </c>
      <c r="Y3442">
        <v>32</v>
      </c>
      <c r="Z3442">
        <v>10</v>
      </c>
      <c r="AA3442">
        <v>101</v>
      </c>
      <c r="AB3442">
        <v>41</v>
      </c>
      <c r="AC3442">
        <v>51</v>
      </c>
      <c r="AD3442">
        <v>45</v>
      </c>
      <c r="AE3442">
        <v>115</v>
      </c>
      <c r="AF3442">
        <v>0</v>
      </c>
      <c r="AG3442">
        <v>50000</v>
      </c>
      <c r="AH3442">
        <v>50000</v>
      </c>
      <c r="AI3442">
        <v>0</v>
      </c>
      <c r="AJ3442">
        <v>0</v>
      </c>
      <c r="AK3442" t="s">
        <v>6</v>
      </c>
      <c r="AL3442">
        <v>0</v>
      </c>
      <c r="AM3442">
        <v>0</v>
      </c>
      <c r="AN3442">
        <v>0</v>
      </c>
      <c r="AO3442">
        <v>0</v>
      </c>
      <c r="AP3442">
        <v>0</v>
      </c>
      <c r="AQ3442">
        <v>0</v>
      </c>
      <c r="AR3442">
        <v>0</v>
      </c>
      <c r="AS3442">
        <v>0</v>
      </c>
      <c r="AT3442">
        <v>0</v>
      </c>
      <c r="AU3442">
        <v>0</v>
      </c>
      <c r="AV3442">
        <v>0</v>
      </c>
      <c r="AW3442">
        <v>0</v>
      </c>
      <c r="AX3442">
        <v>0</v>
      </c>
      <c r="AY3442">
        <v>0</v>
      </c>
      <c r="AZ3442">
        <v>0</v>
      </c>
      <c r="BA3442">
        <v>0</v>
      </c>
    </row>
    <row r="3443" spans="1:53" x14ac:dyDescent="0.4">
      <c r="A3443">
        <v>3487</v>
      </c>
      <c r="B3443" s="1">
        <v>43986</v>
      </c>
      <c r="C3443">
        <v>2</v>
      </c>
      <c r="D3443" s="1">
        <v>43986.439583333333</v>
      </c>
      <c r="E3443" s="1">
        <v>43986.775694444441</v>
      </c>
      <c r="F3443">
        <v>5500</v>
      </c>
      <c r="G3443">
        <v>0</v>
      </c>
      <c r="H3443">
        <v>0</v>
      </c>
      <c r="I3443">
        <v>0</v>
      </c>
      <c r="J3443">
        <v>0</v>
      </c>
      <c r="K3443">
        <v>0</v>
      </c>
      <c r="L3443">
        <v>0</v>
      </c>
      <c r="M3443">
        <v>550</v>
      </c>
      <c r="N3443">
        <v>0</v>
      </c>
      <c r="O3443">
        <v>0</v>
      </c>
      <c r="P3443">
        <v>8470</v>
      </c>
      <c r="Q3443">
        <v>0</v>
      </c>
      <c r="R3443">
        <v>14520</v>
      </c>
      <c r="S3443">
        <v>0</v>
      </c>
      <c r="T3443">
        <v>0</v>
      </c>
      <c r="U3443">
        <v>0</v>
      </c>
      <c r="V3443">
        <v>0</v>
      </c>
      <c r="W3443">
        <v>0</v>
      </c>
      <c r="X3443">
        <v>0</v>
      </c>
      <c r="Y3443">
        <v>44</v>
      </c>
      <c r="Z3443">
        <v>16</v>
      </c>
      <c r="AA3443">
        <v>90</v>
      </c>
      <c r="AB3443">
        <v>40</v>
      </c>
      <c r="AC3443">
        <v>56</v>
      </c>
      <c r="AD3443">
        <v>46</v>
      </c>
      <c r="AE3443">
        <v>125</v>
      </c>
      <c r="AF3443">
        <v>605</v>
      </c>
      <c r="AG3443">
        <v>64520</v>
      </c>
      <c r="AH3443">
        <v>50000</v>
      </c>
      <c r="AI3443">
        <v>0</v>
      </c>
      <c r="AJ3443">
        <v>107</v>
      </c>
      <c r="AK3443" t="s">
        <v>40</v>
      </c>
      <c r="AL3443">
        <v>0</v>
      </c>
      <c r="AM3443">
        <v>0</v>
      </c>
      <c r="AN3443">
        <v>0</v>
      </c>
      <c r="AO3443">
        <v>0</v>
      </c>
      <c r="AP3443">
        <v>0</v>
      </c>
      <c r="AQ3443">
        <v>0</v>
      </c>
      <c r="AR3443">
        <v>0</v>
      </c>
      <c r="AS3443">
        <v>0</v>
      </c>
      <c r="AT3443">
        <v>0</v>
      </c>
      <c r="AU3443">
        <v>0</v>
      </c>
      <c r="AV3443">
        <v>0</v>
      </c>
      <c r="AW3443">
        <v>0</v>
      </c>
      <c r="AX3443">
        <v>605</v>
      </c>
      <c r="AY3443">
        <v>14</v>
      </c>
      <c r="AZ3443">
        <v>25</v>
      </c>
      <c r="BA3443">
        <v>1728</v>
      </c>
    </row>
    <row r="3444" spans="1:53" x14ac:dyDescent="0.4">
      <c r="A3444">
        <v>3488</v>
      </c>
      <c r="B3444" s="1">
        <v>43987</v>
      </c>
      <c r="C3444">
        <v>1</v>
      </c>
      <c r="D3444" s="1">
        <v>43987.291666666664</v>
      </c>
      <c r="E3444" s="1">
        <v>43987.447222222225</v>
      </c>
      <c r="F3444">
        <v>0</v>
      </c>
      <c r="G3444">
        <v>0</v>
      </c>
      <c r="H3444">
        <v>0</v>
      </c>
      <c r="I3444">
        <v>0</v>
      </c>
      <c r="J3444">
        <v>0</v>
      </c>
      <c r="K3444">
        <v>0</v>
      </c>
      <c r="L3444">
        <v>0</v>
      </c>
      <c r="M3444">
        <v>0</v>
      </c>
      <c r="N3444">
        <v>0</v>
      </c>
      <c r="O3444">
        <v>0</v>
      </c>
      <c r="P3444">
        <v>0</v>
      </c>
      <c r="Q3444">
        <v>0</v>
      </c>
      <c r="R3444">
        <v>0</v>
      </c>
      <c r="S3444">
        <v>0</v>
      </c>
      <c r="T3444">
        <v>0</v>
      </c>
      <c r="U3444">
        <v>0</v>
      </c>
      <c r="V3444">
        <v>0</v>
      </c>
      <c r="W3444">
        <v>0</v>
      </c>
      <c r="X3444">
        <v>0</v>
      </c>
      <c r="Y3444">
        <v>34</v>
      </c>
      <c r="Z3444">
        <v>8</v>
      </c>
      <c r="AA3444">
        <v>92</v>
      </c>
      <c r="AB3444">
        <v>39</v>
      </c>
      <c r="AC3444">
        <v>50</v>
      </c>
      <c r="AD3444">
        <v>44</v>
      </c>
      <c r="AE3444">
        <v>130</v>
      </c>
      <c r="AF3444">
        <v>0</v>
      </c>
      <c r="AG3444">
        <v>50000</v>
      </c>
      <c r="AH3444">
        <v>50000</v>
      </c>
      <c r="AI3444">
        <v>0</v>
      </c>
      <c r="AJ3444">
        <v>0</v>
      </c>
      <c r="AK3444" t="s">
        <v>6</v>
      </c>
      <c r="AL3444">
        <v>0</v>
      </c>
      <c r="AM3444">
        <v>0</v>
      </c>
      <c r="AN3444">
        <v>0</v>
      </c>
      <c r="AO3444">
        <v>0</v>
      </c>
      <c r="AP3444">
        <v>0</v>
      </c>
      <c r="AQ3444">
        <v>0</v>
      </c>
      <c r="AR3444">
        <v>0</v>
      </c>
      <c r="AS3444">
        <v>0</v>
      </c>
      <c r="AT3444">
        <v>0</v>
      </c>
      <c r="AU3444">
        <v>0</v>
      </c>
      <c r="AV3444">
        <v>0</v>
      </c>
      <c r="AW3444">
        <v>0</v>
      </c>
      <c r="AX3444">
        <v>0</v>
      </c>
      <c r="AY3444">
        <v>0</v>
      </c>
      <c r="AZ3444">
        <v>0</v>
      </c>
      <c r="BA3444">
        <v>0</v>
      </c>
    </row>
    <row r="3445" spans="1:53" x14ac:dyDescent="0.4">
      <c r="A3445">
        <v>3489</v>
      </c>
      <c r="B3445" s="1">
        <v>43987</v>
      </c>
      <c r="C3445">
        <v>2</v>
      </c>
      <c r="D3445" s="1">
        <v>43987.447222222225</v>
      </c>
      <c r="E3445" s="1">
        <v>43987.739583333336</v>
      </c>
      <c r="F3445">
        <v>20900</v>
      </c>
      <c r="G3445">
        <v>1600</v>
      </c>
      <c r="H3445">
        <v>200</v>
      </c>
      <c r="I3445">
        <v>0</v>
      </c>
      <c r="J3445">
        <v>0</v>
      </c>
      <c r="K3445">
        <v>400</v>
      </c>
      <c r="L3445">
        <v>0</v>
      </c>
      <c r="M3445">
        <v>2310</v>
      </c>
      <c r="N3445">
        <v>0</v>
      </c>
      <c r="O3445">
        <v>0</v>
      </c>
      <c r="P3445">
        <v>16335</v>
      </c>
      <c r="Q3445">
        <v>0</v>
      </c>
      <c r="R3445">
        <v>41745</v>
      </c>
      <c r="S3445">
        <v>0</v>
      </c>
      <c r="T3445">
        <v>0</v>
      </c>
      <c r="U3445">
        <v>0</v>
      </c>
      <c r="V3445">
        <v>2</v>
      </c>
      <c r="W3445">
        <v>1</v>
      </c>
      <c r="X3445">
        <v>0</v>
      </c>
      <c r="Y3445">
        <v>44</v>
      </c>
      <c r="Z3445">
        <v>17</v>
      </c>
      <c r="AA3445">
        <v>106</v>
      </c>
      <c r="AB3445">
        <v>33</v>
      </c>
      <c r="AC3445">
        <v>39</v>
      </c>
      <c r="AD3445">
        <v>49</v>
      </c>
      <c r="AE3445">
        <v>150</v>
      </c>
      <c r="AF3445">
        <v>1210</v>
      </c>
      <c r="AG3445">
        <v>91745</v>
      </c>
      <c r="AH3445">
        <v>50000</v>
      </c>
      <c r="AI3445">
        <v>0</v>
      </c>
      <c r="AJ3445">
        <v>107</v>
      </c>
      <c r="AK3445" t="s">
        <v>40</v>
      </c>
      <c r="AL3445">
        <v>0</v>
      </c>
      <c r="AM3445">
        <v>0</v>
      </c>
      <c r="AN3445">
        <v>0</v>
      </c>
      <c r="AO3445">
        <v>0</v>
      </c>
      <c r="AP3445">
        <v>0</v>
      </c>
      <c r="AQ3445">
        <v>0</v>
      </c>
      <c r="AR3445">
        <v>0</v>
      </c>
      <c r="AS3445">
        <v>0</v>
      </c>
      <c r="AT3445">
        <v>0</v>
      </c>
      <c r="AU3445">
        <v>0</v>
      </c>
      <c r="AV3445">
        <v>0</v>
      </c>
      <c r="AW3445">
        <v>0</v>
      </c>
      <c r="AX3445">
        <v>0</v>
      </c>
      <c r="AY3445">
        <v>37</v>
      </c>
      <c r="AZ3445">
        <v>65</v>
      </c>
      <c r="BA3445">
        <v>4994</v>
      </c>
    </row>
    <row r="3446" spans="1:53" x14ac:dyDescent="0.4">
      <c r="A3446">
        <v>3490</v>
      </c>
      <c r="B3446" s="1">
        <v>43988</v>
      </c>
      <c r="C3446">
        <v>1</v>
      </c>
      <c r="D3446" s="1">
        <v>43988.291666666664</v>
      </c>
      <c r="E3446" s="1">
        <v>43988.394444444442</v>
      </c>
      <c r="F3446">
        <v>0</v>
      </c>
      <c r="G3446">
        <v>0</v>
      </c>
      <c r="H3446">
        <v>0</v>
      </c>
      <c r="I3446">
        <v>0</v>
      </c>
      <c r="J3446">
        <v>0</v>
      </c>
      <c r="K3446">
        <v>0</v>
      </c>
      <c r="L3446">
        <v>0</v>
      </c>
      <c r="M3446">
        <v>0</v>
      </c>
      <c r="N3446">
        <v>0</v>
      </c>
      <c r="O3446">
        <v>0</v>
      </c>
      <c r="P3446">
        <v>0</v>
      </c>
      <c r="Q3446">
        <v>0</v>
      </c>
      <c r="R3446">
        <v>0</v>
      </c>
      <c r="S3446">
        <v>0</v>
      </c>
      <c r="T3446">
        <v>0</v>
      </c>
      <c r="U3446">
        <v>0</v>
      </c>
      <c r="V3446">
        <v>0</v>
      </c>
      <c r="W3446">
        <v>0</v>
      </c>
      <c r="X3446">
        <v>0</v>
      </c>
      <c r="Y3446">
        <v>32</v>
      </c>
      <c r="Z3446">
        <v>9</v>
      </c>
      <c r="AA3446">
        <v>115</v>
      </c>
      <c r="AB3446">
        <v>27</v>
      </c>
      <c r="AC3446">
        <v>29</v>
      </c>
      <c r="AD3446">
        <v>44</v>
      </c>
      <c r="AE3446">
        <v>140</v>
      </c>
      <c r="AF3446">
        <v>0</v>
      </c>
      <c r="AG3446">
        <v>50000</v>
      </c>
      <c r="AH3446">
        <v>50000</v>
      </c>
      <c r="AI3446">
        <v>0</v>
      </c>
      <c r="AJ3446">
        <v>0</v>
      </c>
      <c r="AK3446" t="s">
        <v>6</v>
      </c>
      <c r="AL3446">
        <v>0</v>
      </c>
      <c r="AM3446">
        <v>0</v>
      </c>
      <c r="AN3446">
        <v>0</v>
      </c>
      <c r="AO3446">
        <v>0</v>
      </c>
      <c r="AP3446">
        <v>0</v>
      </c>
      <c r="AQ3446">
        <v>0</v>
      </c>
      <c r="AR3446">
        <v>0</v>
      </c>
      <c r="AS3446">
        <v>0</v>
      </c>
      <c r="AT3446">
        <v>0</v>
      </c>
      <c r="AU3446">
        <v>0</v>
      </c>
      <c r="AV3446">
        <v>0</v>
      </c>
      <c r="AW3446">
        <v>0</v>
      </c>
      <c r="AX3446">
        <v>0</v>
      </c>
      <c r="AY3446">
        <v>0</v>
      </c>
      <c r="AZ3446">
        <v>0</v>
      </c>
      <c r="BA3446">
        <v>0</v>
      </c>
    </row>
    <row r="3447" spans="1:53" x14ac:dyDescent="0.4">
      <c r="A3447">
        <v>3491</v>
      </c>
      <c r="B3447" s="1">
        <v>43988</v>
      </c>
      <c r="C3447">
        <v>2</v>
      </c>
      <c r="D3447" s="1">
        <v>43988.394444444442</v>
      </c>
      <c r="E3447" s="1">
        <v>43988.745833333334</v>
      </c>
      <c r="F3447">
        <v>47850</v>
      </c>
      <c r="G3447">
        <v>1380</v>
      </c>
      <c r="H3447">
        <v>290</v>
      </c>
      <c r="I3447">
        <v>0</v>
      </c>
      <c r="J3447">
        <v>0</v>
      </c>
      <c r="K3447">
        <v>0</v>
      </c>
      <c r="L3447">
        <v>0</v>
      </c>
      <c r="M3447">
        <v>4952</v>
      </c>
      <c r="N3447">
        <v>0</v>
      </c>
      <c r="O3447">
        <v>0</v>
      </c>
      <c r="P3447">
        <v>15125</v>
      </c>
      <c r="Q3447">
        <v>0</v>
      </c>
      <c r="R3447">
        <v>69597</v>
      </c>
      <c r="S3447">
        <v>0</v>
      </c>
      <c r="T3447">
        <v>0</v>
      </c>
      <c r="U3447">
        <v>0</v>
      </c>
      <c r="V3447">
        <v>2</v>
      </c>
      <c r="W3447">
        <v>0</v>
      </c>
      <c r="X3447">
        <v>0</v>
      </c>
      <c r="Y3447">
        <v>67</v>
      </c>
      <c r="Z3447">
        <v>31</v>
      </c>
      <c r="AA3447">
        <v>155</v>
      </c>
      <c r="AB3447">
        <v>22</v>
      </c>
      <c r="AC3447">
        <v>11</v>
      </c>
      <c r="AD3447">
        <v>37</v>
      </c>
      <c r="AE3447">
        <v>202</v>
      </c>
      <c r="AF3447">
        <v>0</v>
      </c>
      <c r="AG3447">
        <v>119597</v>
      </c>
      <c r="AH3447">
        <v>50000</v>
      </c>
      <c r="AI3447">
        <v>0</v>
      </c>
      <c r="AJ3447">
        <v>107</v>
      </c>
      <c r="AK3447" t="s">
        <v>40</v>
      </c>
      <c r="AL3447">
        <v>0</v>
      </c>
      <c r="AM3447">
        <v>0</v>
      </c>
      <c r="AN3447">
        <v>0</v>
      </c>
      <c r="AO3447">
        <v>0</v>
      </c>
      <c r="AP3447">
        <v>0</v>
      </c>
      <c r="AQ3447">
        <v>0</v>
      </c>
      <c r="AR3447">
        <v>0</v>
      </c>
      <c r="AS3447">
        <v>0</v>
      </c>
      <c r="AT3447">
        <v>0</v>
      </c>
      <c r="AU3447">
        <v>0</v>
      </c>
      <c r="AV3447">
        <v>0</v>
      </c>
      <c r="AW3447">
        <v>0</v>
      </c>
      <c r="AX3447">
        <v>0</v>
      </c>
      <c r="AY3447">
        <v>47</v>
      </c>
      <c r="AZ3447">
        <v>103</v>
      </c>
      <c r="BA3447">
        <v>7625</v>
      </c>
    </row>
    <row r="3448" spans="1:53" x14ac:dyDescent="0.4">
      <c r="A3448">
        <v>3492</v>
      </c>
      <c r="B3448" s="1">
        <v>43989</v>
      </c>
      <c r="C3448">
        <v>1</v>
      </c>
      <c r="D3448" s="1">
        <v>43989.291666666664</v>
      </c>
      <c r="E3448" s="1">
        <v>43989.40347222222</v>
      </c>
      <c r="F3448">
        <v>0</v>
      </c>
      <c r="G3448">
        <v>0</v>
      </c>
      <c r="H3448">
        <v>0</v>
      </c>
      <c r="I3448">
        <v>0</v>
      </c>
      <c r="J3448">
        <v>0</v>
      </c>
      <c r="K3448">
        <v>0</v>
      </c>
      <c r="L3448">
        <v>0</v>
      </c>
      <c r="M3448">
        <v>0</v>
      </c>
      <c r="N3448">
        <v>0</v>
      </c>
      <c r="O3448">
        <v>0</v>
      </c>
      <c r="P3448">
        <v>0</v>
      </c>
      <c r="Q3448">
        <v>0</v>
      </c>
      <c r="R3448">
        <v>0</v>
      </c>
      <c r="S3448">
        <v>0</v>
      </c>
      <c r="T3448">
        <v>0</v>
      </c>
      <c r="U3448">
        <v>0</v>
      </c>
      <c r="V3448">
        <v>0</v>
      </c>
      <c r="W3448">
        <v>1</v>
      </c>
      <c r="X3448">
        <v>0</v>
      </c>
      <c r="Y3448">
        <v>28</v>
      </c>
      <c r="Z3448">
        <v>10</v>
      </c>
      <c r="AA3448">
        <v>104</v>
      </c>
      <c r="AB3448">
        <v>22</v>
      </c>
      <c r="AC3448">
        <v>19</v>
      </c>
      <c r="AD3448">
        <v>39</v>
      </c>
      <c r="AE3448">
        <v>115</v>
      </c>
      <c r="AF3448">
        <v>0</v>
      </c>
      <c r="AG3448">
        <v>50000</v>
      </c>
      <c r="AH3448">
        <v>50000</v>
      </c>
      <c r="AI3448">
        <v>0</v>
      </c>
      <c r="AJ3448">
        <v>0</v>
      </c>
      <c r="AK3448" t="s">
        <v>6</v>
      </c>
      <c r="AL3448">
        <v>0</v>
      </c>
      <c r="AM3448">
        <v>0</v>
      </c>
      <c r="AN3448">
        <v>0</v>
      </c>
      <c r="AO3448">
        <v>0</v>
      </c>
      <c r="AP3448">
        <v>0</v>
      </c>
      <c r="AQ3448">
        <v>0</v>
      </c>
      <c r="AR3448">
        <v>0</v>
      </c>
      <c r="AS3448">
        <v>0</v>
      </c>
      <c r="AT3448">
        <v>0</v>
      </c>
      <c r="AU3448">
        <v>0</v>
      </c>
      <c r="AV3448">
        <v>0</v>
      </c>
      <c r="AW3448">
        <v>0</v>
      </c>
      <c r="AX3448">
        <v>0</v>
      </c>
      <c r="AY3448">
        <v>0</v>
      </c>
      <c r="AZ3448">
        <v>0</v>
      </c>
      <c r="BA3448">
        <v>0</v>
      </c>
    </row>
    <row r="3449" spans="1:53" x14ac:dyDescent="0.4">
      <c r="A3449">
        <v>3493</v>
      </c>
      <c r="B3449" s="1">
        <v>43989</v>
      </c>
      <c r="C3449">
        <v>2</v>
      </c>
      <c r="D3449" s="1">
        <v>43989.40347222222</v>
      </c>
      <c r="E3449" s="1">
        <v>43989.744444444441</v>
      </c>
      <c r="F3449">
        <v>50600</v>
      </c>
      <c r="G3449">
        <v>1340</v>
      </c>
      <c r="H3449">
        <v>0</v>
      </c>
      <c r="I3449">
        <v>0</v>
      </c>
      <c r="J3449">
        <v>200</v>
      </c>
      <c r="K3449">
        <v>0</v>
      </c>
      <c r="L3449">
        <v>0</v>
      </c>
      <c r="M3449">
        <v>5174</v>
      </c>
      <c r="N3449">
        <v>0</v>
      </c>
      <c r="O3449">
        <v>0</v>
      </c>
      <c r="P3449">
        <v>14520</v>
      </c>
      <c r="Q3449">
        <v>0</v>
      </c>
      <c r="R3449">
        <v>71434</v>
      </c>
      <c r="S3449">
        <v>0</v>
      </c>
      <c r="T3449">
        <v>0</v>
      </c>
      <c r="U3449">
        <v>0</v>
      </c>
      <c r="V3449">
        <v>2</v>
      </c>
      <c r="W3449">
        <v>2</v>
      </c>
      <c r="X3449">
        <v>0</v>
      </c>
      <c r="Y3449">
        <v>73</v>
      </c>
      <c r="Z3449">
        <v>33</v>
      </c>
      <c r="AA3449">
        <v>14</v>
      </c>
      <c r="AB3449">
        <v>3</v>
      </c>
      <c r="AC3449">
        <v>7</v>
      </c>
      <c r="AD3449">
        <v>27</v>
      </c>
      <c r="AE3449">
        <v>179</v>
      </c>
      <c r="AF3449">
        <v>0</v>
      </c>
      <c r="AG3449">
        <v>121434</v>
      </c>
      <c r="AH3449">
        <v>50000</v>
      </c>
      <c r="AI3449">
        <v>0</v>
      </c>
      <c r="AJ3449">
        <v>107</v>
      </c>
      <c r="AK3449" t="s">
        <v>40</v>
      </c>
      <c r="AL3449">
        <v>0</v>
      </c>
      <c r="AM3449">
        <v>0</v>
      </c>
      <c r="AN3449">
        <v>0</v>
      </c>
      <c r="AO3449">
        <v>0</v>
      </c>
      <c r="AP3449">
        <v>0</v>
      </c>
      <c r="AQ3449">
        <v>0</v>
      </c>
      <c r="AR3449">
        <v>0</v>
      </c>
      <c r="AS3449">
        <v>0</v>
      </c>
      <c r="AT3449">
        <v>0</v>
      </c>
      <c r="AU3449">
        <v>0</v>
      </c>
      <c r="AV3449">
        <v>0</v>
      </c>
      <c r="AW3449">
        <v>0</v>
      </c>
      <c r="AX3449">
        <v>-2112</v>
      </c>
      <c r="AY3449">
        <v>50</v>
      </c>
      <c r="AZ3449">
        <v>116</v>
      </c>
      <c r="BA3449">
        <v>7319</v>
      </c>
    </row>
    <row r="3450" spans="1:53" x14ac:dyDescent="0.4">
      <c r="A3450">
        <v>3494</v>
      </c>
      <c r="B3450" s="1">
        <v>43990</v>
      </c>
      <c r="C3450">
        <v>1</v>
      </c>
      <c r="D3450" s="1">
        <v>43990.291666666664</v>
      </c>
      <c r="E3450" s="1">
        <v>43990.434027777781</v>
      </c>
      <c r="F3450">
        <v>0</v>
      </c>
      <c r="G3450">
        <v>0</v>
      </c>
      <c r="H3450">
        <v>0</v>
      </c>
      <c r="I3450">
        <v>0</v>
      </c>
      <c r="J3450">
        <v>0</v>
      </c>
      <c r="K3450">
        <v>0</v>
      </c>
      <c r="L3450">
        <v>0</v>
      </c>
      <c r="M3450">
        <v>0</v>
      </c>
      <c r="N3450">
        <v>0</v>
      </c>
      <c r="O3450">
        <v>0</v>
      </c>
      <c r="P3450">
        <v>0</v>
      </c>
      <c r="Q3450">
        <v>0</v>
      </c>
      <c r="R3450">
        <v>0</v>
      </c>
      <c r="S3450">
        <v>0</v>
      </c>
      <c r="T3450">
        <v>0</v>
      </c>
      <c r="U3450">
        <v>0</v>
      </c>
      <c r="V3450">
        <v>0</v>
      </c>
      <c r="W3450">
        <v>0</v>
      </c>
      <c r="X3450">
        <v>0</v>
      </c>
      <c r="Y3450">
        <v>37</v>
      </c>
      <c r="Z3450">
        <v>10</v>
      </c>
      <c r="AA3450">
        <v>73</v>
      </c>
      <c r="AB3450">
        <v>4</v>
      </c>
      <c r="AC3450">
        <v>23</v>
      </c>
      <c r="AD3450">
        <v>20</v>
      </c>
      <c r="AE3450">
        <v>170</v>
      </c>
      <c r="AF3450">
        <v>0</v>
      </c>
      <c r="AG3450">
        <v>50000</v>
      </c>
      <c r="AH3450">
        <v>50000</v>
      </c>
      <c r="AI3450">
        <v>0</v>
      </c>
      <c r="AJ3450">
        <v>0</v>
      </c>
      <c r="AK3450" t="s">
        <v>6</v>
      </c>
      <c r="AL3450">
        <v>0</v>
      </c>
      <c r="AM3450">
        <v>0</v>
      </c>
      <c r="AN3450">
        <v>0</v>
      </c>
      <c r="AO3450">
        <v>0</v>
      </c>
      <c r="AP3450">
        <v>0</v>
      </c>
      <c r="AQ3450">
        <v>0</v>
      </c>
      <c r="AR3450">
        <v>0</v>
      </c>
      <c r="AS3450">
        <v>0</v>
      </c>
      <c r="AT3450">
        <v>0</v>
      </c>
      <c r="AU3450">
        <v>0</v>
      </c>
      <c r="AV3450">
        <v>0</v>
      </c>
      <c r="AW3450">
        <v>0</v>
      </c>
      <c r="AX3450">
        <v>0</v>
      </c>
      <c r="AY3450">
        <v>0</v>
      </c>
      <c r="AZ3450">
        <v>0</v>
      </c>
      <c r="BA3450">
        <v>0</v>
      </c>
    </row>
    <row r="3451" spans="1:53" x14ac:dyDescent="0.4">
      <c r="A3451">
        <v>3495</v>
      </c>
      <c r="B3451" s="1">
        <v>43990</v>
      </c>
      <c r="C3451">
        <v>2</v>
      </c>
      <c r="D3451" s="1">
        <v>43990.434027777781</v>
      </c>
      <c r="E3451" s="1">
        <v>43990.723611111112</v>
      </c>
      <c r="F3451">
        <v>8800</v>
      </c>
      <c r="G3451">
        <v>280</v>
      </c>
      <c r="H3451">
        <v>0</v>
      </c>
      <c r="I3451">
        <v>0</v>
      </c>
      <c r="J3451">
        <v>100</v>
      </c>
      <c r="K3451">
        <v>0</v>
      </c>
      <c r="L3451">
        <v>0</v>
      </c>
      <c r="M3451">
        <v>898</v>
      </c>
      <c r="N3451">
        <v>0</v>
      </c>
      <c r="O3451">
        <v>0</v>
      </c>
      <c r="P3451">
        <v>11495</v>
      </c>
      <c r="Q3451">
        <v>0</v>
      </c>
      <c r="R3451">
        <v>21373</v>
      </c>
      <c r="S3451">
        <v>0</v>
      </c>
      <c r="T3451">
        <v>0</v>
      </c>
      <c r="U3451">
        <v>0</v>
      </c>
      <c r="V3451">
        <v>0</v>
      </c>
      <c r="W3451">
        <v>1</v>
      </c>
      <c r="X3451">
        <v>0</v>
      </c>
      <c r="Y3451">
        <v>52</v>
      </c>
      <c r="Z3451">
        <v>15</v>
      </c>
      <c r="AA3451">
        <v>64</v>
      </c>
      <c r="AB3451">
        <v>2</v>
      </c>
      <c r="AC3451">
        <v>17</v>
      </c>
      <c r="AD3451">
        <v>6</v>
      </c>
      <c r="AE3451">
        <v>173</v>
      </c>
      <c r="AF3451">
        <v>0</v>
      </c>
      <c r="AG3451">
        <v>71373</v>
      </c>
      <c r="AH3451">
        <v>50000</v>
      </c>
      <c r="AI3451">
        <v>0</v>
      </c>
      <c r="AJ3451">
        <v>107</v>
      </c>
      <c r="AK3451" t="s">
        <v>40</v>
      </c>
      <c r="AL3451">
        <v>0</v>
      </c>
      <c r="AM3451">
        <v>0</v>
      </c>
      <c r="AN3451">
        <v>0</v>
      </c>
      <c r="AO3451">
        <v>0</v>
      </c>
      <c r="AP3451">
        <v>0</v>
      </c>
      <c r="AQ3451">
        <v>0</v>
      </c>
      <c r="AR3451">
        <v>0</v>
      </c>
      <c r="AS3451">
        <v>0</v>
      </c>
      <c r="AT3451">
        <v>0</v>
      </c>
      <c r="AU3451">
        <v>0</v>
      </c>
      <c r="AV3451">
        <v>0</v>
      </c>
      <c r="AW3451">
        <v>0</v>
      </c>
      <c r="AX3451">
        <v>-4840</v>
      </c>
      <c r="AY3451">
        <v>19</v>
      </c>
      <c r="AZ3451">
        <v>35</v>
      </c>
      <c r="BA3451">
        <v>2074</v>
      </c>
    </row>
    <row r="3452" spans="1:53" x14ac:dyDescent="0.4">
      <c r="A3452">
        <v>3496</v>
      </c>
      <c r="B3452" s="1">
        <v>43991</v>
      </c>
      <c r="C3452">
        <v>1</v>
      </c>
      <c r="D3452" s="1">
        <v>43991.291666666664</v>
      </c>
      <c r="E3452" s="1">
        <v>43991.438194444447</v>
      </c>
      <c r="F3452">
        <v>0</v>
      </c>
      <c r="G3452">
        <v>0</v>
      </c>
      <c r="H3452">
        <v>0</v>
      </c>
      <c r="I3452">
        <v>0</v>
      </c>
      <c r="J3452">
        <v>0</v>
      </c>
      <c r="K3452">
        <v>0</v>
      </c>
      <c r="L3452">
        <v>0</v>
      </c>
      <c r="M3452">
        <v>0</v>
      </c>
      <c r="N3452">
        <v>0</v>
      </c>
      <c r="O3452">
        <v>0</v>
      </c>
      <c r="P3452">
        <v>0</v>
      </c>
      <c r="Q3452">
        <v>0</v>
      </c>
      <c r="R3452">
        <v>0</v>
      </c>
      <c r="S3452">
        <v>0</v>
      </c>
      <c r="T3452">
        <v>0</v>
      </c>
      <c r="U3452">
        <v>0</v>
      </c>
      <c r="V3452">
        <v>0</v>
      </c>
      <c r="W3452">
        <v>0</v>
      </c>
      <c r="X3452">
        <v>0</v>
      </c>
      <c r="Y3452">
        <v>36</v>
      </c>
      <c r="Z3452">
        <v>13</v>
      </c>
      <c r="AA3452">
        <v>71</v>
      </c>
      <c r="AB3452">
        <v>1</v>
      </c>
      <c r="AC3452">
        <v>14</v>
      </c>
      <c r="AD3452">
        <v>8</v>
      </c>
      <c r="AE3452">
        <v>170</v>
      </c>
      <c r="AF3452">
        <v>0</v>
      </c>
      <c r="AG3452">
        <v>50000</v>
      </c>
      <c r="AH3452">
        <v>50000</v>
      </c>
      <c r="AI3452">
        <v>0</v>
      </c>
      <c r="AJ3452">
        <v>0</v>
      </c>
      <c r="AK3452" t="s">
        <v>6</v>
      </c>
      <c r="AL3452">
        <v>0</v>
      </c>
      <c r="AM3452">
        <v>0</v>
      </c>
      <c r="AN3452">
        <v>0</v>
      </c>
      <c r="AO3452">
        <v>0</v>
      </c>
      <c r="AP3452">
        <v>0</v>
      </c>
      <c r="AQ3452">
        <v>0</v>
      </c>
      <c r="AR3452">
        <v>0</v>
      </c>
      <c r="AS3452">
        <v>0</v>
      </c>
      <c r="AT3452">
        <v>0</v>
      </c>
      <c r="AU3452">
        <v>0</v>
      </c>
      <c r="AV3452">
        <v>0</v>
      </c>
      <c r="AW3452">
        <v>0</v>
      </c>
      <c r="AX3452">
        <v>0</v>
      </c>
      <c r="AY3452">
        <v>0</v>
      </c>
      <c r="AZ3452">
        <v>0</v>
      </c>
      <c r="BA3452">
        <v>0</v>
      </c>
    </row>
    <row r="3453" spans="1:53" x14ac:dyDescent="0.4">
      <c r="A3453">
        <v>3497</v>
      </c>
      <c r="B3453" s="1">
        <v>43991</v>
      </c>
      <c r="C3453">
        <v>2</v>
      </c>
      <c r="D3453" s="1">
        <v>43991.438194444447</v>
      </c>
      <c r="E3453" s="1">
        <v>43991.779861111114</v>
      </c>
      <c r="F3453">
        <v>13750</v>
      </c>
      <c r="G3453">
        <v>0</v>
      </c>
      <c r="H3453">
        <v>60</v>
      </c>
      <c r="I3453">
        <v>0</v>
      </c>
      <c r="J3453">
        <v>0</v>
      </c>
      <c r="K3453">
        <v>0</v>
      </c>
      <c r="L3453">
        <v>0</v>
      </c>
      <c r="M3453">
        <v>1381</v>
      </c>
      <c r="N3453">
        <v>0</v>
      </c>
      <c r="O3453">
        <v>0</v>
      </c>
      <c r="P3453">
        <v>9075</v>
      </c>
      <c r="Q3453">
        <v>0</v>
      </c>
      <c r="R3453">
        <v>24266</v>
      </c>
      <c r="S3453">
        <v>0</v>
      </c>
      <c r="T3453">
        <v>0</v>
      </c>
      <c r="U3453">
        <v>0</v>
      </c>
      <c r="V3453">
        <v>1</v>
      </c>
      <c r="W3453">
        <v>2</v>
      </c>
      <c r="X3453">
        <v>0</v>
      </c>
      <c r="Y3453">
        <v>33</v>
      </c>
      <c r="Z3453">
        <v>29</v>
      </c>
      <c r="AA3453">
        <v>65</v>
      </c>
      <c r="AB3453">
        <v>0</v>
      </c>
      <c r="AC3453">
        <v>5</v>
      </c>
      <c r="AD3453">
        <v>7</v>
      </c>
      <c r="AE3453">
        <v>181</v>
      </c>
      <c r="AF3453">
        <v>0</v>
      </c>
      <c r="AG3453">
        <v>74266</v>
      </c>
      <c r="AH3453">
        <v>50000</v>
      </c>
      <c r="AI3453">
        <v>0</v>
      </c>
      <c r="AJ3453">
        <v>107</v>
      </c>
      <c r="AK3453" t="s">
        <v>40</v>
      </c>
      <c r="AL3453">
        <v>0</v>
      </c>
      <c r="AM3453">
        <v>0</v>
      </c>
      <c r="AN3453">
        <v>0</v>
      </c>
      <c r="AO3453">
        <v>0</v>
      </c>
      <c r="AP3453">
        <v>0</v>
      </c>
      <c r="AQ3453">
        <v>0</v>
      </c>
      <c r="AR3453">
        <v>0</v>
      </c>
      <c r="AS3453">
        <v>0</v>
      </c>
      <c r="AT3453">
        <v>0</v>
      </c>
      <c r="AU3453">
        <v>0</v>
      </c>
      <c r="AV3453">
        <v>0</v>
      </c>
      <c r="AW3453">
        <v>0</v>
      </c>
      <c r="AX3453">
        <v>0</v>
      </c>
      <c r="AY3453">
        <v>27</v>
      </c>
      <c r="AZ3453">
        <v>40</v>
      </c>
      <c r="BA3453">
        <v>3876</v>
      </c>
    </row>
    <row r="3454" spans="1:53" x14ac:dyDescent="0.4">
      <c r="A3454">
        <v>3498</v>
      </c>
      <c r="B3454" s="1">
        <v>43992</v>
      </c>
      <c r="C3454">
        <v>1</v>
      </c>
      <c r="D3454" s="1">
        <v>43992.291666666664</v>
      </c>
      <c r="E3454" s="1">
        <v>43992.410416666666</v>
      </c>
      <c r="F3454">
        <v>0</v>
      </c>
      <c r="G3454">
        <v>0</v>
      </c>
      <c r="H3454">
        <v>0</v>
      </c>
      <c r="I3454">
        <v>0</v>
      </c>
      <c r="J3454">
        <v>0</v>
      </c>
      <c r="K3454">
        <v>0</v>
      </c>
      <c r="L3454">
        <v>0</v>
      </c>
      <c r="M3454">
        <v>0</v>
      </c>
      <c r="N3454">
        <v>0</v>
      </c>
      <c r="O3454">
        <v>0</v>
      </c>
      <c r="P3454">
        <v>0</v>
      </c>
      <c r="Q3454">
        <v>0</v>
      </c>
      <c r="R3454">
        <v>0</v>
      </c>
      <c r="S3454">
        <v>0</v>
      </c>
      <c r="T3454">
        <v>0</v>
      </c>
      <c r="U3454">
        <v>0</v>
      </c>
      <c r="V3454">
        <v>0</v>
      </c>
      <c r="W3454">
        <v>1</v>
      </c>
      <c r="X3454">
        <v>0</v>
      </c>
      <c r="Y3454">
        <v>24</v>
      </c>
      <c r="Z3454">
        <v>29</v>
      </c>
      <c r="AA3454">
        <v>63</v>
      </c>
      <c r="AB3454">
        <v>1</v>
      </c>
      <c r="AC3454">
        <v>4</v>
      </c>
      <c r="AD3454">
        <v>2</v>
      </c>
      <c r="AE3454">
        <v>100</v>
      </c>
      <c r="AF3454">
        <v>0</v>
      </c>
      <c r="AG3454">
        <v>50000</v>
      </c>
      <c r="AH3454">
        <v>50000</v>
      </c>
      <c r="AI3454">
        <v>0</v>
      </c>
      <c r="AJ3454">
        <v>0</v>
      </c>
      <c r="AK3454" t="s">
        <v>6</v>
      </c>
      <c r="AL3454">
        <v>0</v>
      </c>
      <c r="AM3454">
        <v>0</v>
      </c>
      <c r="AN3454">
        <v>0</v>
      </c>
      <c r="AO3454">
        <v>0</v>
      </c>
      <c r="AP3454">
        <v>0</v>
      </c>
      <c r="AQ3454">
        <v>0</v>
      </c>
      <c r="AR3454">
        <v>0</v>
      </c>
      <c r="AS3454">
        <v>0</v>
      </c>
      <c r="AT3454">
        <v>0</v>
      </c>
      <c r="AU3454">
        <v>0</v>
      </c>
      <c r="AV3454">
        <v>0</v>
      </c>
      <c r="AW3454">
        <v>0</v>
      </c>
      <c r="AX3454">
        <v>0</v>
      </c>
      <c r="AY3454">
        <v>0</v>
      </c>
      <c r="AZ3454">
        <v>0</v>
      </c>
      <c r="BA3454">
        <v>0</v>
      </c>
    </row>
    <row r="3455" spans="1:53" x14ac:dyDescent="0.4">
      <c r="A3455">
        <v>3499</v>
      </c>
      <c r="B3455" s="1">
        <v>43992</v>
      </c>
      <c r="C3455">
        <v>2</v>
      </c>
      <c r="D3455" s="1">
        <v>43992.410416666666</v>
      </c>
      <c r="E3455" s="1">
        <v>43992.745833333334</v>
      </c>
      <c r="F3455">
        <v>9900</v>
      </c>
      <c r="G3455">
        <v>540</v>
      </c>
      <c r="H3455">
        <v>30</v>
      </c>
      <c r="I3455">
        <v>0</v>
      </c>
      <c r="J3455">
        <v>0</v>
      </c>
      <c r="K3455">
        <v>0</v>
      </c>
      <c r="L3455">
        <v>0</v>
      </c>
      <c r="M3455">
        <v>1047</v>
      </c>
      <c r="N3455">
        <v>0</v>
      </c>
      <c r="O3455">
        <v>0</v>
      </c>
      <c r="P3455">
        <v>10890</v>
      </c>
      <c r="Q3455">
        <v>0</v>
      </c>
      <c r="R3455">
        <v>22407</v>
      </c>
      <c r="S3455">
        <v>0</v>
      </c>
      <c r="T3455">
        <v>0</v>
      </c>
      <c r="U3455">
        <v>0</v>
      </c>
      <c r="V3455">
        <v>2</v>
      </c>
      <c r="W3455">
        <v>3</v>
      </c>
      <c r="X3455">
        <v>0</v>
      </c>
      <c r="Y3455">
        <v>15</v>
      </c>
      <c r="Z3455">
        <v>35</v>
      </c>
      <c r="AA3455">
        <v>46</v>
      </c>
      <c r="AB3455">
        <v>4</v>
      </c>
      <c r="AC3455">
        <v>0</v>
      </c>
      <c r="AD3455">
        <v>2</v>
      </c>
      <c r="AE3455">
        <v>97</v>
      </c>
      <c r="AF3455">
        <v>0</v>
      </c>
      <c r="AG3455">
        <v>72407</v>
      </c>
      <c r="AH3455">
        <v>50000</v>
      </c>
      <c r="AI3455">
        <v>0</v>
      </c>
      <c r="AJ3455">
        <v>107</v>
      </c>
      <c r="AK3455" t="s">
        <v>40</v>
      </c>
      <c r="AL3455">
        <v>0</v>
      </c>
      <c r="AM3455">
        <v>0</v>
      </c>
      <c r="AN3455">
        <v>0</v>
      </c>
      <c r="AO3455">
        <v>0</v>
      </c>
      <c r="AP3455">
        <v>0</v>
      </c>
      <c r="AQ3455">
        <v>0</v>
      </c>
      <c r="AR3455">
        <v>0</v>
      </c>
      <c r="AS3455">
        <v>0</v>
      </c>
      <c r="AT3455">
        <v>0</v>
      </c>
      <c r="AU3455">
        <v>0</v>
      </c>
      <c r="AV3455">
        <v>0</v>
      </c>
      <c r="AW3455">
        <v>0</v>
      </c>
      <c r="AX3455">
        <v>902</v>
      </c>
      <c r="AY3455">
        <v>19</v>
      </c>
      <c r="AZ3455">
        <v>34</v>
      </c>
      <c r="BA3455">
        <v>2740</v>
      </c>
    </row>
    <row r="3456" spans="1:53" x14ac:dyDescent="0.4">
      <c r="A3456">
        <v>3500</v>
      </c>
      <c r="B3456" s="1">
        <v>43993</v>
      </c>
      <c r="C3456">
        <v>1</v>
      </c>
      <c r="D3456" s="1">
        <v>43993.291666666664</v>
      </c>
      <c r="E3456" s="1">
        <v>43993.444444444445</v>
      </c>
      <c r="F3456">
        <v>0</v>
      </c>
      <c r="G3456">
        <v>0</v>
      </c>
      <c r="H3456">
        <v>0</v>
      </c>
      <c r="I3456">
        <v>0</v>
      </c>
      <c r="J3456">
        <v>0</v>
      </c>
      <c r="K3456">
        <v>0</v>
      </c>
      <c r="L3456">
        <v>0</v>
      </c>
      <c r="M3456">
        <v>0</v>
      </c>
      <c r="N3456">
        <v>0</v>
      </c>
      <c r="O3456">
        <v>0</v>
      </c>
      <c r="P3456">
        <v>0</v>
      </c>
      <c r="Q3456">
        <v>0</v>
      </c>
      <c r="R3456">
        <v>0</v>
      </c>
      <c r="S3456">
        <v>0</v>
      </c>
      <c r="T3456">
        <v>0</v>
      </c>
      <c r="U3456">
        <v>0</v>
      </c>
      <c r="V3456">
        <v>0</v>
      </c>
      <c r="W3456">
        <v>3</v>
      </c>
      <c r="X3456">
        <v>0</v>
      </c>
      <c r="Y3456">
        <v>20</v>
      </c>
      <c r="Z3456">
        <v>18</v>
      </c>
      <c r="AA3456">
        <v>52</v>
      </c>
      <c r="AB3456">
        <v>4</v>
      </c>
      <c r="AC3456">
        <v>27</v>
      </c>
      <c r="AD3456">
        <v>44</v>
      </c>
      <c r="AE3456">
        <v>110</v>
      </c>
      <c r="AF3456">
        <v>0</v>
      </c>
      <c r="AG3456">
        <v>50000</v>
      </c>
      <c r="AH3456">
        <v>50000</v>
      </c>
      <c r="AI3456">
        <v>0</v>
      </c>
      <c r="AJ3456">
        <v>0</v>
      </c>
      <c r="AK3456" t="s">
        <v>6</v>
      </c>
      <c r="AL3456">
        <v>0</v>
      </c>
      <c r="AM3456">
        <v>0</v>
      </c>
      <c r="AN3456">
        <v>0</v>
      </c>
      <c r="AO3456">
        <v>0</v>
      </c>
      <c r="AP3456">
        <v>0</v>
      </c>
      <c r="AQ3456">
        <v>0</v>
      </c>
      <c r="AR3456">
        <v>0</v>
      </c>
      <c r="AS3456">
        <v>0</v>
      </c>
      <c r="AT3456">
        <v>0</v>
      </c>
      <c r="AU3456">
        <v>0</v>
      </c>
      <c r="AV3456">
        <v>0</v>
      </c>
      <c r="AW3456">
        <v>0</v>
      </c>
      <c r="AX3456">
        <v>0</v>
      </c>
      <c r="AY3456">
        <v>0</v>
      </c>
      <c r="AZ3456">
        <v>0</v>
      </c>
      <c r="BA3456">
        <v>0</v>
      </c>
    </row>
    <row r="3457" spans="1:53" x14ac:dyDescent="0.4">
      <c r="A3457">
        <v>3501</v>
      </c>
      <c r="B3457" s="1">
        <v>43993</v>
      </c>
      <c r="C3457">
        <v>2</v>
      </c>
      <c r="D3457" s="1">
        <v>43993.444444444445</v>
      </c>
      <c r="E3457" s="1">
        <v>43993.740972222222</v>
      </c>
      <c r="F3457">
        <v>13200</v>
      </c>
      <c r="G3457">
        <v>540</v>
      </c>
      <c r="H3457">
        <v>290</v>
      </c>
      <c r="I3457">
        <v>0</v>
      </c>
      <c r="J3457">
        <v>0</v>
      </c>
      <c r="K3457">
        <v>0</v>
      </c>
      <c r="L3457">
        <v>0</v>
      </c>
      <c r="M3457">
        <v>1403</v>
      </c>
      <c r="N3457">
        <v>0</v>
      </c>
      <c r="O3457">
        <v>0</v>
      </c>
      <c r="P3457">
        <v>13915</v>
      </c>
      <c r="Q3457">
        <v>0</v>
      </c>
      <c r="R3457">
        <v>29348</v>
      </c>
      <c r="S3457">
        <v>0</v>
      </c>
      <c r="T3457">
        <v>0</v>
      </c>
      <c r="U3457">
        <v>0</v>
      </c>
      <c r="V3457">
        <v>0</v>
      </c>
      <c r="W3457">
        <v>3</v>
      </c>
      <c r="X3457">
        <v>0</v>
      </c>
      <c r="Y3457">
        <v>43</v>
      </c>
      <c r="Z3457">
        <v>27</v>
      </c>
      <c r="AA3457">
        <v>57</v>
      </c>
      <c r="AB3457">
        <v>4</v>
      </c>
      <c r="AC3457">
        <v>31</v>
      </c>
      <c r="AD3457">
        <v>57</v>
      </c>
      <c r="AE3457">
        <v>143</v>
      </c>
      <c r="AF3457">
        <v>1210</v>
      </c>
      <c r="AG3457">
        <v>79348</v>
      </c>
      <c r="AH3457">
        <v>50000</v>
      </c>
      <c r="AI3457">
        <v>0</v>
      </c>
      <c r="AJ3457">
        <v>107</v>
      </c>
      <c r="AK3457" t="s">
        <v>40</v>
      </c>
      <c r="AL3457">
        <v>0</v>
      </c>
      <c r="AM3457">
        <v>0</v>
      </c>
      <c r="AN3457">
        <v>0</v>
      </c>
      <c r="AO3457">
        <v>0</v>
      </c>
      <c r="AP3457">
        <v>0</v>
      </c>
      <c r="AQ3457">
        <v>0</v>
      </c>
      <c r="AR3457">
        <v>0</v>
      </c>
      <c r="AS3457">
        <v>0</v>
      </c>
      <c r="AT3457">
        <v>0</v>
      </c>
      <c r="AU3457">
        <v>0</v>
      </c>
      <c r="AV3457">
        <v>0</v>
      </c>
      <c r="AW3457">
        <v>0</v>
      </c>
      <c r="AX3457">
        <v>-1210</v>
      </c>
      <c r="AY3457">
        <v>27</v>
      </c>
      <c r="AZ3457">
        <v>47</v>
      </c>
      <c r="BA3457">
        <v>3507</v>
      </c>
    </row>
    <row r="3458" spans="1:53" x14ac:dyDescent="0.4">
      <c r="A3458">
        <v>3502</v>
      </c>
      <c r="B3458" s="1">
        <v>43994</v>
      </c>
      <c r="C3458">
        <v>1</v>
      </c>
      <c r="D3458" s="1">
        <v>43994.291666666664</v>
      </c>
      <c r="E3458" s="1">
        <v>43994.450694444444</v>
      </c>
      <c r="F3458">
        <v>0</v>
      </c>
      <c r="G3458">
        <v>0</v>
      </c>
      <c r="H3458">
        <v>0</v>
      </c>
      <c r="I3458">
        <v>0</v>
      </c>
      <c r="J3458">
        <v>0</v>
      </c>
      <c r="K3458">
        <v>0</v>
      </c>
      <c r="L3458">
        <v>0</v>
      </c>
      <c r="M3458">
        <v>0</v>
      </c>
      <c r="N3458">
        <v>0</v>
      </c>
      <c r="O3458">
        <v>0</v>
      </c>
      <c r="P3458">
        <v>0</v>
      </c>
      <c r="Q3458">
        <v>0</v>
      </c>
      <c r="R3458">
        <v>0</v>
      </c>
      <c r="S3458">
        <v>0</v>
      </c>
      <c r="T3458">
        <v>0</v>
      </c>
      <c r="U3458">
        <v>0</v>
      </c>
      <c r="V3458">
        <v>0</v>
      </c>
      <c r="W3458">
        <v>0</v>
      </c>
      <c r="X3458">
        <v>0</v>
      </c>
      <c r="Y3458">
        <v>38</v>
      </c>
      <c r="Z3458">
        <v>10</v>
      </c>
      <c r="AA3458">
        <v>59</v>
      </c>
      <c r="AB3458">
        <v>6</v>
      </c>
      <c r="AC3458">
        <v>37</v>
      </c>
      <c r="AD3458">
        <v>56</v>
      </c>
      <c r="AE3458">
        <v>150</v>
      </c>
      <c r="AF3458">
        <v>0</v>
      </c>
      <c r="AG3458">
        <v>50000</v>
      </c>
      <c r="AH3458">
        <v>50000</v>
      </c>
      <c r="AI3458">
        <v>0</v>
      </c>
      <c r="AJ3458">
        <v>0</v>
      </c>
      <c r="AK3458" t="s">
        <v>6</v>
      </c>
      <c r="AL3458">
        <v>0</v>
      </c>
      <c r="AM3458">
        <v>0</v>
      </c>
      <c r="AN3458">
        <v>0</v>
      </c>
      <c r="AO3458">
        <v>0</v>
      </c>
      <c r="AP3458">
        <v>0</v>
      </c>
      <c r="AQ3458">
        <v>0</v>
      </c>
      <c r="AR3458">
        <v>0</v>
      </c>
      <c r="AS3458">
        <v>0</v>
      </c>
      <c r="AT3458">
        <v>0</v>
      </c>
      <c r="AU3458">
        <v>0</v>
      </c>
      <c r="AV3458">
        <v>0</v>
      </c>
      <c r="AW3458">
        <v>0</v>
      </c>
      <c r="AX3458">
        <v>0</v>
      </c>
      <c r="AY3458">
        <v>0</v>
      </c>
      <c r="AZ3458">
        <v>0</v>
      </c>
      <c r="BA3458">
        <v>0</v>
      </c>
    </row>
    <row r="3459" spans="1:53" x14ac:dyDescent="0.4">
      <c r="A3459">
        <v>3503</v>
      </c>
      <c r="B3459" s="1">
        <v>43994</v>
      </c>
      <c r="C3459">
        <v>2</v>
      </c>
      <c r="D3459" s="1">
        <v>43994.450694444444</v>
      </c>
      <c r="E3459" s="1">
        <v>43994.745833333334</v>
      </c>
      <c r="F3459">
        <v>11550</v>
      </c>
      <c r="G3459">
        <v>1440</v>
      </c>
      <c r="H3459">
        <v>320</v>
      </c>
      <c r="I3459">
        <v>0</v>
      </c>
      <c r="J3459">
        <v>0</v>
      </c>
      <c r="K3459">
        <v>0</v>
      </c>
      <c r="L3459">
        <v>0</v>
      </c>
      <c r="M3459">
        <v>1331</v>
      </c>
      <c r="N3459">
        <v>0</v>
      </c>
      <c r="O3459">
        <v>0</v>
      </c>
      <c r="P3459">
        <v>13200</v>
      </c>
      <c r="Q3459">
        <v>0</v>
      </c>
      <c r="R3459">
        <v>27841</v>
      </c>
      <c r="S3459">
        <v>0</v>
      </c>
      <c r="T3459">
        <v>0</v>
      </c>
      <c r="U3459">
        <v>0</v>
      </c>
      <c r="V3459">
        <v>2</v>
      </c>
      <c r="W3459">
        <v>1</v>
      </c>
      <c r="X3459">
        <v>0</v>
      </c>
      <c r="Y3459">
        <v>35</v>
      </c>
      <c r="Z3459">
        <v>16</v>
      </c>
      <c r="AA3459">
        <v>70</v>
      </c>
      <c r="AB3459">
        <v>6</v>
      </c>
      <c r="AC3459">
        <v>40</v>
      </c>
      <c r="AD3459">
        <v>60</v>
      </c>
      <c r="AE3459">
        <v>170</v>
      </c>
      <c r="AF3459">
        <v>1705</v>
      </c>
      <c r="AG3459">
        <v>77875</v>
      </c>
      <c r="AH3459">
        <v>50000</v>
      </c>
      <c r="AI3459">
        <v>34</v>
      </c>
      <c r="AJ3459">
        <v>107</v>
      </c>
      <c r="AK3459" t="s">
        <v>40</v>
      </c>
      <c r="AL3459">
        <v>0</v>
      </c>
      <c r="AM3459">
        <v>0</v>
      </c>
      <c r="AN3459">
        <v>0</v>
      </c>
      <c r="AO3459">
        <v>0</v>
      </c>
      <c r="AP3459">
        <v>0</v>
      </c>
      <c r="AQ3459">
        <v>0</v>
      </c>
      <c r="AR3459">
        <v>0</v>
      </c>
      <c r="AS3459">
        <v>0</v>
      </c>
      <c r="AT3459">
        <v>0</v>
      </c>
      <c r="AU3459">
        <v>0</v>
      </c>
      <c r="AV3459">
        <v>0</v>
      </c>
      <c r="AW3459">
        <v>0</v>
      </c>
      <c r="AX3459">
        <v>-1221</v>
      </c>
      <c r="AY3459">
        <v>25</v>
      </c>
      <c r="AZ3459">
        <v>40</v>
      </c>
      <c r="BA3459">
        <v>2897</v>
      </c>
    </row>
    <row r="3460" spans="1:53" x14ac:dyDescent="0.4">
      <c r="A3460">
        <v>3504</v>
      </c>
      <c r="B3460" s="1">
        <v>43995</v>
      </c>
      <c r="C3460">
        <v>1</v>
      </c>
      <c r="D3460" s="1">
        <v>43995.291666666664</v>
      </c>
      <c r="E3460" s="1">
        <v>43995.393750000003</v>
      </c>
      <c r="F3460">
        <v>0</v>
      </c>
      <c r="G3460">
        <v>0</v>
      </c>
      <c r="H3460">
        <v>0</v>
      </c>
      <c r="I3460">
        <v>0</v>
      </c>
      <c r="J3460">
        <v>0</v>
      </c>
      <c r="K3460">
        <v>0</v>
      </c>
      <c r="L3460">
        <v>0</v>
      </c>
      <c r="M3460">
        <v>0</v>
      </c>
      <c r="N3460">
        <v>0</v>
      </c>
      <c r="O3460">
        <v>0</v>
      </c>
      <c r="P3460">
        <v>0</v>
      </c>
      <c r="Q3460">
        <v>0</v>
      </c>
      <c r="R3460">
        <v>0</v>
      </c>
      <c r="S3460">
        <v>0</v>
      </c>
      <c r="T3460">
        <v>0</v>
      </c>
      <c r="U3460">
        <v>0</v>
      </c>
      <c r="V3460">
        <v>0</v>
      </c>
      <c r="W3460">
        <v>0</v>
      </c>
      <c r="X3460">
        <v>0</v>
      </c>
      <c r="Y3460">
        <v>30</v>
      </c>
      <c r="Z3460">
        <v>4</v>
      </c>
      <c r="AA3460">
        <v>132</v>
      </c>
      <c r="AB3460">
        <v>61</v>
      </c>
      <c r="AC3460">
        <v>130</v>
      </c>
      <c r="AD3460">
        <v>56</v>
      </c>
      <c r="AE3460">
        <v>170</v>
      </c>
      <c r="AF3460">
        <v>0</v>
      </c>
      <c r="AG3460">
        <v>50000</v>
      </c>
      <c r="AH3460">
        <v>50000</v>
      </c>
      <c r="AI3460">
        <v>0</v>
      </c>
      <c r="AJ3460">
        <v>0</v>
      </c>
      <c r="AK3460" t="s">
        <v>6</v>
      </c>
      <c r="AL3460">
        <v>0</v>
      </c>
      <c r="AM3460">
        <v>0</v>
      </c>
      <c r="AN3460">
        <v>0</v>
      </c>
      <c r="AO3460">
        <v>0</v>
      </c>
      <c r="AP3460">
        <v>0</v>
      </c>
      <c r="AQ3460">
        <v>0</v>
      </c>
      <c r="AR3460">
        <v>0</v>
      </c>
      <c r="AS3460">
        <v>0</v>
      </c>
      <c r="AT3460">
        <v>0</v>
      </c>
      <c r="AU3460">
        <v>0</v>
      </c>
      <c r="AV3460">
        <v>0</v>
      </c>
      <c r="AW3460">
        <v>0</v>
      </c>
      <c r="AX3460">
        <v>0</v>
      </c>
      <c r="AY3460">
        <v>0</v>
      </c>
      <c r="AZ3460">
        <v>0</v>
      </c>
      <c r="BA3460">
        <v>0</v>
      </c>
    </row>
    <row r="3461" spans="1:53" x14ac:dyDescent="0.4">
      <c r="A3461">
        <v>3505</v>
      </c>
      <c r="B3461" s="1">
        <v>43995</v>
      </c>
      <c r="C3461">
        <v>2</v>
      </c>
      <c r="D3461" s="1">
        <v>43995.393750000003</v>
      </c>
      <c r="E3461" s="1">
        <v>43995.753472222219</v>
      </c>
      <c r="F3461">
        <v>44550</v>
      </c>
      <c r="G3461">
        <v>2840</v>
      </c>
      <c r="H3461">
        <v>260</v>
      </c>
      <c r="I3461">
        <v>0</v>
      </c>
      <c r="J3461">
        <v>0</v>
      </c>
      <c r="K3461">
        <v>0</v>
      </c>
      <c r="L3461">
        <v>0</v>
      </c>
      <c r="M3461">
        <v>4765</v>
      </c>
      <c r="N3461">
        <v>0</v>
      </c>
      <c r="O3461">
        <v>0</v>
      </c>
      <c r="P3461">
        <v>16335</v>
      </c>
      <c r="Q3461">
        <v>0</v>
      </c>
      <c r="R3461">
        <v>68750</v>
      </c>
      <c r="S3461">
        <v>0</v>
      </c>
      <c r="T3461">
        <v>0</v>
      </c>
      <c r="U3461">
        <v>0</v>
      </c>
      <c r="V3461">
        <v>0</v>
      </c>
      <c r="W3461">
        <v>1</v>
      </c>
      <c r="X3461">
        <v>0</v>
      </c>
      <c r="Y3461">
        <v>83</v>
      </c>
      <c r="Z3461">
        <v>22</v>
      </c>
      <c r="AA3461">
        <v>141</v>
      </c>
      <c r="AB3461">
        <v>60</v>
      </c>
      <c r="AC3461">
        <v>93</v>
      </c>
      <c r="AD3461">
        <v>63</v>
      </c>
      <c r="AE3461">
        <v>195</v>
      </c>
      <c r="AF3461">
        <v>1210</v>
      </c>
      <c r="AG3461">
        <v>118750</v>
      </c>
      <c r="AH3461">
        <v>50000</v>
      </c>
      <c r="AI3461">
        <v>0</v>
      </c>
      <c r="AJ3461">
        <v>107</v>
      </c>
      <c r="AK3461" t="s">
        <v>40</v>
      </c>
      <c r="AL3461">
        <v>0</v>
      </c>
      <c r="AM3461">
        <v>0</v>
      </c>
      <c r="AN3461">
        <v>0</v>
      </c>
      <c r="AO3461">
        <v>0</v>
      </c>
      <c r="AP3461">
        <v>0</v>
      </c>
      <c r="AQ3461">
        <v>0</v>
      </c>
      <c r="AR3461">
        <v>0</v>
      </c>
      <c r="AS3461">
        <v>0</v>
      </c>
      <c r="AT3461">
        <v>0</v>
      </c>
      <c r="AU3461">
        <v>0</v>
      </c>
      <c r="AV3461">
        <v>0</v>
      </c>
      <c r="AW3461">
        <v>0</v>
      </c>
      <c r="AX3461">
        <v>2827</v>
      </c>
      <c r="AY3461">
        <v>46</v>
      </c>
      <c r="AZ3461">
        <v>103</v>
      </c>
      <c r="BA3461">
        <v>7517</v>
      </c>
    </row>
    <row r="3462" spans="1:53" x14ac:dyDescent="0.4">
      <c r="A3462">
        <v>3506</v>
      </c>
      <c r="B3462" s="1">
        <v>43996</v>
      </c>
      <c r="C3462">
        <v>1</v>
      </c>
      <c r="D3462" s="1">
        <v>43996.291666666664</v>
      </c>
      <c r="E3462" s="1">
        <v>43996.407638888886</v>
      </c>
      <c r="F3462">
        <v>0</v>
      </c>
      <c r="G3462">
        <v>0</v>
      </c>
      <c r="H3462">
        <v>0</v>
      </c>
      <c r="I3462">
        <v>0</v>
      </c>
      <c r="J3462">
        <v>0</v>
      </c>
      <c r="K3462">
        <v>0</v>
      </c>
      <c r="L3462">
        <v>0</v>
      </c>
      <c r="M3462">
        <v>0</v>
      </c>
      <c r="N3462">
        <v>0</v>
      </c>
      <c r="O3462">
        <v>0</v>
      </c>
      <c r="P3462">
        <v>0</v>
      </c>
      <c r="Q3462">
        <v>0</v>
      </c>
      <c r="R3462">
        <v>0</v>
      </c>
      <c r="S3462">
        <v>0</v>
      </c>
      <c r="T3462">
        <v>0</v>
      </c>
      <c r="U3462">
        <v>0</v>
      </c>
      <c r="V3462">
        <v>0</v>
      </c>
      <c r="W3462">
        <v>0</v>
      </c>
      <c r="X3462">
        <v>0</v>
      </c>
      <c r="Y3462">
        <v>30</v>
      </c>
      <c r="Z3462">
        <v>9</v>
      </c>
      <c r="AA3462">
        <v>110</v>
      </c>
      <c r="AB3462">
        <v>61</v>
      </c>
      <c r="AC3462">
        <v>101</v>
      </c>
      <c r="AD3462">
        <v>62</v>
      </c>
      <c r="AE3462">
        <v>130</v>
      </c>
      <c r="AF3462">
        <v>0</v>
      </c>
      <c r="AG3462">
        <v>50000</v>
      </c>
      <c r="AH3462">
        <v>50000</v>
      </c>
      <c r="AI3462">
        <v>0</v>
      </c>
      <c r="AJ3462">
        <v>0</v>
      </c>
      <c r="AK3462" t="s">
        <v>6</v>
      </c>
      <c r="AL3462">
        <v>0</v>
      </c>
      <c r="AM3462">
        <v>0</v>
      </c>
      <c r="AN3462">
        <v>0</v>
      </c>
      <c r="AO3462">
        <v>0</v>
      </c>
      <c r="AP3462">
        <v>0</v>
      </c>
      <c r="AQ3462">
        <v>0</v>
      </c>
      <c r="AR3462">
        <v>0</v>
      </c>
      <c r="AS3462">
        <v>0</v>
      </c>
      <c r="AT3462">
        <v>0</v>
      </c>
      <c r="AU3462">
        <v>0</v>
      </c>
      <c r="AV3462">
        <v>0</v>
      </c>
      <c r="AW3462">
        <v>0</v>
      </c>
      <c r="AX3462">
        <v>0</v>
      </c>
      <c r="AY3462">
        <v>0</v>
      </c>
      <c r="AZ3462">
        <v>0</v>
      </c>
      <c r="BA3462">
        <v>0</v>
      </c>
    </row>
    <row r="3463" spans="1:53" x14ac:dyDescent="0.4">
      <c r="A3463">
        <v>3507</v>
      </c>
      <c r="B3463" s="1">
        <v>43996</v>
      </c>
      <c r="C3463">
        <v>2</v>
      </c>
      <c r="D3463" s="1">
        <v>43996.407638888886</v>
      </c>
      <c r="E3463" s="1">
        <v>43996.746527777781</v>
      </c>
      <c r="F3463">
        <v>53350</v>
      </c>
      <c r="G3463">
        <v>3340</v>
      </c>
      <c r="H3463">
        <v>60</v>
      </c>
      <c r="I3463">
        <v>0</v>
      </c>
      <c r="J3463">
        <v>0</v>
      </c>
      <c r="K3463">
        <v>0</v>
      </c>
      <c r="L3463">
        <v>0</v>
      </c>
      <c r="M3463">
        <v>5675</v>
      </c>
      <c r="N3463">
        <v>0</v>
      </c>
      <c r="O3463">
        <v>0</v>
      </c>
      <c r="P3463">
        <v>19745</v>
      </c>
      <c r="Q3463">
        <v>0</v>
      </c>
      <c r="R3463">
        <v>82170</v>
      </c>
      <c r="S3463">
        <v>0</v>
      </c>
      <c r="T3463">
        <v>0</v>
      </c>
      <c r="U3463">
        <v>0</v>
      </c>
      <c r="V3463">
        <v>2</v>
      </c>
      <c r="W3463">
        <v>1</v>
      </c>
      <c r="X3463">
        <v>0</v>
      </c>
      <c r="Y3463">
        <v>73</v>
      </c>
      <c r="Z3463">
        <v>35</v>
      </c>
      <c r="AA3463">
        <v>122</v>
      </c>
      <c r="AB3463">
        <v>56</v>
      </c>
      <c r="AC3463">
        <v>111</v>
      </c>
      <c r="AD3463">
        <v>67</v>
      </c>
      <c r="AE3463">
        <v>225</v>
      </c>
      <c r="AF3463">
        <v>0</v>
      </c>
      <c r="AG3463">
        <v>132170</v>
      </c>
      <c r="AH3463">
        <v>50000</v>
      </c>
      <c r="AI3463">
        <v>0</v>
      </c>
      <c r="AJ3463">
        <v>97</v>
      </c>
      <c r="AK3463" t="s">
        <v>33</v>
      </c>
      <c r="AL3463">
        <v>0</v>
      </c>
      <c r="AM3463">
        <v>0</v>
      </c>
      <c r="AN3463">
        <v>0</v>
      </c>
      <c r="AO3463">
        <v>0</v>
      </c>
      <c r="AP3463">
        <v>0</v>
      </c>
      <c r="AQ3463">
        <v>0</v>
      </c>
      <c r="AR3463">
        <v>0</v>
      </c>
      <c r="AS3463">
        <v>0</v>
      </c>
      <c r="AT3463">
        <v>0</v>
      </c>
      <c r="AU3463">
        <v>0</v>
      </c>
      <c r="AV3463">
        <v>0</v>
      </c>
      <c r="AW3463">
        <v>0</v>
      </c>
      <c r="AX3463">
        <v>0</v>
      </c>
      <c r="AY3463">
        <v>52</v>
      </c>
      <c r="AZ3463">
        <v>131</v>
      </c>
      <c r="BA3463">
        <v>7724</v>
      </c>
    </row>
    <row r="3464" spans="1:53" x14ac:dyDescent="0.4">
      <c r="A3464">
        <v>3508</v>
      </c>
      <c r="B3464" s="1">
        <v>43997</v>
      </c>
      <c r="C3464">
        <v>1</v>
      </c>
      <c r="D3464" s="1">
        <v>43997.291666666664</v>
      </c>
      <c r="E3464" s="1">
        <v>43997.431944444441</v>
      </c>
      <c r="F3464">
        <v>0</v>
      </c>
      <c r="G3464">
        <v>0</v>
      </c>
      <c r="H3464">
        <v>0</v>
      </c>
      <c r="I3464">
        <v>0</v>
      </c>
      <c r="J3464">
        <v>0</v>
      </c>
      <c r="K3464">
        <v>0</v>
      </c>
      <c r="L3464">
        <v>0</v>
      </c>
      <c r="M3464">
        <v>0</v>
      </c>
      <c r="N3464">
        <v>0</v>
      </c>
      <c r="O3464">
        <v>0</v>
      </c>
      <c r="P3464">
        <v>0</v>
      </c>
      <c r="Q3464">
        <v>0</v>
      </c>
      <c r="R3464">
        <v>0</v>
      </c>
      <c r="S3464">
        <v>0</v>
      </c>
      <c r="T3464">
        <v>0</v>
      </c>
      <c r="U3464">
        <v>0</v>
      </c>
      <c r="V3464">
        <v>0</v>
      </c>
      <c r="W3464">
        <v>0</v>
      </c>
      <c r="X3464">
        <v>0</v>
      </c>
      <c r="Y3464">
        <v>30</v>
      </c>
      <c r="Z3464">
        <v>7</v>
      </c>
      <c r="AA3464">
        <v>123</v>
      </c>
      <c r="AB3464">
        <v>55</v>
      </c>
      <c r="AC3464">
        <v>99</v>
      </c>
      <c r="AD3464">
        <v>67</v>
      </c>
      <c r="AE3464">
        <v>125</v>
      </c>
      <c r="AF3464">
        <v>0</v>
      </c>
      <c r="AG3464">
        <v>50000</v>
      </c>
      <c r="AH3464">
        <v>50000</v>
      </c>
      <c r="AI3464">
        <v>0</v>
      </c>
      <c r="AJ3464">
        <v>0</v>
      </c>
      <c r="AK3464" t="s">
        <v>6</v>
      </c>
      <c r="AL3464">
        <v>0</v>
      </c>
      <c r="AM3464">
        <v>0</v>
      </c>
      <c r="AN3464">
        <v>0</v>
      </c>
      <c r="AO3464">
        <v>0</v>
      </c>
      <c r="AP3464">
        <v>0</v>
      </c>
      <c r="AQ3464">
        <v>0</v>
      </c>
      <c r="AR3464">
        <v>0</v>
      </c>
      <c r="AS3464">
        <v>0</v>
      </c>
      <c r="AT3464">
        <v>0</v>
      </c>
      <c r="AU3464">
        <v>0</v>
      </c>
      <c r="AV3464">
        <v>0</v>
      </c>
      <c r="AW3464">
        <v>0</v>
      </c>
      <c r="AX3464">
        <v>0</v>
      </c>
      <c r="AY3464">
        <v>0</v>
      </c>
      <c r="AZ3464">
        <v>0</v>
      </c>
      <c r="BA3464">
        <v>0</v>
      </c>
    </row>
    <row r="3465" spans="1:53" x14ac:dyDescent="0.4">
      <c r="A3465">
        <v>3509</v>
      </c>
      <c r="B3465" s="1">
        <v>43997</v>
      </c>
      <c r="C3465">
        <v>2</v>
      </c>
      <c r="D3465" s="1">
        <v>43997.431944444441</v>
      </c>
      <c r="E3465" s="1">
        <v>43997.746527777781</v>
      </c>
      <c r="F3465">
        <v>8800</v>
      </c>
      <c r="G3465">
        <v>280</v>
      </c>
      <c r="H3465">
        <v>260</v>
      </c>
      <c r="I3465">
        <v>0</v>
      </c>
      <c r="J3465">
        <v>0</v>
      </c>
      <c r="K3465">
        <v>0</v>
      </c>
      <c r="L3465">
        <v>0</v>
      </c>
      <c r="M3465">
        <v>934</v>
      </c>
      <c r="N3465">
        <v>0</v>
      </c>
      <c r="O3465">
        <v>0</v>
      </c>
      <c r="P3465">
        <v>19360</v>
      </c>
      <c r="Q3465">
        <v>0</v>
      </c>
      <c r="R3465">
        <v>29634</v>
      </c>
      <c r="S3465">
        <v>0</v>
      </c>
      <c r="T3465">
        <v>0</v>
      </c>
      <c r="U3465">
        <v>0</v>
      </c>
      <c r="V3465">
        <v>1</v>
      </c>
      <c r="W3465">
        <v>2</v>
      </c>
      <c r="X3465">
        <v>0</v>
      </c>
      <c r="Y3465">
        <v>33</v>
      </c>
      <c r="Z3465">
        <v>22</v>
      </c>
      <c r="AA3465">
        <v>119</v>
      </c>
      <c r="AB3465">
        <v>48</v>
      </c>
      <c r="AC3465">
        <v>84</v>
      </c>
      <c r="AD3465">
        <v>70</v>
      </c>
      <c r="AE3465">
        <v>144</v>
      </c>
      <c r="AF3465">
        <v>0</v>
      </c>
      <c r="AG3465">
        <v>79634</v>
      </c>
      <c r="AH3465">
        <v>50000</v>
      </c>
      <c r="AI3465">
        <v>0</v>
      </c>
      <c r="AJ3465">
        <v>107</v>
      </c>
      <c r="AK3465" t="s">
        <v>40</v>
      </c>
      <c r="AL3465">
        <v>0</v>
      </c>
      <c r="AM3465">
        <v>0</v>
      </c>
      <c r="AN3465">
        <v>0</v>
      </c>
      <c r="AO3465">
        <v>0</v>
      </c>
      <c r="AP3465">
        <v>0</v>
      </c>
      <c r="AQ3465">
        <v>0</v>
      </c>
      <c r="AR3465">
        <v>0</v>
      </c>
      <c r="AS3465">
        <v>0</v>
      </c>
      <c r="AT3465">
        <v>0</v>
      </c>
      <c r="AU3465">
        <v>0</v>
      </c>
      <c r="AV3465">
        <v>0</v>
      </c>
      <c r="AW3465">
        <v>0</v>
      </c>
      <c r="AX3465">
        <v>2145</v>
      </c>
      <c r="AY3465">
        <v>30</v>
      </c>
      <c r="AZ3465">
        <v>48</v>
      </c>
      <c r="BA3465">
        <v>3529</v>
      </c>
    </row>
    <row r="3466" spans="1:53" x14ac:dyDescent="0.4">
      <c r="A3466">
        <v>3510</v>
      </c>
      <c r="B3466" s="1">
        <v>43998</v>
      </c>
      <c r="C3466">
        <v>1</v>
      </c>
      <c r="D3466" s="1">
        <v>43998.291666666664</v>
      </c>
      <c r="E3466" s="1">
        <v>43998.451388888891</v>
      </c>
      <c r="F3466">
        <v>0</v>
      </c>
      <c r="G3466">
        <v>0</v>
      </c>
      <c r="H3466">
        <v>0</v>
      </c>
      <c r="I3466">
        <v>0</v>
      </c>
      <c r="J3466">
        <v>0</v>
      </c>
      <c r="K3466">
        <v>0</v>
      </c>
      <c r="L3466">
        <v>0</v>
      </c>
      <c r="M3466">
        <v>0</v>
      </c>
      <c r="N3466">
        <v>0</v>
      </c>
      <c r="O3466">
        <v>0</v>
      </c>
      <c r="P3466">
        <v>0</v>
      </c>
      <c r="Q3466">
        <v>0</v>
      </c>
      <c r="R3466">
        <v>0</v>
      </c>
      <c r="S3466">
        <v>0</v>
      </c>
      <c r="T3466">
        <v>0</v>
      </c>
      <c r="U3466">
        <v>0</v>
      </c>
      <c r="V3466">
        <v>0</v>
      </c>
      <c r="W3466">
        <v>0</v>
      </c>
      <c r="X3466">
        <v>0</v>
      </c>
      <c r="Y3466">
        <v>25</v>
      </c>
      <c r="Z3466">
        <v>16</v>
      </c>
      <c r="AA3466">
        <v>130</v>
      </c>
      <c r="AB3466">
        <v>51</v>
      </c>
      <c r="AC3466">
        <v>96</v>
      </c>
      <c r="AD3466">
        <v>71</v>
      </c>
      <c r="AE3466">
        <v>135</v>
      </c>
      <c r="AF3466">
        <v>0</v>
      </c>
      <c r="AG3466">
        <v>50000</v>
      </c>
      <c r="AH3466">
        <v>50000</v>
      </c>
      <c r="AI3466">
        <v>0</v>
      </c>
      <c r="AJ3466">
        <v>0</v>
      </c>
      <c r="AK3466" t="s">
        <v>6</v>
      </c>
      <c r="AL3466">
        <v>0</v>
      </c>
      <c r="AM3466">
        <v>0</v>
      </c>
      <c r="AN3466">
        <v>0</v>
      </c>
      <c r="AO3466">
        <v>0</v>
      </c>
      <c r="AP3466">
        <v>0</v>
      </c>
      <c r="AQ3466">
        <v>0</v>
      </c>
      <c r="AR3466">
        <v>0</v>
      </c>
      <c r="AS3466">
        <v>0</v>
      </c>
      <c r="AT3466">
        <v>0</v>
      </c>
      <c r="AU3466">
        <v>0</v>
      </c>
      <c r="AV3466">
        <v>0</v>
      </c>
      <c r="AW3466">
        <v>0</v>
      </c>
      <c r="AX3466">
        <v>0</v>
      </c>
      <c r="AY3466">
        <v>0</v>
      </c>
      <c r="AZ3466">
        <v>0</v>
      </c>
      <c r="BA3466">
        <v>0</v>
      </c>
    </row>
    <row r="3467" spans="1:53" x14ac:dyDescent="0.4">
      <c r="A3467">
        <v>3511</v>
      </c>
      <c r="B3467" s="1">
        <v>43998</v>
      </c>
      <c r="C3467">
        <v>2</v>
      </c>
      <c r="D3467" s="1">
        <v>43998.451388888891</v>
      </c>
      <c r="E3467" s="1">
        <v>43998.736111111109</v>
      </c>
      <c r="F3467">
        <v>8800</v>
      </c>
      <c r="G3467">
        <v>0</v>
      </c>
      <c r="H3467">
        <v>60</v>
      </c>
      <c r="I3467">
        <v>0</v>
      </c>
      <c r="J3467">
        <v>0</v>
      </c>
      <c r="K3467">
        <v>0</v>
      </c>
      <c r="L3467">
        <v>0</v>
      </c>
      <c r="M3467">
        <v>886</v>
      </c>
      <c r="N3467">
        <v>0</v>
      </c>
      <c r="O3467">
        <v>0</v>
      </c>
      <c r="P3467">
        <v>15730</v>
      </c>
      <c r="Q3467">
        <v>0</v>
      </c>
      <c r="R3467">
        <v>25476</v>
      </c>
      <c r="S3467">
        <v>0</v>
      </c>
      <c r="T3467">
        <v>0</v>
      </c>
      <c r="U3467">
        <v>0</v>
      </c>
      <c r="V3467">
        <v>2</v>
      </c>
      <c r="W3467">
        <v>1</v>
      </c>
      <c r="X3467">
        <v>0</v>
      </c>
      <c r="Y3467">
        <v>21</v>
      </c>
      <c r="Z3467">
        <v>16</v>
      </c>
      <c r="AA3467">
        <v>99</v>
      </c>
      <c r="AB3467">
        <v>49</v>
      </c>
      <c r="AC3467">
        <v>89</v>
      </c>
      <c r="AD3467">
        <v>73</v>
      </c>
      <c r="AE3467">
        <v>158</v>
      </c>
      <c r="AF3467">
        <v>7713</v>
      </c>
      <c r="AG3467">
        <v>75476</v>
      </c>
      <c r="AH3467">
        <v>50000</v>
      </c>
      <c r="AI3467">
        <v>0</v>
      </c>
      <c r="AJ3467">
        <v>107</v>
      </c>
      <c r="AK3467" t="s">
        <v>40</v>
      </c>
      <c r="AL3467">
        <v>0</v>
      </c>
      <c r="AM3467">
        <v>0</v>
      </c>
      <c r="AN3467">
        <v>0</v>
      </c>
      <c r="AO3467">
        <v>0</v>
      </c>
      <c r="AP3467">
        <v>0</v>
      </c>
      <c r="AQ3467">
        <v>0</v>
      </c>
      <c r="AR3467">
        <v>0</v>
      </c>
      <c r="AS3467">
        <v>0</v>
      </c>
      <c r="AT3467">
        <v>0</v>
      </c>
      <c r="AU3467">
        <v>0</v>
      </c>
      <c r="AV3467">
        <v>0</v>
      </c>
      <c r="AW3467">
        <v>0</v>
      </c>
      <c r="AX3467">
        <v>-1210</v>
      </c>
      <c r="AY3467">
        <v>24</v>
      </c>
      <c r="AZ3467">
        <v>42</v>
      </c>
      <c r="BA3467">
        <v>2732</v>
      </c>
    </row>
    <row r="3468" spans="1:53" x14ac:dyDescent="0.4">
      <c r="A3468">
        <v>3512</v>
      </c>
      <c r="B3468" s="1">
        <v>43998</v>
      </c>
      <c r="C3468">
        <v>3</v>
      </c>
      <c r="D3468" s="1">
        <v>43998.736111111109</v>
      </c>
      <c r="E3468" s="1">
        <v>43998.990277777775</v>
      </c>
      <c r="F3468">
        <v>46525</v>
      </c>
      <c r="G3468">
        <v>3720</v>
      </c>
      <c r="H3468">
        <v>60</v>
      </c>
      <c r="I3468">
        <v>0</v>
      </c>
      <c r="J3468">
        <v>0</v>
      </c>
      <c r="K3468">
        <v>0</v>
      </c>
      <c r="L3468">
        <v>0</v>
      </c>
      <c r="M3468">
        <v>5031</v>
      </c>
      <c r="N3468">
        <v>0</v>
      </c>
      <c r="O3468">
        <v>0</v>
      </c>
      <c r="P3468">
        <v>-10395</v>
      </c>
      <c r="Q3468">
        <v>0</v>
      </c>
      <c r="R3468">
        <v>44941</v>
      </c>
      <c r="S3468">
        <v>0</v>
      </c>
      <c r="T3468">
        <v>0</v>
      </c>
      <c r="U3468">
        <v>0</v>
      </c>
      <c r="V3468">
        <v>6</v>
      </c>
      <c r="W3468">
        <v>1</v>
      </c>
      <c r="X3468">
        <v>0</v>
      </c>
      <c r="Y3468">
        <v>24</v>
      </c>
      <c r="Z3468">
        <v>14</v>
      </c>
      <c r="AA3468">
        <v>102</v>
      </c>
      <c r="AB3468">
        <v>47</v>
      </c>
      <c r="AC3468">
        <v>91</v>
      </c>
      <c r="AD3468">
        <v>72</v>
      </c>
      <c r="AE3468">
        <v>161</v>
      </c>
      <c r="AF3468">
        <v>10436</v>
      </c>
      <c r="AG3468">
        <v>120417</v>
      </c>
      <c r="AH3468">
        <v>50000</v>
      </c>
      <c r="AI3468">
        <v>0</v>
      </c>
      <c r="AJ3468">
        <v>95</v>
      </c>
      <c r="AK3468" t="s">
        <v>21</v>
      </c>
      <c r="AL3468">
        <v>0</v>
      </c>
      <c r="AM3468">
        <v>0</v>
      </c>
      <c r="AN3468">
        <v>0</v>
      </c>
      <c r="AO3468">
        <v>0</v>
      </c>
      <c r="AP3468">
        <v>0</v>
      </c>
      <c r="AQ3468">
        <v>0</v>
      </c>
      <c r="AR3468">
        <v>0</v>
      </c>
      <c r="AS3468">
        <v>0</v>
      </c>
      <c r="AT3468">
        <v>0</v>
      </c>
      <c r="AU3468">
        <v>0</v>
      </c>
      <c r="AV3468">
        <v>0</v>
      </c>
      <c r="AW3468">
        <v>0</v>
      </c>
      <c r="AX3468">
        <v>-1320</v>
      </c>
      <c r="AY3468">
        <v>8</v>
      </c>
      <c r="AZ3468">
        <v>27</v>
      </c>
      <c r="BA3468">
        <v>2362</v>
      </c>
    </row>
    <row r="3469" spans="1:53" x14ac:dyDescent="0.4">
      <c r="A3469">
        <v>3513</v>
      </c>
      <c r="B3469" s="1">
        <v>43999</v>
      </c>
      <c r="C3469">
        <v>1</v>
      </c>
      <c r="D3469" s="1">
        <v>43999.291666666664</v>
      </c>
      <c r="E3469" s="1">
        <v>43999.42291666667</v>
      </c>
      <c r="F3469">
        <v>0</v>
      </c>
      <c r="G3469">
        <v>0</v>
      </c>
      <c r="H3469">
        <v>0</v>
      </c>
      <c r="I3469">
        <v>0</v>
      </c>
      <c r="J3469">
        <v>0</v>
      </c>
      <c r="K3469">
        <v>0</v>
      </c>
      <c r="L3469">
        <v>0</v>
      </c>
      <c r="M3469">
        <v>0</v>
      </c>
      <c r="N3469">
        <v>0</v>
      </c>
      <c r="O3469">
        <v>0</v>
      </c>
      <c r="P3469">
        <v>0</v>
      </c>
      <c r="Q3469">
        <v>0</v>
      </c>
      <c r="R3469">
        <v>0</v>
      </c>
      <c r="S3469">
        <v>0</v>
      </c>
      <c r="T3469">
        <v>0</v>
      </c>
      <c r="U3469">
        <v>0</v>
      </c>
      <c r="V3469">
        <v>0</v>
      </c>
      <c r="W3469">
        <v>1</v>
      </c>
      <c r="X3469">
        <v>0</v>
      </c>
      <c r="Y3469">
        <v>25</v>
      </c>
      <c r="Z3469">
        <v>13</v>
      </c>
      <c r="AA3469">
        <v>97</v>
      </c>
      <c r="AB3469">
        <v>48</v>
      </c>
      <c r="AC3469">
        <v>88</v>
      </c>
      <c r="AD3469">
        <v>72</v>
      </c>
      <c r="AE3469">
        <v>160</v>
      </c>
      <c r="AF3469">
        <v>0</v>
      </c>
      <c r="AG3469">
        <v>50000</v>
      </c>
      <c r="AH3469">
        <v>50000</v>
      </c>
      <c r="AI3469">
        <v>0</v>
      </c>
      <c r="AJ3469">
        <v>0</v>
      </c>
      <c r="AK3469" t="s">
        <v>6</v>
      </c>
      <c r="AL3469">
        <v>0</v>
      </c>
      <c r="AM3469">
        <v>0</v>
      </c>
      <c r="AN3469">
        <v>0</v>
      </c>
      <c r="AO3469">
        <v>0</v>
      </c>
      <c r="AP3469">
        <v>0</v>
      </c>
      <c r="AQ3469">
        <v>0</v>
      </c>
      <c r="AR3469">
        <v>0</v>
      </c>
      <c r="AS3469">
        <v>0</v>
      </c>
      <c r="AT3469">
        <v>0</v>
      </c>
      <c r="AU3469">
        <v>0</v>
      </c>
      <c r="AV3469">
        <v>0</v>
      </c>
      <c r="AW3469">
        <v>0</v>
      </c>
      <c r="AX3469">
        <v>0</v>
      </c>
      <c r="AY3469">
        <v>0</v>
      </c>
      <c r="AZ3469">
        <v>0</v>
      </c>
      <c r="BA3469">
        <v>0</v>
      </c>
    </row>
    <row r="3470" spans="1:53" x14ac:dyDescent="0.4">
      <c r="A3470">
        <v>3514</v>
      </c>
      <c r="B3470" s="1">
        <v>43999</v>
      </c>
      <c r="C3470">
        <v>2</v>
      </c>
      <c r="D3470" s="1">
        <v>43999.42291666667</v>
      </c>
      <c r="E3470" s="1">
        <v>43999.740277777775</v>
      </c>
      <c r="F3470">
        <v>13750</v>
      </c>
      <c r="G3470">
        <v>280</v>
      </c>
      <c r="H3470">
        <v>0</v>
      </c>
      <c r="I3470">
        <v>0</v>
      </c>
      <c r="J3470">
        <v>200</v>
      </c>
      <c r="K3470">
        <v>0</v>
      </c>
      <c r="L3470">
        <v>0</v>
      </c>
      <c r="M3470">
        <v>1383</v>
      </c>
      <c r="N3470">
        <v>0</v>
      </c>
      <c r="O3470">
        <v>0</v>
      </c>
      <c r="P3470">
        <v>12100</v>
      </c>
      <c r="Q3470">
        <v>0</v>
      </c>
      <c r="R3470">
        <v>27313</v>
      </c>
      <c r="S3470">
        <v>0</v>
      </c>
      <c r="T3470">
        <v>0</v>
      </c>
      <c r="U3470">
        <v>0</v>
      </c>
      <c r="V3470">
        <v>1</v>
      </c>
      <c r="W3470">
        <v>1</v>
      </c>
      <c r="X3470">
        <v>0</v>
      </c>
      <c r="Y3470">
        <v>39</v>
      </c>
      <c r="Z3470">
        <v>14</v>
      </c>
      <c r="AA3470">
        <v>114</v>
      </c>
      <c r="AB3470">
        <v>41</v>
      </c>
      <c r="AC3470">
        <v>73</v>
      </c>
      <c r="AD3470">
        <v>72</v>
      </c>
      <c r="AE3470">
        <v>178</v>
      </c>
      <c r="AF3470">
        <v>1595</v>
      </c>
      <c r="AG3470">
        <v>77313</v>
      </c>
      <c r="AH3470">
        <v>50000</v>
      </c>
      <c r="AI3470">
        <v>0</v>
      </c>
      <c r="AJ3470">
        <v>107</v>
      </c>
      <c r="AK3470" t="s">
        <v>40</v>
      </c>
      <c r="AL3470">
        <v>0</v>
      </c>
      <c r="AM3470">
        <v>0</v>
      </c>
      <c r="AN3470">
        <v>0</v>
      </c>
      <c r="AO3470">
        <v>0</v>
      </c>
      <c r="AP3470">
        <v>0</v>
      </c>
      <c r="AQ3470">
        <v>0</v>
      </c>
      <c r="AR3470">
        <v>0</v>
      </c>
      <c r="AS3470">
        <v>0</v>
      </c>
      <c r="AT3470">
        <v>0</v>
      </c>
      <c r="AU3470">
        <v>0</v>
      </c>
      <c r="AV3470">
        <v>0</v>
      </c>
      <c r="AW3470">
        <v>0</v>
      </c>
      <c r="AX3470">
        <v>1188</v>
      </c>
      <c r="AY3470">
        <v>26</v>
      </c>
      <c r="AZ3470">
        <v>44</v>
      </c>
      <c r="BA3470">
        <v>3454</v>
      </c>
    </row>
    <row r="3471" spans="1:53" x14ac:dyDescent="0.4">
      <c r="A3471">
        <v>3515</v>
      </c>
      <c r="B3471" s="1">
        <v>44000</v>
      </c>
      <c r="C3471">
        <v>1</v>
      </c>
      <c r="D3471" s="1">
        <v>44000.291666666664</v>
      </c>
      <c r="E3471" s="1">
        <v>44000.450694444444</v>
      </c>
      <c r="F3471">
        <v>0</v>
      </c>
      <c r="G3471">
        <v>0</v>
      </c>
      <c r="H3471">
        <v>0</v>
      </c>
      <c r="I3471">
        <v>0</v>
      </c>
      <c r="J3471">
        <v>0</v>
      </c>
      <c r="K3471">
        <v>0</v>
      </c>
      <c r="L3471">
        <v>0</v>
      </c>
      <c r="M3471">
        <v>0</v>
      </c>
      <c r="N3471">
        <v>0</v>
      </c>
      <c r="O3471">
        <v>0</v>
      </c>
      <c r="P3471">
        <v>0</v>
      </c>
      <c r="Q3471">
        <v>0</v>
      </c>
      <c r="R3471">
        <v>0</v>
      </c>
      <c r="S3471">
        <v>0</v>
      </c>
      <c r="T3471">
        <v>0</v>
      </c>
      <c r="U3471">
        <v>0</v>
      </c>
      <c r="V3471">
        <v>0</v>
      </c>
      <c r="W3471">
        <v>0</v>
      </c>
      <c r="X3471">
        <v>0</v>
      </c>
      <c r="Y3471">
        <v>37</v>
      </c>
      <c r="Z3471">
        <v>7</v>
      </c>
      <c r="AA3471">
        <v>62</v>
      </c>
      <c r="AB3471">
        <v>41</v>
      </c>
      <c r="AC3471">
        <v>76</v>
      </c>
      <c r="AD3471">
        <v>73</v>
      </c>
      <c r="AE3471">
        <v>125</v>
      </c>
      <c r="AF3471">
        <v>0</v>
      </c>
      <c r="AG3471">
        <v>50000</v>
      </c>
      <c r="AH3471">
        <v>50000</v>
      </c>
      <c r="AI3471">
        <v>0</v>
      </c>
      <c r="AJ3471">
        <v>0</v>
      </c>
      <c r="AK3471" t="s">
        <v>6</v>
      </c>
      <c r="AL3471">
        <v>0</v>
      </c>
      <c r="AM3471">
        <v>0</v>
      </c>
      <c r="AN3471">
        <v>0</v>
      </c>
      <c r="AO3471">
        <v>0</v>
      </c>
      <c r="AP3471">
        <v>0</v>
      </c>
      <c r="AQ3471">
        <v>0</v>
      </c>
      <c r="AR3471">
        <v>0</v>
      </c>
      <c r="AS3471">
        <v>0</v>
      </c>
      <c r="AT3471">
        <v>0</v>
      </c>
      <c r="AU3471">
        <v>0</v>
      </c>
      <c r="AV3471">
        <v>0</v>
      </c>
      <c r="AW3471">
        <v>0</v>
      </c>
      <c r="AX3471">
        <v>0</v>
      </c>
      <c r="AY3471">
        <v>0</v>
      </c>
      <c r="AZ3471">
        <v>0</v>
      </c>
      <c r="BA3471">
        <v>0</v>
      </c>
    </row>
    <row r="3472" spans="1:53" x14ac:dyDescent="0.4">
      <c r="A3472">
        <v>3516</v>
      </c>
      <c r="B3472" s="1">
        <v>44000</v>
      </c>
      <c r="C3472">
        <v>2</v>
      </c>
      <c r="D3472" s="1">
        <v>44000.450694444444</v>
      </c>
      <c r="E3472" s="1">
        <v>44000.738194444442</v>
      </c>
      <c r="F3472">
        <v>13750</v>
      </c>
      <c r="G3472">
        <v>0</v>
      </c>
      <c r="H3472">
        <v>200</v>
      </c>
      <c r="I3472">
        <v>0</v>
      </c>
      <c r="J3472">
        <v>0</v>
      </c>
      <c r="K3472">
        <v>0</v>
      </c>
      <c r="L3472">
        <v>0</v>
      </c>
      <c r="M3472">
        <v>1395</v>
      </c>
      <c r="N3472">
        <v>0</v>
      </c>
      <c r="O3472">
        <v>0</v>
      </c>
      <c r="P3472">
        <v>24090</v>
      </c>
      <c r="Q3472">
        <v>0</v>
      </c>
      <c r="R3472">
        <v>39435</v>
      </c>
      <c r="S3472">
        <v>0</v>
      </c>
      <c r="T3472">
        <v>0</v>
      </c>
      <c r="U3472">
        <v>0</v>
      </c>
      <c r="V3472">
        <v>1</v>
      </c>
      <c r="W3472">
        <v>0</v>
      </c>
      <c r="X3472">
        <v>0</v>
      </c>
      <c r="Y3472">
        <v>60</v>
      </c>
      <c r="Z3472">
        <v>27</v>
      </c>
      <c r="AA3472">
        <v>20</v>
      </c>
      <c r="AB3472">
        <v>34</v>
      </c>
      <c r="AC3472">
        <v>53</v>
      </c>
      <c r="AD3472">
        <v>70</v>
      </c>
      <c r="AE3472">
        <v>145</v>
      </c>
      <c r="AF3472">
        <v>1210</v>
      </c>
      <c r="AG3472">
        <v>89435</v>
      </c>
      <c r="AH3472">
        <v>50000</v>
      </c>
      <c r="AI3472">
        <v>0</v>
      </c>
      <c r="AJ3472">
        <v>107</v>
      </c>
      <c r="AK3472" t="s">
        <v>40</v>
      </c>
      <c r="AL3472">
        <v>0</v>
      </c>
      <c r="AM3472">
        <v>0</v>
      </c>
      <c r="AN3472">
        <v>0</v>
      </c>
      <c r="AO3472">
        <v>0</v>
      </c>
      <c r="AP3472">
        <v>0</v>
      </c>
      <c r="AQ3472">
        <v>0</v>
      </c>
      <c r="AR3472">
        <v>0</v>
      </c>
      <c r="AS3472">
        <v>0</v>
      </c>
      <c r="AT3472">
        <v>0</v>
      </c>
      <c r="AU3472">
        <v>0</v>
      </c>
      <c r="AV3472">
        <v>0</v>
      </c>
      <c r="AW3472">
        <v>0</v>
      </c>
      <c r="AX3472">
        <v>-1815</v>
      </c>
      <c r="AY3472">
        <v>36</v>
      </c>
      <c r="AZ3472">
        <v>65</v>
      </c>
      <c r="BA3472">
        <v>4210</v>
      </c>
    </row>
    <row r="3473" spans="1:53" x14ac:dyDescent="0.4">
      <c r="A3473">
        <v>3517</v>
      </c>
      <c r="B3473" s="1">
        <v>44001</v>
      </c>
      <c r="C3473">
        <v>1</v>
      </c>
      <c r="D3473" s="1">
        <v>44001.291666666664</v>
      </c>
      <c r="E3473" s="1">
        <v>44001.436805555553</v>
      </c>
      <c r="F3473">
        <v>0</v>
      </c>
      <c r="G3473">
        <v>0</v>
      </c>
      <c r="H3473">
        <v>0</v>
      </c>
      <c r="I3473">
        <v>0</v>
      </c>
      <c r="J3473">
        <v>0</v>
      </c>
      <c r="K3473">
        <v>0</v>
      </c>
      <c r="L3473">
        <v>0</v>
      </c>
      <c r="M3473">
        <v>0</v>
      </c>
      <c r="N3473">
        <v>0</v>
      </c>
      <c r="O3473">
        <v>0</v>
      </c>
      <c r="P3473">
        <v>0</v>
      </c>
      <c r="Q3473">
        <v>0</v>
      </c>
      <c r="R3473">
        <v>0</v>
      </c>
      <c r="S3473">
        <v>0</v>
      </c>
      <c r="T3473">
        <v>0</v>
      </c>
      <c r="U3473">
        <v>0</v>
      </c>
      <c r="V3473">
        <v>0</v>
      </c>
      <c r="W3473">
        <v>0</v>
      </c>
      <c r="X3473">
        <v>0</v>
      </c>
      <c r="Y3473">
        <v>40</v>
      </c>
      <c r="Z3473">
        <v>8</v>
      </c>
      <c r="AA3473">
        <v>37</v>
      </c>
      <c r="AB3473">
        <v>24</v>
      </c>
      <c r="AC3473">
        <v>61</v>
      </c>
      <c r="AD3473">
        <v>70</v>
      </c>
      <c r="AE3473">
        <v>140</v>
      </c>
      <c r="AF3473">
        <v>0</v>
      </c>
      <c r="AG3473">
        <v>50000</v>
      </c>
      <c r="AH3473">
        <v>50000</v>
      </c>
      <c r="AI3473">
        <v>0</v>
      </c>
      <c r="AJ3473">
        <v>0</v>
      </c>
      <c r="AK3473" t="s">
        <v>6</v>
      </c>
      <c r="AL3473">
        <v>0</v>
      </c>
      <c r="AM3473">
        <v>0</v>
      </c>
      <c r="AN3473">
        <v>0</v>
      </c>
      <c r="AO3473">
        <v>0</v>
      </c>
      <c r="AP3473">
        <v>0</v>
      </c>
      <c r="AQ3473">
        <v>0</v>
      </c>
      <c r="AR3473">
        <v>0</v>
      </c>
      <c r="AS3473">
        <v>0</v>
      </c>
      <c r="AT3473">
        <v>0</v>
      </c>
      <c r="AU3473">
        <v>0</v>
      </c>
      <c r="AV3473">
        <v>0</v>
      </c>
      <c r="AW3473">
        <v>0</v>
      </c>
      <c r="AX3473">
        <v>0</v>
      </c>
      <c r="AY3473">
        <v>0</v>
      </c>
      <c r="AZ3473">
        <v>0</v>
      </c>
      <c r="BA3473">
        <v>0</v>
      </c>
    </row>
    <row r="3474" spans="1:53" x14ac:dyDescent="0.4">
      <c r="A3474">
        <v>3518</v>
      </c>
      <c r="B3474" s="1">
        <v>44001</v>
      </c>
      <c r="C3474">
        <v>2</v>
      </c>
      <c r="D3474" s="1">
        <v>44001.436805555553</v>
      </c>
      <c r="E3474" s="1">
        <v>44001.730555555558</v>
      </c>
      <c r="F3474">
        <v>14300</v>
      </c>
      <c r="G3474">
        <v>540</v>
      </c>
      <c r="H3474">
        <v>200</v>
      </c>
      <c r="I3474">
        <v>0</v>
      </c>
      <c r="J3474">
        <v>0</v>
      </c>
      <c r="K3474">
        <v>0</v>
      </c>
      <c r="L3474">
        <v>0</v>
      </c>
      <c r="M3474">
        <v>1504</v>
      </c>
      <c r="N3474">
        <v>0</v>
      </c>
      <c r="O3474">
        <v>0</v>
      </c>
      <c r="P3474">
        <v>19360</v>
      </c>
      <c r="Q3474">
        <v>0</v>
      </c>
      <c r="R3474">
        <v>35904</v>
      </c>
      <c r="S3474">
        <v>0</v>
      </c>
      <c r="T3474">
        <v>0</v>
      </c>
      <c r="U3474">
        <v>0</v>
      </c>
      <c r="V3474">
        <v>3</v>
      </c>
      <c r="W3474">
        <v>1</v>
      </c>
      <c r="X3474">
        <v>0</v>
      </c>
      <c r="Y3474">
        <v>38</v>
      </c>
      <c r="Z3474">
        <v>13</v>
      </c>
      <c r="AA3474">
        <v>39</v>
      </c>
      <c r="AB3474">
        <v>18</v>
      </c>
      <c r="AC3474">
        <v>49</v>
      </c>
      <c r="AD3474">
        <v>73</v>
      </c>
      <c r="AE3474">
        <v>144</v>
      </c>
      <c r="AF3474">
        <v>605</v>
      </c>
      <c r="AG3474">
        <v>85904</v>
      </c>
      <c r="AH3474">
        <v>50000</v>
      </c>
      <c r="AI3474">
        <v>0</v>
      </c>
      <c r="AJ3474">
        <v>97</v>
      </c>
      <c r="AK3474" t="s">
        <v>33</v>
      </c>
      <c r="AL3474">
        <v>0</v>
      </c>
      <c r="AM3474">
        <v>0</v>
      </c>
      <c r="AN3474">
        <v>0</v>
      </c>
      <c r="AO3474">
        <v>0</v>
      </c>
      <c r="AP3474">
        <v>0</v>
      </c>
      <c r="AQ3474">
        <v>0</v>
      </c>
      <c r="AR3474">
        <v>0</v>
      </c>
      <c r="AS3474">
        <v>0</v>
      </c>
      <c r="AT3474">
        <v>0</v>
      </c>
      <c r="AU3474">
        <v>0</v>
      </c>
      <c r="AV3474">
        <v>0</v>
      </c>
      <c r="AW3474">
        <v>0</v>
      </c>
      <c r="AX3474">
        <v>-616</v>
      </c>
      <c r="AY3474">
        <v>34</v>
      </c>
      <c r="AZ3474">
        <v>58</v>
      </c>
      <c r="BA3474">
        <v>3739</v>
      </c>
    </row>
    <row r="3475" spans="1:53" x14ac:dyDescent="0.4">
      <c r="A3475">
        <v>3519</v>
      </c>
      <c r="B3475" s="1">
        <v>44002</v>
      </c>
      <c r="C3475">
        <v>1</v>
      </c>
      <c r="D3475" s="1">
        <v>44002.291666666664</v>
      </c>
      <c r="E3475" s="1">
        <v>44002.393055555556</v>
      </c>
      <c r="F3475">
        <v>0</v>
      </c>
      <c r="G3475">
        <v>0</v>
      </c>
      <c r="H3475">
        <v>0</v>
      </c>
      <c r="I3475">
        <v>0</v>
      </c>
      <c r="J3475">
        <v>0</v>
      </c>
      <c r="K3475">
        <v>0</v>
      </c>
      <c r="L3475">
        <v>0</v>
      </c>
      <c r="M3475">
        <v>0</v>
      </c>
      <c r="N3475">
        <v>0</v>
      </c>
      <c r="O3475">
        <v>0</v>
      </c>
      <c r="P3475">
        <v>0</v>
      </c>
      <c r="Q3475">
        <v>0</v>
      </c>
      <c r="R3475">
        <v>0</v>
      </c>
      <c r="S3475">
        <v>0</v>
      </c>
      <c r="T3475">
        <v>0</v>
      </c>
      <c r="U3475">
        <v>0</v>
      </c>
      <c r="V3475">
        <v>0</v>
      </c>
      <c r="W3475">
        <v>0</v>
      </c>
      <c r="X3475">
        <v>0</v>
      </c>
      <c r="Y3475">
        <v>29</v>
      </c>
      <c r="Z3475">
        <v>9</v>
      </c>
      <c r="AA3475">
        <v>118</v>
      </c>
      <c r="AB3475">
        <v>70</v>
      </c>
      <c r="AC3475">
        <v>72</v>
      </c>
      <c r="AD3475">
        <v>68</v>
      </c>
      <c r="AE3475">
        <v>140</v>
      </c>
      <c r="AF3475">
        <v>0</v>
      </c>
      <c r="AG3475">
        <v>50000</v>
      </c>
      <c r="AH3475">
        <v>50000</v>
      </c>
      <c r="AI3475">
        <v>0</v>
      </c>
      <c r="AJ3475">
        <v>0</v>
      </c>
      <c r="AK3475" t="s">
        <v>6</v>
      </c>
      <c r="AL3475">
        <v>0</v>
      </c>
      <c r="AM3475">
        <v>0</v>
      </c>
      <c r="AN3475">
        <v>0</v>
      </c>
      <c r="AO3475">
        <v>0</v>
      </c>
      <c r="AP3475">
        <v>0</v>
      </c>
      <c r="AQ3475">
        <v>0</v>
      </c>
      <c r="AR3475">
        <v>0</v>
      </c>
      <c r="AS3475">
        <v>0</v>
      </c>
      <c r="AT3475">
        <v>0</v>
      </c>
      <c r="AU3475">
        <v>0</v>
      </c>
      <c r="AV3475">
        <v>0</v>
      </c>
      <c r="AW3475">
        <v>0</v>
      </c>
      <c r="AX3475">
        <v>0</v>
      </c>
      <c r="AY3475">
        <v>0</v>
      </c>
      <c r="AZ3475">
        <v>0</v>
      </c>
      <c r="BA3475">
        <v>0</v>
      </c>
    </row>
    <row r="3476" spans="1:53" x14ac:dyDescent="0.4">
      <c r="A3476">
        <v>3520</v>
      </c>
      <c r="B3476" s="1">
        <v>44002</v>
      </c>
      <c r="C3476">
        <v>2</v>
      </c>
      <c r="D3476" s="1">
        <v>44002.393055555556</v>
      </c>
      <c r="E3476" s="1">
        <v>44002.741666666669</v>
      </c>
      <c r="F3476">
        <v>43450</v>
      </c>
      <c r="G3476">
        <v>3280</v>
      </c>
      <c r="H3476">
        <v>290</v>
      </c>
      <c r="I3476">
        <v>0</v>
      </c>
      <c r="J3476">
        <v>0</v>
      </c>
      <c r="K3476">
        <v>400</v>
      </c>
      <c r="L3476">
        <v>0</v>
      </c>
      <c r="M3476">
        <v>4742</v>
      </c>
      <c r="N3476">
        <v>0</v>
      </c>
      <c r="O3476">
        <v>0</v>
      </c>
      <c r="P3476">
        <v>14410</v>
      </c>
      <c r="Q3476">
        <v>0</v>
      </c>
      <c r="R3476">
        <v>66572</v>
      </c>
      <c r="S3476">
        <v>0</v>
      </c>
      <c r="T3476">
        <v>0</v>
      </c>
      <c r="U3476">
        <v>0</v>
      </c>
      <c r="V3476">
        <v>4</v>
      </c>
      <c r="W3476">
        <v>0</v>
      </c>
      <c r="X3476">
        <v>0</v>
      </c>
      <c r="Y3476">
        <v>42</v>
      </c>
      <c r="Z3476">
        <v>26</v>
      </c>
      <c r="AA3476">
        <v>151</v>
      </c>
      <c r="AB3476">
        <v>63</v>
      </c>
      <c r="AC3476">
        <v>56</v>
      </c>
      <c r="AD3476">
        <v>69</v>
      </c>
      <c r="AE3476">
        <v>162</v>
      </c>
      <c r="AF3476">
        <v>2255</v>
      </c>
      <c r="AG3476">
        <v>116572</v>
      </c>
      <c r="AH3476">
        <v>50000</v>
      </c>
      <c r="AI3476">
        <v>0</v>
      </c>
      <c r="AJ3476">
        <v>107</v>
      </c>
      <c r="AK3476" t="s">
        <v>40</v>
      </c>
      <c r="AL3476">
        <v>0</v>
      </c>
      <c r="AM3476">
        <v>0</v>
      </c>
      <c r="AN3476">
        <v>0</v>
      </c>
      <c r="AO3476">
        <v>0</v>
      </c>
      <c r="AP3476">
        <v>0</v>
      </c>
      <c r="AQ3476">
        <v>0</v>
      </c>
      <c r="AR3476">
        <v>0</v>
      </c>
      <c r="AS3476">
        <v>0</v>
      </c>
      <c r="AT3476">
        <v>0</v>
      </c>
      <c r="AU3476">
        <v>0</v>
      </c>
      <c r="AV3476">
        <v>0</v>
      </c>
      <c r="AW3476">
        <v>0</v>
      </c>
      <c r="AX3476">
        <v>594</v>
      </c>
      <c r="AY3476">
        <v>48</v>
      </c>
      <c r="AZ3476">
        <v>101</v>
      </c>
      <c r="BA3476">
        <v>7519</v>
      </c>
    </row>
    <row r="3477" spans="1:53" x14ac:dyDescent="0.4">
      <c r="A3477">
        <v>3521</v>
      </c>
      <c r="B3477" s="1">
        <v>44003</v>
      </c>
      <c r="C3477">
        <v>1</v>
      </c>
      <c r="D3477" s="1">
        <v>44003.291666666664</v>
      </c>
      <c r="E3477" s="1">
        <v>44003.408333333333</v>
      </c>
      <c r="F3477">
        <v>0</v>
      </c>
      <c r="G3477">
        <v>0</v>
      </c>
      <c r="H3477">
        <v>0</v>
      </c>
      <c r="I3477">
        <v>0</v>
      </c>
      <c r="J3477">
        <v>0</v>
      </c>
      <c r="K3477">
        <v>0</v>
      </c>
      <c r="L3477">
        <v>0</v>
      </c>
      <c r="M3477">
        <v>0</v>
      </c>
      <c r="N3477">
        <v>0</v>
      </c>
      <c r="O3477">
        <v>0</v>
      </c>
      <c r="P3477">
        <v>0</v>
      </c>
      <c r="Q3477">
        <v>0</v>
      </c>
      <c r="R3477">
        <v>0</v>
      </c>
      <c r="S3477">
        <v>0</v>
      </c>
      <c r="T3477">
        <v>0</v>
      </c>
      <c r="U3477">
        <v>0</v>
      </c>
      <c r="V3477">
        <v>0</v>
      </c>
      <c r="W3477">
        <v>0</v>
      </c>
      <c r="X3477">
        <v>0</v>
      </c>
      <c r="Y3477">
        <v>28</v>
      </c>
      <c r="Z3477">
        <v>11</v>
      </c>
      <c r="AA3477">
        <v>135</v>
      </c>
      <c r="AB3477">
        <v>50</v>
      </c>
      <c r="AC3477">
        <v>74</v>
      </c>
      <c r="AD3477">
        <v>68</v>
      </c>
      <c r="AE3477">
        <v>120</v>
      </c>
      <c r="AF3477">
        <v>0</v>
      </c>
      <c r="AG3477">
        <v>50700</v>
      </c>
      <c r="AH3477">
        <v>50000</v>
      </c>
      <c r="AI3477">
        <v>700</v>
      </c>
      <c r="AJ3477">
        <v>0</v>
      </c>
      <c r="AK3477" t="s">
        <v>6</v>
      </c>
      <c r="AL3477">
        <v>0</v>
      </c>
      <c r="AM3477">
        <v>0</v>
      </c>
      <c r="AN3477">
        <v>0</v>
      </c>
      <c r="AO3477">
        <v>0</v>
      </c>
      <c r="AP3477">
        <v>0</v>
      </c>
      <c r="AQ3477">
        <v>0</v>
      </c>
      <c r="AR3477">
        <v>0</v>
      </c>
      <c r="AS3477">
        <v>0</v>
      </c>
      <c r="AT3477">
        <v>0</v>
      </c>
      <c r="AU3477">
        <v>0</v>
      </c>
      <c r="AV3477">
        <v>0</v>
      </c>
      <c r="AW3477">
        <v>0</v>
      </c>
      <c r="AX3477">
        <v>0</v>
      </c>
      <c r="AY3477">
        <v>0</v>
      </c>
      <c r="AZ3477">
        <v>0</v>
      </c>
      <c r="BA3477">
        <v>0</v>
      </c>
    </row>
    <row r="3478" spans="1:53" x14ac:dyDescent="0.4">
      <c r="A3478">
        <v>3522</v>
      </c>
      <c r="B3478" s="1">
        <v>44003</v>
      </c>
      <c r="C3478">
        <v>2</v>
      </c>
      <c r="D3478" s="1">
        <v>44003.408333333333</v>
      </c>
      <c r="E3478" s="1">
        <v>44003.411111111112</v>
      </c>
      <c r="F3478">
        <v>0</v>
      </c>
      <c r="G3478">
        <v>0</v>
      </c>
      <c r="H3478">
        <v>0</v>
      </c>
      <c r="I3478">
        <v>0</v>
      </c>
      <c r="J3478">
        <v>0</v>
      </c>
      <c r="K3478">
        <v>0</v>
      </c>
      <c r="L3478">
        <v>0</v>
      </c>
      <c r="M3478">
        <v>0</v>
      </c>
      <c r="N3478">
        <v>0</v>
      </c>
      <c r="O3478">
        <v>0</v>
      </c>
      <c r="P3478">
        <v>0</v>
      </c>
      <c r="Q3478">
        <v>0</v>
      </c>
      <c r="R3478">
        <v>0</v>
      </c>
      <c r="S3478">
        <v>0</v>
      </c>
      <c r="T3478">
        <v>0</v>
      </c>
      <c r="U3478">
        <v>0</v>
      </c>
      <c r="V3478">
        <v>0</v>
      </c>
      <c r="W3478">
        <v>0</v>
      </c>
      <c r="X3478">
        <v>0</v>
      </c>
      <c r="Y3478">
        <v>28</v>
      </c>
      <c r="Z3478">
        <v>11</v>
      </c>
      <c r="AA3478">
        <v>123</v>
      </c>
      <c r="AB3478">
        <v>62</v>
      </c>
      <c r="AC3478">
        <v>74</v>
      </c>
      <c r="AD3478">
        <v>68</v>
      </c>
      <c r="AE3478">
        <v>120</v>
      </c>
      <c r="AF3478">
        <v>0</v>
      </c>
      <c r="AG3478">
        <v>50100</v>
      </c>
      <c r="AH3478">
        <v>50000</v>
      </c>
      <c r="AI3478">
        <v>100</v>
      </c>
      <c r="AJ3478">
        <v>0</v>
      </c>
      <c r="AK3478" t="s">
        <v>6</v>
      </c>
      <c r="AL3478">
        <v>0</v>
      </c>
      <c r="AM3478">
        <v>0</v>
      </c>
      <c r="AN3478">
        <v>0</v>
      </c>
      <c r="AO3478">
        <v>0</v>
      </c>
      <c r="AP3478">
        <v>0</v>
      </c>
      <c r="AQ3478">
        <v>0</v>
      </c>
      <c r="AR3478">
        <v>0</v>
      </c>
      <c r="AS3478">
        <v>0</v>
      </c>
      <c r="AT3478">
        <v>0</v>
      </c>
      <c r="AU3478">
        <v>0</v>
      </c>
      <c r="AV3478">
        <v>0</v>
      </c>
      <c r="AW3478">
        <v>0</v>
      </c>
      <c r="AX3478">
        <v>0</v>
      </c>
      <c r="AY3478">
        <v>0</v>
      </c>
      <c r="AZ3478">
        <v>0</v>
      </c>
      <c r="BA3478">
        <v>0</v>
      </c>
    </row>
    <row r="3479" spans="1:53" x14ac:dyDescent="0.4">
      <c r="A3479">
        <v>3523</v>
      </c>
      <c r="B3479" s="1">
        <v>44003</v>
      </c>
      <c r="C3479">
        <v>3</v>
      </c>
      <c r="D3479" s="1">
        <v>44003.411111111112</v>
      </c>
      <c r="E3479" s="1">
        <v>44003.74722222222</v>
      </c>
      <c r="F3479">
        <v>48675</v>
      </c>
      <c r="G3479">
        <v>1880</v>
      </c>
      <c r="H3479">
        <v>60</v>
      </c>
      <c r="I3479">
        <v>0</v>
      </c>
      <c r="J3479">
        <v>0</v>
      </c>
      <c r="K3479">
        <v>1200</v>
      </c>
      <c r="L3479">
        <v>0</v>
      </c>
      <c r="M3479">
        <v>5181</v>
      </c>
      <c r="N3479">
        <v>0</v>
      </c>
      <c r="O3479">
        <v>0</v>
      </c>
      <c r="P3479">
        <v>15125</v>
      </c>
      <c r="Q3479">
        <v>0</v>
      </c>
      <c r="R3479">
        <v>72121</v>
      </c>
      <c r="S3479">
        <v>0</v>
      </c>
      <c r="T3479">
        <v>0</v>
      </c>
      <c r="U3479">
        <v>0</v>
      </c>
      <c r="V3479">
        <v>2</v>
      </c>
      <c r="W3479">
        <v>1</v>
      </c>
      <c r="X3479">
        <v>0</v>
      </c>
      <c r="Y3479">
        <v>54</v>
      </c>
      <c r="Z3479">
        <v>40</v>
      </c>
      <c r="AA3479">
        <v>190</v>
      </c>
      <c r="AB3479">
        <v>57</v>
      </c>
      <c r="AC3479">
        <v>72</v>
      </c>
      <c r="AD3479">
        <v>73</v>
      </c>
      <c r="AE3479">
        <v>186</v>
      </c>
      <c r="AF3479">
        <v>0</v>
      </c>
      <c r="AG3479">
        <v>122121</v>
      </c>
      <c r="AH3479">
        <v>50000</v>
      </c>
      <c r="AI3479">
        <v>0</v>
      </c>
      <c r="AJ3479">
        <v>107</v>
      </c>
      <c r="AK3479" t="s">
        <v>40</v>
      </c>
      <c r="AL3479">
        <v>0</v>
      </c>
      <c r="AM3479">
        <v>0</v>
      </c>
      <c r="AN3479">
        <v>0</v>
      </c>
      <c r="AO3479">
        <v>0</v>
      </c>
      <c r="AP3479">
        <v>0</v>
      </c>
      <c r="AQ3479">
        <v>0</v>
      </c>
      <c r="AR3479">
        <v>0</v>
      </c>
      <c r="AS3479">
        <v>0</v>
      </c>
      <c r="AT3479">
        <v>0</v>
      </c>
      <c r="AU3479">
        <v>0</v>
      </c>
      <c r="AV3479">
        <v>0</v>
      </c>
      <c r="AW3479">
        <v>0</v>
      </c>
      <c r="AX3479">
        <v>1188</v>
      </c>
      <c r="AY3479">
        <v>49</v>
      </c>
      <c r="AZ3479">
        <v>112</v>
      </c>
      <c r="BA3479">
        <v>7600</v>
      </c>
    </row>
    <row r="3480" spans="1:53" x14ac:dyDescent="0.4">
      <c r="A3480">
        <v>3524</v>
      </c>
      <c r="B3480" s="1">
        <v>44004</v>
      </c>
      <c r="C3480">
        <v>1</v>
      </c>
      <c r="D3480" s="1">
        <v>44004.291666666664</v>
      </c>
      <c r="E3480" s="1">
        <v>44004.44027777778</v>
      </c>
      <c r="F3480">
        <v>0</v>
      </c>
      <c r="G3480">
        <v>0</v>
      </c>
      <c r="H3480">
        <v>0</v>
      </c>
      <c r="I3480">
        <v>0</v>
      </c>
      <c r="J3480">
        <v>0</v>
      </c>
      <c r="K3480">
        <v>0</v>
      </c>
      <c r="L3480">
        <v>0</v>
      </c>
      <c r="M3480">
        <v>0</v>
      </c>
      <c r="N3480">
        <v>0</v>
      </c>
      <c r="O3480">
        <v>0</v>
      </c>
      <c r="P3480">
        <v>0</v>
      </c>
      <c r="Q3480">
        <v>0</v>
      </c>
      <c r="R3480">
        <v>0</v>
      </c>
      <c r="S3480">
        <v>0</v>
      </c>
      <c r="T3480">
        <v>0</v>
      </c>
      <c r="U3480">
        <v>0</v>
      </c>
      <c r="V3480">
        <v>0</v>
      </c>
      <c r="W3480">
        <v>0</v>
      </c>
      <c r="X3480">
        <v>0</v>
      </c>
      <c r="Y3480">
        <v>28</v>
      </c>
      <c r="Z3480">
        <v>11</v>
      </c>
      <c r="AA3480">
        <v>127</v>
      </c>
      <c r="AB3480">
        <v>56</v>
      </c>
      <c r="AC3480">
        <v>53</v>
      </c>
      <c r="AD3480">
        <v>69</v>
      </c>
      <c r="AE3480">
        <v>125</v>
      </c>
      <c r="AF3480">
        <v>0</v>
      </c>
      <c r="AG3480">
        <v>50000</v>
      </c>
      <c r="AH3480">
        <v>50000</v>
      </c>
      <c r="AI3480">
        <v>0</v>
      </c>
      <c r="AJ3480">
        <v>0</v>
      </c>
      <c r="AK3480" t="s">
        <v>6</v>
      </c>
      <c r="AL3480">
        <v>0</v>
      </c>
      <c r="AM3480">
        <v>0</v>
      </c>
      <c r="AN3480">
        <v>0</v>
      </c>
      <c r="AO3480">
        <v>0</v>
      </c>
      <c r="AP3480">
        <v>0</v>
      </c>
      <c r="AQ3480">
        <v>0</v>
      </c>
      <c r="AR3480">
        <v>0</v>
      </c>
      <c r="AS3480">
        <v>0</v>
      </c>
      <c r="AT3480">
        <v>0</v>
      </c>
      <c r="AU3480">
        <v>0</v>
      </c>
      <c r="AV3480">
        <v>0</v>
      </c>
      <c r="AW3480">
        <v>0</v>
      </c>
      <c r="AX3480">
        <v>0</v>
      </c>
      <c r="AY3480">
        <v>0</v>
      </c>
      <c r="AZ3480">
        <v>0</v>
      </c>
      <c r="BA3480">
        <v>0</v>
      </c>
    </row>
    <row r="3481" spans="1:53" x14ac:dyDescent="0.4">
      <c r="A3481">
        <v>3525</v>
      </c>
      <c r="B3481" s="1">
        <v>44004</v>
      </c>
      <c r="C3481">
        <v>2</v>
      </c>
      <c r="D3481" s="1">
        <v>44004.44027777778</v>
      </c>
      <c r="E3481" s="1">
        <v>44004.745138888888</v>
      </c>
      <c r="F3481">
        <v>9350</v>
      </c>
      <c r="G3481">
        <v>660</v>
      </c>
      <c r="H3481">
        <v>60</v>
      </c>
      <c r="I3481">
        <v>0</v>
      </c>
      <c r="J3481">
        <v>0</v>
      </c>
      <c r="K3481">
        <v>0</v>
      </c>
      <c r="L3481">
        <v>0</v>
      </c>
      <c r="M3481">
        <v>1007</v>
      </c>
      <c r="N3481">
        <v>0</v>
      </c>
      <c r="O3481">
        <v>0</v>
      </c>
      <c r="P3481">
        <v>13310</v>
      </c>
      <c r="Q3481">
        <v>0</v>
      </c>
      <c r="R3481">
        <v>24387</v>
      </c>
      <c r="S3481">
        <v>0</v>
      </c>
      <c r="T3481">
        <v>0</v>
      </c>
      <c r="U3481">
        <v>0</v>
      </c>
      <c r="V3481">
        <v>0</v>
      </c>
      <c r="W3481">
        <v>0</v>
      </c>
      <c r="X3481">
        <v>0</v>
      </c>
      <c r="Y3481">
        <v>47</v>
      </c>
      <c r="Z3481">
        <v>14</v>
      </c>
      <c r="AA3481">
        <v>165</v>
      </c>
      <c r="AB3481">
        <v>56</v>
      </c>
      <c r="AC3481">
        <v>62</v>
      </c>
      <c r="AD3481">
        <v>66</v>
      </c>
      <c r="AE3481">
        <v>137</v>
      </c>
      <c r="AF3481">
        <v>0</v>
      </c>
      <c r="AG3481">
        <v>74387</v>
      </c>
      <c r="AH3481">
        <v>50000</v>
      </c>
      <c r="AI3481">
        <v>0</v>
      </c>
      <c r="AJ3481">
        <v>107</v>
      </c>
      <c r="AK3481" t="s">
        <v>40</v>
      </c>
      <c r="AL3481">
        <v>0</v>
      </c>
      <c r="AM3481">
        <v>0</v>
      </c>
      <c r="AN3481">
        <v>0</v>
      </c>
      <c r="AO3481">
        <v>0</v>
      </c>
      <c r="AP3481">
        <v>0</v>
      </c>
      <c r="AQ3481">
        <v>0</v>
      </c>
      <c r="AR3481">
        <v>0</v>
      </c>
      <c r="AS3481">
        <v>0</v>
      </c>
      <c r="AT3481">
        <v>0</v>
      </c>
      <c r="AU3481">
        <v>0</v>
      </c>
      <c r="AV3481">
        <v>0</v>
      </c>
      <c r="AW3481">
        <v>0</v>
      </c>
      <c r="AX3481">
        <v>880</v>
      </c>
      <c r="AY3481">
        <v>24</v>
      </c>
      <c r="AZ3481">
        <v>39</v>
      </c>
      <c r="BA3481">
        <v>2989</v>
      </c>
    </row>
    <row r="3482" spans="1:53" x14ac:dyDescent="0.4">
      <c r="A3482">
        <v>3526</v>
      </c>
      <c r="B3482" s="1">
        <v>44005</v>
      </c>
      <c r="C3482">
        <v>1</v>
      </c>
      <c r="D3482" s="1">
        <v>44005.291666666664</v>
      </c>
      <c r="E3482" s="1">
        <v>44005.447222222225</v>
      </c>
      <c r="F3482">
        <v>0</v>
      </c>
      <c r="G3482">
        <v>0</v>
      </c>
      <c r="H3482">
        <v>0</v>
      </c>
      <c r="I3482">
        <v>0</v>
      </c>
      <c r="J3482">
        <v>0</v>
      </c>
      <c r="K3482">
        <v>0</v>
      </c>
      <c r="L3482">
        <v>0</v>
      </c>
      <c r="M3482">
        <v>0</v>
      </c>
      <c r="N3482">
        <v>0</v>
      </c>
      <c r="O3482">
        <v>0</v>
      </c>
      <c r="P3482">
        <v>0</v>
      </c>
      <c r="Q3482">
        <v>0</v>
      </c>
      <c r="R3482">
        <v>0</v>
      </c>
      <c r="S3482">
        <v>0</v>
      </c>
      <c r="T3482">
        <v>0</v>
      </c>
      <c r="U3482">
        <v>0</v>
      </c>
      <c r="V3482">
        <v>0</v>
      </c>
      <c r="W3482">
        <v>0</v>
      </c>
      <c r="X3482">
        <v>0</v>
      </c>
      <c r="Y3482">
        <v>29</v>
      </c>
      <c r="Z3482">
        <v>10</v>
      </c>
      <c r="AA3482">
        <v>120</v>
      </c>
      <c r="AB3482">
        <v>59</v>
      </c>
      <c r="AC3482">
        <v>58</v>
      </c>
      <c r="AD3482">
        <v>66</v>
      </c>
      <c r="AE3482">
        <v>140</v>
      </c>
      <c r="AF3482">
        <v>0</v>
      </c>
      <c r="AG3482">
        <v>50000</v>
      </c>
      <c r="AH3482">
        <v>50000</v>
      </c>
      <c r="AI3482">
        <v>0</v>
      </c>
      <c r="AJ3482">
        <v>0</v>
      </c>
      <c r="AK3482" t="s">
        <v>6</v>
      </c>
      <c r="AL3482">
        <v>0</v>
      </c>
      <c r="AM3482">
        <v>0</v>
      </c>
      <c r="AN3482">
        <v>0</v>
      </c>
      <c r="AO3482">
        <v>0</v>
      </c>
      <c r="AP3482">
        <v>0</v>
      </c>
      <c r="AQ3482">
        <v>0</v>
      </c>
      <c r="AR3482">
        <v>0</v>
      </c>
      <c r="AS3482">
        <v>0</v>
      </c>
      <c r="AT3482">
        <v>0</v>
      </c>
      <c r="AU3482">
        <v>0</v>
      </c>
      <c r="AV3482">
        <v>0</v>
      </c>
      <c r="AW3482">
        <v>0</v>
      </c>
      <c r="AX3482">
        <v>0</v>
      </c>
      <c r="AY3482">
        <v>0</v>
      </c>
      <c r="AZ3482">
        <v>0</v>
      </c>
      <c r="BA3482">
        <v>0</v>
      </c>
    </row>
    <row r="3483" spans="1:53" x14ac:dyDescent="0.4">
      <c r="A3483">
        <v>3527</v>
      </c>
      <c r="B3483" s="1">
        <v>44005</v>
      </c>
      <c r="C3483">
        <v>2</v>
      </c>
      <c r="D3483" s="1">
        <v>44005.447222222225</v>
      </c>
      <c r="E3483" s="1">
        <v>44005.730555555558</v>
      </c>
      <c r="F3483">
        <v>10450</v>
      </c>
      <c r="G3483">
        <v>840</v>
      </c>
      <c r="H3483">
        <v>0</v>
      </c>
      <c r="I3483">
        <v>0</v>
      </c>
      <c r="J3483">
        <v>0</v>
      </c>
      <c r="K3483">
        <v>0</v>
      </c>
      <c r="L3483">
        <v>0</v>
      </c>
      <c r="M3483">
        <v>1129</v>
      </c>
      <c r="N3483">
        <v>0</v>
      </c>
      <c r="O3483">
        <v>0</v>
      </c>
      <c r="P3483">
        <v>9460</v>
      </c>
      <c r="Q3483">
        <v>0</v>
      </c>
      <c r="R3483">
        <v>21879</v>
      </c>
      <c r="S3483">
        <v>0</v>
      </c>
      <c r="T3483">
        <v>0</v>
      </c>
      <c r="U3483">
        <v>0</v>
      </c>
      <c r="V3483">
        <v>0</v>
      </c>
      <c r="W3483">
        <v>0</v>
      </c>
      <c r="X3483">
        <v>0</v>
      </c>
      <c r="Y3483">
        <v>47</v>
      </c>
      <c r="Z3483">
        <v>22</v>
      </c>
      <c r="AA3483">
        <v>100</v>
      </c>
      <c r="AB3483">
        <v>56</v>
      </c>
      <c r="AC3483">
        <v>58</v>
      </c>
      <c r="AD3483">
        <v>70</v>
      </c>
      <c r="AE3483">
        <v>149</v>
      </c>
      <c r="AF3483">
        <v>0</v>
      </c>
      <c r="AG3483">
        <v>71879</v>
      </c>
      <c r="AH3483">
        <v>50000</v>
      </c>
      <c r="AI3483">
        <v>0</v>
      </c>
      <c r="AJ3483">
        <v>107</v>
      </c>
      <c r="AK3483" t="s">
        <v>40</v>
      </c>
      <c r="AL3483">
        <v>0</v>
      </c>
      <c r="AM3483">
        <v>0</v>
      </c>
      <c r="AN3483">
        <v>0</v>
      </c>
      <c r="AO3483">
        <v>0</v>
      </c>
      <c r="AP3483">
        <v>0</v>
      </c>
      <c r="AQ3483">
        <v>0</v>
      </c>
      <c r="AR3483">
        <v>0</v>
      </c>
      <c r="AS3483">
        <v>0</v>
      </c>
      <c r="AT3483">
        <v>0</v>
      </c>
      <c r="AU3483">
        <v>0</v>
      </c>
      <c r="AV3483">
        <v>0</v>
      </c>
      <c r="AW3483">
        <v>0</v>
      </c>
      <c r="AX3483">
        <v>-892</v>
      </c>
      <c r="AY3483">
        <v>21</v>
      </c>
      <c r="AZ3483">
        <v>33</v>
      </c>
      <c r="BA3483">
        <v>2580</v>
      </c>
    </row>
    <row r="3484" spans="1:53" x14ac:dyDescent="0.4">
      <c r="A3484">
        <v>3528</v>
      </c>
      <c r="B3484" s="1">
        <v>44005</v>
      </c>
      <c r="C3484">
        <v>3</v>
      </c>
      <c r="D3484" s="1">
        <v>44005.730555555558</v>
      </c>
      <c r="E3484" s="1">
        <v>44006.019444444442</v>
      </c>
      <c r="F3484">
        <v>25800</v>
      </c>
      <c r="G3484">
        <v>1460</v>
      </c>
      <c r="H3484">
        <v>90</v>
      </c>
      <c r="I3484">
        <v>0</v>
      </c>
      <c r="J3484">
        <v>200</v>
      </c>
      <c r="K3484">
        <v>0</v>
      </c>
      <c r="L3484">
        <v>0</v>
      </c>
      <c r="M3484">
        <v>2714</v>
      </c>
      <c r="N3484">
        <v>0</v>
      </c>
      <c r="O3484">
        <v>0</v>
      </c>
      <c r="P3484">
        <v>12842</v>
      </c>
      <c r="Q3484">
        <v>0</v>
      </c>
      <c r="R3484">
        <v>42706</v>
      </c>
      <c r="S3484">
        <v>0</v>
      </c>
      <c r="T3484">
        <v>0</v>
      </c>
      <c r="U3484">
        <v>0</v>
      </c>
      <c r="V3484">
        <v>3</v>
      </c>
      <c r="W3484">
        <v>1</v>
      </c>
      <c r="X3484">
        <v>0</v>
      </c>
      <c r="Y3484">
        <v>50</v>
      </c>
      <c r="Z3484">
        <v>20</v>
      </c>
      <c r="AA3484">
        <v>94</v>
      </c>
      <c r="AB3484">
        <v>56</v>
      </c>
      <c r="AC3484">
        <v>60</v>
      </c>
      <c r="AD3484">
        <v>73</v>
      </c>
      <c r="AE3484">
        <v>158</v>
      </c>
      <c r="AF3484">
        <v>6262</v>
      </c>
      <c r="AG3484">
        <v>114585</v>
      </c>
      <c r="AH3484">
        <v>50000</v>
      </c>
      <c r="AI3484">
        <v>0</v>
      </c>
      <c r="AJ3484">
        <v>95</v>
      </c>
      <c r="AK3484" t="s">
        <v>21</v>
      </c>
      <c r="AL3484">
        <v>0</v>
      </c>
      <c r="AM3484">
        <v>0</v>
      </c>
      <c r="AN3484">
        <v>0</v>
      </c>
      <c r="AO3484">
        <v>0</v>
      </c>
      <c r="AP3484">
        <v>0</v>
      </c>
      <c r="AQ3484">
        <v>0</v>
      </c>
      <c r="AR3484">
        <v>0</v>
      </c>
      <c r="AS3484">
        <v>0</v>
      </c>
      <c r="AT3484">
        <v>0</v>
      </c>
      <c r="AU3484">
        <v>0</v>
      </c>
      <c r="AV3484">
        <v>0</v>
      </c>
      <c r="AW3484">
        <v>0</v>
      </c>
      <c r="AX3484">
        <v>-8827</v>
      </c>
      <c r="AY3484">
        <v>10</v>
      </c>
      <c r="AZ3484">
        <v>30</v>
      </c>
      <c r="BA3484">
        <v>2097</v>
      </c>
    </row>
    <row r="3485" spans="1:53" x14ac:dyDescent="0.4">
      <c r="A3485">
        <v>3529</v>
      </c>
      <c r="B3485" s="1">
        <v>44006</v>
      </c>
      <c r="C3485">
        <v>1</v>
      </c>
      <c r="D3485" s="1">
        <v>44006.291666666664</v>
      </c>
      <c r="E3485" s="1">
        <v>44006.436111111114</v>
      </c>
      <c r="F3485">
        <v>0</v>
      </c>
      <c r="G3485">
        <v>0</v>
      </c>
      <c r="H3485">
        <v>0</v>
      </c>
      <c r="I3485">
        <v>0</v>
      </c>
      <c r="J3485">
        <v>0</v>
      </c>
      <c r="K3485">
        <v>0</v>
      </c>
      <c r="L3485">
        <v>0</v>
      </c>
      <c r="M3485">
        <v>0</v>
      </c>
      <c r="N3485">
        <v>0</v>
      </c>
      <c r="O3485">
        <v>0</v>
      </c>
      <c r="P3485">
        <v>0</v>
      </c>
      <c r="Q3485">
        <v>0</v>
      </c>
      <c r="R3485">
        <v>0</v>
      </c>
      <c r="S3485">
        <v>0</v>
      </c>
      <c r="T3485">
        <v>0</v>
      </c>
      <c r="U3485">
        <v>0</v>
      </c>
      <c r="V3485">
        <v>0</v>
      </c>
      <c r="W3485">
        <v>0</v>
      </c>
      <c r="X3485">
        <v>0</v>
      </c>
      <c r="Y3485">
        <v>31</v>
      </c>
      <c r="Z3485">
        <v>15</v>
      </c>
      <c r="AA3485">
        <v>86</v>
      </c>
      <c r="AB3485">
        <v>55</v>
      </c>
      <c r="AC3485">
        <v>64</v>
      </c>
      <c r="AD3485">
        <v>71</v>
      </c>
      <c r="AE3485">
        <v>155</v>
      </c>
      <c r="AF3485">
        <v>0</v>
      </c>
      <c r="AG3485">
        <v>51000</v>
      </c>
      <c r="AH3485">
        <v>50000</v>
      </c>
      <c r="AI3485">
        <v>1000</v>
      </c>
      <c r="AJ3485">
        <v>0</v>
      </c>
      <c r="AK3485" t="s">
        <v>6</v>
      </c>
      <c r="AL3485">
        <v>0</v>
      </c>
      <c r="AM3485">
        <v>0</v>
      </c>
      <c r="AN3485">
        <v>0</v>
      </c>
      <c r="AO3485">
        <v>0</v>
      </c>
      <c r="AP3485">
        <v>0</v>
      </c>
      <c r="AQ3485">
        <v>0</v>
      </c>
      <c r="AR3485">
        <v>0</v>
      </c>
      <c r="AS3485">
        <v>0</v>
      </c>
      <c r="AT3485">
        <v>0</v>
      </c>
      <c r="AU3485">
        <v>0</v>
      </c>
      <c r="AV3485">
        <v>0</v>
      </c>
      <c r="AW3485">
        <v>0</v>
      </c>
      <c r="AX3485">
        <v>0</v>
      </c>
      <c r="AY3485">
        <v>0</v>
      </c>
      <c r="AZ3485">
        <v>0</v>
      </c>
      <c r="BA3485">
        <v>0</v>
      </c>
    </row>
    <row r="3486" spans="1:53" x14ac:dyDescent="0.4">
      <c r="A3486">
        <v>3530</v>
      </c>
      <c r="B3486" s="1">
        <v>44006</v>
      </c>
      <c r="C3486">
        <v>2</v>
      </c>
      <c r="D3486" s="1">
        <v>44006.436111111114</v>
      </c>
      <c r="E3486" s="1">
        <v>44006.743750000001</v>
      </c>
      <c r="F3486">
        <v>7150</v>
      </c>
      <c r="G3486">
        <v>0</v>
      </c>
      <c r="H3486">
        <v>0</v>
      </c>
      <c r="I3486">
        <v>0</v>
      </c>
      <c r="J3486">
        <v>0</v>
      </c>
      <c r="K3486">
        <v>0</v>
      </c>
      <c r="L3486">
        <v>0</v>
      </c>
      <c r="M3486">
        <v>715</v>
      </c>
      <c r="N3486">
        <v>0</v>
      </c>
      <c r="O3486">
        <v>0</v>
      </c>
      <c r="P3486">
        <v>9680</v>
      </c>
      <c r="Q3486">
        <v>0</v>
      </c>
      <c r="R3486">
        <v>17545</v>
      </c>
      <c r="S3486">
        <v>0</v>
      </c>
      <c r="T3486">
        <v>0</v>
      </c>
      <c r="U3486">
        <v>0</v>
      </c>
      <c r="V3486">
        <v>1</v>
      </c>
      <c r="W3486">
        <v>1</v>
      </c>
      <c r="X3486">
        <v>0</v>
      </c>
      <c r="Y3486">
        <v>26</v>
      </c>
      <c r="Z3486">
        <v>24</v>
      </c>
      <c r="AA3486">
        <v>103</v>
      </c>
      <c r="AB3486">
        <v>60</v>
      </c>
      <c r="AC3486">
        <v>72</v>
      </c>
      <c r="AD3486">
        <v>73</v>
      </c>
      <c r="AE3486">
        <v>160</v>
      </c>
      <c r="AF3486">
        <v>0</v>
      </c>
      <c r="AG3486">
        <v>67545</v>
      </c>
      <c r="AH3486">
        <v>50000</v>
      </c>
      <c r="AI3486">
        <v>0</v>
      </c>
      <c r="AJ3486">
        <v>107</v>
      </c>
      <c r="AK3486" t="s">
        <v>40</v>
      </c>
      <c r="AL3486">
        <v>0</v>
      </c>
      <c r="AM3486">
        <v>0</v>
      </c>
      <c r="AN3486">
        <v>0</v>
      </c>
      <c r="AO3486">
        <v>0</v>
      </c>
      <c r="AP3486">
        <v>0</v>
      </c>
      <c r="AQ3486">
        <v>0</v>
      </c>
      <c r="AR3486">
        <v>0</v>
      </c>
      <c r="AS3486">
        <v>0</v>
      </c>
      <c r="AT3486">
        <v>0</v>
      </c>
      <c r="AU3486">
        <v>0</v>
      </c>
      <c r="AV3486">
        <v>0</v>
      </c>
      <c r="AW3486">
        <v>0</v>
      </c>
      <c r="AX3486">
        <v>583</v>
      </c>
      <c r="AY3486">
        <v>16</v>
      </c>
      <c r="AZ3486">
        <v>29</v>
      </c>
      <c r="BA3486">
        <v>2007</v>
      </c>
    </row>
    <row r="3487" spans="1:53" x14ac:dyDescent="0.4">
      <c r="A3487">
        <v>3531</v>
      </c>
      <c r="B3487" s="1">
        <v>44007</v>
      </c>
      <c r="C3487">
        <v>1</v>
      </c>
      <c r="D3487" s="1">
        <v>44007.291666666664</v>
      </c>
      <c r="E3487" s="1">
        <v>44007.441666666666</v>
      </c>
      <c r="F3487">
        <v>0</v>
      </c>
      <c r="G3487">
        <v>0</v>
      </c>
      <c r="H3487">
        <v>0</v>
      </c>
      <c r="I3487">
        <v>0</v>
      </c>
      <c r="J3487">
        <v>0</v>
      </c>
      <c r="K3487">
        <v>0</v>
      </c>
      <c r="L3487">
        <v>0</v>
      </c>
      <c r="M3487">
        <v>0</v>
      </c>
      <c r="N3487">
        <v>0</v>
      </c>
      <c r="O3487">
        <v>0</v>
      </c>
      <c r="P3487">
        <v>0</v>
      </c>
      <c r="Q3487">
        <v>0</v>
      </c>
      <c r="R3487">
        <v>0</v>
      </c>
      <c r="S3487">
        <v>0</v>
      </c>
      <c r="T3487">
        <v>0</v>
      </c>
      <c r="U3487">
        <v>0</v>
      </c>
      <c r="V3487">
        <v>0</v>
      </c>
      <c r="W3487">
        <v>0</v>
      </c>
      <c r="X3487">
        <v>0</v>
      </c>
      <c r="Y3487">
        <v>31</v>
      </c>
      <c r="Z3487">
        <v>8</v>
      </c>
      <c r="AA3487">
        <v>106</v>
      </c>
      <c r="AB3487">
        <v>64</v>
      </c>
      <c r="AC3487">
        <v>74</v>
      </c>
      <c r="AD3487">
        <v>69</v>
      </c>
      <c r="AE3487">
        <v>115</v>
      </c>
      <c r="AF3487">
        <v>0</v>
      </c>
      <c r="AG3487">
        <v>50000</v>
      </c>
      <c r="AH3487">
        <v>50000</v>
      </c>
      <c r="AI3487">
        <v>0</v>
      </c>
      <c r="AJ3487">
        <v>0</v>
      </c>
      <c r="AK3487" t="s">
        <v>6</v>
      </c>
      <c r="AL3487">
        <v>0</v>
      </c>
      <c r="AM3487">
        <v>0</v>
      </c>
      <c r="AN3487">
        <v>0</v>
      </c>
      <c r="AO3487">
        <v>0</v>
      </c>
      <c r="AP3487">
        <v>0</v>
      </c>
      <c r="AQ3487">
        <v>0</v>
      </c>
      <c r="AR3487">
        <v>0</v>
      </c>
      <c r="AS3487">
        <v>0</v>
      </c>
      <c r="AT3487">
        <v>0</v>
      </c>
      <c r="AU3487">
        <v>0</v>
      </c>
      <c r="AV3487">
        <v>0</v>
      </c>
      <c r="AW3487">
        <v>0</v>
      </c>
      <c r="AX3487">
        <v>0</v>
      </c>
      <c r="AY3487">
        <v>0</v>
      </c>
      <c r="AZ3487">
        <v>0</v>
      </c>
      <c r="BA3487">
        <v>0</v>
      </c>
    </row>
    <row r="3488" spans="1:53" x14ac:dyDescent="0.4">
      <c r="A3488">
        <v>3532</v>
      </c>
      <c r="B3488" s="1">
        <v>44007</v>
      </c>
      <c r="C3488">
        <v>2</v>
      </c>
      <c r="D3488" s="1">
        <v>44007.441666666666</v>
      </c>
      <c r="E3488" s="1">
        <v>44007.736111111109</v>
      </c>
      <c r="F3488">
        <v>10450</v>
      </c>
      <c r="G3488">
        <v>0</v>
      </c>
      <c r="H3488">
        <v>30</v>
      </c>
      <c r="I3488">
        <v>0</v>
      </c>
      <c r="J3488">
        <v>0</v>
      </c>
      <c r="K3488">
        <v>0</v>
      </c>
      <c r="L3488">
        <v>0</v>
      </c>
      <c r="M3488">
        <v>1048</v>
      </c>
      <c r="N3488">
        <v>0</v>
      </c>
      <c r="O3488">
        <v>0</v>
      </c>
      <c r="P3488">
        <v>7865</v>
      </c>
      <c r="Q3488">
        <v>0</v>
      </c>
      <c r="R3488">
        <v>19393</v>
      </c>
      <c r="S3488">
        <v>0</v>
      </c>
      <c r="T3488">
        <v>0</v>
      </c>
      <c r="U3488">
        <v>0</v>
      </c>
      <c r="V3488">
        <v>0</v>
      </c>
      <c r="W3488">
        <v>0</v>
      </c>
      <c r="X3488">
        <v>0</v>
      </c>
      <c r="Y3488">
        <v>50</v>
      </c>
      <c r="Z3488">
        <v>15</v>
      </c>
      <c r="AA3488">
        <v>63</v>
      </c>
      <c r="AB3488">
        <v>62</v>
      </c>
      <c r="AC3488">
        <v>82</v>
      </c>
      <c r="AD3488">
        <v>65</v>
      </c>
      <c r="AE3488">
        <v>138</v>
      </c>
      <c r="AF3488">
        <v>1210</v>
      </c>
      <c r="AG3488">
        <v>69393</v>
      </c>
      <c r="AH3488">
        <v>50000</v>
      </c>
      <c r="AI3488">
        <v>0</v>
      </c>
      <c r="AJ3488">
        <v>97</v>
      </c>
      <c r="AK3488" t="s">
        <v>33</v>
      </c>
      <c r="AL3488">
        <v>0</v>
      </c>
      <c r="AM3488">
        <v>0</v>
      </c>
      <c r="AN3488">
        <v>0</v>
      </c>
      <c r="AO3488">
        <v>0</v>
      </c>
      <c r="AP3488">
        <v>0</v>
      </c>
      <c r="AQ3488">
        <v>0</v>
      </c>
      <c r="AR3488">
        <v>0</v>
      </c>
      <c r="AS3488">
        <v>0</v>
      </c>
      <c r="AT3488">
        <v>0</v>
      </c>
      <c r="AU3488">
        <v>0</v>
      </c>
      <c r="AV3488">
        <v>0</v>
      </c>
      <c r="AW3488">
        <v>0</v>
      </c>
      <c r="AX3488">
        <v>0</v>
      </c>
      <c r="AY3488">
        <v>22</v>
      </c>
      <c r="AZ3488">
        <v>32</v>
      </c>
      <c r="BA3488">
        <v>2963</v>
      </c>
    </row>
    <row r="3489" spans="1:53" x14ac:dyDescent="0.4">
      <c r="A3489">
        <v>3533</v>
      </c>
      <c r="B3489" s="1">
        <v>44008</v>
      </c>
      <c r="C3489">
        <v>1</v>
      </c>
      <c r="D3489" s="1">
        <v>44008.291666666664</v>
      </c>
      <c r="E3489" s="1">
        <v>44008.436111111114</v>
      </c>
      <c r="F3489">
        <v>0</v>
      </c>
      <c r="G3489">
        <v>0</v>
      </c>
      <c r="H3489">
        <v>0</v>
      </c>
      <c r="I3489">
        <v>0</v>
      </c>
      <c r="J3489">
        <v>0</v>
      </c>
      <c r="K3489">
        <v>0</v>
      </c>
      <c r="L3489">
        <v>0</v>
      </c>
      <c r="M3489">
        <v>0</v>
      </c>
      <c r="N3489">
        <v>0</v>
      </c>
      <c r="O3489">
        <v>0</v>
      </c>
      <c r="P3489">
        <v>0</v>
      </c>
      <c r="Q3489">
        <v>0</v>
      </c>
      <c r="R3489">
        <v>0</v>
      </c>
      <c r="S3489">
        <v>0</v>
      </c>
      <c r="T3489">
        <v>0</v>
      </c>
      <c r="U3489">
        <v>0</v>
      </c>
      <c r="V3489">
        <v>0</v>
      </c>
      <c r="W3489">
        <v>0</v>
      </c>
      <c r="X3489">
        <v>0</v>
      </c>
      <c r="Y3489">
        <v>37</v>
      </c>
      <c r="Z3489">
        <v>7</v>
      </c>
      <c r="AA3489">
        <v>55</v>
      </c>
      <c r="AB3489">
        <v>55</v>
      </c>
      <c r="AC3489">
        <v>82</v>
      </c>
      <c r="AD3489">
        <v>60</v>
      </c>
      <c r="AE3489">
        <v>130</v>
      </c>
      <c r="AF3489">
        <v>0</v>
      </c>
      <c r="AG3489">
        <v>50000</v>
      </c>
      <c r="AH3489">
        <v>50000</v>
      </c>
      <c r="AI3489">
        <v>0</v>
      </c>
      <c r="AJ3489">
        <v>0</v>
      </c>
      <c r="AK3489" t="s">
        <v>6</v>
      </c>
      <c r="AL3489">
        <v>0</v>
      </c>
      <c r="AM3489">
        <v>0</v>
      </c>
      <c r="AN3489">
        <v>0</v>
      </c>
      <c r="AO3489">
        <v>0</v>
      </c>
      <c r="AP3489">
        <v>0</v>
      </c>
      <c r="AQ3489">
        <v>0</v>
      </c>
      <c r="AR3489">
        <v>0</v>
      </c>
      <c r="AS3489">
        <v>0</v>
      </c>
      <c r="AT3489">
        <v>0</v>
      </c>
      <c r="AU3489">
        <v>0</v>
      </c>
      <c r="AV3489">
        <v>0</v>
      </c>
      <c r="AW3489">
        <v>0</v>
      </c>
      <c r="AX3489">
        <v>0</v>
      </c>
      <c r="AY3489">
        <v>0</v>
      </c>
      <c r="AZ3489">
        <v>0</v>
      </c>
      <c r="BA3489">
        <v>0</v>
      </c>
    </row>
    <row r="3490" spans="1:53" x14ac:dyDescent="0.4">
      <c r="A3490">
        <v>3534</v>
      </c>
      <c r="B3490" s="1">
        <v>44008</v>
      </c>
      <c r="C3490">
        <v>2</v>
      </c>
      <c r="D3490" s="1">
        <v>44008.436111111114</v>
      </c>
      <c r="E3490" s="1">
        <v>44008.750694444447</v>
      </c>
      <c r="F3490">
        <v>15400</v>
      </c>
      <c r="G3490">
        <v>0</v>
      </c>
      <c r="H3490">
        <v>0</v>
      </c>
      <c r="I3490">
        <v>0</v>
      </c>
      <c r="J3490">
        <v>0</v>
      </c>
      <c r="K3490">
        <v>0</v>
      </c>
      <c r="L3490">
        <v>0</v>
      </c>
      <c r="M3490">
        <v>1540</v>
      </c>
      <c r="N3490">
        <v>0</v>
      </c>
      <c r="O3490">
        <v>0</v>
      </c>
      <c r="P3490">
        <v>15125</v>
      </c>
      <c r="Q3490">
        <v>0</v>
      </c>
      <c r="R3490">
        <v>32065</v>
      </c>
      <c r="S3490">
        <v>0</v>
      </c>
      <c r="T3490">
        <v>0</v>
      </c>
      <c r="U3490">
        <v>0</v>
      </c>
      <c r="V3490">
        <v>1</v>
      </c>
      <c r="W3490">
        <v>2</v>
      </c>
      <c r="X3490">
        <v>0</v>
      </c>
      <c r="Y3490">
        <v>44</v>
      </c>
      <c r="Z3490">
        <v>15</v>
      </c>
      <c r="AA3490">
        <v>61</v>
      </c>
      <c r="AB3490">
        <v>51</v>
      </c>
      <c r="AC3490">
        <v>81</v>
      </c>
      <c r="AD3490">
        <v>71</v>
      </c>
      <c r="AE3490">
        <v>145</v>
      </c>
      <c r="AF3490">
        <v>605</v>
      </c>
      <c r="AG3490">
        <v>82065</v>
      </c>
      <c r="AH3490">
        <v>50000</v>
      </c>
      <c r="AI3490">
        <v>0</v>
      </c>
      <c r="AJ3490">
        <v>107</v>
      </c>
      <c r="AK3490" t="s">
        <v>40</v>
      </c>
      <c r="AL3490">
        <v>0</v>
      </c>
      <c r="AM3490">
        <v>0</v>
      </c>
      <c r="AN3490">
        <v>0</v>
      </c>
      <c r="AO3490">
        <v>0</v>
      </c>
      <c r="AP3490">
        <v>0</v>
      </c>
      <c r="AQ3490">
        <v>0</v>
      </c>
      <c r="AR3490">
        <v>0</v>
      </c>
      <c r="AS3490">
        <v>0</v>
      </c>
      <c r="AT3490">
        <v>0</v>
      </c>
      <c r="AU3490">
        <v>0</v>
      </c>
      <c r="AV3490">
        <v>0</v>
      </c>
      <c r="AW3490">
        <v>0</v>
      </c>
      <c r="AX3490">
        <v>-825</v>
      </c>
      <c r="AY3490">
        <v>33</v>
      </c>
      <c r="AZ3490">
        <v>53</v>
      </c>
      <c r="BA3490">
        <v>4083</v>
      </c>
    </row>
    <row r="3491" spans="1:53" x14ac:dyDescent="0.4">
      <c r="A3491">
        <v>3535</v>
      </c>
      <c r="B3491" s="1">
        <v>44009</v>
      </c>
      <c r="C3491">
        <v>1</v>
      </c>
      <c r="D3491" s="1">
        <v>44009.291666666664</v>
      </c>
      <c r="E3491" s="1">
        <v>44009.397916666669</v>
      </c>
      <c r="F3491">
        <v>0</v>
      </c>
      <c r="G3491">
        <v>0</v>
      </c>
      <c r="H3491">
        <v>0</v>
      </c>
      <c r="I3491">
        <v>0</v>
      </c>
      <c r="J3491">
        <v>0</v>
      </c>
      <c r="K3491">
        <v>0</v>
      </c>
      <c r="L3491">
        <v>0</v>
      </c>
      <c r="M3491">
        <v>0</v>
      </c>
      <c r="N3491">
        <v>0</v>
      </c>
      <c r="O3491">
        <v>0</v>
      </c>
      <c r="P3491">
        <v>0</v>
      </c>
      <c r="Q3491">
        <v>0</v>
      </c>
      <c r="R3491">
        <v>0</v>
      </c>
      <c r="S3491">
        <v>0</v>
      </c>
      <c r="T3491">
        <v>0</v>
      </c>
      <c r="U3491">
        <v>0</v>
      </c>
      <c r="V3491">
        <v>0</v>
      </c>
      <c r="W3491">
        <v>1</v>
      </c>
      <c r="X3491">
        <v>0</v>
      </c>
      <c r="Y3491">
        <v>30</v>
      </c>
      <c r="Z3491">
        <v>9</v>
      </c>
      <c r="AA3491">
        <v>66</v>
      </c>
      <c r="AB3491">
        <v>51</v>
      </c>
      <c r="AC3491">
        <v>92</v>
      </c>
      <c r="AD3491">
        <v>66</v>
      </c>
      <c r="AE3491">
        <v>100</v>
      </c>
      <c r="AF3491">
        <v>0</v>
      </c>
      <c r="AG3491">
        <v>50000</v>
      </c>
      <c r="AH3491">
        <v>50000</v>
      </c>
      <c r="AI3491">
        <v>0</v>
      </c>
      <c r="AJ3491">
        <v>0</v>
      </c>
      <c r="AK3491" t="s">
        <v>6</v>
      </c>
      <c r="AL3491">
        <v>0</v>
      </c>
      <c r="AM3491">
        <v>0</v>
      </c>
      <c r="AN3491">
        <v>0</v>
      </c>
      <c r="AO3491">
        <v>0</v>
      </c>
      <c r="AP3491">
        <v>0</v>
      </c>
      <c r="AQ3491">
        <v>0</v>
      </c>
      <c r="AR3491">
        <v>0</v>
      </c>
      <c r="AS3491">
        <v>0</v>
      </c>
      <c r="AT3491">
        <v>0</v>
      </c>
      <c r="AU3491">
        <v>0</v>
      </c>
      <c r="AV3491">
        <v>0</v>
      </c>
      <c r="AW3491">
        <v>0</v>
      </c>
      <c r="AX3491">
        <v>0</v>
      </c>
      <c r="AY3491">
        <v>0</v>
      </c>
      <c r="AZ3491">
        <v>0</v>
      </c>
      <c r="BA3491">
        <v>0</v>
      </c>
    </row>
    <row r="3492" spans="1:53" x14ac:dyDescent="0.4">
      <c r="A3492">
        <v>3536</v>
      </c>
      <c r="B3492" s="1">
        <v>44009</v>
      </c>
      <c r="C3492">
        <v>2</v>
      </c>
      <c r="D3492" s="1">
        <v>44009.397916666669</v>
      </c>
      <c r="E3492" s="1">
        <v>44009.734722222223</v>
      </c>
      <c r="F3492">
        <v>40700</v>
      </c>
      <c r="G3492">
        <v>3560</v>
      </c>
      <c r="H3492">
        <v>60</v>
      </c>
      <c r="I3492">
        <v>0</v>
      </c>
      <c r="J3492">
        <v>0</v>
      </c>
      <c r="K3492">
        <v>400</v>
      </c>
      <c r="L3492">
        <v>0</v>
      </c>
      <c r="M3492">
        <v>4472</v>
      </c>
      <c r="N3492">
        <v>0</v>
      </c>
      <c r="O3492">
        <v>0</v>
      </c>
      <c r="P3492">
        <v>15125</v>
      </c>
      <c r="Q3492">
        <v>0</v>
      </c>
      <c r="R3492">
        <v>64317</v>
      </c>
      <c r="S3492">
        <v>0</v>
      </c>
      <c r="T3492">
        <v>0</v>
      </c>
      <c r="U3492">
        <v>0</v>
      </c>
      <c r="V3492">
        <v>2</v>
      </c>
      <c r="W3492">
        <v>1</v>
      </c>
      <c r="X3492">
        <v>0</v>
      </c>
      <c r="Y3492">
        <v>67</v>
      </c>
      <c r="Z3492">
        <v>24</v>
      </c>
      <c r="AA3492">
        <v>50</v>
      </c>
      <c r="AB3492">
        <v>45</v>
      </c>
      <c r="AC3492">
        <v>76</v>
      </c>
      <c r="AD3492">
        <v>76</v>
      </c>
      <c r="AE3492">
        <v>112</v>
      </c>
      <c r="AF3492">
        <v>1815</v>
      </c>
      <c r="AG3492">
        <v>114317</v>
      </c>
      <c r="AH3492">
        <v>50000</v>
      </c>
      <c r="AI3492">
        <v>0</v>
      </c>
      <c r="AJ3492">
        <v>97</v>
      </c>
      <c r="AK3492" t="s">
        <v>33</v>
      </c>
      <c r="AL3492">
        <v>0</v>
      </c>
      <c r="AM3492">
        <v>0</v>
      </c>
      <c r="AN3492">
        <v>0</v>
      </c>
      <c r="AO3492">
        <v>0</v>
      </c>
      <c r="AP3492">
        <v>0</v>
      </c>
      <c r="AQ3492">
        <v>0</v>
      </c>
      <c r="AR3492">
        <v>0</v>
      </c>
      <c r="AS3492">
        <v>0</v>
      </c>
      <c r="AT3492">
        <v>0</v>
      </c>
      <c r="AU3492">
        <v>0</v>
      </c>
      <c r="AV3492">
        <v>0</v>
      </c>
      <c r="AW3492">
        <v>0</v>
      </c>
      <c r="AX3492">
        <v>-1969</v>
      </c>
      <c r="AY3492">
        <v>44</v>
      </c>
      <c r="AZ3492">
        <v>90</v>
      </c>
      <c r="BA3492">
        <v>7252</v>
      </c>
    </row>
    <row r="3493" spans="1:53" x14ac:dyDescent="0.4">
      <c r="A3493">
        <v>3537</v>
      </c>
      <c r="B3493" s="1">
        <v>44010</v>
      </c>
      <c r="C3493">
        <v>1</v>
      </c>
      <c r="D3493" s="1">
        <v>44010.291666666664</v>
      </c>
      <c r="E3493" s="1">
        <v>44010.39166666667</v>
      </c>
      <c r="F3493">
        <v>0</v>
      </c>
      <c r="G3493">
        <v>0</v>
      </c>
      <c r="H3493">
        <v>0</v>
      </c>
      <c r="I3493">
        <v>0</v>
      </c>
      <c r="J3493">
        <v>0</v>
      </c>
      <c r="K3493">
        <v>0</v>
      </c>
      <c r="L3493">
        <v>0</v>
      </c>
      <c r="M3493">
        <v>0</v>
      </c>
      <c r="N3493">
        <v>0</v>
      </c>
      <c r="O3493">
        <v>0</v>
      </c>
      <c r="P3493">
        <v>0</v>
      </c>
      <c r="Q3493">
        <v>0</v>
      </c>
      <c r="R3493">
        <v>0</v>
      </c>
      <c r="S3493">
        <v>0</v>
      </c>
      <c r="T3493">
        <v>0</v>
      </c>
      <c r="U3493">
        <v>0</v>
      </c>
      <c r="V3493">
        <v>0</v>
      </c>
      <c r="W3493">
        <v>0</v>
      </c>
      <c r="X3493">
        <v>0</v>
      </c>
      <c r="Y3493">
        <v>34</v>
      </c>
      <c r="Z3493">
        <v>10</v>
      </c>
      <c r="AA3493">
        <v>75</v>
      </c>
      <c r="AB3493">
        <v>46</v>
      </c>
      <c r="AC3493">
        <v>68</v>
      </c>
      <c r="AD3493">
        <v>79</v>
      </c>
      <c r="AE3493">
        <v>125</v>
      </c>
      <c r="AF3493">
        <v>0</v>
      </c>
      <c r="AG3493">
        <v>50000</v>
      </c>
      <c r="AH3493">
        <v>50000</v>
      </c>
      <c r="AI3493">
        <v>0</v>
      </c>
      <c r="AJ3493">
        <v>0</v>
      </c>
      <c r="AK3493" t="s">
        <v>6</v>
      </c>
      <c r="AL3493">
        <v>0</v>
      </c>
      <c r="AM3493">
        <v>0</v>
      </c>
      <c r="AN3493">
        <v>0</v>
      </c>
      <c r="AO3493">
        <v>0</v>
      </c>
      <c r="AP3493">
        <v>0</v>
      </c>
      <c r="AQ3493">
        <v>0</v>
      </c>
      <c r="AR3493">
        <v>0</v>
      </c>
      <c r="AS3493">
        <v>0</v>
      </c>
      <c r="AT3493">
        <v>0</v>
      </c>
      <c r="AU3493">
        <v>0</v>
      </c>
      <c r="AV3493">
        <v>0</v>
      </c>
      <c r="AW3493">
        <v>0</v>
      </c>
      <c r="AX3493">
        <v>0</v>
      </c>
      <c r="AY3493">
        <v>0</v>
      </c>
      <c r="AZ3493">
        <v>0</v>
      </c>
      <c r="BA3493">
        <v>0</v>
      </c>
    </row>
    <row r="3494" spans="1:53" x14ac:dyDescent="0.4">
      <c r="A3494">
        <v>3538</v>
      </c>
      <c r="B3494" s="1">
        <v>44010</v>
      </c>
      <c r="C3494">
        <v>2</v>
      </c>
      <c r="D3494" s="1">
        <v>44010.39166666667</v>
      </c>
      <c r="E3494" s="1">
        <v>44010.754166666666</v>
      </c>
      <c r="F3494">
        <v>44000</v>
      </c>
      <c r="G3494">
        <v>2420</v>
      </c>
      <c r="H3494">
        <v>60</v>
      </c>
      <c r="I3494">
        <v>0</v>
      </c>
      <c r="J3494">
        <v>0</v>
      </c>
      <c r="K3494">
        <v>800</v>
      </c>
      <c r="L3494">
        <v>0</v>
      </c>
      <c r="M3494">
        <v>4728</v>
      </c>
      <c r="N3494">
        <v>0</v>
      </c>
      <c r="O3494">
        <v>0</v>
      </c>
      <c r="P3494">
        <v>18755</v>
      </c>
      <c r="Q3494">
        <v>0</v>
      </c>
      <c r="R3494">
        <v>70763</v>
      </c>
      <c r="S3494">
        <v>0</v>
      </c>
      <c r="T3494">
        <v>0</v>
      </c>
      <c r="U3494">
        <v>0</v>
      </c>
      <c r="V3494">
        <v>2</v>
      </c>
      <c r="W3494">
        <v>3</v>
      </c>
      <c r="X3494">
        <v>0</v>
      </c>
      <c r="Y3494">
        <v>63</v>
      </c>
      <c r="Z3494">
        <v>26</v>
      </c>
      <c r="AA3494">
        <v>66</v>
      </c>
      <c r="AB3494">
        <v>36</v>
      </c>
      <c r="AC3494">
        <v>22</v>
      </c>
      <c r="AD3494">
        <v>73</v>
      </c>
      <c r="AE3494">
        <v>173</v>
      </c>
      <c r="AF3494">
        <v>605</v>
      </c>
      <c r="AG3494">
        <v>120763</v>
      </c>
      <c r="AH3494">
        <v>50000</v>
      </c>
      <c r="AI3494">
        <v>0</v>
      </c>
      <c r="AJ3494">
        <v>107</v>
      </c>
      <c r="AK3494" t="s">
        <v>40</v>
      </c>
      <c r="AL3494">
        <v>0</v>
      </c>
      <c r="AM3494">
        <v>0</v>
      </c>
      <c r="AN3494">
        <v>0</v>
      </c>
      <c r="AO3494">
        <v>0</v>
      </c>
      <c r="AP3494">
        <v>0</v>
      </c>
      <c r="AQ3494">
        <v>0</v>
      </c>
      <c r="AR3494">
        <v>0</v>
      </c>
      <c r="AS3494">
        <v>0</v>
      </c>
      <c r="AT3494">
        <v>0</v>
      </c>
      <c r="AU3494">
        <v>0</v>
      </c>
      <c r="AV3494">
        <v>0</v>
      </c>
      <c r="AW3494">
        <v>0</v>
      </c>
      <c r="AX3494">
        <v>1595</v>
      </c>
      <c r="AY3494">
        <v>46</v>
      </c>
      <c r="AZ3494">
        <v>107</v>
      </c>
      <c r="BA3494">
        <v>7444</v>
      </c>
    </row>
    <row r="3495" spans="1:53" x14ac:dyDescent="0.4">
      <c r="A3495">
        <v>3539</v>
      </c>
      <c r="B3495" s="1">
        <v>44011</v>
      </c>
      <c r="C3495">
        <v>1</v>
      </c>
      <c r="D3495" s="1">
        <v>44011.291666666664</v>
      </c>
      <c r="E3495" s="1">
        <v>44011.429166666669</v>
      </c>
      <c r="F3495">
        <v>0</v>
      </c>
      <c r="G3495">
        <v>0</v>
      </c>
      <c r="H3495">
        <v>0</v>
      </c>
      <c r="I3495">
        <v>0</v>
      </c>
      <c r="J3495">
        <v>0</v>
      </c>
      <c r="K3495">
        <v>0</v>
      </c>
      <c r="L3495">
        <v>0</v>
      </c>
      <c r="M3495">
        <v>0</v>
      </c>
      <c r="N3495">
        <v>0</v>
      </c>
      <c r="O3495">
        <v>0</v>
      </c>
      <c r="P3495">
        <v>0</v>
      </c>
      <c r="Q3495">
        <v>0</v>
      </c>
      <c r="R3495">
        <v>0</v>
      </c>
      <c r="S3495">
        <v>0</v>
      </c>
      <c r="T3495">
        <v>0</v>
      </c>
      <c r="U3495">
        <v>0</v>
      </c>
      <c r="V3495">
        <v>0</v>
      </c>
      <c r="W3495">
        <v>0</v>
      </c>
      <c r="X3495">
        <v>0</v>
      </c>
      <c r="Y3495">
        <v>30</v>
      </c>
      <c r="Z3495">
        <v>10</v>
      </c>
      <c r="AA3495">
        <v>115</v>
      </c>
      <c r="AB3495">
        <v>34</v>
      </c>
      <c r="AC3495">
        <v>133</v>
      </c>
      <c r="AD3495">
        <v>71</v>
      </c>
      <c r="AE3495">
        <v>115</v>
      </c>
      <c r="AF3495">
        <v>0</v>
      </c>
      <c r="AG3495">
        <v>50000</v>
      </c>
      <c r="AH3495">
        <v>50000</v>
      </c>
      <c r="AI3495">
        <v>0</v>
      </c>
      <c r="AJ3495">
        <v>0</v>
      </c>
      <c r="AK3495" t="s">
        <v>6</v>
      </c>
      <c r="AL3495">
        <v>0</v>
      </c>
      <c r="AM3495">
        <v>0</v>
      </c>
      <c r="AN3495">
        <v>0</v>
      </c>
      <c r="AO3495">
        <v>0</v>
      </c>
      <c r="AP3495">
        <v>0</v>
      </c>
      <c r="AQ3495">
        <v>0</v>
      </c>
      <c r="AR3495">
        <v>0</v>
      </c>
      <c r="AS3495">
        <v>0</v>
      </c>
      <c r="AT3495">
        <v>0</v>
      </c>
      <c r="AU3495">
        <v>0</v>
      </c>
      <c r="AV3495">
        <v>0</v>
      </c>
      <c r="AW3495">
        <v>0</v>
      </c>
      <c r="AX3495">
        <v>0</v>
      </c>
      <c r="AY3495">
        <v>0</v>
      </c>
      <c r="AZ3495">
        <v>0</v>
      </c>
      <c r="BA3495">
        <v>0</v>
      </c>
    </row>
    <row r="3496" spans="1:53" x14ac:dyDescent="0.4">
      <c r="A3496">
        <v>3540</v>
      </c>
      <c r="B3496" s="1">
        <v>44011</v>
      </c>
      <c r="C3496">
        <v>2</v>
      </c>
      <c r="D3496" s="1">
        <v>44011.429166666669</v>
      </c>
      <c r="E3496" s="1">
        <v>44011.739583333336</v>
      </c>
      <c r="F3496">
        <v>14850</v>
      </c>
      <c r="G3496">
        <v>1780</v>
      </c>
      <c r="H3496">
        <v>0</v>
      </c>
      <c r="I3496">
        <v>0</v>
      </c>
      <c r="J3496">
        <v>100</v>
      </c>
      <c r="K3496">
        <v>0</v>
      </c>
      <c r="L3496">
        <v>0</v>
      </c>
      <c r="M3496">
        <v>1653</v>
      </c>
      <c r="N3496">
        <v>0</v>
      </c>
      <c r="O3496">
        <v>0</v>
      </c>
      <c r="P3496">
        <v>15730</v>
      </c>
      <c r="Q3496">
        <v>0</v>
      </c>
      <c r="R3496">
        <v>33913</v>
      </c>
      <c r="S3496">
        <v>0</v>
      </c>
      <c r="T3496">
        <v>0</v>
      </c>
      <c r="U3496">
        <v>0</v>
      </c>
      <c r="V3496">
        <v>0</v>
      </c>
      <c r="W3496">
        <v>0</v>
      </c>
      <c r="X3496">
        <v>0</v>
      </c>
      <c r="Y3496">
        <v>56</v>
      </c>
      <c r="Z3496">
        <v>22</v>
      </c>
      <c r="AA3496">
        <v>126</v>
      </c>
      <c r="AB3496">
        <v>37</v>
      </c>
      <c r="AC3496">
        <v>130</v>
      </c>
      <c r="AD3496">
        <v>80</v>
      </c>
      <c r="AE3496">
        <v>158</v>
      </c>
      <c r="AF3496">
        <v>605</v>
      </c>
      <c r="AG3496">
        <v>83913</v>
      </c>
      <c r="AH3496">
        <v>50000</v>
      </c>
      <c r="AI3496">
        <v>0</v>
      </c>
      <c r="AJ3496">
        <v>97</v>
      </c>
      <c r="AK3496" t="s">
        <v>33</v>
      </c>
      <c r="AL3496">
        <v>0</v>
      </c>
      <c r="AM3496">
        <v>0</v>
      </c>
      <c r="AN3496">
        <v>0</v>
      </c>
      <c r="AO3496">
        <v>0</v>
      </c>
      <c r="AP3496">
        <v>0</v>
      </c>
      <c r="AQ3496">
        <v>0</v>
      </c>
      <c r="AR3496">
        <v>0</v>
      </c>
      <c r="AS3496">
        <v>0</v>
      </c>
      <c r="AT3496">
        <v>0</v>
      </c>
      <c r="AU3496">
        <v>0</v>
      </c>
      <c r="AV3496">
        <v>0</v>
      </c>
      <c r="AW3496">
        <v>0</v>
      </c>
      <c r="AX3496">
        <v>308</v>
      </c>
      <c r="AY3496">
        <v>35</v>
      </c>
      <c r="AZ3496">
        <v>53</v>
      </c>
      <c r="BA3496">
        <v>4364</v>
      </c>
    </row>
    <row r="3497" spans="1:53" x14ac:dyDescent="0.4">
      <c r="A3497">
        <v>3541</v>
      </c>
      <c r="B3497" s="1">
        <v>44012</v>
      </c>
      <c r="C3497">
        <v>1</v>
      </c>
      <c r="D3497" s="1">
        <v>44012.291666666664</v>
      </c>
      <c r="E3497" s="1">
        <v>44012.440972222219</v>
      </c>
      <c r="F3497">
        <v>0</v>
      </c>
      <c r="G3497">
        <v>0</v>
      </c>
      <c r="H3497">
        <v>0</v>
      </c>
      <c r="I3497">
        <v>0</v>
      </c>
      <c r="J3497">
        <v>0</v>
      </c>
      <c r="K3497">
        <v>0</v>
      </c>
      <c r="L3497">
        <v>0</v>
      </c>
      <c r="M3497">
        <v>0</v>
      </c>
      <c r="N3497">
        <v>0</v>
      </c>
      <c r="O3497">
        <v>0</v>
      </c>
      <c r="P3497">
        <v>0</v>
      </c>
      <c r="Q3497">
        <v>0</v>
      </c>
      <c r="R3497">
        <v>0</v>
      </c>
      <c r="S3497">
        <v>0</v>
      </c>
      <c r="T3497">
        <v>0</v>
      </c>
      <c r="U3497">
        <v>0</v>
      </c>
      <c r="V3497">
        <v>0</v>
      </c>
      <c r="W3497">
        <v>0</v>
      </c>
      <c r="X3497">
        <v>0</v>
      </c>
      <c r="Y3497">
        <v>26</v>
      </c>
      <c r="Z3497">
        <v>15</v>
      </c>
      <c r="AA3497">
        <v>130</v>
      </c>
      <c r="AB3497">
        <v>35</v>
      </c>
      <c r="AC3497">
        <v>119</v>
      </c>
      <c r="AD3497">
        <v>78</v>
      </c>
      <c r="AE3497">
        <v>170</v>
      </c>
      <c r="AF3497">
        <v>0</v>
      </c>
      <c r="AG3497">
        <v>50000</v>
      </c>
      <c r="AH3497">
        <v>50000</v>
      </c>
      <c r="AI3497">
        <v>0</v>
      </c>
      <c r="AJ3497">
        <v>0</v>
      </c>
      <c r="AK3497" t="s">
        <v>6</v>
      </c>
      <c r="AL3497">
        <v>0</v>
      </c>
      <c r="AM3497">
        <v>0</v>
      </c>
      <c r="AN3497">
        <v>0</v>
      </c>
      <c r="AO3497">
        <v>0</v>
      </c>
      <c r="AP3497">
        <v>0</v>
      </c>
      <c r="AQ3497">
        <v>0</v>
      </c>
      <c r="AR3497">
        <v>0</v>
      </c>
      <c r="AS3497">
        <v>0</v>
      </c>
      <c r="AT3497">
        <v>0</v>
      </c>
      <c r="AU3497">
        <v>0</v>
      </c>
      <c r="AV3497">
        <v>0</v>
      </c>
      <c r="AW3497">
        <v>0</v>
      </c>
      <c r="AX3497">
        <v>0</v>
      </c>
      <c r="AY3497">
        <v>0</v>
      </c>
      <c r="AZ3497">
        <v>0</v>
      </c>
      <c r="BA3497">
        <v>0</v>
      </c>
    </row>
    <row r="3498" spans="1:53" x14ac:dyDescent="0.4">
      <c r="A3498">
        <v>3542</v>
      </c>
      <c r="B3498" s="1">
        <v>44012</v>
      </c>
      <c r="C3498">
        <v>2</v>
      </c>
      <c r="D3498" s="1">
        <v>44012.440972222219</v>
      </c>
      <c r="E3498" s="1">
        <v>44012.740277777775</v>
      </c>
      <c r="F3498">
        <v>11550</v>
      </c>
      <c r="G3498">
        <v>540</v>
      </c>
      <c r="H3498">
        <v>200</v>
      </c>
      <c r="I3498">
        <v>0</v>
      </c>
      <c r="J3498">
        <v>200</v>
      </c>
      <c r="K3498">
        <v>0</v>
      </c>
      <c r="L3498">
        <v>0</v>
      </c>
      <c r="M3498">
        <v>1209</v>
      </c>
      <c r="N3498">
        <v>0</v>
      </c>
      <c r="O3498">
        <v>0</v>
      </c>
      <c r="P3498">
        <v>7810</v>
      </c>
      <c r="Q3498">
        <v>0</v>
      </c>
      <c r="R3498">
        <v>21109</v>
      </c>
      <c r="S3498">
        <v>0</v>
      </c>
      <c r="T3498">
        <v>0</v>
      </c>
      <c r="U3498">
        <v>0</v>
      </c>
      <c r="V3498">
        <v>1</v>
      </c>
      <c r="W3498">
        <v>0</v>
      </c>
      <c r="X3498">
        <v>0</v>
      </c>
      <c r="Y3498">
        <v>32</v>
      </c>
      <c r="Z3498">
        <v>23</v>
      </c>
      <c r="AA3498">
        <v>136</v>
      </c>
      <c r="AB3498">
        <v>35</v>
      </c>
      <c r="AC3498">
        <v>111</v>
      </c>
      <c r="AD3498">
        <v>73</v>
      </c>
      <c r="AE3498">
        <v>179</v>
      </c>
      <c r="AF3498">
        <v>605</v>
      </c>
      <c r="AG3498">
        <v>71109</v>
      </c>
      <c r="AH3498">
        <v>50000</v>
      </c>
      <c r="AI3498">
        <v>0</v>
      </c>
      <c r="AJ3498">
        <v>107</v>
      </c>
      <c r="AK3498" t="s">
        <v>40</v>
      </c>
      <c r="AL3498">
        <v>0</v>
      </c>
      <c r="AM3498">
        <v>0</v>
      </c>
      <c r="AN3498">
        <v>0</v>
      </c>
      <c r="AO3498">
        <v>0</v>
      </c>
      <c r="AP3498">
        <v>0</v>
      </c>
      <c r="AQ3498">
        <v>0</v>
      </c>
      <c r="AR3498">
        <v>0</v>
      </c>
      <c r="AS3498">
        <v>0</v>
      </c>
      <c r="AT3498">
        <v>0</v>
      </c>
      <c r="AU3498">
        <v>0</v>
      </c>
      <c r="AV3498">
        <v>0</v>
      </c>
      <c r="AW3498">
        <v>0</v>
      </c>
      <c r="AX3498">
        <v>1408</v>
      </c>
      <c r="AY3498">
        <v>19</v>
      </c>
      <c r="AZ3498">
        <v>34</v>
      </c>
      <c r="BA3498">
        <v>2366</v>
      </c>
    </row>
    <row r="3499" spans="1:53" x14ac:dyDescent="0.4">
      <c r="A3499">
        <v>3543</v>
      </c>
      <c r="B3499" s="1">
        <v>44013</v>
      </c>
      <c r="C3499">
        <v>1</v>
      </c>
      <c r="D3499" s="1">
        <v>44013.291666666664</v>
      </c>
      <c r="E3499" s="1">
        <v>44013.443749999999</v>
      </c>
      <c r="F3499">
        <v>0</v>
      </c>
      <c r="G3499">
        <v>0</v>
      </c>
      <c r="H3499">
        <v>0</v>
      </c>
      <c r="I3499">
        <v>0</v>
      </c>
      <c r="J3499">
        <v>0</v>
      </c>
      <c r="K3499">
        <v>0</v>
      </c>
      <c r="L3499">
        <v>0</v>
      </c>
      <c r="M3499">
        <v>0</v>
      </c>
      <c r="N3499">
        <v>0</v>
      </c>
      <c r="O3499">
        <v>0</v>
      </c>
      <c r="P3499">
        <v>0</v>
      </c>
      <c r="Q3499">
        <v>0</v>
      </c>
      <c r="R3499">
        <v>0</v>
      </c>
      <c r="S3499">
        <v>0</v>
      </c>
      <c r="T3499">
        <v>0</v>
      </c>
      <c r="U3499">
        <v>0</v>
      </c>
      <c r="V3499">
        <v>0</v>
      </c>
      <c r="W3499">
        <v>0</v>
      </c>
      <c r="X3499">
        <v>0</v>
      </c>
      <c r="Y3499">
        <v>31</v>
      </c>
      <c r="Z3499">
        <v>17</v>
      </c>
      <c r="AA3499">
        <v>79</v>
      </c>
      <c r="AB3499">
        <v>39</v>
      </c>
      <c r="AC3499">
        <v>111</v>
      </c>
      <c r="AD3499">
        <v>73</v>
      </c>
      <c r="AE3499">
        <v>175</v>
      </c>
      <c r="AF3499">
        <v>0</v>
      </c>
      <c r="AG3499">
        <v>51000</v>
      </c>
      <c r="AH3499">
        <v>50000</v>
      </c>
      <c r="AI3499">
        <v>1000</v>
      </c>
      <c r="AJ3499">
        <v>0</v>
      </c>
      <c r="AK3499" t="s">
        <v>6</v>
      </c>
      <c r="AL3499">
        <v>0</v>
      </c>
      <c r="AM3499">
        <v>0</v>
      </c>
      <c r="AN3499">
        <v>0</v>
      </c>
      <c r="AO3499">
        <v>0</v>
      </c>
      <c r="AP3499">
        <v>0</v>
      </c>
      <c r="AQ3499">
        <v>0</v>
      </c>
      <c r="AR3499">
        <v>0</v>
      </c>
      <c r="AS3499">
        <v>0</v>
      </c>
      <c r="AT3499">
        <v>0</v>
      </c>
      <c r="AU3499">
        <v>0</v>
      </c>
      <c r="AV3499">
        <v>0</v>
      </c>
      <c r="AW3499">
        <v>0</v>
      </c>
      <c r="AX3499">
        <v>0</v>
      </c>
      <c r="AY3499">
        <v>0</v>
      </c>
      <c r="AZ3499">
        <v>0</v>
      </c>
      <c r="BA3499">
        <v>0</v>
      </c>
    </row>
    <row r="3500" spans="1:53" x14ac:dyDescent="0.4">
      <c r="A3500">
        <v>3544</v>
      </c>
      <c r="B3500" s="1">
        <v>44013</v>
      </c>
      <c r="C3500">
        <v>2</v>
      </c>
      <c r="D3500" s="1">
        <v>44013.443749999999</v>
      </c>
      <c r="E3500" s="1">
        <v>44013.729166666664</v>
      </c>
      <c r="F3500">
        <v>18150</v>
      </c>
      <c r="G3500">
        <v>940</v>
      </c>
      <c r="H3500">
        <v>0</v>
      </c>
      <c r="I3500">
        <v>0</v>
      </c>
      <c r="J3500">
        <v>250</v>
      </c>
      <c r="K3500">
        <v>200</v>
      </c>
      <c r="L3500">
        <v>0</v>
      </c>
      <c r="M3500">
        <v>1904</v>
      </c>
      <c r="N3500">
        <v>0</v>
      </c>
      <c r="O3500">
        <v>0</v>
      </c>
      <c r="P3500">
        <v>10890</v>
      </c>
      <c r="Q3500">
        <v>0</v>
      </c>
      <c r="R3500">
        <v>31834</v>
      </c>
      <c r="S3500">
        <v>0</v>
      </c>
      <c r="T3500">
        <v>0</v>
      </c>
      <c r="U3500">
        <v>0</v>
      </c>
      <c r="V3500">
        <v>1</v>
      </c>
      <c r="W3500">
        <v>1</v>
      </c>
      <c r="X3500">
        <v>0</v>
      </c>
      <c r="Y3500">
        <v>36</v>
      </c>
      <c r="Z3500">
        <v>36</v>
      </c>
      <c r="AA3500">
        <v>86</v>
      </c>
      <c r="AB3500">
        <v>35</v>
      </c>
      <c r="AC3500">
        <v>109</v>
      </c>
      <c r="AD3500">
        <v>76</v>
      </c>
      <c r="AE3500">
        <v>189</v>
      </c>
      <c r="AF3500">
        <v>825</v>
      </c>
      <c r="AG3500">
        <v>81834</v>
      </c>
      <c r="AH3500">
        <v>50000</v>
      </c>
      <c r="AI3500">
        <v>0</v>
      </c>
      <c r="AJ3500">
        <v>107</v>
      </c>
      <c r="AK3500" t="s">
        <v>40</v>
      </c>
      <c r="AL3500">
        <v>0</v>
      </c>
      <c r="AM3500">
        <v>0</v>
      </c>
      <c r="AN3500">
        <v>0</v>
      </c>
      <c r="AO3500">
        <v>0</v>
      </c>
      <c r="AP3500">
        <v>0</v>
      </c>
      <c r="AQ3500">
        <v>0</v>
      </c>
      <c r="AR3500">
        <v>0</v>
      </c>
      <c r="AS3500">
        <v>0</v>
      </c>
      <c r="AT3500">
        <v>0</v>
      </c>
      <c r="AU3500">
        <v>0</v>
      </c>
      <c r="AV3500">
        <v>0</v>
      </c>
      <c r="AW3500">
        <v>0</v>
      </c>
      <c r="AX3500">
        <v>0</v>
      </c>
      <c r="AY3500">
        <v>26</v>
      </c>
      <c r="AZ3500">
        <v>48</v>
      </c>
      <c r="BA3500">
        <v>3786</v>
      </c>
    </row>
    <row r="3501" spans="1:53" x14ac:dyDescent="0.4">
      <c r="A3501">
        <v>3545</v>
      </c>
      <c r="B3501" s="1">
        <v>44014</v>
      </c>
      <c r="C3501">
        <v>1</v>
      </c>
      <c r="D3501" s="1">
        <v>44014.291666666664</v>
      </c>
      <c r="E3501" s="1">
        <v>44014.436111111114</v>
      </c>
      <c r="F3501">
        <v>0</v>
      </c>
      <c r="G3501">
        <v>0</v>
      </c>
      <c r="H3501">
        <v>0</v>
      </c>
      <c r="I3501">
        <v>0</v>
      </c>
      <c r="J3501">
        <v>0</v>
      </c>
      <c r="K3501">
        <v>0</v>
      </c>
      <c r="L3501">
        <v>0</v>
      </c>
      <c r="M3501">
        <v>0</v>
      </c>
      <c r="N3501">
        <v>0</v>
      </c>
      <c r="O3501">
        <v>0</v>
      </c>
      <c r="P3501">
        <v>0</v>
      </c>
      <c r="Q3501">
        <v>0</v>
      </c>
      <c r="R3501">
        <v>0</v>
      </c>
      <c r="S3501">
        <v>0</v>
      </c>
      <c r="T3501">
        <v>0</v>
      </c>
      <c r="U3501">
        <v>0</v>
      </c>
      <c r="V3501">
        <v>0</v>
      </c>
      <c r="W3501">
        <v>0</v>
      </c>
      <c r="X3501">
        <v>0</v>
      </c>
      <c r="Y3501">
        <v>25</v>
      </c>
      <c r="Z3501">
        <v>25</v>
      </c>
      <c r="AA3501">
        <v>89</v>
      </c>
      <c r="AB3501">
        <v>37</v>
      </c>
      <c r="AC3501">
        <v>124</v>
      </c>
      <c r="AD3501">
        <v>75</v>
      </c>
      <c r="AE3501">
        <v>135</v>
      </c>
      <c r="AF3501">
        <v>0</v>
      </c>
      <c r="AG3501">
        <v>50000</v>
      </c>
      <c r="AH3501">
        <v>50000</v>
      </c>
      <c r="AI3501">
        <v>0</v>
      </c>
      <c r="AJ3501">
        <v>0</v>
      </c>
      <c r="AK3501" t="s">
        <v>6</v>
      </c>
      <c r="AL3501">
        <v>0</v>
      </c>
      <c r="AM3501">
        <v>0</v>
      </c>
      <c r="AN3501">
        <v>0</v>
      </c>
      <c r="AO3501">
        <v>0</v>
      </c>
      <c r="AP3501">
        <v>0</v>
      </c>
      <c r="AQ3501">
        <v>0</v>
      </c>
      <c r="AR3501">
        <v>0</v>
      </c>
      <c r="AS3501">
        <v>0</v>
      </c>
      <c r="AT3501">
        <v>0</v>
      </c>
      <c r="AU3501">
        <v>0</v>
      </c>
      <c r="AV3501">
        <v>0</v>
      </c>
      <c r="AW3501">
        <v>0</v>
      </c>
      <c r="AX3501">
        <v>0</v>
      </c>
      <c r="AY3501">
        <v>0</v>
      </c>
      <c r="AZ3501">
        <v>0</v>
      </c>
      <c r="BA3501">
        <v>0</v>
      </c>
    </row>
    <row r="3502" spans="1:53" x14ac:dyDescent="0.4">
      <c r="A3502">
        <v>3546</v>
      </c>
      <c r="B3502" s="1">
        <v>44014</v>
      </c>
      <c r="C3502">
        <v>2</v>
      </c>
      <c r="D3502" s="1">
        <v>44014.436111111114</v>
      </c>
      <c r="E3502" s="1">
        <v>44014.750694444447</v>
      </c>
      <c r="F3502">
        <v>23650</v>
      </c>
      <c r="G3502">
        <v>940</v>
      </c>
      <c r="H3502">
        <v>60</v>
      </c>
      <c r="I3502">
        <v>0</v>
      </c>
      <c r="J3502">
        <v>0</v>
      </c>
      <c r="K3502">
        <v>0</v>
      </c>
      <c r="L3502">
        <v>0</v>
      </c>
      <c r="M3502">
        <v>2465</v>
      </c>
      <c r="N3502">
        <v>0</v>
      </c>
      <c r="O3502">
        <v>0</v>
      </c>
      <c r="P3502">
        <v>13805</v>
      </c>
      <c r="Q3502">
        <v>0</v>
      </c>
      <c r="R3502">
        <v>40920</v>
      </c>
      <c r="S3502">
        <v>0</v>
      </c>
      <c r="T3502">
        <v>0</v>
      </c>
      <c r="U3502">
        <v>0</v>
      </c>
      <c r="V3502">
        <v>1</v>
      </c>
      <c r="W3502">
        <v>0</v>
      </c>
      <c r="X3502">
        <v>0</v>
      </c>
      <c r="Y3502">
        <v>45</v>
      </c>
      <c r="Z3502">
        <v>50</v>
      </c>
      <c r="AA3502">
        <v>68</v>
      </c>
      <c r="AB3502">
        <v>40</v>
      </c>
      <c r="AC3502">
        <v>91</v>
      </c>
      <c r="AD3502">
        <v>83</v>
      </c>
      <c r="AE3502">
        <v>190</v>
      </c>
      <c r="AF3502">
        <v>605</v>
      </c>
      <c r="AG3502">
        <v>90920</v>
      </c>
      <c r="AH3502">
        <v>50000</v>
      </c>
      <c r="AI3502">
        <v>0</v>
      </c>
      <c r="AJ3502">
        <v>107</v>
      </c>
      <c r="AK3502" t="s">
        <v>40</v>
      </c>
      <c r="AL3502">
        <v>0</v>
      </c>
      <c r="AM3502">
        <v>0</v>
      </c>
      <c r="AN3502">
        <v>0</v>
      </c>
      <c r="AO3502">
        <v>0</v>
      </c>
      <c r="AP3502">
        <v>0</v>
      </c>
      <c r="AQ3502">
        <v>0</v>
      </c>
      <c r="AR3502">
        <v>0</v>
      </c>
      <c r="AS3502">
        <v>0</v>
      </c>
      <c r="AT3502">
        <v>0</v>
      </c>
      <c r="AU3502">
        <v>0</v>
      </c>
      <c r="AV3502">
        <v>0</v>
      </c>
      <c r="AW3502">
        <v>0</v>
      </c>
      <c r="AX3502">
        <v>-11</v>
      </c>
      <c r="AY3502">
        <v>36</v>
      </c>
      <c r="AZ3502">
        <v>66</v>
      </c>
      <c r="BA3502">
        <v>5229</v>
      </c>
    </row>
    <row r="3503" spans="1:53" x14ac:dyDescent="0.4">
      <c r="A3503">
        <v>3547</v>
      </c>
      <c r="B3503" s="1">
        <v>44015</v>
      </c>
      <c r="C3503">
        <v>1</v>
      </c>
      <c r="D3503" s="1">
        <v>44015.291666666664</v>
      </c>
      <c r="E3503" s="1">
        <v>44015.436805555553</v>
      </c>
      <c r="F3503">
        <v>0</v>
      </c>
      <c r="G3503">
        <v>0</v>
      </c>
      <c r="H3503">
        <v>0</v>
      </c>
      <c r="I3503">
        <v>0</v>
      </c>
      <c r="J3503">
        <v>0</v>
      </c>
      <c r="K3503">
        <v>0</v>
      </c>
      <c r="L3503">
        <v>0</v>
      </c>
      <c r="M3503">
        <v>0</v>
      </c>
      <c r="N3503">
        <v>0</v>
      </c>
      <c r="O3503">
        <v>0</v>
      </c>
      <c r="P3503">
        <v>0</v>
      </c>
      <c r="Q3503">
        <v>0</v>
      </c>
      <c r="R3503">
        <v>0</v>
      </c>
      <c r="S3503">
        <v>0</v>
      </c>
      <c r="T3503">
        <v>0</v>
      </c>
      <c r="U3503">
        <v>0</v>
      </c>
      <c r="V3503">
        <v>0</v>
      </c>
      <c r="W3503">
        <v>0</v>
      </c>
      <c r="X3503">
        <v>0</v>
      </c>
      <c r="Y3503">
        <v>34</v>
      </c>
      <c r="Z3503">
        <v>10</v>
      </c>
      <c r="AA3503">
        <v>73</v>
      </c>
      <c r="AB3503">
        <v>42</v>
      </c>
      <c r="AC3503">
        <v>107</v>
      </c>
      <c r="AD3503">
        <v>86</v>
      </c>
      <c r="AE3503">
        <v>100</v>
      </c>
      <c r="AF3503">
        <v>0</v>
      </c>
      <c r="AG3503">
        <v>50000</v>
      </c>
      <c r="AH3503">
        <v>50000</v>
      </c>
      <c r="AI3503">
        <v>0</v>
      </c>
      <c r="AJ3503">
        <v>0</v>
      </c>
      <c r="AK3503" t="s">
        <v>6</v>
      </c>
      <c r="AL3503">
        <v>0</v>
      </c>
      <c r="AM3503">
        <v>0</v>
      </c>
      <c r="AN3503">
        <v>0</v>
      </c>
      <c r="AO3503">
        <v>0</v>
      </c>
      <c r="AP3503">
        <v>0</v>
      </c>
      <c r="AQ3503">
        <v>0</v>
      </c>
      <c r="AR3503">
        <v>0</v>
      </c>
      <c r="AS3503">
        <v>0</v>
      </c>
      <c r="AT3503">
        <v>0</v>
      </c>
      <c r="AU3503">
        <v>0</v>
      </c>
      <c r="AV3503">
        <v>0</v>
      </c>
      <c r="AW3503">
        <v>0</v>
      </c>
      <c r="AX3503">
        <v>0</v>
      </c>
      <c r="AY3503">
        <v>0</v>
      </c>
      <c r="AZ3503">
        <v>0</v>
      </c>
      <c r="BA3503">
        <v>0</v>
      </c>
    </row>
    <row r="3504" spans="1:53" x14ac:dyDescent="0.4">
      <c r="A3504">
        <v>3548</v>
      </c>
      <c r="B3504" s="1">
        <v>44015</v>
      </c>
      <c r="C3504">
        <v>2</v>
      </c>
      <c r="D3504" s="1">
        <v>44015.436805555553</v>
      </c>
      <c r="E3504" s="1">
        <v>44015.73333333333</v>
      </c>
      <c r="F3504">
        <v>9900</v>
      </c>
      <c r="G3504">
        <v>400</v>
      </c>
      <c r="H3504">
        <v>0</v>
      </c>
      <c r="I3504">
        <v>0</v>
      </c>
      <c r="J3504">
        <v>0</v>
      </c>
      <c r="K3504">
        <v>0</v>
      </c>
      <c r="L3504">
        <v>0</v>
      </c>
      <c r="M3504">
        <v>1030</v>
      </c>
      <c r="N3504">
        <v>0</v>
      </c>
      <c r="O3504">
        <v>0</v>
      </c>
      <c r="P3504">
        <v>4785</v>
      </c>
      <c r="Q3504">
        <v>0</v>
      </c>
      <c r="R3504">
        <v>16115</v>
      </c>
      <c r="S3504">
        <v>0</v>
      </c>
      <c r="T3504">
        <v>0</v>
      </c>
      <c r="U3504">
        <v>0</v>
      </c>
      <c r="V3504">
        <v>1</v>
      </c>
      <c r="W3504">
        <v>0</v>
      </c>
      <c r="X3504">
        <v>0</v>
      </c>
      <c r="Y3504">
        <v>34</v>
      </c>
      <c r="Z3504">
        <v>14</v>
      </c>
      <c r="AA3504">
        <v>87</v>
      </c>
      <c r="AB3504">
        <v>40</v>
      </c>
      <c r="AC3504">
        <v>88</v>
      </c>
      <c r="AD3504">
        <v>84</v>
      </c>
      <c r="AE3504">
        <v>123</v>
      </c>
      <c r="AF3504">
        <v>2992</v>
      </c>
      <c r="AG3504">
        <v>66115</v>
      </c>
      <c r="AH3504">
        <v>50000</v>
      </c>
      <c r="AI3504">
        <v>0</v>
      </c>
      <c r="AJ3504">
        <v>107</v>
      </c>
      <c r="AK3504" t="s">
        <v>40</v>
      </c>
      <c r="AL3504">
        <v>0</v>
      </c>
      <c r="AM3504">
        <v>0</v>
      </c>
      <c r="AN3504">
        <v>0</v>
      </c>
      <c r="AO3504">
        <v>0</v>
      </c>
      <c r="AP3504">
        <v>0</v>
      </c>
      <c r="AQ3504">
        <v>0</v>
      </c>
      <c r="AR3504">
        <v>0</v>
      </c>
      <c r="AS3504">
        <v>0</v>
      </c>
      <c r="AT3504">
        <v>0</v>
      </c>
      <c r="AU3504">
        <v>0</v>
      </c>
      <c r="AV3504">
        <v>0</v>
      </c>
      <c r="AW3504">
        <v>0</v>
      </c>
      <c r="AX3504">
        <v>0</v>
      </c>
      <c r="AY3504">
        <v>16</v>
      </c>
      <c r="AZ3504">
        <v>26</v>
      </c>
      <c r="BA3504">
        <v>2161</v>
      </c>
    </row>
    <row r="3505" spans="1:53" x14ac:dyDescent="0.4">
      <c r="A3505">
        <v>3549</v>
      </c>
      <c r="B3505" s="1">
        <v>44016</v>
      </c>
      <c r="C3505">
        <v>1</v>
      </c>
      <c r="D3505" s="1">
        <v>44016.291666666664</v>
      </c>
      <c r="E3505" s="1">
        <v>44016.400694444441</v>
      </c>
      <c r="F3505">
        <v>0</v>
      </c>
      <c r="G3505">
        <v>0</v>
      </c>
      <c r="H3505">
        <v>0</v>
      </c>
      <c r="I3505">
        <v>0</v>
      </c>
      <c r="J3505">
        <v>0</v>
      </c>
      <c r="K3505">
        <v>0</v>
      </c>
      <c r="L3505">
        <v>0</v>
      </c>
      <c r="M3505">
        <v>0</v>
      </c>
      <c r="N3505">
        <v>0</v>
      </c>
      <c r="O3505">
        <v>0</v>
      </c>
      <c r="P3505">
        <v>0</v>
      </c>
      <c r="Q3505">
        <v>0</v>
      </c>
      <c r="R3505">
        <v>0</v>
      </c>
      <c r="S3505">
        <v>0</v>
      </c>
      <c r="T3505">
        <v>0</v>
      </c>
      <c r="U3505">
        <v>0</v>
      </c>
      <c r="V3505">
        <v>0</v>
      </c>
      <c r="W3505">
        <v>0</v>
      </c>
      <c r="X3505">
        <v>0</v>
      </c>
      <c r="Y3505">
        <v>31</v>
      </c>
      <c r="Z3505">
        <v>11</v>
      </c>
      <c r="AA3505">
        <v>100</v>
      </c>
      <c r="AB3505">
        <v>38</v>
      </c>
      <c r="AC3505">
        <v>108</v>
      </c>
      <c r="AD3505">
        <v>79</v>
      </c>
      <c r="AE3505">
        <v>125</v>
      </c>
      <c r="AF3505">
        <v>0</v>
      </c>
      <c r="AG3505">
        <v>50000</v>
      </c>
      <c r="AH3505">
        <v>50000</v>
      </c>
      <c r="AI3505">
        <v>0</v>
      </c>
      <c r="AJ3505">
        <v>0</v>
      </c>
      <c r="AK3505" t="s">
        <v>6</v>
      </c>
      <c r="AL3505">
        <v>0</v>
      </c>
      <c r="AM3505">
        <v>0</v>
      </c>
      <c r="AN3505">
        <v>0</v>
      </c>
      <c r="AO3505">
        <v>0</v>
      </c>
      <c r="AP3505">
        <v>0</v>
      </c>
      <c r="AQ3505">
        <v>0</v>
      </c>
      <c r="AR3505">
        <v>0</v>
      </c>
      <c r="AS3505">
        <v>0</v>
      </c>
      <c r="AT3505">
        <v>0</v>
      </c>
      <c r="AU3505">
        <v>0</v>
      </c>
      <c r="AV3505">
        <v>0</v>
      </c>
      <c r="AW3505">
        <v>0</v>
      </c>
      <c r="AX3505">
        <v>0</v>
      </c>
      <c r="AY3505">
        <v>0</v>
      </c>
      <c r="AZ3505">
        <v>0</v>
      </c>
      <c r="BA3505">
        <v>0</v>
      </c>
    </row>
    <row r="3506" spans="1:53" x14ac:dyDescent="0.4">
      <c r="A3506">
        <v>3550</v>
      </c>
      <c r="B3506" s="1">
        <v>44016</v>
      </c>
      <c r="C3506">
        <v>2</v>
      </c>
      <c r="D3506" s="1">
        <v>44016.400694444441</v>
      </c>
      <c r="E3506" s="1">
        <v>44016.736111111109</v>
      </c>
      <c r="F3506">
        <v>40150</v>
      </c>
      <c r="G3506">
        <v>3800</v>
      </c>
      <c r="H3506">
        <v>30</v>
      </c>
      <c r="I3506">
        <v>0</v>
      </c>
      <c r="J3506">
        <v>0</v>
      </c>
      <c r="K3506">
        <v>0</v>
      </c>
      <c r="L3506">
        <v>0</v>
      </c>
      <c r="M3506">
        <v>4398</v>
      </c>
      <c r="N3506">
        <v>0</v>
      </c>
      <c r="O3506">
        <v>0</v>
      </c>
      <c r="P3506">
        <v>17848</v>
      </c>
      <c r="Q3506">
        <v>0</v>
      </c>
      <c r="R3506">
        <v>66226</v>
      </c>
      <c r="S3506">
        <v>0</v>
      </c>
      <c r="T3506">
        <v>0</v>
      </c>
      <c r="U3506">
        <v>0</v>
      </c>
      <c r="V3506">
        <v>2</v>
      </c>
      <c r="W3506">
        <v>1</v>
      </c>
      <c r="X3506">
        <v>0</v>
      </c>
      <c r="Y3506">
        <v>66</v>
      </c>
      <c r="Z3506">
        <v>31</v>
      </c>
      <c r="AA3506">
        <v>67</v>
      </c>
      <c r="AB3506">
        <v>27</v>
      </c>
      <c r="AC3506">
        <v>79</v>
      </c>
      <c r="AD3506">
        <v>89</v>
      </c>
      <c r="AE3506">
        <v>141</v>
      </c>
      <c r="AF3506">
        <v>0</v>
      </c>
      <c r="AG3506">
        <v>115926</v>
      </c>
      <c r="AH3506">
        <v>50000</v>
      </c>
      <c r="AI3506">
        <v>-300</v>
      </c>
      <c r="AJ3506">
        <v>107</v>
      </c>
      <c r="AK3506" t="s">
        <v>40</v>
      </c>
      <c r="AL3506">
        <v>0</v>
      </c>
      <c r="AM3506">
        <v>0</v>
      </c>
      <c r="AN3506">
        <v>0</v>
      </c>
      <c r="AO3506">
        <v>0</v>
      </c>
      <c r="AP3506">
        <v>0</v>
      </c>
      <c r="AQ3506">
        <v>0</v>
      </c>
      <c r="AR3506">
        <v>0</v>
      </c>
      <c r="AS3506">
        <v>0</v>
      </c>
      <c r="AT3506">
        <v>0</v>
      </c>
      <c r="AU3506">
        <v>0</v>
      </c>
      <c r="AV3506">
        <v>0</v>
      </c>
      <c r="AW3506">
        <v>0</v>
      </c>
      <c r="AX3506">
        <v>-2420</v>
      </c>
      <c r="AY3506">
        <v>45</v>
      </c>
      <c r="AZ3506">
        <v>102</v>
      </c>
      <c r="BA3506">
        <v>6902</v>
      </c>
    </row>
    <row r="3507" spans="1:53" x14ac:dyDescent="0.4">
      <c r="A3507">
        <v>3551</v>
      </c>
      <c r="B3507" s="1">
        <v>44017</v>
      </c>
      <c r="C3507">
        <v>1</v>
      </c>
      <c r="D3507" s="1">
        <v>44017.291666666664</v>
      </c>
      <c r="E3507" s="1">
        <v>44017.397222222222</v>
      </c>
      <c r="F3507">
        <v>0</v>
      </c>
      <c r="G3507">
        <v>0</v>
      </c>
      <c r="H3507">
        <v>0</v>
      </c>
      <c r="I3507">
        <v>0</v>
      </c>
      <c r="J3507">
        <v>0</v>
      </c>
      <c r="K3507">
        <v>0</v>
      </c>
      <c r="L3507">
        <v>0</v>
      </c>
      <c r="M3507">
        <v>0</v>
      </c>
      <c r="N3507">
        <v>0</v>
      </c>
      <c r="O3507">
        <v>0</v>
      </c>
      <c r="P3507">
        <v>0</v>
      </c>
      <c r="Q3507">
        <v>0</v>
      </c>
      <c r="R3507">
        <v>0</v>
      </c>
      <c r="S3507">
        <v>0</v>
      </c>
      <c r="T3507">
        <v>0</v>
      </c>
      <c r="U3507">
        <v>0</v>
      </c>
      <c r="V3507">
        <v>0</v>
      </c>
      <c r="W3507">
        <v>0</v>
      </c>
      <c r="X3507">
        <v>0</v>
      </c>
      <c r="Y3507">
        <v>34</v>
      </c>
      <c r="Z3507">
        <v>13</v>
      </c>
      <c r="AA3507">
        <v>71</v>
      </c>
      <c r="AB3507">
        <v>25</v>
      </c>
      <c r="AC3507">
        <v>60</v>
      </c>
      <c r="AD3507">
        <v>84</v>
      </c>
      <c r="AE3507">
        <v>130</v>
      </c>
      <c r="AF3507">
        <v>0</v>
      </c>
      <c r="AG3507">
        <v>50000</v>
      </c>
      <c r="AH3507">
        <v>50000</v>
      </c>
      <c r="AI3507">
        <v>0</v>
      </c>
      <c r="AJ3507">
        <v>0</v>
      </c>
      <c r="AK3507" t="s">
        <v>6</v>
      </c>
      <c r="AL3507">
        <v>0</v>
      </c>
      <c r="AM3507">
        <v>0</v>
      </c>
      <c r="AN3507">
        <v>0</v>
      </c>
      <c r="AO3507">
        <v>0</v>
      </c>
      <c r="AP3507">
        <v>0</v>
      </c>
      <c r="AQ3507">
        <v>0</v>
      </c>
      <c r="AR3507">
        <v>0</v>
      </c>
      <c r="AS3507">
        <v>0</v>
      </c>
      <c r="AT3507">
        <v>0</v>
      </c>
      <c r="AU3507">
        <v>0</v>
      </c>
      <c r="AV3507">
        <v>0</v>
      </c>
      <c r="AW3507">
        <v>0</v>
      </c>
      <c r="AX3507">
        <v>0</v>
      </c>
      <c r="AY3507">
        <v>0</v>
      </c>
      <c r="AZ3507">
        <v>0</v>
      </c>
      <c r="BA3507">
        <v>0</v>
      </c>
    </row>
    <row r="3508" spans="1:53" x14ac:dyDescent="0.4">
      <c r="A3508">
        <v>3552</v>
      </c>
      <c r="B3508" s="1">
        <v>44017</v>
      </c>
      <c r="C3508">
        <v>2</v>
      </c>
      <c r="D3508" s="1">
        <v>44017.397222222222</v>
      </c>
      <c r="E3508" s="1">
        <v>44017.742361111108</v>
      </c>
      <c r="F3508">
        <v>50050</v>
      </c>
      <c r="G3508">
        <v>4240</v>
      </c>
      <c r="H3508">
        <v>120</v>
      </c>
      <c r="I3508">
        <v>0</v>
      </c>
      <c r="J3508">
        <v>50</v>
      </c>
      <c r="K3508">
        <v>800</v>
      </c>
      <c r="L3508">
        <v>0</v>
      </c>
      <c r="M3508">
        <v>5516</v>
      </c>
      <c r="N3508">
        <v>0</v>
      </c>
      <c r="O3508">
        <v>0</v>
      </c>
      <c r="P3508">
        <v>12100</v>
      </c>
      <c r="Q3508">
        <v>0</v>
      </c>
      <c r="R3508">
        <v>72776</v>
      </c>
      <c r="S3508">
        <v>0</v>
      </c>
      <c r="T3508">
        <v>0</v>
      </c>
      <c r="U3508">
        <v>0</v>
      </c>
      <c r="V3508">
        <v>4</v>
      </c>
      <c r="W3508">
        <v>1</v>
      </c>
      <c r="X3508">
        <v>0</v>
      </c>
      <c r="Y3508">
        <v>58</v>
      </c>
      <c r="Z3508">
        <v>25</v>
      </c>
      <c r="AA3508">
        <v>48</v>
      </c>
      <c r="AB3508">
        <v>8</v>
      </c>
      <c r="AC3508">
        <v>19</v>
      </c>
      <c r="AD3508">
        <v>101</v>
      </c>
      <c r="AE3508">
        <v>171</v>
      </c>
      <c r="AF3508">
        <v>1210</v>
      </c>
      <c r="AG3508">
        <v>122776</v>
      </c>
      <c r="AH3508">
        <v>50000</v>
      </c>
      <c r="AI3508">
        <v>0</v>
      </c>
      <c r="AJ3508">
        <v>107</v>
      </c>
      <c r="AK3508" t="s">
        <v>40</v>
      </c>
      <c r="AL3508">
        <v>0</v>
      </c>
      <c r="AM3508">
        <v>0</v>
      </c>
      <c r="AN3508">
        <v>0</v>
      </c>
      <c r="AO3508">
        <v>0</v>
      </c>
      <c r="AP3508">
        <v>0</v>
      </c>
      <c r="AQ3508">
        <v>0</v>
      </c>
      <c r="AR3508">
        <v>0</v>
      </c>
      <c r="AS3508">
        <v>0</v>
      </c>
      <c r="AT3508">
        <v>0</v>
      </c>
      <c r="AU3508">
        <v>0</v>
      </c>
      <c r="AV3508">
        <v>0</v>
      </c>
      <c r="AW3508">
        <v>0</v>
      </c>
      <c r="AX3508">
        <v>1012</v>
      </c>
      <c r="AY3508">
        <v>46</v>
      </c>
      <c r="AZ3508">
        <v>108</v>
      </c>
      <c r="BA3508">
        <v>7557</v>
      </c>
    </row>
    <row r="3509" spans="1:53" x14ac:dyDescent="0.4">
      <c r="A3509">
        <v>3553</v>
      </c>
      <c r="B3509" s="1">
        <v>44018</v>
      </c>
      <c r="C3509">
        <v>1</v>
      </c>
      <c r="D3509" s="1">
        <v>44018.291666666664</v>
      </c>
      <c r="E3509" s="1">
        <v>44018.434027777781</v>
      </c>
      <c r="F3509">
        <v>0</v>
      </c>
      <c r="G3509">
        <v>0</v>
      </c>
      <c r="H3509">
        <v>0</v>
      </c>
      <c r="I3509">
        <v>0</v>
      </c>
      <c r="J3509">
        <v>0</v>
      </c>
      <c r="K3509">
        <v>0</v>
      </c>
      <c r="L3509">
        <v>0</v>
      </c>
      <c r="M3509">
        <v>0</v>
      </c>
      <c r="N3509">
        <v>0</v>
      </c>
      <c r="O3509">
        <v>0</v>
      </c>
      <c r="P3509">
        <v>0</v>
      </c>
      <c r="Q3509">
        <v>0</v>
      </c>
      <c r="R3509">
        <v>0</v>
      </c>
      <c r="S3509">
        <v>0</v>
      </c>
      <c r="T3509">
        <v>0</v>
      </c>
      <c r="U3509">
        <v>0</v>
      </c>
      <c r="V3509">
        <v>0</v>
      </c>
      <c r="W3509">
        <v>0</v>
      </c>
      <c r="X3509">
        <v>0</v>
      </c>
      <c r="Y3509">
        <v>34</v>
      </c>
      <c r="Z3509">
        <v>10</v>
      </c>
      <c r="AA3509">
        <v>97</v>
      </c>
      <c r="AB3509">
        <v>7</v>
      </c>
      <c r="AC3509">
        <v>36</v>
      </c>
      <c r="AD3509">
        <v>94</v>
      </c>
      <c r="AE3509">
        <v>120</v>
      </c>
      <c r="AF3509">
        <v>0</v>
      </c>
      <c r="AG3509">
        <v>50000</v>
      </c>
      <c r="AH3509">
        <v>50000</v>
      </c>
      <c r="AI3509">
        <v>0</v>
      </c>
      <c r="AJ3509">
        <v>97</v>
      </c>
      <c r="AK3509" t="s">
        <v>33</v>
      </c>
      <c r="AL3509">
        <v>0</v>
      </c>
      <c r="AM3509">
        <v>0</v>
      </c>
      <c r="AN3509">
        <v>0</v>
      </c>
      <c r="AO3509">
        <v>0</v>
      </c>
      <c r="AP3509">
        <v>0</v>
      </c>
      <c r="AQ3509">
        <v>0</v>
      </c>
      <c r="AR3509">
        <v>0</v>
      </c>
      <c r="AS3509">
        <v>0</v>
      </c>
      <c r="AT3509">
        <v>0</v>
      </c>
      <c r="AU3509">
        <v>0</v>
      </c>
      <c r="AV3509">
        <v>0</v>
      </c>
      <c r="AW3509">
        <v>0</v>
      </c>
      <c r="AX3509">
        <v>0</v>
      </c>
      <c r="AY3509">
        <v>0</v>
      </c>
      <c r="AZ3509">
        <v>0</v>
      </c>
      <c r="BA3509">
        <v>0</v>
      </c>
    </row>
    <row r="3510" spans="1:53" x14ac:dyDescent="0.4">
      <c r="A3510">
        <v>3554</v>
      </c>
      <c r="B3510" s="1">
        <v>44018</v>
      </c>
      <c r="C3510">
        <v>2</v>
      </c>
      <c r="D3510" s="1">
        <v>44018.434027777781</v>
      </c>
      <c r="E3510" s="1">
        <v>44018.744444444441</v>
      </c>
      <c r="F3510">
        <v>19400</v>
      </c>
      <c r="G3510">
        <v>820</v>
      </c>
      <c r="H3510">
        <v>30</v>
      </c>
      <c r="I3510">
        <v>0</v>
      </c>
      <c r="J3510">
        <v>0</v>
      </c>
      <c r="K3510">
        <v>0</v>
      </c>
      <c r="L3510">
        <v>0</v>
      </c>
      <c r="M3510">
        <v>2025</v>
      </c>
      <c r="N3510">
        <v>0</v>
      </c>
      <c r="O3510">
        <v>0</v>
      </c>
      <c r="P3510">
        <v>16995</v>
      </c>
      <c r="Q3510">
        <v>0</v>
      </c>
      <c r="R3510">
        <v>39270</v>
      </c>
      <c r="S3510">
        <v>0</v>
      </c>
      <c r="T3510">
        <v>0</v>
      </c>
      <c r="U3510">
        <v>0</v>
      </c>
      <c r="V3510">
        <v>3</v>
      </c>
      <c r="W3510">
        <v>0</v>
      </c>
      <c r="X3510">
        <v>0</v>
      </c>
      <c r="Y3510">
        <v>39</v>
      </c>
      <c r="Z3510">
        <v>18</v>
      </c>
      <c r="AA3510">
        <v>105</v>
      </c>
      <c r="AB3510">
        <v>0</v>
      </c>
      <c r="AC3510">
        <v>17</v>
      </c>
      <c r="AD3510">
        <v>91</v>
      </c>
      <c r="AE3510">
        <v>145</v>
      </c>
      <c r="AF3510">
        <v>0</v>
      </c>
      <c r="AG3510">
        <v>89270</v>
      </c>
      <c r="AH3510">
        <v>50000</v>
      </c>
      <c r="AI3510">
        <v>0</v>
      </c>
      <c r="AJ3510">
        <v>107</v>
      </c>
      <c r="AK3510" t="s">
        <v>40</v>
      </c>
      <c r="AL3510">
        <v>0</v>
      </c>
      <c r="AM3510">
        <v>0</v>
      </c>
      <c r="AN3510">
        <v>0</v>
      </c>
      <c r="AO3510">
        <v>0</v>
      </c>
      <c r="AP3510">
        <v>0</v>
      </c>
      <c r="AQ3510">
        <v>0</v>
      </c>
      <c r="AR3510">
        <v>0</v>
      </c>
      <c r="AS3510">
        <v>0</v>
      </c>
      <c r="AT3510">
        <v>0</v>
      </c>
      <c r="AU3510">
        <v>0</v>
      </c>
      <c r="AV3510">
        <v>0</v>
      </c>
      <c r="AW3510">
        <v>0</v>
      </c>
      <c r="AX3510">
        <v>-781</v>
      </c>
      <c r="AY3510">
        <v>32</v>
      </c>
      <c r="AZ3510">
        <v>56</v>
      </c>
      <c r="BA3510">
        <v>4177</v>
      </c>
    </row>
    <row r="3511" spans="1:53" x14ac:dyDescent="0.4">
      <c r="A3511">
        <v>3555</v>
      </c>
      <c r="B3511" s="1">
        <v>44019</v>
      </c>
      <c r="C3511">
        <v>1</v>
      </c>
      <c r="D3511" s="1">
        <v>44019.291666666664</v>
      </c>
      <c r="E3511" s="1">
        <v>44019.448611111111</v>
      </c>
      <c r="F3511">
        <v>0</v>
      </c>
      <c r="G3511">
        <v>0</v>
      </c>
      <c r="H3511">
        <v>0</v>
      </c>
      <c r="I3511">
        <v>0</v>
      </c>
      <c r="J3511">
        <v>0</v>
      </c>
      <c r="K3511">
        <v>0</v>
      </c>
      <c r="L3511">
        <v>0</v>
      </c>
      <c r="M3511">
        <v>0</v>
      </c>
      <c r="N3511">
        <v>0</v>
      </c>
      <c r="O3511">
        <v>0</v>
      </c>
      <c r="P3511">
        <v>0</v>
      </c>
      <c r="Q3511">
        <v>0</v>
      </c>
      <c r="R3511">
        <v>0</v>
      </c>
      <c r="S3511">
        <v>0</v>
      </c>
      <c r="T3511">
        <v>0</v>
      </c>
      <c r="U3511">
        <v>0</v>
      </c>
      <c r="V3511">
        <v>0</v>
      </c>
      <c r="W3511">
        <v>1</v>
      </c>
      <c r="X3511">
        <v>0</v>
      </c>
      <c r="Y3511">
        <v>27</v>
      </c>
      <c r="Z3511">
        <v>17</v>
      </c>
      <c r="AA3511">
        <v>88</v>
      </c>
      <c r="AB3511">
        <v>1</v>
      </c>
      <c r="AC3511">
        <v>10</v>
      </c>
      <c r="AD3511">
        <v>82</v>
      </c>
      <c r="AE3511">
        <v>140</v>
      </c>
      <c r="AF3511">
        <v>0</v>
      </c>
      <c r="AG3511">
        <v>50000</v>
      </c>
      <c r="AH3511">
        <v>0</v>
      </c>
      <c r="AI3511">
        <v>50000</v>
      </c>
      <c r="AJ3511">
        <v>0</v>
      </c>
      <c r="AK3511" t="s">
        <v>6</v>
      </c>
      <c r="AL3511">
        <v>0</v>
      </c>
      <c r="AM3511">
        <v>0</v>
      </c>
      <c r="AN3511">
        <v>0</v>
      </c>
      <c r="AO3511">
        <v>0</v>
      </c>
      <c r="AP3511">
        <v>0</v>
      </c>
      <c r="AQ3511">
        <v>0</v>
      </c>
      <c r="AR3511">
        <v>0</v>
      </c>
      <c r="AS3511">
        <v>0</v>
      </c>
      <c r="AT3511">
        <v>0</v>
      </c>
      <c r="AU3511">
        <v>0</v>
      </c>
      <c r="AV3511">
        <v>0</v>
      </c>
      <c r="AW3511">
        <v>0</v>
      </c>
      <c r="AX3511">
        <v>0</v>
      </c>
      <c r="AY3511">
        <v>0</v>
      </c>
      <c r="AZ3511">
        <v>0</v>
      </c>
      <c r="BA3511">
        <v>0</v>
      </c>
    </row>
    <row r="3512" spans="1:53" x14ac:dyDescent="0.4">
      <c r="A3512">
        <v>3556</v>
      </c>
      <c r="B3512" s="1">
        <v>44019</v>
      </c>
      <c r="C3512">
        <v>2</v>
      </c>
      <c r="D3512" s="1">
        <v>44019.448611111111</v>
      </c>
      <c r="E3512" s="1">
        <v>44019.734027777777</v>
      </c>
      <c r="F3512">
        <v>21950</v>
      </c>
      <c r="G3512">
        <v>0</v>
      </c>
      <c r="H3512">
        <v>0</v>
      </c>
      <c r="I3512">
        <v>0</v>
      </c>
      <c r="J3512">
        <v>0</v>
      </c>
      <c r="K3512">
        <v>100</v>
      </c>
      <c r="L3512">
        <v>0</v>
      </c>
      <c r="M3512">
        <v>2205</v>
      </c>
      <c r="N3512">
        <v>0</v>
      </c>
      <c r="O3512">
        <v>0</v>
      </c>
      <c r="P3512">
        <v>11275</v>
      </c>
      <c r="Q3512">
        <v>0</v>
      </c>
      <c r="R3512">
        <v>35530</v>
      </c>
      <c r="S3512">
        <v>0</v>
      </c>
      <c r="T3512">
        <v>0</v>
      </c>
      <c r="U3512">
        <v>0</v>
      </c>
      <c r="V3512">
        <v>3</v>
      </c>
      <c r="W3512">
        <v>1</v>
      </c>
      <c r="X3512">
        <v>0</v>
      </c>
      <c r="Y3512">
        <v>29</v>
      </c>
      <c r="Z3512">
        <v>23</v>
      </c>
      <c r="AA3512">
        <v>92</v>
      </c>
      <c r="AB3512">
        <v>1</v>
      </c>
      <c r="AC3512">
        <v>19</v>
      </c>
      <c r="AD3512">
        <v>85</v>
      </c>
      <c r="AE3512">
        <v>165</v>
      </c>
      <c r="AF3512">
        <v>0</v>
      </c>
      <c r="AG3512">
        <v>85530</v>
      </c>
      <c r="AH3512">
        <v>50000</v>
      </c>
      <c r="AI3512">
        <v>0</v>
      </c>
      <c r="AJ3512">
        <v>107</v>
      </c>
      <c r="AK3512" t="s">
        <v>40</v>
      </c>
      <c r="AL3512">
        <v>0</v>
      </c>
      <c r="AM3512">
        <v>0</v>
      </c>
      <c r="AN3512">
        <v>0</v>
      </c>
      <c r="AO3512">
        <v>0</v>
      </c>
      <c r="AP3512">
        <v>0</v>
      </c>
      <c r="AQ3512">
        <v>0</v>
      </c>
      <c r="AR3512">
        <v>0</v>
      </c>
      <c r="AS3512">
        <v>0</v>
      </c>
      <c r="AT3512">
        <v>0</v>
      </c>
      <c r="AU3512">
        <v>0</v>
      </c>
      <c r="AV3512">
        <v>0</v>
      </c>
      <c r="AW3512">
        <v>0</v>
      </c>
      <c r="AX3512">
        <v>748</v>
      </c>
      <c r="AY3512">
        <v>27</v>
      </c>
      <c r="AZ3512">
        <v>51</v>
      </c>
      <c r="BA3512">
        <v>4430</v>
      </c>
    </row>
    <row r="3513" spans="1:53" x14ac:dyDescent="0.4">
      <c r="A3513">
        <v>3557</v>
      </c>
      <c r="B3513" s="1">
        <v>44020</v>
      </c>
      <c r="C3513">
        <v>1</v>
      </c>
      <c r="D3513" s="1">
        <v>44020.291666666664</v>
      </c>
      <c r="E3513" s="1">
        <v>44020.436805555553</v>
      </c>
      <c r="F3513">
        <v>0</v>
      </c>
      <c r="G3513">
        <v>0</v>
      </c>
      <c r="H3513">
        <v>0</v>
      </c>
      <c r="I3513">
        <v>0</v>
      </c>
      <c r="J3513">
        <v>0</v>
      </c>
      <c r="K3513">
        <v>0</v>
      </c>
      <c r="L3513">
        <v>0</v>
      </c>
      <c r="M3513">
        <v>0</v>
      </c>
      <c r="N3513">
        <v>0</v>
      </c>
      <c r="O3513">
        <v>0</v>
      </c>
      <c r="P3513">
        <v>0</v>
      </c>
      <c r="Q3513">
        <v>0</v>
      </c>
      <c r="R3513">
        <v>0</v>
      </c>
      <c r="S3513">
        <v>0</v>
      </c>
      <c r="T3513">
        <v>0</v>
      </c>
      <c r="U3513">
        <v>0</v>
      </c>
      <c r="V3513">
        <v>0</v>
      </c>
      <c r="W3513">
        <v>0</v>
      </c>
      <c r="X3513">
        <v>0</v>
      </c>
      <c r="Y3513">
        <v>32</v>
      </c>
      <c r="Z3513">
        <v>15</v>
      </c>
      <c r="AA3513">
        <v>98</v>
      </c>
      <c r="AB3513">
        <v>0</v>
      </c>
      <c r="AC3513">
        <v>11</v>
      </c>
      <c r="AD3513">
        <v>85</v>
      </c>
      <c r="AE3513">
        <v>165</v>
      </c>
      <c r="AF3513">
        <v>0</v>
      </c>
      <c r="AG3513">
        <v>50000</v>
      </c>
      <c r="AH3513">
        <v>50000</v>
      </c>
      <c r="AI3513">
        <v>0</v>
      </c>
      <c r="AJ3513">
        <v>0</v>
      </c>
      <c r="AK3513" t="s">
        <v>6</v>
      </c>
      <c r="AL3513">
        <v>0</v>
      </c>
      <c r="AM3513">
        <v>0</v>
      </c>
      <c r="AN3513">
        <v>0</v>
      </c>
      <c r="AO3513">
        <v>0</v>
      </c>
      <c r="AP3513">
        <v>0</v>
      </c>
      <c r="AQ3513">
        <v>0</v>
      </c>
      <c r="AR3513">
        <v>0</v>
      </c>
      <c r="AS3513">
        <v>0</v>
      </c>
      <c r="AT3513">
        <v>0</v>
      </c>
      <c r="AU3513">
        <v>0</v>
      </c>
      <c r="AV3513">
        <v>0</v>
      </c>
      <c r="AW3513">
        <v>0</v>
      </c>
      <c r="AX3513">
        <v>0</v>
      </c>
      <c r="AY3513">
        <v>0</v>
      </c>
      <c r="AZ3513">
        <v>0</v>
      </c>
      <c r="BA3513">
        <v>0</v>
      </c>
    </row>
    <row r="3514" spans="1:53" x14ac:dyDescent="0.4">
      <c r="A3514">
        <v>3558</v>
      </c>
      <c r="B3514" s="1">
        <v>44020</v>
      </c>
      <c r="C3514">
        <v>2</v>
      </c>
      <c r="D3514" s="1">
        <v>44020.436805555553</v>
      </c>
      <c r="E3514" s="1">
        <v>44020.738888888889</v>
      </c>
      <c r="F3514">
        <v>17900</v>
      </c>
      <c r="G3514">
        <v>1720</v>
      </c>
      <c r="H3514">
        <v>30</v>
      </c>
      <c r="I3514">
        <v>0</v>
      </c>
      <c r="J3514">
        <v>0</v>
      </c>
      <c r="K3514">
        <v>0</v>
      </c>
      <c r="L3514">
        <v>0</v>
      </c>
      <c r="M3514">
        <v>1965</v>
      </c>
      <c r="N3514">
        <v>0</v>
      </c>
      <c r="O3514">
        <v>0</v>
      </c>
      <c r="P3514">
        <v>15950</v>
      </c>
      <c r="Q3514">
        <v>0</v>
      </c>
      <c r="R3514">
        <v>37565</v>
      </c>
      <c r="S3514">
        <v>0</v>
      </c>
      <c r="T3514">
        <v>0</v>
      </c>
      <c r="U3514">
        <v>0</v>
      </c>
      <c r="V3514">
        <v>2</v>
      </c>
      <c r="W3514">
        <v>0</v>
      </c>
      <c r="X3514">
        <v>0</v>
      </c>
      <c r="Y3514">
        <v>44</v>
      </c>
      <c r="Z3514">
        <v>27</v>
      </c>
      <c r="AA3514">
        <v>84</v>
      </c>
      <c r="AB3514">
        <v>4</v>
      </c>
      <c r="AC3514">
        <v>4</v>
      </c>
      <c r="AD3514">
        <v>82</v>
      </c>
      <c r="AE3514">
        <v>190</v>
      </c>
      <c r="AF3514">
        <v>825</v>
      </c>
      <c r="AG3514">
        <v>87565</v>
      </c>
      <c r="AH3514">
        <v>50000</v>
      </c>
      <c r="AI3514">
        <v>0</v>
      </c>
      <c r="AJ3514">
        <v>97</v>
      </c>
      <c r="AK3514" t="s">
        <v>33</v>
      </c>
      <c r="AL3514">
        <v>0</v>
      </c>
      <c r="AM3514">
        <v>0</v>
      </c>
      <c r="AN3514">
        <v>0</v>
      </c>
      <c r="AO3514">
        <v>0</v>
      </c>
      <c r="AP3514">
        <v>0</v>
      </c>
      <c r="AQ3514">
        <v>0</v>
      </c>
      <c r="AR3514">
        <v>0</v>
      </c>
      <c r="AS3514">
        <v>0</v>
      </c>
      <c r="AT3514">
        <v>0</v>
      </c>
      <c r="AU3514">
        <v>0</v>
      </c>
      <c r="AV3514">
        <v>0</v>
      </c>
      <c r="AW3514">
        <v>0</v>
      </c>
      <c r="AX3514">
        <v>594</v>
      </c>
      <c r="AY3514">
        <v>29</v>
      </c>
      <c r="AZ3514">
        <v>56</v>
      </c>
      <c r="BA3514">
        <v>4083</v>
      </c>
    </row>
    <row r="3515" spans="1:53" x14ac:dyDescent="0.4">
      <c r="A3515">
        <v>3559</v>
      </c>
      <c r="B3515" s="1">
        <v>44021</v>
      </c>
      <c r="C3515">
        <v>1</v>
      </c>
      <c r="D3515" s="1">
        <v>44021.291666666664</v>
      </c>
      <c r="E3515" s="1">
        <v>44021.441666666666</v>
      </c>
      <c r="F3515">
        <v>0</v>
      </c>
      <c r="G3515">
        <v>0</v>
      </c>
      <c r="H3515">
        <v>0</v>
      </c>
      <c r="I3515">
        <v>0</v>
      </c>
      <c r="J3515">
        <v>0</v>
      </c>
      <c r="K3515">
        <v>0</v>
      </c>
      <c r="L3515">
        <v>0</v>
      </c>
      <c r="M3515">
        <v>0</v>
      </c>
      <c r="N3515">
        <v>0</v>
      </c>
      <c r="O3515">
        <v>0</v>
      </c>
      <c r="P3515">
        <v>0</v>
      </c>
      <c r="Q3515">
        <v>0</v>
      </c>
      <c r="R3515">
        <v>0</v>
      </c>
      <c r="S3515">
        <v>0</v>
      </c>
      <c r="T3515">
        <v>0</v>
      </c>
      <c r="U3515">
        <v>0</v>
      </c>
      <c r="V3515">
        <v>0</v>
      </c>
      <c r="W3515">
        <v>0</v>
      </c>
      <c r="X3515">
        <v>0</v>
      </c>
      <c r="Y3515">
        <v>33</v>
      </c>
      <c r="Z3515">
        <v>11</v>
      </c>
      <c r="AA3515">
        <v>102</v>
      </c>
      <c r="AB3515">
        <v>5</v>
      </c>
      <c r="AC3515">
        <v>50</v>
      </c>
      <c r="AD3515">
        <v>81</v>
      </c>
      <c r="AE3515">
        <v>145</v>
      </c>
      <c r="AF3515">
        <v>0</v>
      </c>
      <c r="AG3515">
        <v>50000</v>
      </c>
      <c r="AH3515">
        <v>50000</v>
      </c>
      <c r="AI3515">
        <v>0</v>
      </c>
      <c r="AJ3515">
        <v>0</v>
      </c>
      <c r="AK3515" t="s">
        <v>6</v>
      </c>
      <c r="AL3515">
        <v>0</v>
      </c>
      <c r="AM3515">
        <v>0</v>
      </c>
      <c r="AN3515">
        <v>0</v>
      </c>
      <c r="AO3515">
        <v>0</v>
      </c>
      <c r="AP3515">
        <v>0</v>
      </c>
      <c r="AQ3515">
        <v>0</v>
      </c>
      <c r="AR3515">
        <v>0</v>
      </c>
      <c r="AS3515">
        <v>0</v>
      </c>
      <c r="AT3515">
        <v>0</v>
      </c>
      <c r="AU3515">
        <v>0</v>
      </c>
      <c r="AV3515">
        <v>0</v>
      </c>
      <c r="AW3515">
        <v>0</v>
      </c>
      <c r="AX3515">
        <v>0</v>
      </c>
      <c r="AY3515">
        <v>0</v>
      </c>
      <c r="AZ3515">
        <v>0</v>
      </c>
      <c r="BA3515">
        <v>0</v>
      </c>
    </row>
    <row r="3516" spans="1:53" x14ac:dyDescent="0.4">
      <c r="A3516">
        <v>3560</v>
      </c>
      <c r="B3516" s="1">
        <v>44021</v>
      </c>
      <c r="C3516">
        <v>2</v>
      </c>
      <c r="D3516" s="1">
        <v>44021.441666666666</v>
      </c>
      <c r="E3516" s="1">
        <v>44021.740972222222</v>
      </c>
      <c r="F3516">
        <v>16300</v>
      </c>
      <c r="G3516">
        <v>1240</v>
      </c>
      <c r="H3516">
        <v>200</v>
      </c>
      <c r="I3516">
        <v>0</v>
      </c>
      <c r="J3516">
        <v>0</v>
      </c>
      <c r="K3516">
        <v>0</v>
      </c>
      <c r="L3516">
        <v>0</v>
      </c>
      <c r="M3516">
        <v>1774</v>
      </c>
      <c r="N3516">
        <v>0</v>
      </c>
      <c r="O3516">
        <v>0</v>
      </c>
      <c r="P3516">
        <v>9295</v>
      </c>
      <c r="Q3516">
        <v>0</v>
      </c>
      <c r="R3516">
        <v>28809</v>
      </c>
      <c r="S3516">
        <v>0</v>
      </c>
      <c r="T3516">
        <v>0</v>
      </c>
      <c r="U3516">
        <v>0</v>
      </c>
      <c r="V3516">
        <v>0</v>
      </c>
      <c r="W3516">
        <v>2</v>
      </c>
      <c r="X3516">
        <v>0</v>
      </c>
      <c r="Y3516">
        <v>49</v>
      </c>
      <c r="Z3516">
        <v>19</v>
      </c>
      <c r="AA3516">
        <v>92</v>
      </c>
      <c r="AB3516">
        <v>1</v>
      </c>
      <c r="AC3516">
        <v>49</v>
      </c>
      <c r="AD3516">
        <v>80</v>
      </c>
      <c r="AE3516">
        <v>169</v>
      </c>
      <c r="AF3516">
        <v>0</v>
      </c>
      <c r="AG3516">
        <v>78809</v>
      </c>
      <c r="AH3516">
        <v>50000</v>
      </c>
      <c r="AI3516">
        <v>0</v>
      </c>
      <c r="AJ3516">
        <v>107</v>
      </c>
      <c r="AK3516" t="s">
        <v>40</v>
      </c>
      <c r="AL3516">
        <v>0</v>
      </c>
      <c r="AM3516">
        <v>0</v>
      </c>
      <c r="AN3516">
        <v>0</v>
      </c>
      <c r="AO3516">
        <v>0</v>
      </c>
      <c r="AP3516">
        <v>0</v>
      </c>
      <c r="AQ3516">
        <v>0</v>
      </c>
      <c r="AR3516">
        <v>0</v>
      </c>
      <c r="AS3516">
        <v>0</v>
      </c>
      <c r="AT3516">
        <v>0</v>
      </c>
      <c r="AU3516">
        <v>0</v>
      </c>
      <c r="AV3516">
        <v>0</v>
      </c>
      <c r="AW3516">
        <v>0</v>
      </c>
      <c r="AX3516">
        <v>-825</v>
      </c>
      <c r="AY3516">
        <v>25</v>
      </c>
      <c r="AZ3516">
        <v>39</v>
      </c>
      <c r="BA3516">
        <v>3813</v>
      </c>
    </row>
    <row r="3517" spans="1:53" x14ac:dyDescent="0.4">
      <c r="A3517">
        <v>3561</v>
      </c>
      <c r="B3517" s="1">
        <v>44022</v>
      </c>
      <c r="C3517">
        <v>1</v>
      </c>
      <c r="D3517" s="1">
        <v>44022.291666666664</v>
      </c>
      <c r="E3517" s="1">
        <v>44022.438194444447</v>
      </c>
      <c r="F3517">
        <v>0</v>
      </c>
      <c r="G3517">
        <v>0</v>
      </c>
      <c r="H3517">
        <v>0</v>
      </c>
      <c r="I3517">
        <v>0</v>
      </c>
      <c r="J3517">
        <v>0</v>
      </c>
      <c r="K3517">
        <v>0</v>
      </c>
      <c r="L3517">
        <v>0</v>
      </c>
      <c r="M3517">
        <v>0</v>
      </c>
      <c r="N3517">
        <v>0</v>
      </c>
      <c r="O3517">
        <v>0</v>
      </c>
      <c r="P3517">
        <v>0</v>
      </c>
      <c r="Q3517">
        <v>0</v>
      </c>
      <c r="R3517">
        <v>0</v>
      </c>
      <c r="S3517">
        <v>0</v>
      </c>
      <c r="T3517">
        <v>0</v>
      </c>
      <c r="U3517">
        <v>0</v>
      </c>
      <c r="V3517">
        <v>0</v>
      </c>
      <c r="W3517">
        <v>0</v>
      </c>
      <c r="X3517">
        <v>0</v>
      </c>
      <c r="Y3517">
        <v>35</v>
      </c>
      <c r="Z3517">
        <v>10</v>
      </c>
      <c r="AA3517">
        <v>55</v>
      </c>
      <c r="AB3517">
        <v>58</v>
      </c>
      <c r="AC3517">
        <v>109</v>
      </c>
      <c r="AD3517">
        <v>80</v>
      </c>
      <c r="AE3517">
        <v>110</v>
      </c>
      <c r="AF3517">
        <v>0</v>
      </c>
      <c r="AG3517">
        <v>50000</v>
      </c>
      <c r="AH3517">
        <v>50000</v>
      </c>
      <c r="AI3517">
        <v>0</v>
      </c>
      <c r="AJ3517">
        <v>0</v>
      </c>
      <c r="AK3517" t="s">
        <v>6</v>
      </c>
      <c r="AL3517">
        <v>0</v>
      </c>
      <c r="AM3517">
        <v>0</v>
      </c>
      <c r="AN3517">
        <v>0</v>
      </c>
      <c r="AO3517">
        <v>0</v>
      </c>
      <c r="AP3517">
        <v>0</v>
      </c>
      <c r="AQ3517">
        <v>0</v>
      </c>
      <c r="AR3517">
        <v>0</v>
      </c>
      <c r="AS3517">
        <v>0</v>
      </c>
      <c r="AT3517">
        <v>0</v>
      </c>
      <c r="AU3517">
        <v>0</v>
      </c>
      <c r="AV3517">
        <v>0</v>
      </c>
      <c r="AW3517">
        <v>0</v>
      </c>
      <c r="AX3517">
        <v>0</v>
      </c>
      <c r="AY3517">
        <v>0</v>
      </c>
      <c r="AZ3517">
        <v>0</v>
      </c>
      <c r="BA3517">
        <v>0</v>
      </c>
    </row>
    <row r="3518" spans="1:53" x14ac:dyDescent="0.4">
      <c r="A3518">
        <v>3562</v>
      </c>
      <c r="B3518" s="1">
        <v>44022</v>
      </c>
      <c r="C3518">
        <v>2</v>
      </c>
      <c r="D3518" s="1">
        <v>44022.438194444447</v>
      </c>
      <c r="E3518" s="1">
        <v>44022.73333333333</v>
      </c>
      <c r="F3518">
        <v>25050</v>
      </c>
      <c r="G3518">
        <v>800</v>
      </c>
      <c r="H3518">
        <v>30</v>
      </c>
      <c r="I3518">
        <v>0</v>
      </c>
      <c r="J3518">
        <v>0</v>
      </c>
      <c r="K3518">
        <v>0</v>
      </c>
      <c r="L3518">
        <v>0</v>
      </c>
      <c r="M3518">
        <v>2588</v>
      </c>
      <c r="N3518">
        <v>0</v>
      </c>
      <c r="O3518">
        <v>0</v>
      </c>
      <c r="P3518">
        <v>22000</v>
      </c>
      <c r="Q3518">
        <v>0</v>
      </c>
      <c r="R3518">
        <v>50468</v>
      </c>
      <c r="S3518">
        <v>0</v>
      </c>
      <c r="T3518">
        <v>0</v>
      </c>
      <c r="U3518">
        <v>0</v>
      </c>
      <c r="V3518">
        <v>3</v>
      </c>
      <c r="W3518">
        <v>1</v>
      </c>
      <c r="X3518">
        <v>0</v>
      </c>
      <c r="Y3518">
        <v>48</v>
      </c>
      <c r="Z3518">
        <v>19</v>
      </c>
      <c r="AA3518">
        <v>45</v>
      </c>
      <c r="AB3518">
        <v>44</v>
      </c>
      <c r="AC3518">
        <v>71</v>
      </c>
      <c r="AD3518">
        <v>82</v>
      </c>
      <c r="AE3518">
        <v>148</v>
      </c>
      <c r="AF3518">
        <v>0</v>
      </c>
      <c r="AG3518">
        <v>100468</v>
      </c>
      <c r="AH3518">
        <v>50000</v>
      </c>
      <c r="AI3518">
        <v>0</v>
      </c>
      <c r="AJ3518">
        <v>107</v>
      </c>
      <c r="AK3518" t="s">
        <v>40</v>
      </c>
      <c r="AL3518">
        <v>0</v>
      </c>
      <c r="AM3518">
        <v>0</v>
      </c>
      <c r="AN3518">
        <v>0</v>
      </c>
      <c r="AO3518">
        <v>0</v>
      </c>
      <c r="AP3518">
        <v>0</v>
      </c>
      <c r="AQ3518">
        <v>0</v>
      </c>
      <c r="AR3518">
        <v>0</v>
      </c>
      <c r="AS3518">
        <v>0</v>
      </c>
      <c r="AT3518">
        <v>0</v>
      </c>
      <c r="AU3518">
        <v>0</v>
      </c>
      <c r="AV3518">
        <v>0</v>
      </c>
      <c r="AW3518">
        <v>0</v>
      </c>
      <c r="AX3518">
        <v>-2035</v>
      </c>
      <c r="AY3518">
        <v>36</v>
      </c>
      <c r="AZ3518">
        <v>79</v>
      </c>
      <c r="BA3518">
        <v>4837</v>
      </c>
    </row>
    <row r="3519" spans="1:53" x14ac:dyDescent="0.4">
      <c r="A3519">
        <v>3563</v>
      </c>
      <c r="B3519" s="1">
        <v>44023</v>
      </c>
      <c r="C3519">
        <v>1</v>
      </c>
      <c r="D3519" s="1">
        <v>44023.291666666664</v>
      </c>
      <c r="E3519" s="1">
        <v>44023.399305555555</v>
      </c>
      <c r="F3519">
        <v>0</v>
      </c>
      <c r="G3519">
        <v>0</v>
      </c>
      <c r="H3519">
        <v>0</v>
      </c>
      <c r="I3519">
        <v>0</v>
      </c>
      <c r="J3519">
        <v>0</v>
      </c>
      <c r="K3519">
        <v>0</v>
      </c>
      <c r="L3519">
        <v>0</v>
      </c>
      <c r="M3519">
        <v>0</v>
      </c>
      <c r="N3519">
        <v>0</v>
      </c>
      <c r="O3519">
        <v>0</v>
      </c>
      <c r="P3519">
        <v>0</v>
      </c>
      <c r="Q3519">
        <v>0</v>
      </c>
      <c r="R3519">
        <v>0</v>
      </c>
      <c r="S3519">
        <v>0</v>
      </c>
      <c r="T3519">
        <v>0</v>
      </c>
      <c r="U3519">
        <v>0</v>
      </c>
      <c r="V3519">
        <v>0</v>
      </c>
      <c r="W3519">
        <v>0</v>
      </c>
      <c r="X3519">
        <v>0</v>
      </c>
      <c r="Y3519">
        <v>33</v>
      </c>
      <c r="Z3519">
        <v>9</v>
      </c>
      <c r="AA3519">
        <v>94</v>
      </c>
      <c r="AB3519">
        <v>36</v>
      </c>
      <c r="AC3519">
        <v>81</v>
      </c>
      <c r="AD3519">
        <v>78</v>
      </c>
      <c r="AE3519">
        <v>100</v>
      </c>
      <c r="AF3519">
        <v>0</v>
      </c>
      <c r="AG3519">
        <v>50000</v>
      </c>
      <c r="AH3519">
        <v>50000</v>
      </c>
      <c r="AI3519">
        <v>0</v>
      </c>
      <c r="AJ3519">
        <v>0</v>
      </c>
      <c r="AK3519" t="s">
        <v>6</v>
      </c>
      <c r="AL3519">
        <v>0</v>
      </c>
      <c r="AM3519">
        <v>0</v>
      </c>
      <c r="AN3519">
        <v>0</v>
      </c>
      <c r="AO3519">
        <v>0</v>
      </c>
      <c r="AP3519">
        <v>0</v>
      </c>
      <c r="AQ3519">
        <v>0</v>
      </c>
      <c r="AR3519">
        <v>0</v>
      </c>
      <c r="AS3519">
        <v>0</v>
      </c>
      <c r="AT3519">
        <v>0</v>
      </c>
      <c r="AU3519">
        <v>0</v>
      </c>
      <c r="AV3519">
        <v>0</v>
      </c>
      <c r="AW3519">
        <v>0</v>
      </c>
      <c r="AX3519">
        <v>0</v>
      </c>
      <c r="AY3519">
        <v>0</v>
      </c>
      <c r="AZ3519">
        <v>0</v>
      </c>
      <c r="BA3519">
        <v>0</v>
      </c>
    </row>
    <row r="3520" spans="1:53" x14ac:dyDescent="0.4">
      <c r="A3520">
        <v>3564</v>
      </c>
      <c r="B3520" s="1">
        <v>44023</v>
      </c>
      <c r="C3520">
        <v>2</v>
      </c>
      <c r="D3520" s="1">
        <v>44023.399305555555</v>
      </c>
      <c r="E3520" s="1">
        <v>44023.730555555558</v>
      </c>
      <c r="F3520">
        <v>41500</v>
      </c>
      <c r="G3520">
        <v>2500</v>
      </c>
      <c r="H3520">
        <v>0</v>
      </c>
      <c r="I3520">
        <v>0</v>
      </c>
      <c r="J3520">
        <v>0</v>
      </c>
      <c r="K3520">
        <v>0</v>
      </c>
      <c r="L3520">
        <v>0</v>
      </c>
      <c r="M3520">
        <v>4400</v>
      </c>
      <c r="N3520">
        <v>0</v>
      </c>
      <c r="O3520">
        <v>0</v>
      </c>
      <c r="P3520">
        <v>19195</v>
      </c>
      <c r="Q3520">
        <v>0</v>
      </c>
      <c r="R3520">
        <v>67595</v>
      </c>
      <c r="S3520">
        <v>0</v>
      </c>
      <c r="T3520">
        <v>0</v>
      </c>
      <c r="U3520">
        <v>0</v>
      </c>
      <c r="V3520">
        <v>2</v>
      </c>
      <c r="W3520">
        <v>0</v>
      </c>
      <c r="X3520">
        <v>0</v>
      </c>
      <c r="Y3520">
        <v>74</v>
      </c>
      <c r="Z3520">
        <v>27</v>
      </c>
      <c r="AA3520">
        <v>62</v>
      </c>
      <c r="AB3520">
        <v>27</v>
      </c>
      <c r="AC3520">
        <v>76</v>
      </c>
      <c r="AD3520">
        <v>87</v>
      </c>
      <c r="AE3520">
        <v>140</v>
      </c>
      <c r="AF3520">
        <v>1210</v>
      </c>
      <c r="AG3520">
        <v>117595</v>
      </c>
      <c r="AH3520">
        <v>50000</v>
      </c>
      <c r="AI3520">
        <v>0</v>
      </c>
      <c r="AJ3520">
        <v>107</v>
      </c>
      <c r="AK3520" t="s">
        <v>40</v>
      </c>
      <c r="AL3520">
        <v>0</v>
      </c>
      <c r="AM3520">
        <v>0</v>
      </c>
      <c r="AN3520">
        <v>0</v>
      </c>
      <c r="AO3520">
        <v>0</v>
      </c>
      <c r="AP3520">
        <v>0</v>
      </c>
      <c r="AQ3520">
        <v>0</v>
      </c>
      <c r="AR3520">
        <v>0</v>
      </c>
      <c r="AS3520">
        <v>0</v>
      </c>
      <c r="AT3520">
        <v>0</v>
      </c>
      <c r="AU3520">
        <v>0</v>
      </c>
      <c r="AV3520">
        <v>0</v>
      </c>
      <c r="AW3520">
        <v>0</v>
      </c>
      <c r="AX3520">
        <v>616</v>
      </c>
      <c r="AY3520">
        <v>44</v>
      </c>
      <c r="AZ3520">
        <v>103</v>
      </c>
      <c r="BA3520">
        <v>6846</v>
      </c>
    </row>
    <row r="3521" spans="1:53" x14ac:dyDescent="0.4">
      <c r="A3521">
        <v>3565</v>
      </c>
      <c r="B3521" s="1">
        <v>44024</v>
      </c>
      <c r="C3521">
        <v>1</v>
      </c>
      <c r="D3521" s="1">
        <v>44024.291666666664</v>
      </c>
      <c r="E3521" s="1">
        <v>44024.388194444444</v>
      </c>
      <c r="F3521">
        <v>0</v>
      </c>
      <c r="G3521">
        <v>0</v>
      </c>
      <c r="H3521">
        <v>0</v>
      </c>
      <c r="I3521">
        <v>0</v>
      </c>
      <c r="J3521">
        <v>0</v>
      </c>
      <c r="K3521">
        <v>0</v>
      </c>
      <c r="L3521">
        <v>0</v>
      </c>
      <c r="M3521">
        <v>0</v>
      </c>
      <c r="N3521">
        <v>0</v>
      </c>
      <c r="O3521">
        <v>0</v>
      </c>
      <c r="P3521">
        <v>0</v>
      </c>
      <c r="Q3521">
        <v>0</v>
      </c>
      <c r="R3521">
        <v>0</v>
      </c>
      <c r="S3521">
        <v>0</v>
      </c>
      <c r="T3521">
        <v>0</v>
      </c>
      <c r="U3521">
        <v>0</v>
      </c>
      <c r="V3521">
        <v>0</v>
      </c>
      <c r="W3521">
        <v>0</v>
      </c>
      <c r="X3521">
        <v>0</v>
      </c>
      <c r="Y3521">
        <v>31</v>
      </c>
      <c r="Z3521">
        <v>10</v>
      </c>
      <c r="AA3521">
        <v>89</v>
      </c>
      <c r="AB3521">
        <v>68</v>
      </c>
      <c r="AC3521">
        <v>110</v>
      </c>
      <c r="AD3521">
        <v>92</v>
      </c>
      <c r="AE3521">
        <v>140</v>
      </c>
      <c r="AF3521">
        <v>0</v>
      </c>
      <c r="AG3521">
        <v>50000</v>
      </c>
      <c r="AH3521">
        <v>50000</v>
      </c>
      <c r="AI3521">
        <v>0</v>
      </c>
      <c r="AJ3521">
        <v>0</v>
      </c>
      <c r="AK3521" t="s">
        <v>6</v>
      </c>
      <c r="AL3521">
        <v>0</v>
      </c>
      <c r="AM3521">
        <v>0</v>
      </c>
      <c r="AN3521">
        <v>0</v>
      </c>
      <c r="AO3521">
        <v>0</v>
      </c>
      <c r="AP3521">
        <v>0</v>
      </c>
      <c r="AQ3521">
        <v>0</v>
      </c>
      <c r="AR3521">
        <v>0</v>
      </c>
      <c r="AS3521">
        <v>0</v>
      </c>
      <c r="AT3521">
        <v>0</v>
      </c>
      <c r="AU3521">
        <v>0</v>
      </c>
      <c r="AV3521">
        <v>0</v>
      </c>
      <c r="AW3521">
        <v>0</v>
      </c>
      <c r="AX3521">
        <v>0</v>
      </c>
      <c r="AY3521">
        <v>0</v>
      </c>
      <c r="AZ3521">
        <v>0</v>
      </c>
      <c r="BA3521">
        <v>0</v>
      </c>
    </row>
    <row r="3522" spans="1:53" x14ac:dyDescent="0.4">
      <c r="A3522">
        <v>3566</v>
      </c>
      <c r="B3522" s="1">
        <v>44024</v>
      </c>
      <c r="C3522">
        <v>2</v>
      </c>
      <c r="D3522" s="1">
        <v>44024.388194444444</v>
      </c>
      <c r="E3522" s="1">
        <v>44024.729861111111</v>
      </c>
      <c r="F3522">
        <v>45150</v>
      </c>
      <c r="G3522">
        <v>3660</v>
      </c>
      <c r="H3522">
        <v>200</v>
      </c>
      <c r="I3522">
        <v>0</v>
      </c>
      <c r="J3522">
        <v>100</v>
      </c>
      <c r="K3522">
        <v>800</v>
      </c>
      <c r="L3522">
        <v>0</v>
      </c>
      <c r="M3522">
        <v>4971</v>
      </c>
      <c r="N3522">
        <v>0</v>
      </c>
      <c r="O3522">
        <v>0</v>
      </c>
      <c r="P3522">
        <v>20020</v>
      </c>
      <c r="Q3522">
        <v>0</v>
      </c>
      <c r="R3522">
        <v>74701</v>
      </c>
      <c r="S3522">
        <v>0</v>
      </c>
      <c r="T3522">
        <v>0</v>
      </c>
      <c r="U3522">
        <v>0</v>
      </c>
      <c r="V3522">
        <v>2</v>
      </c>
      <c r="W3522">
        <v>0</v>
      </c>
      <c r="X3522">
        <v>0</v>
      </c>
      <c r="Y3522">
        <v>66</v>
      </c>
      <c r="Z3522">
        <v>48</v>
      </c>
      <c r="AA3522">
        <v>94</v>
      </c>
      <c r="AB3522">
        <v>57</v>
      </c>
      <c r="AC3522">
        <v>92</v>
      </c>
      <c r="AD3522">
        <v>104</v>
      </c>
      <c r="AE3522">
        <v>186</v>
      </c>
      <c r="AF3522">
        <v>825</v>
      </c>
      <c r="AG3522">
        <v>124701</v>
      </c>
      <c r="AH3522">
        <v>50000</v>
      </c>
      <c r="AI3522">
        <v>0</v>
      </c>
      <c r="AJ3522">
        <v>97</v>
      </c>
      <c r="AK3522" t="s">
        <v>33</v>
      </c>
      <c r="AL3522">
        <v>0</v>
      </c>
      <c r="AM3522">
        <v>0</v>
      </c>
      <c r="AN3522">
        <v>0</v>
      </c>
      <c r="AO3522">
        <v>0</v>
      </c>
      <c r="AP3522">
        <v>0</v>
      </c>
      <c r="AQ3522">
        <v>0</v>
      </c>
      <c r="AR3522">
        <v>0</v>
      </c>
      <c r="AS3522">
        <v>0</v>
      </c>
      <c r="AT3522">
        <v>0</v>
      </c>
      <c r="AU3522">
        <v>0</v>
      </c>
      <c r="AV3522">
        <v>0</v>
      </c>
      <c r="AW3522">
        <v>0</v>
      </c>
      <c r="AX3522">
        <v>-165</v>
      </c>
      <c r="AY3522">
        <v>49</v>
      </c>
      <c r="AZ3522">
        <v>109</v>
      </c>
      <c r="BA3522">
        <v>7451</v>
      </c>
    </row>
    <row r="3523" spans="1:53" x14ac:dyDescent="0.4">
      <c r="A3523">
        <v>3567</v>
      </c>
      <c r="B3523" s="1">
        <v>44025</v>
      </c>
      <c r="C3523">
        <v>1</v>
      </c>
      <c r="D3523" s="1">
        <v>44025.291666666664</v>
      </c>
      <c r="E3523" s="1">
        <v>44025.436111111114</v>
      </c>
      <c r="F3523">
        <v>0</v>
      </c>
      <c r="G3523">
        <v>0</v>
      </c>
      <c r="H3523">
        <v>0</v>
      </c>
      <c r="I3523">
        <v>0</v>
      </c>
      <c r="J3523">
        <v>0</v>
      </c>
      <c r="K3523">
        <v>0</v>
      </c>
      <c r="L3523">
        <v>0</v>
      </c>
      <c r="M3523">
        <v>0</v>
      </c>
      <c r="N3523">
        <v>0</v>
      </c>
      <c r="O3523">
        <v>0</v>
      </c>
      <c r="P3523">
        <v>0</v>
      </c>
      <c r="Q3523">
        <v>0</v>
      </c>
      <c r="R3523">
        <v>0</v>
      </c>
      <c r="S3523">
        <v>0</v>
      </c>
      <c r="T3523">
        <v>0</v>
      </c>
      <c r="U3523">
        <v>0</v>
      </c>
      <c r="V3523">
        <v>0</v>
      </c>
      <c r="W3523">
        <v>0</v>
      </c>
      <c r="X3523">
        <v>0</v>
      </c>
      <c r="Y3523">
        <v>36</v>
      </c>
      <c r="Z3523">
        <v>9</v>
      </c>
      <c r="AA3523">
        <v>56</v>
      </c>
      <c r="AB3523">
        <v>51</v>
      </c>
      <c r="AC3523">
        <v>95</v>
      </c>
      <c r="AD3523">
        <v>52</v>
      </c>
      <c r="AE3523">
        <v>140</v>
      </c>
      <c r="AF3523">
        <v>0</v>
      </c>
      <c r="AG3523">
        <v>50000</v>
      </c>
      <c r="AH3523">
        <v>50000</v>
      </c>
      <c r="AI3523">
        <v>0</v>
      </c>
      <c r="AJ3523">
        <v>0</v>
      </c>
      <c r="AK3523" t="s">
        <v>6</v>
      </c>
      <c r="AL3523">
        <v>0</v>
      </c>
      <c r="AM3523">
        <v>0</v>
      </c>
      <c r="AN3523">
        <v>0</v>
      </c>
      <c r="AO3523">
        <v>0</v>
      </c>
      <c r="AP3523">
        <v>0</v>
      </c>
      <c r="AQ3523">
        <v>0</v>
      </c>
      <c r="AR3523">
        <v>0</v>
      </c>
      <c r="AS3523">
        <v>0</v>
      </c>
      <c r="AT3523">
        <v>0</v>
      </c>
      <c r="AU3523">
        <v>0</v>
      </c>
      <c r="AV3523">
        <v>0</v>
      </c>
      <c r="AW3523">
        <v>0</v>
      </c>
      <c r="AX3523">
        <v>0</v>
      </c>
      <c r="AY3523">
        <v>0</v>
      </c>
      <c r="AZ3523">
        <v>0</v>
      </c>
      <c r="BA3523">
        <v>0</v>
      </c>
    </row>
    <row r="3524" spans="1:53" x14ac:dyDescent="0.4">
      <c r="A3524">
        <v>3568</v>
      </c>
      <c r="B3524" s="1">
        <v>44025</v>
      </c>
      <c r="C3524">
        <v>2</v>
      </c>
      <c r="D3524" s="1">
        <v>44025.436111111114</v>
      </c>
      <c r="E3524" s="1">
        <v>44025.745833333334</v>
      </c>
      <c r="F3524">
        <v>15200</v>
      </c>
      <c r="G3524">
        <v>540</v>
      </c>
      <c r="H3524">
        <v>30</v>
      </c>
      <c r="I3524">
        <v>0</v>
      </c>
      <c r="J3524">
        <v>50</v>
      </c>
      <c r="K3524">
        <v>0</v>
      </c>
      <c r="L3524">
        <v>0</v>
      </c>
      <c r="M3524">
        <v>1572</v>
      </c>
      <c r="N3524">
        <v>0</v>
      </c>
      <c r="O3524">
        <v>0</v>
      </c>
      <c r="P3524">
        <v>9295</v>
      </c>
      <c r="Q3524">
        <v>0</v>
      </c>
      <c r="R3524">
        <v>26587</v>
      </c>
      <c r="S3524">
        <v>0</v>
      </c>
      <c r="T3524">
        <v>0</v>
      </c>
      <c r="U3524">
        <v>0</v>
      </c>
      <c r="V3524">
        <v>1</v>
      </c>
      <c r="W3524">
        <v>1</v>
      </c>
      <c r="X3524">
        <v>0</v>
      </c>
      <c r="Y3524">
        <v>49</v>
      </c>
      <c r="Z3524">
        <v>13</v>
      </c>
      <c r="AA3524">
        <v>28</v>
      </c>
      <c r="AB3524">
        <v>42</v>
      </c>
      <c r="AC3524">
        <v>77</v>
      </c>
      <c r="AD3524">
        <v>54</v>
      </c>
      <c r="AE3524">
        <v>147</v>
      </c>
      <c r="AF3524">
        <v>0</v>
      </c>
      <c r="AG3524">
        <v>76587</v>
      </c>
      <c r="AH3524">
        <v>50000</v>
      </c>
      <c r="AI3524">
        <v>0</v>
      </c>
      <c r="AJ3524">
        <v>97</v>
      </c>
      <c r="AK3524" t="s">
        <v>33</v>
      </c>
      <c r="AL3524">
        <v>0</v>
      </c>
      <c r="AM3524">
        <v>0</v>
      </c>
      <c r="AN3524">
        <v>0</v>
      </c>
      <c r="AO3524">
        <v>0</v>
      </c>
      <c r="AP3524">
        <v>0</v>
      </c>
      <c r="AQ3524">
        <v>0</v>
      </c>
      <c r="AR3524">
        <v>0</v>
      </c>
      <c r="AS3524">
        <v>0</v>
      </c>
      <c r="AT3524">
        <v>0</v>
      </c>
      <c r="AU3524">
        <v>0</v>
      </c>
      <c r="AV3524">
        <v>0</v>
      </c>
      <c r="AW3524">
        <v>0</v>
      </c>
      <c r="AX3524">
        <v>440</v>
      </c>
      <c r="AY3524">
        <v>24</v>
      </c>
      <c r="AZ3524">
        <v>39</v>
      </c>
      <c r="BA3524">
        <v>3423</v>
      </c>
    </row>
    <row r="3525" spans="1:53" x14ac:dyDescent="0.4">
      <c r="A3525">
        <v>3569</v>
      </c>
      <c r="B3525" s="1">
        <v>44026</v>
      </c>
      <c r="C3525">
        <v>1</v>
      </c>
      <c r="D3525" s="1">
        <v>44026.291666666664</v>
      </c>
      <c r="E3525" s="1">
        <v>44026.454861111109</v>
      </c>
      <c r="F3525">
        <v>0</v>
      </c>
      <c r="G3525">
        <v>0</v>
      </c>
      <c r="H3525">
        <v>0</v>
      </c>
      <c r="I3525">
        <v>0</v>
      </c>
      <c r="J3525">
        <v>0</v>
      </c>
      <c r="K3525">
        <v>0</v>
      </c>
      <c r="L3525">
        <v>0</v>
      </c>
      <c r="M3525">
        <v>0</v>
      </c>
      <c r="N3525">
        <v>0</v>
      </c>
      <c r="O3525">
        <v>0</v>
      </c>
      <c r="P3525">
        <v>0</v>
      </c>
      <c r="Q3525">
        <v>0</v>
      </c>
      <c r="R3525">
        <v>0</v>
      </c>
      <c r="S3525">
        <v>0</v>
      </c>
      <c r="T3525">
        <v>0</v>
      </c>
      <c r="U3525">
        <v>0</v>
      </c>
      <c r="V3525">
        <v>0</v>
      </c>
      <c r="W3525">
        <v>0</v>
      </c>
      <c r="X3525">
        <v>0</v>
      </c>
      <c r="Y3525">
        <v>37</v>
      </c>
      <c r="Z3525">
        <v>15</v>
      </c>
      <c r="AA3525">
        <v>23</v>
      </c>
      <c r="AB3525">
        <v>40</v>
      </c>
      <c r="AC3525">
        <v>80</v>
      </c>
      <c r="AD3525">
        <v>50</v>
      </c>
      <c r="AE3525">
        <v>150</v>
      </c>
      <c r="AF3525">
        <v>0</v>
      </c>
      <c r="AG3525">
        <v>50000</v>
      </c>
      <c r="AH3525">
        <v>50000</v>
      </c>
      <c r="AI3525">
        <v>0</v>
      </c>
      <c r="AJ3525">
        <v>0</v>
      </c>
      <c r="AK3525" t="s">
        <v>6</v>
      </c>
      <c r="AL3525">
        <v>0</v>
      </c>
      <c r="AM3525">
        <v>0</v>
      </c>
      <c r="AN3525">
        <v>0</v>
      </c>
      <c r="AO3525">
        <v>0</v>
      </c>
      <c r="AP3525">
        <v>0</v>
      </c>
      <c r="AQ3525">
        <v>0</v>
      </c>
      <c r="AR3525">
        <v>0</v>
      </c>
      <c r="AS3525">
        <v>0</v>
      </c>
      <c r="AT3525">
        <v>0</v>
      </c>
      <c r="AU3525">
        <v>0</v>
      </c>
      <c r="AV3525">
        <v>0</v>
      </c>
      <c r="AW3525">
        <v>0</v>
      </c>
      <c r="AX3525">
        <v>0</v>
      </c>
      <c r="AY3525">
        <v>0</v>
      </c>
      <c r="AZ3525">
        <v>0</v>
      </c>
      <c r="BA3525">
        <v>0</v>
      </c>
    </row>
    <row r="3526" spans="1:53" x14ac:dyDescent="0.4">
      <c r="A3526">
        <v>3570</v>
      </c>
      <c r="B3526" s="1">
        <v>44026</v>
      </c>
      <c r="C3526">
        <v>2</v>
      </c>
      <c r="D3526" s="1">
        <v>44026.454861111109</v>
      </c>
      <c r="E3526" s="1">
        <v>44026.73333333333</v>
      </c>
      <c r="F3526">
        <v>13350</v>
      </c>
      <c r="G3526">
        <v>0</v>
      </c>
      <c r="H3526">
        <v>0</v>
      </c>
      <c r="I3526">
        <v>0</v>
      </c>
      <c r="J3526">
        <v>450</v>
      </c>
      <c r="K3526">
        <v>0</v>
      </c>
      <c r="L3526">
        <v>0</v>
      </c>
      <c r="M3526">
        <v>1290</v>
      </c>
      <c r="N3526">
        <v>0</v>
      </c>
      <c r="O3526">
        <v>0</v>
      </c>
      <c r="P3526">
        <v>7865</v>
      </c>
      <c r="Q3526">
        <v>0</v>
      </c>
      <c r="R3526">
        <v>22055</v>
      </c>
      <c r="S3526">
        <v>0</v>
      </c>
      <c r="T3526">
        <v>0</v>
      </c>
      <c r="U3526">
        <v>0</v>
      </c>
      <c r="V3526">
        <v>0</v>
      </c>
      <c r="W3526">
        <v>2</v>
      </c>
      <c r="X3526">
        <v>0</v>
      </c>
      <c r="Y3526">
        <v>44</v>
      </c>
      <c r="Z3526">
        <v>23</v>
      </c>
      <c r="AA3526">
        <v>25</v>
      </c>
      <c r="AB3526">
        <v>40</v>
      </c>
      <c r="AC3526">
        <v>78</v>
      </c>
      <c r="AD3526">
        <v>58</v>
      </c>
      <c r="AE3526">
        <v>160</v>
      </c>
      <c r="AF3526">
        <v>825</v>
      </c>
      <c r="AG3526">
        <v>72055</v>
      </c>
      <c r="AH3526">
        <v>50000</v>
      </c>
      <c r="AI3526">
        <v>0</v>
      </c>
      <c r="AJ3526">
        <v>107</v>
      </c>
      <c r="AK3526" t="s">
        <v>40</v>
      </c>
      <c r="AL3526">
        <v>0</v>
      </c>
      <c r="AM3526">
        <v>0</v>
      </c>
      <c r="AN3526">
        <v>0</v>
      </c>
      <c r="AO3526">
        <v>0</v>
      </c>
      <c r="AP3526">
        <v>0</v>
      </c>
      <c r="AQ3526">
        <v>0</v>
      </c>
      <c r="AR3526">
        <v>0</v>
      </c>
      <c r="AS3526">
        <v>0</v>
      </c>
      <c r="AT3526">
        <v>0</v>
      </c>
      <c r="AU3526">
        <v>0</v>
      </c>
      <c r="AV3526">
        <v>0</v>
      </c>
      <c r="AW3526">
        <v>0</v>
      </c>
      <c r="AX3526">
        <v>0</v>
      </c>
      <c r="AY3526">
        <v>21</v>
      </c>
      <c r="AZ3526">
        <v>33</v>
      </c>
      <c r="BA3526">
        <v>2827</v>
      </c>
    </row>
    <row r="3527" spans="1:53" x14ac:dyDescent="0.4">
      <c r="A3527">
        <v>3571</v>
      </c>
      <c r="B3527" s="1">
        <v>44026</v>
      </c>
      <c r="C3527">
        <v>3</v>
      </c>
      <c r="D3527" s="1">
        <v>44026.73333333333</v>
      </c>
      <c r="E3527" s="1">
        <v>44026.965277777781</v>
      </c>
      <c r="F3527">
        <v>35900</v>
      </c>
      <c r="G3527">
        <v>2520</v>
      </c>
      <c r="H3527">
        <v>90</v>
      </c>
      <c r="I3527">
        <v>0</v>
      </c>
      <c r="J3527">
        <v>50</v>
      </c>
      <c r="K3527">
        <v>0</v>
      </c>
      <c r="L3527">
        <v>0</v>
      </c>
      <c r="M3527">
        <v>3846</v>
      </c>
      <c r="N3527">
        <v>0</v>
      </c>
      <c r="O3527">
        <v>0</v>
      </c>
      <c r="P3527">
        <v>-7865</v>
      </c>
      <c r="Q3527">
        <v>0</v>
      </c>
      <c r="R3527">
        <v>34441</v>
      </c>
      <c r="S3527">
        <v>0</v>
      </c>
      <c r="T3527">
        <v>0</v>
      </c>
      <c r="U3527">
        <v>0</v>
      </c>
      <c r="V3527">
        <v>1</v>
      </c>
      <c r="W3527">
        <v>4</v>
      </c>
      <c r="X3527">
        <v>0</v>
      </c>
      <c r="Y3527">
        <v>45</v>
      </c>
      <c r="Z3527">
        <v>23</v>
      </c>
      <c r="AA3527">
        <v>45</v>
      </c>
      <c r="AB3527">
        <v>36</v>
      </c>
      <c r="AC3527">
        <v>82</v>
      </c>
      <c r="AD3527">
        <v>59</v>
      </c>
      <c r="AE3527">
        <v>173</v>
      </c>
      <c r="AF3527">
        <v>12408</v>
      </c>
      <c r="AG3527">
        <v>106496</v>
      </c>
      <c r="AH3527">
        <v>50000</v>
      </c>
      <c r="AI3527">
        <v>0</v>
      </c>
      <c r="AJ3527">
        <v>108</v>
      </c>
      <c r="AK3527" t="s">
        <v>30</v>
      </c>
      <c r="AL3527">
        <v>0</v>
      </c>
      <c r="AM3527">
        <v>0</v>
      </c>
      <c r="AN3527">
        <v>0</v>
      </c>
      <c r="AO3527">
        <v>0</v>
      </c>
      <c r="AP3527">
        <v>0</v>
      </c>
      <c r="AQ3527">
        <v>0</v>
      </c>
      <c r="AR3527">
        <v>0</v>
      </c>
      <c r="AS3527">
        <v>0</v>
      </c>
      <c r="AT3527">
        <v>0</v>
      </c>
      <c r="AU3527">
        <v>0</v>
      </c>
      <c r="AV3527">
        <v>0</v>
      </c>
      <c r="AW3527">
        <v>0</v>
      </c>
      <c r="AX3527">
        <v>1210</v>
      </c>
      <c r="AY3527">
        <v>9</v>
      </c>
      <c r="AZ3527">
        <v>25</v>
      </c>
      <c r="BA3527">
        <v>1709</v>
      </c>
    </row>
    <row r="3528" spans="1:53" x14ac:dyDescent="0.4">
      <c r="A3528">
        <v>3572</v>
      </c>
      <c r="B3528" s="1">
        <v>44027</v>
      </c>
      <c r="C3528">
        <v>1</v>
      </c>
      <c r="D3528" s="1">
        <v>44027.291666666664</v>
      </c>
      <c r="E3528" s="1">
        <v>44027.411805555559</v>
      </c>
      <c r="F3528">
        <v>0</v>
      </c>
      <c r="G3528">
        <v>0</v>
      </c>
      <c r="H3528">
        <v>0</v>
      </c>
      <c r="I3528">
        <v>0</v>
      </c>
      <c r="J3528">
        <v>0</v>
      </c>
      <c r="K3528">
        <v>0</v>
      </c>
      <c r="L3528">
        <v>0</v>
      </c>
      <c r="M3528">
        <v>0</v>
      </c>
      <c r="N3528">
        <v>0</v>
      </c>
      <c r="O3528">
        <v>0</v>
      </c>
      <c r="P3528">
        <v>0</v>
      </c>
      <c r="Q3528">
        <v>0</v>
      </c>
      <c r="R3528">
        <v>0</v>
      </c>
      <c r="S3528">
        <v>0</v>
      </c>
      <c r="T3528">
        <v>0</v>
      </c>
      <c r="U3528">
        <v>0</v>
      </c>
      <c r="V3528">
        <v>0</v>
      </c>
      <c r="W3528">
        <v>0</v>
      </c>
      <c r="X3528">
        <v>0</v>
      </c>
      <c r="Y3528">
        <v>35</v>
      </c>
      <c r="Z3528">
        <v>15</v>
      </c>
      <c r="AA3528">
        <v>43</v>
      </c>
      <c r="AB3528">
        <v>34</v>
      </c>
      <c r="AC3528">
        <v>102</v>
      </c>
      <c r="AD3528">
        <v>59</v>
      </c>
      <c r="AE3528">
        <v>185</v>
      </c>
      <c r="AF3528">
        <v>0</v>
      </c>
      <c r="AG3528">
        <v>50000</v>
      </c>
      <c r="AH3528">
        <v>50000</v>
      </c>
      <c r="AI3528">
        <v>0</v>
      </c>
      <c r="AJ3528">
        <v>0</v>
      </c>
      <c r="AK3528" t="s">
        <v>6</v>
      </c>
      <c r="AL3528">
        <v>0</v>
      </c>
      <c r="AM3528">
        <v>0</v>
      </c>
      <c r="AN3528">
        <v>0</v>
      </c>
      <c r="AO3528">
        <v>0</v>
      </c>
      <c r="AP3528">
        <v>0</v>
      </c>
      <c r="AQ3528">
        <v>0</v>
      </c>
      <c r="AR3528">
        <v>0</v>
      </c>
      <c r="AS3528">
        <v>0</v>
      </c>
      <c r="AT3528">
        <v>0</v>
      </c>
      <c r="AU3528">
        <v>0</v>
      </c>
      <c r="AV3528">
        <v>0</v>
      </c>
      <c r="AW3528">
        <v>0</v>
      </c>
      <c r="AX3528">
        <v>0</v>
      </c>
      <c r="AY3528">
        <v>0</v>
      </c>
      <c r="AZ3528">
        <v>0</v>
      </c>
      <c r="BA3528">
        <v>0</v>
      </c>
    </row>
    <row r="3529" spans="1:53" x14ac:dyDescent="0.4">
      <c r="A3529">
        <v>3573</v>
      </c>
      <c r="B3529" s="1">
        <v>44027</v>
      </c>
      <c r="C3529">
        <v>2</v>
      </c>
      <c r="D3529" s="1">
        <v>44027.411805555559</v>
      </c>
      <c r="E3529" s="1">
        <v>44027.737500000003</v>
      </c>
      <c r="F3529">
        <v>24850</v>
      </c>
      <c r="G3529">
        <v>400</v>
      </c>
      <c r="H3529">
        <v>0</v>
      </c>
      <c r="I3529">
        <v>0</v>
      </c>
      <c r="J3529">
        <v>0</v>
      </c>
      <c r="K3529">
        <v>0</v>
      </c>
      <c r="L3529">
        <v>0</v>
      </c>
      <c r="M3529">
        <v>2525</v>
      </c>
      <c r="N3529">
        <v>0</v>
      </c>
      <c r="O3529">
        <v>0</v>
      </c>
      <c r="P3529">
        <v>17765</v>
      </c>
      <c r="Q3529">
        <v>0</v>
      </c>
      <c r="R3529">
        <v>45540</v>
      </c>
      <c r="S3529">
        <v>0</v>
      </c>
      <c r="T3529">
        <v>0</v>
      </c>
      <c r="U3529">
        <v>0</v>
      </c>
      <c r="V3529">
        <v>3</v>
      </c>
      <c r="W3529">
        <v>0</v>
      </c>
      <c r="X3529">
        <v>0</v>
      </c>
      <c r="Y3529">
        <v>44</v>
      </c>
      <c r="Z3529">
        <v>27</v>
      </c>
      <c r="AA3529">
        <v>28</v>
      </c>
      <c r="AB3529">
        <v>28</v>
      </c>
      <c r="AC3529">
        <v>89</v>
      </c>
      <c r="AD3529">
        <v>60</v>
      </c>
      <c r="AE3529">
        <v>230</v>
      </c>
      <c r="AF3529">
        <v>2420</v>
      </c>
      <c r="AG3529">
        <v>95540</v>
      </c>
      <c r="AH3529">
        <v>50000</v>
      </c>
      <c r="AI3529">
        <v>0</v>
      </c>
      <c r="AJ3529">
        <v>107</v>
      </c>
      <c r="AK3529" t="s">
        <v>40</v>
      </c>
      <c r="AL3529">
        <v>0</v>
      </c>
      <c r="AM3529">
        <v>0</v>
      </c>
      <c r="AN3529">
        <v>0</v>
      </c>
      <c r="AO3529">
        <v>0</v>
      </c>
      <c r="AP3529">
        <v>0</v>
      </c>
      <c r="AQ3529">
        <v>0</v>
      </c>
      <c r="AR3529">
        <v>0</v>
      </c>
      <c r="AS3529">
        <v>0</v>
      </c>
      <c r="AT3529">
        <v>0</v>
      </c>
      <c r="AU3529">
        <v>0</v>
      </c>
      <c r="AV3529">
        <v>0</v>
      </c>
      <c r="AW3529">
        <v>0</v>
      </c>
      <c r="AX3529">
        <v>880</v>
      </c>
      <c r="AY3529">
        <v>34</v>
      </c>
      <c r="AZ3529">
        <v>72</v>
      </c>
      <c r="BA3529">
        <v>5035</v>
      </c>
    </row>
    <row r="3530" spans="1:53" x14ac:dyDescent="0.4">
      <c r="A3530">
        <v>3574</v>
      </c>
      <c r="B3530" s="1">
        <v>44028</v>
      </c>
      <c r="C3530">
        <v>1</v>
      </c>
      <c r="D3530" s="1">
        <v>44028.291666666664</v>
      </c>
      <c r="E3530" s="1">
        <v>44028.431250000001</v>
      </c>
      <c r="F3530">
        <v>0</v>
      </c>
      <c r="G3530">
        <v>0</v>
      </c>
      <c r="H3530">
        <v>0</v>
      </c>
      <c r="I3530">
        <v>0</v>
      </c>
      <c r="J3530">
        <v>0</v>
      </c>
      <c r="K3530">
        <v>0</v>
      </c>
      <c r="L3530">
        <v>0</v>
      </c>
      <c r="M3530">
        <v>0</v>
      </c>
      <c r="N3530">
        <v>0</v>
      </c>
      <c r="O3530">
        <v>0</v>
      </c>
      <c r="P3530">
        <v>0</v>
      </c>
      <c r="Q3530">
        <v>0</v>
      </c>
      <c r="R3530">
        <v>0</v>
      </c>
      <c r="S3530">
        <v>0</v>
      </c>
      <c r="T3530">
        <v>0</v>
      </c>
      <c r="U3530">
        <v>0</v>
      </c>
      <c r="V3530">
        <v>0</v>
      </c>
      <c r="W3530">
        <v>0</v>
      </c>
      <c r="X3530">
        <v>0</v>
      </c>
      <c r="Y3530">
        <v>31</v>
      </c>
      <c r="Z3530">
        <v>10</v>
      </c>
      <c r="AA3530">
        <v>113</v>
      </c>
      <c r="AB3530">
        <v>27</v>
      </c>
      <c r="AC3530">
        <v>92</v>
      </c>
      <c r="AD3530">
        <v>60</v>
      </c>
      <c r="AE3530">
        <v>130</v>
      </c>
      <c r="AF3530">
        <v>0</v>
      </c>
      <c r="AG3530">
        <v>50000</v>
      </c>
      <c r="AH3530">
        <v>50000</v>
      </c>
      <c r="AI3530">
        <v>0</v>
      </c>
      <c r="AJ3530">
        <v>0</v>
      </c>
      <c r="AK3530" t="s">
        <v>6</v>
      </c>
      <c r="AL3530">
        <v>0</v>
      </c>
      <c r="AM3530">
        <v>0</v>
      </c>
      <c r="AN3530">
        <v>0</v>
      </c>
      <c r="AO3530">
        <v>0</v>
      </c>
      <c r="AP3530">
        <v>0</v>
      </c>
      <c r="AQ3530">
        <v>0</v>
      </c>
      <c r="AR3530">
        <v>0</v>
      </c>
      <c r="AS3530">
        <v>0</v>
      </c>
      <c r="AT3530">
        <v>0</v>
      </c>
      <c r="AU3530">
        <v>0</v>
      </c>
      <c r="AV3530">
        <v>0</v>
      </c>
      <c r="AW3530">
        <v>0</v>
      </c>
      <c r="AX3530">
        <v>0</v>
      </c>
      <c r="AY3530">
        <v>0</v>
      </c>
      <c r="AZ3530">
        <v>0</v>
      </c>
      <c r="BA3530">
        <v>0</v>
      </c>
    </row>
    <row r="3531" spans="1:53" x14ac:dyDescent="0.4">
      <c r="A3531">
        <v>3575</v>
      </c>
      <c r="B3531" s="1">
        <v>44028</v>
      </c>
      <c r="C3531">
        <v>2</v>
      </c>
      <c r="D3531" s="1">
        <v>44028.431250000001</v>
      </c>
      <c r="E3531" s="1">
        <v>44028.745833333334</v>
      </c>
      <c r="F3531">
        <v>18300</v>
      </c>
      <c r="G3531">
        <v>1080</v>
      </c>
      <c r="H3531">
        <v>0</v>
      </c>
      <c r="I3531">
        <v>0</v>
      </c>
      <c r="J3531">
        <v>0</v>
      </c>
      <c r="K3531">
        <v>0</v>
      </c>
      <c r="L3531">
        <v>0</v>
      </c>
      <c r="M3531">
        <v>1938</v>
      </c>
      <c r="N3531">
        <v>0</v>
      </c>
      <c r="O3531">
        <v>0</v>
      </c>
      <c r="P3531">
        <v>9790</v>
      </c>
      <c r="Q3531">
        <v>0</v>
      </c>
      <c r="R3531">
        <v>31108</v>
      </c>
      <c r="S3531">
        <v>0</v>
      </c>
      <c r="T3531">
        <v>0</v>
      </c>
      <c r="U3531">
        <v>0</v>
      </c>
      <c r="V3531">
        <v>3</v>
      </c>
      <c r="W3531">
        <v>0</v>
      </c>
      <c r="X3531">
        <v>0</v>
      </c>
      <c r="Y3531">
        <v>28</v>
      </c>
      <c r="Z3531">
        <v>13</v>
      </c>
      <c r="AA3531">
        <v>119</v>
      </c>
      <c r="AB3531">
        <v>25</v>
      </c>
      <c r="AC3531">
        <v>98</v>
      </c>
      <c r="AD3531">
        <v>59</v>
      </c>
      <c r="AE3531">
        <v>148</v>
      </c>
      <c r="AF3531">
        <v>2035</v>
      </c>
      <c r="AG3531">
        <v>81108</v>
      </c>
      <c r="AH3531">
        <v>50000</v>
      </c>
      <c r="AI3531">
        <v>0</v>
      </c>
      <c r="AJ3531">
        <v>107</v>
      </c>
      <c r="AK3531" t="s">
        <v>40</v>
      </c>
      <c r="AL3531">
        <v>0</v>
      </c>
      <c r="AM3531">
        <v>0</v>
      </c>
      <c r="AN3531">
        <v>0</v>
      </c>
      <c r="AO3531">
        <v>0</v>
      </c>
      <c r="AP3531">
        <v>0</v>
      </c>
      <c r="AQ3531">
        <v>0</v>
      </c>
      <c r="AR3531">
        <v>0</v>
      </c>
      <c r="AS3531">
        <v>0</v>
      </c>
      <c r="AT3531">
        <v>0</v>
      </c>
      <c r="AU3531">
        <v>0</v>
      </c>
      <c r="AV3531">
        <v>0</v>
      </c>
      <c r="AW3531">
        <v>0</v>
      </c>
      <c r="AX3531">
        <v>-825</v>
      </c>
      <c r="AY3531">
        <v>27</v>
      </c>
      <c r="AZ3531">
        <v>46</v>
      </c>
      <c r="BA3531">
        <v>3514</v>
      </c>
    </row>
    <row r="3532" spans="1:53" x14ac:dyDescent="0.4">
      <c r="A3532">
        <v>3576</v>
      </c>
      <c r="B3532" s="1">
        <v>44029</v>
      </c>
      <c r="C3532">
        <v>1</v>
      </c>
      <c r="D3532" s="1">
        <v>44029.291666666664</v>
      </c>
      <c r="E3532" s="1">
        <v>44029.452777777777</v>
      </c>
      <c r="F3532">
        <v>0</v>
      </c>
      <c r="G3532">
        <v>0</v>
      </c>
      <c r="H3532">
        <v>0</v>
      </c>
      <c r="I3532">
        <v>0</v>
      </c>
      <c r="J3532">
        <v>0</v>
      </c>
      <c r="K3532">
        <v>0</v>
      </c>
      <c r="L3532">
        <v>0</v>
      </c>
      <c r="M3532">
        <v>0</v>
      </c>
      <c r="N3532">
        <v>0</v>
      </c>
      <c r="O3532">
        <v>0</v>
      </c>
      <c r="P3532">
        <v>0</v>
      </c>
      <c r="Q3532">
        <v>0</v>
      </c>
      <c r="R3532">
        <v>0</v>
      </c>
      <c r="S3532">
        <v>0</v>
      </c>
      <c r="T3532">
        <v>0</v>
      </c>
      <c r="U3532">
        <v>0</v>
      </c>
      <c r="V3532">
        <v>0</v>
      </c>
      <c r="W3532">
        <v>2</v>
      </c>
      <c r="X3532">
        <v>0</v>
      </c>
      <c r="Y3532">
        <v>21</v>
      </c>
      <c r="Z3532">
        <v>10</v>
      </c>
      <c r="AA3532">
        <v>111</v>
      </c>
      <c r="AB3532">
        <v>22</v>
      </c>
      <c r="AC3532">
        <v>140</v>
      </c>
      <c r="AD3532">
        <v>57</v>
      </c>
      <c r="AE3532">
        <v>115</v>
      </c>
      <c r="AF3532">
        <v>0</v>
      </c>
      <c r="AG3532">
        <v>50000</v>
      </c>
      <c r="AH3532">
        <v>50000</v>
      </c>
      <c r="AI3532">
        <v>0</v>
      </c>
      <c r="AJ3532">
        <v>0</v>
      </c>
      <c r="AK3532" t="s">
        <v>6</v>
      </c>
      <c r="AL3532">
        <v>0</v>
      </c>
      <c r="AM3532">
        <v>0</v>
      </c>
      <c r="AN3532">
        <v>0</v>
      </c>
      <c r="AO3532">
        <v>0</v>
      </c>
      <c r="AP3532">
        <v>0</v>
      </c>
      <c r="AQ3532">
        <v>0</v>
      </c>
      <c r="AR3532">
        <v>0</v>
      </c>
      <c r="AS3532">
        <v>0</v>
      </c>
      <c r="AT3532">
        <v>0</v>
      </c>
      <c r="AU3532">
        <v>0</v>
      </c>
      <c r="AV3532">
        <v>0</v>
      </c>
      <c r="AW3532">
        <v>0</v>
      </c>
      <c r="AX3532">
        <v>0</v>
      </c>
      <c r="AY3532">
        <v>0</v>
      </c>
      <c r="AZ3532">
        <v>0</v>
      </c>
      <c r="BA3532">
        <v>0</v>
      </c>
    </row>
    <row r="3533" spans="1:53" x14ac:dyDescent="0.4">
      <c r="A3533">
        <v>3577</v>
      </c>
      <c r="B3533" s="1">
        <v>44029</v>
      </c>
      <c r="C3533">
        <v>2</v>
      </c>
      <c r="D3533" s="1">
        <v>44029.452777777777</v>
      </c>
      <c r="E3533" s="1">
        <v>44029.740277777775</v>
      </c>
      <c r="F3533">
        <v>28450</v>
      </c>
      <c r="G3533">
        <v>0</v>
      </c>
      <c r="H3533">
        <v>200</v>
      </c>
      <c r="I3533">
        <v>0</v>
      </c>
      <c r="J3533">
        <v>0</v>
      </c>
      <c r="K3533">
        <v>0</v>
      </c>
      <c r="L3533">
        <v>0</v>
      </c>
      <c r="M3533">
        <v>2865</v>
      </c>
      <c r="N3533">
        <v>0</v>
      </c>
      <c r="O3533">
        <v>0</v>
      </c>
      <c r="P3533">
        <v>15785</v>
      </c>
      <c r="Q3533">
        <v>0</v>
      </c>
      <c r="R3533">
        <v>47300</v>
      </c>
      <c r="S3533">
        <v>0</v>
      </c>
      <c r="T3533">
        <v>0</v>
      </c>
      <c r="U3533">
        <v>0</v>
      </c>
      <c r="V3533">
        <v>1</v>
      </c>
      <c r="W3533">
        <v>1</v>
      </c>
      <c r="X3533">
        <v>0</v>
      </c>
      <c r="Y3533">
        <v>54</v>
      </c>
      <c r="Z3533">
        <v>24</v>
      </c>
      <c r="AA3533">
        <v>106</v>
      </c>
      <c r="AB3533">
        <v>16</v>
      </c>
      <c r="AC3533">
        <v>116</v>
      </c>
      <c r="AD3533">
        <v>62</v>
      </c>
      <c r="AE3533">
        <v>130</v>
      </c>
      <c r="AF3533">
        <v>3300</v>
      </c>
      <c r="AG3533">
        <v>97300</v>
      </c>
      <c r="AH3533">
        <v>50000</v>
      </c>
      <c r="AI3533">
        <v>0</v>
      </c>
      <c r="AJ3533">
        <v>107</v>
      </c>
      <c r="AK3533" t="s">
        <v>40</v>
      </c>
      <c r="AL3533">
        <v>0</v>
      </c>
      <c r="AM3533">
        <v>0</v>
      </c>
      <c r="AN3533">
        <v>0</v>
      </c>
      <c r="AO3533">
        <v>0</v>
      </c>
      <c r="AP3533">
        <v>0</v>
      </c>
      <c r="AQ3533">
        <v>0</v>
      </c>
      <c r="AR3533">
        <v>0</v>
      </c>
      <c r="AS3533">
        <v>0</v>
      </c>
      <c r="AT3533">
        <v>0</v>
      </c>
      <c r="AU3533">
        <v>0</v>
      </c>
      <c r="AV3533">
        <v>0</v>
      </c>
      <c r="AW3533">
        <v>0</v>
      </c>
      <c r="AX3533">
        <v>-616</v>
      </c>
      <c r="AY3533">
        <v>39</v>
      </c>
      <c r="AZ3533">
        <v>71</v>
      </c>
      <c r="BA3533">
        <v>5866</v>
      </c>
    </row>
    <row r="3534" spans="1:53" x14ac:dyDescent="0.4">
      <c r="A3534">
        <v>3578</v>
      </c>
      <c r="B3534" s="1">
        <v>44030</v>
      </c>
      <c r="C3534">
        <v>1</v>
      </c>
      <c r="D3534" s="1">
        <v>44030.291666666664</v>
      </c>
      <c r="E3534" s="1">
        <v>44030.388888888891</v>
      </c>
      <c r="F3534">
        <v>0</v>
      </c>
      <c r="G3534">
        <v>0</v>
      </c>
      <c r="H3534">
        <v>0</v>
      </c>
      <c r="I3534">
        <v>0</v>
      </c>
      <c r="J3534">
        <v>0</v>
      </c>
      <c r="K3534">
        <v>0</v>
      </c>
      <c r="L3534">
        <v>0</v>
      </c>
      <c r="M3534">
        <v>0</v>
      </c>
      <c r="N3534">
        <v>0</v>
      </c>
      <c r="O3534">
        <v>0</v>
      </c>
      <c r="P3534">
        <v>0</v>
      </c>
      <c r="Q3534">
        <v>0</v>
      </c>
      <c r="R3534">
        <v>0</v>
      </c>
      <c r="S3534">
        <v>0</v>
      </c>
      <c r="T3534">
        <v>0</v>
      </c>
      <c r="U3534">
        <v>0</v>
      </c>
      <c r="V3534">
        <v>0</v>
      </c>
      <c r="W3534">
        <v>0</v>
      </c>
      <c r="X3534">
        <v>0</v>
      </c>
      <c r="Y3534">
        <v>34</v>
      </c>
      <c r="Z3534">
        <v>10</v>
      </c>
      <c r="AA3534">
        <v>88</v>
      </c>
      <c r="AB3534">
        <v>12</v>
      </c>
      <c r="AC3534">
        <v>118</v>
      </c>
      <c r="AD3534">
        <v>59</v>
      </c>
      <c r="AE3534">
        <v>125</v>
      </c>
      <c r="AF3534">
        <v>0</v>
      </c>
      <c r="AG3534">
        <v>50000</v>
      </c>
      <c r="AH3534">
        <v>50000</v>
      </c>
      <c r="AI3534">
        <v>0</v>
      </c>
      <c r="AJ3534">
        <v>0</v>
      </c>
      <c r="AK3534" t="s">
        <v>6</v>
      </c>
      <c r="AL3534">
        <v>0</v>
      </c>
      <c r="AM3534">
        <v>0</v>
      </c>
      <c r="AN3534">
        <v>0</v>
      </c>
      <c r="AO3534">
        <v>0</v>
      </c>
      <c r="AP3534">
        <v>0</v>
      </c>
      <c r="AQ3534">
        <v>0</v>
      </c>
      <c r="AR3534">
        <v>0</v>
      </c>
      <c r="AS3534">
        <v>0</v>
      </c>
      <c r="AT3534">
        <v>0</v>
      </c>
      <c r="AU3534">
        <v>0</v>
      </c>
      <c r="AV3534">
        <v>0</v>
      </c>
      <c r="AW3534">
        <v>0</v>
      </c>
      <c r="AX3534">
        <v>0</v>
      </c>
      <c r="AY3534">
        <v>0</v>
      </c>
      <c r="AZ3534">
        <v>0</v>
      </c>
      <c r="BA3534">
        <v>0</v>
      </c>
    </row>
    <row r="3535" spans="1:53" x14ac:dyDescent="0.4">
      <c r="A3535">
        <v>3579</v>
      </c>
      <c r="B3535" s="1">
        <v>44030</v>
      </c>
      <c r="C3535">
        <v>2</v>
      </c>
      <c r="D3535" s="1">
        <v>44030.388888888891</v>
      </c>
      <c r="E3535" s="1">
        <v>44030.736111111109</v>
      </c>
      <c r="F3535">
        <v>41500</v>
      </c>
      <c r="G3535">
        <v>4840</v>
      </c>
      <c r="H3535">
        <v>0</v>
      </c>
      <c r="I3535">
        <v>0</v>
      </c>
      <c r="J3535">
        <v>0</v>
      </c>
      <c r="K3535">
        <v>0</v>
      </c>
      <c r="L3535">
        <v>0</v>
      </c>
      <c r="M3535">
        <v>4634</v>
      </c>
      <c r="N3535">
        <v>0</v>
      </c>
      <c r="O3535">
        <v>0</v>
      </c>
      <c r="P3535">
        <v>22825</v>
      </c>
      <c r="Q3535">
        <v>0</v>
      </c>
      <c r="R3535">
        <v>73799</v>
      </c>
      <c r="S3535">
        <v>0</v>
      </c>
      <c r="T3535">
        <v>0</v>
      </c>
      <c r="U3535">
        <v>0</v>
      </c>
      <c r="V3535">
        <v>3</v>
      </c>
      <c r="W3535">
        <v>3</v>
      </c>
      <c r="X3535">
        <v>0</v>
      </c>
      <c r="Y3535">
        <v>63</v>
      </c>
      <c r="Z3535">
        <v>26</v>
      </c>
      <c r="AA3535">
        <v>14</v>
      </c>
      <c r="AB3535">
        <v>5</v>
      </c>
      <c r="AC3535">
        <v>69</v>
      </c>
      <c r="AD3535">
        <v>56</v>
      </c>
      <c r="AE3535">
        <v>179</v>
      </c>
      <c r="AF3535">
        <v>0</v>
      </c>
      <c r="AG3535">
        <v>123799</v>
      </c>
      <c r="AH3535">
        <v>50000</v>
      </c>
      <c r="AI3535">
        <v>0</v>
      </c>
      <c r="AJ3535">
        <v>98</v>
      </c>
      <c r="AK3535" t="s">
        <v>35</v>
      </c>
      <c r="AL3535">
        <v>0</v>
      </c>
      <c r="AM3535">
        <v>0</v>
      </c>
      <c r="AN3535">
        <v>0</v>
      </c>
      <c r="AO3535">
        <v>0</v>
      </c>
      <c r="AP3535">
        <v>0</v>
      </c>
      <c r="AQ3535">
        <v>0</v>
      </c>
      <c r="AR3535">
        <v>0</v>
      </c>
      <c r="AS3535">
        <v>0</v>
      </c>
      <c r="AT3535">
        <v>0</v>
      </c>
      <c r="AU3535">
        <v>0</v>
      </c>
      <c r="AV3535">
        <v>0</v>
      </c>
      <c r="AW3535">
        <v>0</v>
      </c>
      <c r="AX3535">
        <v>-770</v>
      </c>
      <c r="AY3535">
        <v>51</v>
      </c>
      <c r="AZ3535">
        <v>111</v>
      </c>
      <c r="BA3535">
        <v>7025</v>
      </c>
    </row>
    <row r="3536" spans="1:53" x14ac:dyDescent="0.4">
      <c r="A3536">
        <v>3580</v>
      </c>
      <c r="B3536" s="1">
        <v>44031</v>
      </c>
      <c r="C3536">
        <v>1</v>
      </c>
      <c r="D3536" s="1">
        <v>44031.291666666664</v>
      </c>
      <c r="E3536" s="1">
        <v>44031.396527777775</v>
      </c>
      <c r="F3536">
        <v>0</v>
      </c>
      <c r="G3536">
        <v>0</v>
      </c>
      <c r="H3536">
        <v>0</v>
      </c>
      <c r="I3536">
        <v>0</v>
      </c>
      <c r="J3536">
        <v>0</v>
      </c>
      <c r="K3536">
        <v>0</v>
      </c>
      <c r="L3536">
        <v>0</v>
      </c>
      <c r="M3536">
        <v>0</v>
      </c>
      <c r="N3536">
        <v>0</v>
      </c>
      <c r="O3536">
        <v>0</v>
      </c>
      <c r="P3536">
        <v>0</v>
      </c>
      <c r="Q3536">
        <v>0</v>
      </c>
      <c r="R3536">
        <v>0</v>
      </c>
      <c r="S3536">
        <v>0</v>
      </c>
      <c r="T3536">
        <v>0</v>
      </c>
      <c r="U3536">
        <v>0</v>
      </c>
      <c r="V3536">
        <v>0</v>
      </c>
      <c r="W3536">
        <v>0</v>
      </c>
      <c r="X3536">
        <v>0</v>
      </c>
      <c r="Y3536">
        <v>40</v>
      </c>
      <c r="Z3536">
        <v>6</v>
      </c>
      <c r="AA3536">
        <v>51</v>
      </c>
      <c r="AB3536">
        <v>13</v>
      </c>
      <c r="AC3536">
        <v>89</v>
      </c>
      <c r="AD3536">
        <v>53</v>
      </c>
      <c r="AE3536">
        <v>95</v>
      </c>
      <c r="AF3536">
        <v>0</v>
      </c>
      <c r="AG3536">
        <v>50000</v>
      </c>
      <c r="AH3536">
        <v>50000</v>
      </c>
      <c r="AI3536">
        <v>0</v>
      </c>
      <c r="AJ3536">
        <v>0</v>
      </c>
      <c r="AK3536" t="s">
        <v>6</v>
      </c>
      <c r="AL3536">
        <v>0</v>
      </c>
      <c r="AM3536">
        <v>0</v>
      </c>
      <c r="AN3536">
        <v>0</v>
      </c>
      <c r="AO3536">
        <v>0</v>
      </c>
      <c r="AP3536">
        <v>0</v>
      </c>
      <c r="AQ3536">
        <v>0</v>
      </c>
      <c r="AR3536">
        <v>0</v>
      </c>
      <c r="AS3536">
        <v>0</v>
      </c>
      <c r="AT3536">
        <v>0</v>
      </c>
      <c r="AU3536">
        <v>0</v>
      </c>
      <c r="AV3536">
        <v>0</v>
      </c>
      <c r="AW3536">
        <v>0</v>
      </c>
      <c r="AX3536">
        <v>0</v>
      </c>
      <c r="AY3536">
        <v>0</v>
      </c>
      <c r="AZ3536">
        <v>0</v>
      </c>
      <c r="BA3536">
        <v>0</v>
      </c>
    </row>
    <row r="3537" spans="1:53" x14ac:dyDescent="0.4">
      <c r="A3537">
        <v>3581</v>
      </c>
      <c r="B3537" s="1">
        <v>44031</v>
      </c>
      <c r="C3537">
        <v>2</v>
      </c>
      <c r="D3537" s="1">
        <v>44031.396527777775</v>
      </c>
      <c r="E3537" s="1">
        <v>44031.729166666664</v>
      </c>
      <c r="F3537">
        <v>38400</v>
      </c>
      <c r="G3537">
        <v>1760</v>
      </c>
      <c r="H3537">
        <v>0</v>
      </c>
      <c r="I3537">
        <v>0</v>
      </c>
      <c r="J3537">
        <v>300</v>
      </c>
      <c r="K3537">
        <v>0</v>
      </c>
      <c r="L3537">
        <v>0</v>
      </c>
      <c r="M3537">
        <v>3986</v>
      </c>
      <c r="N3537">
        <v>0</v>
      </c>
      <c r="O3537">
        <v>0</v>
      </c>
      <c r="P3537">
        <v>20185</v>
      </c>
      <c r="Q3537">
        <v>0</v>
      </c>
      <c r="R3537">
        <v>64031</v>
      </c>
      <c r="S3537">
        <v>0</v>
      </c>
      <c r="T3537">
        <v>0</v>
      </c>
      <c r="U3537">
        <v>0</v>
      </c>
      <c r="V3537">
        <v>0</v>
      </c>
      <c r="W3537">
        <v>4</v>
      </c>
      <c r="X3537">
        <v>0</v>
      </c>
      <c r="Y3537">
        <v>71</v>
      </c>
      <c r="Z3537">
        <v>33</v>
      </c>
      <c r="AA3537">
        <v>37</v>
      </c>
      <c r="AB3537">
        <v>13</v>
      </c>
      <c r="AC3537">
        <v>103</v>
      </c>
      <c r="AD3537">
        <v>57</v>
      </c>
      <c r="AE3537">
        <v>156</v>
      </c>
      <c r="AF3537">
        <v>715</v>
      </c>
      <c r="AG3537">
        <v>114036</v>
      </c>
      <c r="AH3537">
        <v>50000</v>
      </c>
      <c r="AI3537">
        <v>5</v>
      </c>
      <c r="AJ3537">
        <v>98</v>
      </c>
      <c r="AK3537" t="s">
        <v>35</v>
      </c>
      <c r="AL3537">
        <v>0</v>
      </c>
      <c r="AM3537">
        <v>0</v>
      </c>
      <c r="AN3537">
        <v>0</v>
      </c>
      <c r="AO3537">
        <v>0</v>
      </c>
      <c r="AP3537">
        <v>0</v>
      </c>
      <c r="AQ3537">
        <v>0</v>
      </c>
      <c r="AR3537">
        <v>0</v>
      </c>
      <c r="AS3537">
        <v>0</v>
      </c>
      <c r="AT3537">
        <v>0</v>
      </c>
      <c r="AU3537">
        <v>0</v>
      </c>
      <c r="AV3537">
        <v>0</v>
      </c>
      <c r="AW3537">
        <v>0</v>
      </c>
      <c r="AX3537">
        <v>594</v>
      </c>
      <c r="AY3537">
        <v>45</v>
      </c>
      <c r="AZ3537">
        <v>100</v>
      </c>
      <c r="BA3537">
        <v>7049</v>
      </c>
    </row>
    <row r="3538" spans="1:53" x14ac:dyDescent="0.4">
      <c r="A3538">
        <v>3582</v>
      </c>
      <c r="B3538" s="1">
        <v>44032</v>
      </c>
      <c r="C3538">
        <v>1</v>
      </c>
      <c r="D3538" s="1">
        <v>44032.291666666664</v>
      </c>
      <c r="E3538" s="1">
        <v>44032.424305555556</v>
      </c>
      <c r="F3538">
        <v>0</v>
      </c>
      <c r="G3538">
        <v>0</v>
      </c>
      <c r="H3538">
        <v>0</v>
      </c>
      <c r="I3538">
        <v>0</v>
      </c>
      <c r="J3538">
        <v>0</v>
      </c>
      <c r="K3538">
        <v>0</v>
      </c>
      <c r="L3538">
        <v>0</v>
      </c>
      <c r="M3538">
        <v>0</v>
      </c>
      <c r="N3538">
        <v>0</v>
      </c>
      <c r="O3538">
        <v>0</v>
      </c>
      <c r="P3538">
        <v>0</v>
      </c>
      <c r="Q3538">
        <v>0</v>
      </c>
      <c r="R3538">
        <v>0</v>
      </c>
      <c r="S3538">
        <v>0</v>
      </c>
      <c r="T3538">
        <v>0</v>
      </c>
      <c r="U3538">
        <v>0</v>
      </c>
      <c r="V3538">
        <v>0</v>
      </c>
      <c r="W3538">
        <v>0</v>
      </c>
      <c r="X3538">
        <v>0</v>
      </c>
      <c r="Y3538">
        <v>40</v>
      </c>
      <c r="Z3538">
        <v>10</v>
      </c>
      <c r="AA3538">
        <v>28</v>
      </c>
      <c r="AB3538">
        <v>16</v>
      </c>
      <c r="AC3538">
        <v>101</v>
      </c>
      <c r="AD3538">
        <v>58</v>
      </c>
      <c r="AE3538">
        <v>100</v>
      </c>
      <c r="AF3538">
        <v>0</v>
      </c>
      <c r="AG3538">
        <v>50000</v>
      </c>
      <c r="AH3538">
        <v>50000</v>
      </c>
      <c r="AI3538">
        <v>0</v>
      </c>
      <c r="AJ3538">
        <v>0</v>
      </c>
      <c r="AK3538" t="s">
        <v>6</v>
      </c>
      <c r="AL3538">
        <v>0</v>
      </c>
      <c r="AM3538">
        <v>0</v>
      </c>
      <c r="AN3538">
        <v>0</v>
      </c>
      <c r="AO3538">
        <v>0</v>
      </c>
      <c r="AP3538">
        <v>0</v>
      </c>
      <c r="AQ3538">
        <v>0</v>
      </c>
      <c r="AR3538">
        <v>0</v>
      </c>
      <c r="AS3538">
        <v>0</v>
      </c>
      <c r="AT3538">
        <v>0</v>
      </c>
      <c r="AU3538">
        <v>0</v>
      </c>
      <c r="AV3538">
        <v>0</v>
      </c>
      <c r="AW3538">
        <v>0</v>
      </c>
      <c r="AX3538">
        <v>0</v>
      </c>
      <c r="AY3538">
        <v>0</v>
      </c>
      <c r="AZ3538">
        <v>0</v>
      </c>
      <c r="BA3538">
        <v>0</v>
      </c>
    </row>
    <row r="3539" spans="1:53" x14ac:dyDescent="0.4">
      <c r="A3539">
        <v>3583</v>
      </c>
      <c r="B3539" s="1">
        <v>44032</v>
      </c>
      <c r="C3539">
        <v>2</v>
      </c>
      <c r="D3539" s="1">
        <v>44032.424305555556</v>
      </c>
      <c r="E3539" s="1">
        <v>44032.730555555558</v>
      </c>
      <c r="F3539">
        <v>10400</v>
      </c>
      <c r="G3539">
        <v>940</v>
      </c>
      <c r="H3539">
        <v>0</v>
      </c>
      <c r="I3539">
        <v>0</v>
      </c>
      <c r="J3539">
        <v>0</v>
      </c>
      <c r="K3539">
        <v>0</v>
      </c>
      <c r="L3539">
        <v>0</v>
      </c>
      <c r="M3539">
        <v>1134</v>
      </c>
      <c r="N3539">
        <v>0</v>
      </c>
      <c r="O3539">
        <v>0</v>
      </c>
      <c r="P3539">
        <v>19415</v>
      </c>
      <c r="Q3539">
        <v>0</v>
      </c>
      <c r="R3539">
        <v>31889</v>
      </c>
      <c r="S3539">
        <v>0</v>
      </c>
      <c r="T3539">
        <v>0</v>
      </c>
      <c r="U3539">
        <v>0</v>
      </c>
      <c r="V3539">
        <v>2</v>
      </c>
      <c r="W3539">
        <v>1</v>
      </c>
      <c r="X3539">
        <v>0</v>
      </c>
      <c r="Y3539">
        <v>43</v>
      </c>
      <c r="Z3539">
        <v>18</v>
      </c>
      <c r="AA3539">
        <v>16</v>
      </c>
      <c r="AB3539">
        <v>18</v>
      </c>
      <c r="AC3539">
        <v>111</v>
      </c>
      <c r="AD3539">
        <v>70</v>
      </c>
      <c r="AE3539">
        <v>104</v>
      </c>
      <c r="AF3539">
        <v>825</v>
      </c>
      <c r="AG3539">
        <v>81889</v>
      </c>
      <c r="AH3539">
        <v>50000</v>
      </c>
      <c r="AI3539">
        <v>0</v>
      </c>
      <c r="AJ3539">
        <v>107</v>
      </c>
      <c r="AK3539" t="s">
        <v>40</v>
      </c>
      <c r="AL3539">
        <v>0</v>
      </c>
      <c r="AM3539">
        <v>0</v>
      </c>
      <c r="AN3539">
        <v>0</v>
      </c>
      <c r="AO3539">
        <v>0</v>
      </c>
      <c r="AP3539">
        <v>0</v>
      </c>
      <c r="AQ3539">
        <v>0</v>
      </c>
      <c r="AR3539">
        <v>0</v>
      </c>
      <c r="AS3539">
        <v>0</v>
      </c>
      <c r="AT3539">
        <v>0</v>
      </c>
      <c r="AU3539">
        <v>0</v>
      </c>
      <c r="AV3539">
        <v>0</v>
      </c>
      <c r="AW3539">
        <v>0</v>
      </c>
      <c r="AX3539">
        <v>3718</v>
      </c>
      <c r="AY3539">
        <v>27</v>
      </c>
      <c r="AZ3539">
        <v>46</v>
      </c>
      <c r="BA3539">
        <v>3119</v>
      </c>
    </row>
    <row r="3540" spans="1:53" x14ac:dyDescent="0.4">
      <c r="A3540">
        <v>3584</v>
      </c>
      <c r="B3540" s="1">
        <v>44033</v>
      </c>
      <c r="C3540">
        <v>1</v>
      </c>
      <c r="D3540" s="1">
        <v>44033.291666666664</v>
      </c>
      <c r="E3540" s="1">
        <v>44033.433333333334</v>
      </c>
      <c r="F3540">
        <v>0</v>
      </c>
      <c r="G3540">
        <v>0</v>
      </c>
      <c r="H3540">
        <v>0</v>
      </c>
      <c r="I3540">
        <v>0</v>
      </c>
      <c r="J3540">
        <v>0</v>
      </c>
      <c r="K3540">
        <v>0</v>
      </c>
      <c r="L3540">
        <v>0</v>
      </c>
      <c r="M3540">
        <v>0</v>
      </c>
      <c r="N3540">
        <v>0</v>
      </c>
      <c r="O3540">
        <v>0</v>
      </c>
      <c r="P3540">
        <v>0</v>
      </c>
      <c r="Q3540">
        <v>0</v>
      </c>
      <c r="R3540">
        <v>0</v>
      </c>
      <c r="S3540">
        <v>0</v>
      </c>
      <c r="T3540">
        <v>0</v>
      </c>
      <c r="U3540">
        <v>0</v>
      </c>
      <c r="V3540">
        <v>0</v>
      </c>
      <c r="W3540">
        <v>1</v>
      </c>
      <c r="X3540">
        <v>0</v>
      </c>
      <c r="Y3540">
        <v>32</v>
      </c>
      <c r="Z3540">
        <v>18</v>
      </c>
      <c r="AA3540">
        <v>17</v>
      </c>
      <c r="AB3540">
        <v>15</v>
      </c>
      <c r="AC3540">
        <v>111</v>
      </c>
      <c r="AD3540">
        <v>67</v>
      </c>
      <c r="AE3540">
        <v>100</v>
      </c>
      <c r="AF3540">
        <v>0</v>
      </c>
      <c r="AG3540">
        <v>49995</v>
      </c>
      <c r="AH3540">
        <v>50000</v>
      </c>
      <c r="AI3540">
        <v>-5</v>
      </c>
      <c r="AJ3540">
        <v>84</v>
      </c>
      <c r="AK3540" t="s">
        <v>16</v>
      </c>
      <c r="AL3540">
        <v>0</v>
      </c>
      <c r="AM3540">
        <v>0</v>
      </c>
      <c r="AN3540">
        <v>0</v>
      </c>
      <c r="AO3540">
        <v>0</v>
      </c>
      <c r="AP3540">
        <v>0</v>
      </c>
      <c r="AQ3540">
        <v>0</v>
      </c>
      <c r="AR3540">
        <v>0</v>
      </c>
      <c r="AS3540">
        <v>0</v>
      </c>
      <c r="AT3540">
        <v>0</v>
      </c>
      <c r="AU3540">
        <v>0</v>
      </c>
      <c r="AV3540">
        <v>0</v>
      </c>
      <c r="AW3540">
        <v>0</v>
      </c>
      <c r="AX3540">
        <v>0</v>
      </c>
      <c r="AY3540">
        <v>0</v>
      </c>
      <c r="AZ3540">
        <v>0</v>
      </c>
      <c r="BA3540">
        <v>0</v>
      </c>
    </row>
    <row r="3541" spans="1:53" x14ac:dyDescent="0.4">
      <c r="A3541">
        <v>3585</v>
      </c>
      <c r="B3541" s="1">
        <v>44033</v>
      </c>
      <c r="C3541">
        <v>2</v>
      </c>
      <c r="D3541" s="1">
        <v>44033.433333333334</v>
      </c>
      <c r="E3541" s="1">
        <v>44033.767361111109</v>
      </c>
      <c r="F3541">
        <v>30350</v>
      </c>
      <c r="G3541">
        <v>1740</v>
      </c>
      <c r="H3541">
        <v>30</v>
      </c>
      <c r="I3541">
        <v>0</v>
      </c>
      <c r="J3541">
        <v>0</v>
      </c>
      <c r="K3541">
        <v>0</v>
      </c>
      <c r="L3541">
        <v>0</v>
      </c>
      <c r="M3541">
        <v>3212</v>
      </c>
      <c r="N3541">
        <v>0</v>
      </c>
      <c r="O3541">
        <v>0</v>
      </c>
      <c r="P3541">
        <v>6270</v>
      </c>
      <c r="Q3541">
        <v>0</v>
      </c>
      <c r="R3541">
        <v>41602</v>
      </c>
      <c r="S3541">
        <v>0</v>
      </c>
      <c r="T3541">
        <v>0</v>
      </c>
      <c r="U3541">
        <v>0</v>
      </c>
      <c r="V3541">
        <v>1</v>
      </c>
      <c r="W3541">
        <v>2</v>
      </c>
      <c r="X3541">
        <v>0</v>
      </c>
      <c r="Y3541">
        <v>46</v>
      </c>
      <c r="Z3541">
        <v>36</v>
      </c>
      <c r="AA3541">
        <v>46</v>
      </c>
      <c r="AB3541">
        <v>9</v>
      </c>
      <c r="AC3541">
        <v>123</v>
      </c>
      <c r="AD3541">
        <v>75</v>
      </c>
      <c r="AE3541">
        <v>122</v>
      </c>
      <c r="AF3541">
        <v>825</v>
      </c>
      <c r="AG3541">
        <v>91602</v>
      </c>
      <c r="AH3541">
        <v>50000</v>
      </c>
      <c r="AI3541">
        <v>0</v>
      </c>
      <c r="AJ3541">
        <v>84</v>
      </c>
      <c r="AK3541" t="s">
        <v>16</v>
      </c>
      <c r="AL3541">
        <v>0</v>
      </c>
      <c r="AM3541">
        <v>0</v>
      </c>
      <c r="AN3541">
        <v>0</v>
      </c>
      <c r="AO3541">
        <v>0</v>
      </c>
      <c r="AP3541">
        <v>0</v>
      </c>
      <c r="AQ3541">
        <v>0</v>
      </c>
      <c r="AR3541">
        <v>0</v>
      </c>
      <c r="AS3541">
        <v>0</v>
      </c>
      <c r="AT3541">
        <v>0</v>
      </c>
      <c r="AU3541">
        <v>0</v>
      </c>
      <c r="AV3541">
        <v>0</v>
      </c>
      <c r="AW3541">
        <v>0</v>
      </c>
      <c r="AX3541">
        <v>0</v>
      </c>
      <c r="AY3541">
        <v>30</v>
      </c>
      <c r="AZ3541">
        <v>63</v>
      </c>
      <c r="BA3541">
        <v>4956</v>
      </c>
    </row>
    <row r="3542" spans="1:53" x14ac:dyDescent="0.4">
      <c r="A3542">
        <v>3586</v>
      </c>
      <c r="B3542" s="1">
        <v>44034</v>
      </c>
      <c r="C3542">
        <v>1</v>
      </c>
      <c r="D3542" s="1">
        <v>44034.291666666664</v>
      </c>
      <c r="E3542" s="1">
        <v>44034.45</v>
      </c>
      <c r="F3542">
        <v>0</v>
      </c>
      <c r="G3542">
        <v>0</v>
      </c>
      <c r="H3542">
        <v>0</v>
      </c>
      <c r="I3542">
        <v>0</v>
      </c>
      <c r="J3542">
        <v>0</v>
      </c>
      <c r="K3542">
        <v>0</v>
      </c>
      <c r="L3542">
        <v>0</v>
      </c>
      <c r="M3542">
        <v>0</v>
      </c>
      <c r="N3542">
        <v>0</v>
      </c>
      <c r="O3542">
        <v>0</v>
      </c>
      <c r="P3542">
        <v>0</v>
      </c>
      <c r="Q3542">
        <v>0</v>
      </c>
      <c r="R3542">
        <v>0</v>
      </c>
      <c r="S3542">
        <v>0</v>
      </c>
      <c r="T3542">
        <v>0</v>
      </c>
      <c r="U3542">
        <v>0</v>
      </c>
      <c r="V3542">
        <v>0</v>
      </c>
      <c r="W3542">
        <v>0</v>
      </c>
      <c r="X3542">
        <v>0</v>
      </c>
      <c r="Y3542">
        <v>30</v>
      </c>
      <c r="Z3542">
        <v>27</v>
      </c>
      <c r="AA3542">
        <v>45</v>
      </c>
      <c r="AB3542">
        <v>5</v>
      </c>
      <c r="AC3542">
        <v>125</v>
      </c>
      <c r="AD3542">
        <v>76</v>
      </c>
      <c r="AE3542">
        <v>120</v>
      </c>
      <c r="AF3542">
        <v>0</v>
      </c>
      <c r="AG3542">
        <v>50000</v>
      </c>
      <c r="AH3542">
        <v>50000</v>
      </c>
      <c r="AI3542">
        <v>0</v>
      </c>
      <c r="AJ3542">
        <v>0</v>
      </c>
      <c r="AK3542" t="s">
        <v>6</v>
      </c>
      <c r="AL3542">
        <v>0</v>
      </c>
      <c r="AM3542">
        <v>0</v>
      </c>
      <c r="AN3542">
        <v>0</v>
      </c>
      <c r="AO3542">
        <v>0</v>
      </c>
      <c r="AP3542">
        <v>0</v>
      </c>
      <c r="AQ3542">
        <v>0</v>
      </c>
      <c r="AR3542">
        <v>0</v>
      </c>
      <c r="AS3542">
        <v>0</v>
      </c>
      <c r="AT3542">
        <v>0</v>
      </c>
      <c r="AU3542">
        <v>0</v>
      </c>
      <c r="AV3542">
        <v>0</v>
      </c>
      <c r="AW3542">
        <v>0</v>
      </c>
      <c r="AX3542">
        <v>0</v>
      </c>
      <c r="AY3542">
        <v>0</v>
      </c>
      <c r="AZ3542">
        <v>0</v>
      </c>
      <c r="BA3542">
        <v>0</v>
      </c>
    </row>
    <row r="3543" spans="1:53" x14ac:dyDescent="0.4">
      <c r="A3543">
        <v>3587</v>
      </c>
      <c r="B3543" s="1">
        <v>44034</v>
      </c>
      <c r="C3543">
        <v>2</v>
      </c>
      <c r="D3543" s="1">
        <v>44034.45</v>
      </c>
      <c r="E3543" s="1">
        <v>44034.738888888889</v>
      </c>
      <c r="F3543">
        <v>18850</v>
      </c>
      <c r="G3543">
        <v>1100</v>
      </c>
      <c r="H3543">
        <v>30</v>
      </c>
      <c r="I3543">
        <v>0</v>
      </c>
      <c r="J3543">
        <v>0</v>
      </c>
      <c r="K3543">
        <v>0</v>
      </c>
      <c r="L3543">
        <v>0</v>
      </c>
      <c r="M3543">
        <v>1998</v>
      </c>
      <c r="N3543">
        <v>0</v>
      </c>
      <c r="O3543">
        <v>0</v>
      </c>
      <c r="P3543">
        <v>16555</v>
      </c>
      <c r="Q3543">
        <v>0</v>
      </c>
      <c r="R3543">
        <v>38533</v>
      </c>
      <c r="S3543">
        <v>0</v>
      </c>
      <c r="T3543">
        <v>0</v>
      </c>
      <c r="U3543">
        <v>0</v>
      </c>
      <c r="V3543">
        <v>1</v>
      </c>
      <c r="W3543">
        <v>2</v>
      </c>
      <c r="X3543">
        <v>0</v>
      </c>
      <c r="Y3543">
        <v>45</v>
      </c>
      <c r="Z3543">
        <v>40</v>
      </c>
      <c r="AA3543">
        <v>18</v>
      </c>
      <c r="AB3543">
        <v>0</v>
      </c>
      <c r="AC3543">
        <v>120</v>
      </c>
      <c r="AD3543">
        <v>74</v>
      </c>
      <c r="AE3543">
        <v>163</v>
      </c>
      <c r="AF3543">
        <v>0</v>
      </c>
      <c r="AG3543">
        <v>88533</v>
      </c>
      <c r="AH3543">
        <v>50000</v>
      </c>
      <c r="AI3543">
        <v>0</v>
      </c>
      <c r="AJ3543">
        <v>97</v>
      </c>
      <c r="AK3543" t="s">
        <v>33</v>
      </c>
      <c r="AL3543">
        <v>0</v>
      </c>
      <c r="AM3543">
        <v>0</v>
      </c>
      <c r="AN3543">
        <v>0</v>
      </c>
      <c r="AO3543">
        <v>0</v>
      </c>
      <c r="AP3543">
        <v>0</v>
      </c>
      <c r="AQ3543">
        <v>0</v>
      </c>
      <c r="AR3543">
        <v>0</v>
      </c>
      <c r="AS3543">
        <v>0</v>
      </c>
      <c r="AT3543">
        <v>0</v>
      </c>
      <c r="AU3543">
        <v>0</v>
      </c>
      <c r="AV3543">
        <v>0</v>
      </c>
      <c r="AW3543">
        <v>0</v>
      </c>
      <c r="AX3543">
        <v>-1540</v>
      </c>
      <c r="AY3543">
        <v>29</v>
      </c>
      <c r="AZ3543">
        <v>58</v>
      </c>
      <c r="BA3543">
        <v>4059</v>
      </c>
    </row>
    <row r="3544" spans="1:53" x14ac:dyDescent="0.4">
      <c r="A3544">
        <v>3588</v>
      </c>
      <c r="B3544" s="1">
        <v>44035</v>
      </c>
      <c r="C3544">
        <v>1</v>
      </c>
      <c r="D3544" s="1">
        <v>44035.291666666664</v>
      </c>
      <c r="E3544" s="1">
        <v>44035.390277777777</v>
      </c>
      <c r="F3544">
        <v>0</v>
      </c>
      <c r="G3544">
        <v>0</v>
      </c>
      <c r="H3544">
        <v>0</v>
      </c>
      <c r="I3544">
        <v>0</v>
      </c>
      <c r="J3544">
        <v>0</v>
      </c>
      <c r="K3544">
        <v>0</v>
      </c>
      <c r="L3544">
        <v>0</v>
      </c>
      <c r="M3544">
        <v>0</v>
      </c>
      <c r="N3544">
        <v>0</v>
      </c>
      <c r="O3544">
        <v>0</v>
      </c>
      <c r="P3544">
        <v>0</v>
      </c>
      <c r="Q3544">
        <v>0</v>
      </c>
      <c r="R3544">
        <v>0</v>
      </c>
      <c r="S3544">
        <v>0</v>
      </c>
      <c r="T3544">
        <v>0</v>
      </c>
      <c r="U3544">
        <v>0</v>
      </c>
      <c r="V3544">
        <v>0</v>
      </c>
      <c r="W3544">
        <v>0</v>
      </c>
      <c r="X3544">
        <v>0</v>
      </c>
      <c r="Y3544">
        <v>39</v>
      </c>
      <c r="Z3544">
        <v>10</v>
      </c>
      <c r="AA3544">
        <v>41</v>
      </c>
      <c r="AB3544">
        <v>4</v>
      </c>
      <c r="AC3544">
        <v>121</v>
      </c>
      <c r="AD3544">
        <v>66</v>
      </c>
      <c r="AE3544">
        <v>160</v>
      </c>
      <c r="AF3544">
        <v>0</v>
      </c>
      <c r="AG3544">
        <v>50000</v>
      </c>
      <c r="AH3544">
        <v>50000</v>
      </c>
      <c r="AI3544">
        <v>0</v>
      </c>
      <c r="AJ3544">
        <v>0</v>
      </c>
      <c r="AK3544" t="s">
        <v>6</v>
      </c>
      <c r="AL3544">
        <v>0</v>
      </c>
      <c r="AM3544">
        <v>0</v>
      </c>
      <c r="AN3544">
        <v>0</v>
      </c>
      <c r="AO3544">
        <v>0</v>
      </c>
      <c r="AP3544">
        <v>0</v>
      </c>
      <c r="AQ3544">
        <v>0</v>
      </c>
      <c r="AR3544">
        <v>0</v>
      </c>
      <c r="AS3544">
        <v>0</v>
      </c>
      <c r="AT3544">
        <v>0</v>
      </c>
      <c r="AU3544">
        <v>0</v>
      </c>
      <c r="AV3544">
        <v>0</v>
      </c>
      <c r="AW3544">
        <v>0</v>
      </c>
      <c r="AX3544">
        <v>0</v>
      </c>
      <c r="AY3544">
        <v>0</v>
      </c>
      <c r="AZ3544">
        <v>0</v>
      </c>
      <c r="BA3544">
        <v>0</v>
      </c>
    </row>
    <row r="3545" spans="1:53" x14ac:dyDescent="0.4">
      <c r="A3545">
        <v>3589</v>
      </c>
      <c r="B3545" s="1">
        <v>44035</v>
      </c>
      <c r="C3545">
        <v>2</v>
      </c>
      <c r="D3545" s="1">
        <v>44035.390277777777</v>
      </c>
      <c r="E3545" s="1">
        <v>44035.75277777778</v>
      </c>
      <c r="F3545">
        <v>48100</v>
      </c>
      <c r="G3545">
        <v>840</v>
      </c>
      <c r="H3545">
        <v>0</v>
      </c>
      <c r="I3545">
        <v>0</v>
      </c>
      <c r="J3545">
        <v>100</v>
      </c>
      <c r="K3545">
        <v>0</v>
      </c>
      <c r="L3545">
        <v>0</v>
      </c>
      <c r="M3545">
        <v>4884</v>
      </c>
      <c r="N3545">
        <v>0</v>
      </c>
      <c r="O3545">
        <v>0</v>
      </c>
      <c r="P3545">
        <v>15565</v>
      </c>
      <c r="Q3545">
        <v>0</v>
      </c>
      <c r="R3545">
        <v>69289</v>
      </c>
      <c r="S3545">
        <v>0</v>
      </c>
      <c r="T3545">
        <v>0</v>
      </c>
      <c r="U3545">
        <v>0</v>
      </c>
      <c r="V3545">
        <v>1</v>
      </c>
      <c r="W3545">
        <v>6</v>
      </c>
      <c r="X3545">
        <v>0</v>
      </c>
      <c r="Y3545">
        <v>64</v>
      </c>
      <c r="Z3545">
        <v>23</v>
      </c>
      <c r="AA3545">
        <v>6</v>
      </c>
      <c r="AB3545">
        <v>0</v>
      </c>
      <c r="AC3545">
        <v>24</v>
      </c>
      <c r="AD3545">
        <v>63</v>
      </c>
      <c r="AE3545">
        <v>214</v>
      </c>
      <c r="AF3545">
        <v>2420</v>
      </c>
      <c r="AG3545">
        <v>119289</v>
      </c>
      <c r="AH3545">
        <v>50000</v>
      </c>
      <c r="AI3545">
        <v>0</v>
      </c>
      <c r="AJ3545">
        <v>98</v>
      </c>
      <c r="AK3545" t="s">
        <v>35</v>
      </c>
      <c r="AL3545">
        <v>0</v>
      </c>
      <c r="AM3545">
        <v>0</v>
      </c>
      <c r="AN3545">
        <v>0</v>
      </c>
      <c r="AO3545">
        <v>0</v>
      </c>
      <c r="AP3545">
        <v>0</v>
      </c>
      <c r="AQ3545">
        <v>0</v>
      </c>
      <c r="AR3545">
        <v>0</v>
      </c>
      <c r="AS3545">
        <v>0</v>
      </c>
      <c r="AT3545">
        <v>0</v>
      </c>
      <c r="AU3545">
        <v>0</v>
      </c>
      <c r="AV3545">
        <v>0</v>
      </c>
      <c r="AW3545">
        <v>0</v>
      </c>
      <c r="AX3545">
        <v>1606</v>
      </c>
      <c r="AY3545">
        <v>45</v>
      </c>
      <c r="AZ3545">
        <v>100</v>
      </c>
      <c r="BA3545">
        <v>7450</v>
      </c>
    </row>
    <row r="3546" spans="1:53" x14ac:dyDescent="0.4">
      <c r="A3546">
        <v>3590</v>
      </c>
      <c r="B3546" s="1">
        <v>44036</v>
      </c>
      <c r="C3546">
        <v>1</v>
      </c>
      <c r="D3546" s="1">
        <v>44036.291666666664</v>
      </c>
      <c r="E3546" s="1">
        <v>44036.392361111109</v>
      </c>
      <c r="F3546">
        <v>0</v>
      </c>
      <c r="G3546">
        <v>0</v>
      </c>
      <c r="H3546">
        <v>0</v>
      </c>
      <c r="I3546">
        <v>0</v>
      </c>
      <c r="J3546">
        <v>0</v>
      </c>
      <c r="K3546">
        <v>0</v>
      </c>
      <c r="L3546">
        <v>0</v>
      </c>
      <c r="M3546">
        <v>0</v>
      </c>
      <c r="N3546">
        <v>0</v>
      </c>
      <c r="O3546">
        <v>0</v>
      </c>
      <c r="P3546">
        <v>0</v>
      </c>
      <c r="Q3546">
        <v>0</v>
      </c>
      <c r="R3546">
        <v>0</v>
      </c>
      <c r="S3546">
        <v>0</v>
      </c>
      <c r="T3546">
        <v>0</v>
      </c>
      <c r="U3546">
        <v>0</v>
      </c>
      <c r="V3546">
        <v>0</v>
      </c>
      <c r="W3546">
        <v>0</v>
      </c>
      <c r="X3546">
        <v>0</v>
      </c>
      <c r="Y3546">
        <v>37</v>
      </c>
      <c r="Z3546">
        <v>10</v>
      </c>
      <c r="AA3546">
        <v>67</v>
      </c>
      <c r="AB3546">
        <v>5</v>
      </c>
      <c r="AC3546">
        <v>64</v>
      </c>
      <c r="AD3546">
        <v>60</v>
      </c>
      <c r="AE3546">
        <v>110</v>
      </c>
      <c r="AF3546">
        <v>0</v>
      </c>
      <c r="AG3546">
        <v>50000</v>
      </c>
      <c r="AH3546">
        <v>50000</v>
      </c>
      <c r="AI3546">
        <v>0</v>
      </c>
      <c r="AJ3546">
        <v>0</v>
      </c>
      <c r="AK3546" t="s">
        <v>6</v>
      </c>
      <c r="AL3546">
        <v>0</v>
      </c>
      <c r="AM3546">
        <v>0</v>
      </c>
      <c r="AN3546">
        <v>0</v>
      </c>
      <c r="AO3546">
        <v>0</v>
      </c>
      <c r="AP3546">
        <v>0</v>
      </c>
      <c r="AQ3546">
        <v>0</v>
      </c>
      <c r="AR3546">
        <v>0</v>
      </c>
      <c r="AS3546">
        <v>0</v>
      </c>
      <c r="AT3546">
        <v>0</v>
      </c>
      <c r="AU3546">
        <v>0</v>
      </c>
      <c r="AV3546">
        <v>0</v>
      </c>
      <c r="AW3546">
        <v>0</v>
      </c>
      <c r="AX3546">
        <v>0</v>
      </c>
      <c r="AY3546">
        <v>0</v>
      </c>
      <c r="AZ3546">
        <v>0</v>
      </c>
      <c r="BA3546">
        <v>0</v>
      </c>
    </row>
    <row r="3547" spans="1:53" x14ac:dyDescent="0.4">
      <c r="A3547">
        <v>3591</v>
      </c>
      <c r="B3547" s="1">
        <v>44036</v>
      </c>
      <c r="C3547">
        <v>2</v>
      </c>
      <c r="D3547" s="1">
        <v>44036.392361111109</v>
      </c>
      <c r="E3547" s="1">
        <v>44036.745833333334</v>
      </c>
      <c r="F3547">
        <v>38400</v>
      </c>
      <c r="G3547">
        <v>800</v>
      </c>
      <c r="H3547">
        <v>30</v>
      </c>
      <c r="I3547">
        <v>0</v>
      </c>
      <c r="J3547">
        <v>0</v>
      </c>
      <c r="K3547">
        <v>0</v>
      </c>
      <c r="L3547">
        <v>0</v>
      </c>
      <c r="M3547">
        <v>3923</v>
      </c>
      <c r="N3547">
        <v>0</v>
      </c>
      <c r="O3547">
        <v>0</v>
      </c>
      <c r="P3547">
        <v>23210</v>
      </c>
      <c r="Q3547">
        <v>0</v>
      </c>
      <c r="R3547">
        <v>66363</v>
      </c>
      <c r="S3547">
        <v>0</v>
      </c>
      <c r="T3547">
        <v>0</v>
      </c>
      <c r="U3547">
        <v>0</v>
      </c>
      <c r="V3547">
        <v>2</v>
      </c>
      <c r="W3547">
        <v>1</v>
      </c>
      <c r="X3547">
        <v>0</v>
      </c>
      <c r="Y3547">
        <v>63</v>
      </c>
      <c r="Z3547">
        <v>32</v>
      </c>
      <c r="AA3547">
        <v>94</v>
      </c>
      <c r="AB3547">
        <v>3</v>
      </c>
      <c r="AC3547">
        <v>58</v>
      </c>
      <c r="AD3547">
        <v>75</v>
      </c>
      <c r="AE3547">
        <v>209</v>
      </c>
      <c r="AF3547">
        <v>1650</v>
      </c>
      <c r="AG3547">
        <v>116364</v>
      </c>
      <c r="AH3547">
        <v>50000</v>
      </c>
      <c r="AI3547">
        <v>1</v>
      </c>
      <c r="AJ3547">
        <v>84</v>
      </c>
      <c r="AK3547" t="s">
        <v>16</v>
      </c>
      <c r="AL3547">
        <v>0</v>
      </c>
      <c r="AM3547">
        <v>0</v>
      </c>
      <c r="AN3547">
        <v>0</v>
      </c>
      <c r="AO3547">
        <v>0</v>
      </c>
      <c r="AP3547">
        <v>0</v>
      </c>
      <c r="AQ3547">
        <v>0</v>
      </c>
      <c r="AR3547">
        <v>0</v>
      </c>
      <c r="AS3547">
        <v>0</v>
      </c>
      <c r="AT3547">
        <v>0</v>
      </c>
      <c r="AU3547">
        <v>0</v>
      </c>
      <c r="AV3547">
        <v>0</v>
      </c>
      <c r="AW3547">
        <v>0</v>
      </c>
      <c r="AX3547">
        <v>-3190</v>
      </c>
      <c r="AY3547">
        <v>50</v>
      </c>
      <c r="AZ3547">
        <v>106</v>
      </c>
      <c r="BA3547">
        <v>6845</v>
      </c>
    </row>
    <row r="3548" spans="1:53" x14ac:dyDescent="0.4">
      <c r="A3548">
        <v>3592</v>
      </c>
      <c r="B3548" s="1">
        <v>44037</v>
      </c>
      <c r="C3548">
        <v>1</v>
      </c>
      <c r="D3548" s="1">
        <v>44037.291666666664</v>
      </c>
      <c r="E3548" s="1">
        <v>44037.405555555553</v>
      </c>
      <c r="F3548">
        <v>0</v>
      </c>
      <c r="G3548">
        <v>0</v>
      </c>
      <c r="H3548">
        <v>0</v>
      </c>
      <c r="I3548">
        <v>0</v>
      </c>
      <c r="J3548">
        <v>0</v>
      </c>
      <c r="K3548">
        <v>0</v>
      </c>
      <c r="L3548">
        <v>0</v>
      </c>
      <c r="M3548">
        <v>0</v>
      </c>
      <c r="N3548">
        <v>0</v>
      </c>
      <c r="O3548">
        <v>0</v>
      </c>
      <c r="P3548">
        <v>0</v>
      </c>
      <c r="Q3548">
        <v>0</v>
      </c>
      <c r="R3548">
        <v>0</v>
      </c>
      <c r="S3548">
        <v>0</v>
      </c>
      <c r="T3548">
        <v>0</v>
      </c>
      <c r="U3548">
        <v>0</v>
      </c>
      <c r="V3548">
        <v>0</v>
      </c>
      <c r="W3548">
        <v>0</v>
      </c>
      <c r="X3548">
        <v>0</v>
      </c>
      <c r="Y3548">
        <v>32</v>
      </c>
      <c r="Z3548">
        <v>11</v>
      </c>
      <c r="AA3548">
        <v>108</v>
      </c>
      <c r="AB3548">
        <v>7</v>
      </c>
      <c r="AC3548">
        <v>84</v>
      </c>
      <c r="AD3548">
        <v>77</v>
      </c>
      <c r="AE3548">
        <v>125</v>
      </c>
      <c r="AF3548">
        <v>0</v>
      </c>
      <c r="AG3548">
        <v>50000</v>
      </c>
      <c r="AH3548">
        <v>50000</v>
      </c>
      <c r="AI3548">
        <v>0</v>
      </c>
      <c r="AJ3548">
        <v>0</v>
      </c>
      <c r="AK3548" t="s">
        <v>6</v>
      </c>
      <c r="AL3548">
        <v>0</v>
      </c>
      <c r="AM3548">
        <v>0</v>
      </c>
      <c r="AN3548">
        <v>0</v>
      </c>
      <c r="AO3548">
        <v>0</v>
      </c>
      <c r="AP3548">
        <v>0</v>
      </c>
      <c r="AQ3548">
        <v>0</v>
      </c>
      <c r="AR3548">
        <v>0</v>
      </c>
      <c r="AS3548">
        <v>0</v>
      </c>
      <c r="AT3548">
        <v>0</v>
      </c>
      <c r="AU3548">
        <v>0</v>
      </c>
      <c r="AV3548">
        <v>0</v>
      </c>
      <c r="AW3548">
        <v>0</v>
      </c>
      <c r="AX3548">
        <v>0</v>
      </c>
      <c r="AY3548">
        <v>0</v>
      </c>
      <c r="AZ3548">
        <v>0</v>
      </c>
      <c r="BA3548">
        <v>0</v>
      </c>
    </row>
    <row r="3549" spans="1:53" x14ac:dyDescent="0.4">
      <c r="A3549">
        <v>3593</v>
      </c>
      <c r="B3549" s="1">
        <v>44037</v>
      </c>
      <c r="C3549">
        <v>2</v>
      </c>
      <c r="D3549" s="1">
        <v>44037.405555555553</v>
      </c>
      <c r="E3549" s="1">
        <v>44037.74722222222</v>
      </c>
      <c r="F3549">
        <v>39650</v>
      </c>
      <c r="G3549">
        <v>2840</v>
      </c>
      <c r="H3549">
        <v>90</v>
      </c>
      <c r="I3549">
        <v>0</v>
      </c>
      <c r="J3549">
        <v>0</v>
      </c>
      <c r="K3549">
        <v>0</v>
      </c>
      <c r="L3549">
        <v>0</v>
      </c>
      <c r="M3549">
        <v>4258</v>
      </c>
      <c r="N3549">
        <v>0</v>
      </c>
      <c r="O3549">
        <v>0</v>
      </c>
      <c r="P3549">
        <v>14850</v>
      </c>
      <c r="Q3549">
        <v>0</v>
      </c>
      <c r="R3549">
        <v>61688</v>
      </c>
      <c r="S3549">
        <v>0</v>
      </c>
      <c r="T3549">
        <v>0</v>
      </c>
      <c r="U3549">
        <v>0</v>
      </c>
      <c r="V3549">
        <v>4</v>
      </c>
      <c r="W3549">
        <v>1</v>
      </c>
      <c r="X3549">
        <v>0</v>
      </c>
      <c r="Y3549">
        <v>44</v>
      </c>
      <c r="Z3549">
        <v>21</v>
      </c>
      <c r="AA3549">
        <v>107</v>
      </c>
      <c r="AB3549">
        <v>2</v>
      </c>
      <c r="AC3549">
        <v>77</v>
      </c>
      <c r="AD3549">
        <v>93</v>
      </c>
      <c r="AE3549">
        <v>153</v>
      </c>
      <c r="AF3549">
        <v>0</v>
      </c>
      <c r="AG3549">
        <v>111688</v>
      </c>
      <c r="AH3549">
        <v>50000</v>
      </c>
      <c r="AI3549">
        <v>0</v>
      </c>
      <c r="AJ3549">
        <v>84</v>
      </c>
      <c r="AK3549" t="s">
        <v>16</v>
      </c>
      <c r="AL3549">
        <v>0</v>
      </c>
      <c r="AM3549">
        <v>0</v>
      </c>
      <c r="AN3549">
        <v>0</v>
      </c>
      <c r="AO3549">
        <v>0</v>
      </c>
      <c r="AP3549">
        <v>0</v>
      </c>
      <c r="AQ3549">
        <v>0</v>
      </c>
      <c r="AR3549">
        <v>0</v>
      </c>
      <c r="AS3549">
        <v>0</v>
      </c>
      <c r="AT3549">
        <v>0</v>
      </c>
      <c r="AU3549">
        <v>0</v>
      </c>
      <c r="AV3549">
        <v>0</v>
      </c>
      <c r="AW3549">
        <v>0</v>
      </c>
      <c r="AX3549">
        <v>594</v>
      </c>
      <c r="AY3549">
        <v>43</v>
      </c>
      <c r="AZ3549">
        <v>95</v>
      </c>
      <c r="BA3549">
        <v>6408</v>
      </c>
    </row>
    <row r="3550" spans="1:53" x14ac:dyDescent="0.4">
      <c r="A3550">
        <v>3594</v>
      </c>
      <c r="B3550" s="1">
        <v>44038</v>
      </c>
      <c r="C3550">
        <v>1</v>
      </c>
      <c r="D3550" s="1">
        <v>44038.291666666664</v>
      </c>
      <c r="E3550" s="1">
        <v>44038.395833333336</v>
      </c>
      <c r="F3550">
        <v>0</v>
      </c>
      <c r="G3550">
        <v>0</v>
      </c>
      <c r="H3550">
        <v>0</v>
      </c>
      <c r="I3550">
        <v>0</v>
      </c>
      <c r="J3550">
        <v>0</v>
      </c>
      <c r="K3550">
        <v>0</v>
      </c>
      <c r="L3550">
        <v>0</v>
      </c>
      <c r="M3550">
        <v>0</v>
      </c>
      <c r="N3550">
        <v>0</v>
      </c>
      <c r="O3550">
        <v>0</v>
      </c>
      <c r="P3550">
        <v>0</v>
      </c>
      <c r="Q3550">
        <v>0</v>
      </c>
      <c r="R3550">
        <v>0</v>
      </c>
      <c r="S3550">
        <v>0</v>
      </c>
      <c r="T3550">
        <v>0</v>
      </c>
      <c r="U3550">
        <v>0</v>
      </c>
      <c r="V3550">
        <v>0</v>
      </c>
      <c r="W3550">
        <v>0</v>
      </c>
      <c r="X3550">
        <v>0</v>
      </c>
      <c r="Y3550">
        <v>35</v>
      </c>
      <c r="Z3550">
        <v>10</v>
      </c>
      <c r="AA3550">
        <v>85</v>
      </c>
      <c r="AB3550">
        <v>8</v>
      </c>
      <c r="AC3550">
        <v>86</v>
      </c>
      <c r="AD3550">
        <v>28</v>
      </c>
      <c r="AE3550">
        <v>100</v>
      </c>
      <c r="AF3550">
        <v>0</v>
      </c>
      <c r="AG3550">
        <v>50000</v>
      </c>
      <c r="AH3550">
        <v>50000</v>
      </c>
      <c r="AI3550">
        <v>0</v>
      </c>
      <c r="AJ3550">
        <v>0</v>
      </c>
      <c r="AK3550" t="s">
        <v>6</v>
      </c>
      <c r="AL3550">
        <v>0</v>
      </c>
      <c r="AM3550">
        <v>0</v>
      </c>
      <c r="AN3550">
        <v>0</v>
      </c>
      <c r="AO3550">
        <v>0</v>
      </c>
      <c r="AP3550">
        <v>0</v>
      </c>
      <c r="AQ3550">
        <v>0</v>
      </c>
      <c r="AR3550">
        <v>0</v>
      </c>
      <c r="AS3550">
        <v>0</v>
      </c>
      <c r="AT3550">
        <v>0</v>
      </c>
      <c r="AU3550">
        <v>0</v>
      </c>
      <c r="AV3550">
        <v>0</v>
      </c>
      <c r="AW3550">
        <v>0</v>
      </c>
      <c r="AX3550">
        <v>0</v>
      </c>
      <c r="AY3550">
        <v>0</v>
      </c>
      <c r="AZ3550">
        <v>0</v>
      </c>
      <c r="BA3550">
        <v>0</v>
      </c>
    </row>
    <row r="3551" spans="1:53" x14ac:dyDescent="0.4">
      <c r="A3551">
        <v>3595</v>
      </c>
      <c r="B3551" s="1">
        <v>44038</v>
      </c>
      <c r="C3551">
        <v>2</v>
      </c>
      <c r="D3551" s="1">
        <v>44038.395833333336</v>
      </c>
      <c r="E3551" s="1">
        <v>44038.734722222223</v>
      </c>
      <c r="F3551">
        <v>40750</v>
      </c>
      <c r="G3551">
        <v>540</v>
      </c>
      <c r="H3551">
        <v>0</v>
      </c>
      <c r="I3551">
        <v>0</v>
      </c>
      <c r="J3551">
        <v>0</v>
      </c>
      <c r="K3551">
        <v>0</v>
      </c>
      <c r="L3551">
        <v>0</v>
      </c>
      <c r="M3551">
        <v>4129</v>
      </c>
      <c r="N3551">
        <v>0</v>
      </c>
      <c r="O3551">
        <v>0</v>
      </c>
      <c r="P3551">
        <v>21175</v>
      </c>
      <c r="Q3551">
        <v>0</v>
      </c>
      <c r="R3551">
        <v>66594</v>
      </c>
      <c r="S3551">
        <v>0</v>
      </c>
      <c r="T3551">
        <v>0</v>
      </c>
      <c r="U3551">
        <v>0</v>
      </c>
      <c r="V3551">
        <v>1</v>
      </c>
      <c r="W3551">
        <v>3</v>
      </c>
      <c r="X3551">
        <v>0</v>
      </c>
      <c r="Y3551">
        <v>67</v>
      </c>
      <c r="Z3551">
        <v>31</v>
      </c>
      <c r="AA3551">
        <v>81</v>
      </c>
      <c r="AB3551">
        <v>0</v>
      </c>
      <c r="AC3551">
        <v>64</v>
      </c>
      <c r="AD3551">
        <v>35</v>
      </c>
      <c r="AE3551">
        <v>179</v>
      </c>
      <c r="AF3551">
        <v>0</v>
      </c>
      <c r="AG3551">
        <v>116594</v>
      </c>
      <c r="AH3551">
        <v>50000</v>
      </c>
      <c r="AI3551">
        <v>0</v>
      </c>
      <c r="AJ3551">
        <v>98</v>
      </c>
      <c r="AK3551" t="s">
        <v>35</v>
      </c>
      <c r="AL3551">
        <v>0</v>
      </c>
      <c r="AM3551">
        <v>0</v>
      </c>
      <c r="AN3551">
        <v>0</v>
      </c>
      <c r="AO3551">
        <v>0</v>
      </c>
      <c r="AP3551">
        <v>0</v>
      </c>
      <c r="AQ3551">
        <v>0</v>
      </c>
      <c r="AR3551">
        <v>0</v>
      </c>
      <c r="AS3551">
        <v>0</v>
      </c>
      <c r="AT3551">
        <v>0</v>
      </c>
      <c r="AU3551">
        <v>0</v>
      </c>
      <c r="AV3551">
        <v>0</v>
      </c>
      <c r="AW3551">
        <v>0</v>
      </c>
      <c r="AX3551">
        <v>-902</v>
      </c>
      <c r="AY3551">
        <v>45</v>
      </c>
      <c r="AZ3551">
        <v>105</v>
      </c>
      <c r="BA3551">
        <v>6727</v>
      </c>
    </row>
    <row r="3552" spans="1:53" x14ac:dyDescent="0.4">
      <c r="A3552">
        <v>3596</v>
      </c>
      <c r="B3552" s="1">
        <v>44039</v>
      </c>
      <c r="C3552">
        <v>1</v>
      </c>
      <c r="D3552" s="1">
        <v>44039.291666666664</v>
      </c>
      <c r="E3552" s="1">
        <v>44039.441666666666</v>
      </c>
      <c r="F3552">
        <v>0</v>
      </c>
      <c r="G3552">
        <v>0</v>
      </c>
      <c r="H3552">
        <v>0</v>
      </c>
      <c r="I3552">
        <v>0</v>
      </c>
      <c r="J3552">
        <v>0</v>
      </c>
      <c r="K3552">
        <v>0</v>
      </c>
      <c r="L3552">
        <v>0</v>
      </c>
      <c r="M3552">
        <v>0</v>
      </c>
      <c r="N3552">
        <v>0</v>
      </c>
      <c r="O3552">
        <v>0</v>
      </c>
      <c r="P3552">
        <v>0</v>
      </c>
      <c r="Q3552">
        <v>0</v>
      </c>
      <c r="R3552">
        <v>0</v>
      </c>
      <c r="S3552">
        <v>0</v>
      </c>
      <c r="T3552">
        <v>0</v>
      </c>
      <c r="U3552">
        <v>0</v>
      </c>
      <c r="V3552">
        <v>0</v>
      </c>
      <c r="W3552">
        <v>0</v>
      </c>
      <c r="X3552">
        <v>0</v>
      </c>
      <c r="Y3552">
        <v>33</v>
      </c>
      <c r="Z3552">
        <v>11</v>
      </c>
      <c r="AA3552">
        <v>105</v>
      </c>
      <c r="AB3552">
        <v>4</v>
      </c>
      <c r="AC3552">
        <v>57</v>
      </c>
      <c r="AD3552">
        <v>21</v>
      </c>
      <c r="AE3552">
        <v>125</v>
      </c>
      <c r="AF3552">
        <v>0</v>
      </c>
      <c r="AG3552">
        <v>50000</v>
      </c>
      <c r="AH3552">
        <v>50000</v>
      </c>
      <c r="AI3552">
        <v>0</v>
      </c>
      <c r="AJ3552">
        <v>0</v>
      </c>
      <c r="AK3552" t="s">
        <v>6</v>
      </c>
      <c r="AL3552">
        <v>0</v>
      </c>
      <c r="AM3552">
        <v>0</v>
      </c>
      <c r="AN3552">
        <v>0</v>
      </c>
      <c r="AO3552">
        <v>0</v>
      </c>
      <c r="AP3552">
        <v>0</v>
      </c>
      <c r="AQ3552">
        <v>0</v>
      </c>
      <c r="AR3552">
        <v>0</v>
      </c>
      <c r="AS3552">
        <v>0</v>
      </c>
      <c r="AT3552">
        <v>0</v>
      </c>
      <c r="AU3552">
        <v>0</v>
      </c>
      <c r="AV3552">
        <v>0</v>
      </c>
      <c r="AW3552">
        <v>0</v>
      </c>
      <c r="AX3552">
        <v>0</v>
      </c>
      <c r="AY3552">
        <v>0</v>
      </c>
      <c r="AZ3552">
        <v>0</v>
      </c>
      <c r="BA3552">
        <v>0</v>
      </c>
    </row>
    <row r="3553" spans="1:53" x14ac:dyDescent="0.4">
      <c r="A3553">
        <v>3597</v>
      </c>
      <c r="B3553" s="1">
        <v>44039</v>
      </c>
      <c r="C3553">
        <v>2</v>
      </c>
      <c r="D3553" s="1">
        <v>44039.441666666666</v>
      </c>
      <c r="E3553" s="1">
        <v>44039.729861111111</v>
      </c>
      <c r="F3553">
        <v>11800</v>
      </c>
      <c r="G3553">
        <v>3140</v>
      </c>
      <c r="H3553">
        <v>200</v>
      </c>
      <c r="I3553">
        <v>0</v>
      </c>
      <c r="J3553">
        <v>0</v>
      </c>
      <c r="K3553">
        <v>0</v>
      </c>
      <c r="L3553">
        <v>0</v>
      </c>
      <c r="M3553">
        <v>1514</v>
      </c>
      <c r="N3553">
        <v>0</v>
      </c>
      <c r="O3553">
        <v>0</v>
      </c>
      <c r="P3553">
        <v>20405</v>
      </c>
      <c r="Q3553">
        <v>0</v>
      </c>
      <c r="R3553">
        <v>37059</v>
      </c>
      <c r="S3553">
        <v>0</v>
      </c>
      <c r="T3553">
        <v>0</v>
      </c>
      <c r="U3553">
        <v>0</v>
      </c>
      <c r="V3553">
        <v>2</v>
      </c>
      <c r="W3553">
        <v>0</v>
      </c>
      <c r="X3553">
        <v>0</v>
      </c>
      <c r="Y3553">
        <v>48</v>
      </c>
      <c r="Z3553">
        <v>18</v>
      </c>
      <c r="AA3553">
        <v>87</v>
      </c>
      <c r="AB3553">
        <v>0</v>
      </c>
      <c r="AC3553">
        <v>30</v>
      </c>
      <c r="AD3553">
        <v>22</v>
      </c>
      <c r="AE3553">
        <v>124</v>
      </c>
      <c r="AF3553">
        <v>825</v>
      </c>
      <c r="AG3553">
        <v>87059</v>
      </c>
      <c r="AH3553">
        <v>50000</v>
      </c>
      <c r="AI3553">
        <v>0</v>
      </c>
      <c r="AJ3553">
        <v>70</v>
      </c>
      <c r="AK3553" t="s">
        <v>47</v>
      </c>
      <c r="AL3553">
        <v>0</v>
      </c>
      <c r="AM3553">
        <v>0</v>
      </c>
      <c r="AN3553">
        <v>0</v>
      </c>
      <c r="AO3553">
        <v>0</v>
      </c>
      <c r="AP3553">
        <v>0</v>
      </c>
      <c r="AQ3553">
        <v>0</v>
      </c>
      <c r="AR3553">
        <v>0</v>
      </c>
      <c r="AS3553">
        <v>0</v>
      </c>
      <c r="AT3553">
        <v>0</v>
      </c>
      <c r="AU3553">
        <v>0</v>
      </c>
      <c r="AV3553">
        <v>0</v>
      </c>
      <c r="AW3553">
        <v>0</v>
      </c>
      <c r="AX3553">
        <v>198</v>
      </c>
      <c r="AY3553">
        <v>26</v>
      </c>
      <c r="AZ3553">
        <v>53</v>
      </c>
      <c r="BA3553">
        <v>3568</v>
      </c>
    </row>
    <row r="3554" spans="1:53" x14ac:dyDescent="0.4">
      <c r="A3554">
        <v>3598</v>
      </c>
      <c r="B3554" s="1">
        <v>44040</v>
      </c>
      <c r="C3554">
        <v>1</v>
      </c>
      <c r="D3554" s="1">
        <v>44040.291666666664</v>
      </c>
      <c r="E3554" s="1">
        <v>44040.438194444447</v>
      </c>
      <c r="F3554">
        <v>0</v>
      </c>
      <c r="G3554">
        <v>0</v>
      </c>
      <c r="H3554">
        <v>0</v>
      </c>
      <c r="I3554">
        <v>0</v>
      </c>
      <c r="J3554">
        <v>0</v>
      </c>
      <c r="K3554">
        <v>0</v>
      </c>
      <c r="L3554">
        <v>0</v>
      </c>
      <c r="M3554">
        <v>0</v>
      </c>
      <c r="N3554">
        <v>0</v>
      </c>
      <c r="O3554">
        <v>0</v>
      </c>
      <c r="P3554">
        <v>0</v>
      </c>
      <c r="Q3554">
        <v>0</v>
      </c>
      <c r="R3554">
        <v>0</v>
      </c>
      <c r="S3554">
        <v>0</v>
      </c>
      <c r="T3554">
        <v>0</v>
      </c>
      <c r="U3554">
        <v>0</v>
      </c>
      <c r="V3554">
        <v>0</v>
      </c>
      <c r="W3554">
        <v>0</v>
      </c>
      <c r="X3554">
        <v>0</v>
      </c>
      <c r="Y3554">
        <v>34</v>
      </c>
      <c r="Z3554">
        <v>17</v>
      </c>
      <c r="AA3554">
        <v>73</v>
      </c>
      <c r="AB3554">
        <v>0</v>
      </c>
      <c r="AC3554">
        <v>7</v>
      </c>
      <c r="AD3554">
        <v>12</v>
      </c>
      <c r="AE3554">
        <v>70</v>
      </c>
      <c r="AF3554">
        <v>0</v>
      </c>
      <c r="AG3554">
        <v>50000</v>
      </c>
      <c r="AH3554">
        <v>50000</v>
      </c>
      <c r="AI3554">
        <v>0</v>
      </c>
      <c r="AJ3554">
        <v>0</v>
      </c>
      <c r="AK3554" t="s">
        <v>6</v>
      </c>
      <c r="AL3554">
        <v>0</v>
      </c>
      <c r="AM3554">
        <v>0</v>
      </c>
      <c r="AN3554">
        <v>0</v>
      </c>
      <c r="AO3554">
        <v>0</v>
      </c>
      <c r="AP3554">
        <v>0</v>
      </c>
      <c r="AQ3554">
        <v>0</v>
      </c>
      <c r="AR3554">
        <v>0</v>
      </c>
      <c r="AS3554">
        <v>0</v>
      </c>
      <c r="AT3554">
        <v>0</v>
      </c>
      <c r="AU3554">
        <v>0</v>
      </c>
      <c r="AV3554">
        <v>0</v>
      </c>
      <c r="AW3554">
        <v>0</v>
      </c>
      <c r="AX3554">
        <v>0</v>
      </c>
      <c r="AY3554">
        <v>0</v>
      </c>
      <c r="AZ3554">
        <v>0</v>
      </c>
      <c r="BA3554">
        <v>0</v>
      </c>
    </row>
    <row r="3555" spans="1:53" x14ac:dyDescent="0.4">
      <c r="A3555">
        <v>3599</v>
      </c>
      <c r="B3555" s="1">
        <v>44040</v>
      </c>
      <c r="C3555">
        <v>2</v>
      </c>
      <c r="D3555" s="1">
        <v>44040.438194444447</v>
      </c>
      <c r="E3555" s="1">
        <v>44040.736111111109</v>
      </c>
      <c r="F3555">
        <v>12000</v>
      </c>
      <c r="G3555">
        <v>0</v>
      </c>
      <c r="H3555">
        <v>0</v>
      </c>
      <c r="I3555">
        <v>0</v>
      </c>
      <c r="J3555">
        <v>0</v>
      </c>
      <c r="K3555">
        <v>0</v>
      </c>
      <c r="L3555">
        <v>0</v>
      </c>
      <c r="M3555">
        <v>1200</v>
      </c>
      <c r="N3555">
        <v>0</v>
      </c>
      <c r="O3555">
        <v>0</v>
      </c>
      <c r="P3555">
        <v>13750</v>
      </c>
      <c r="Q3555">
        <v>0</v>
      </c>
      <c r="R3555">
        <v>26950</v>
      </c>
      <c r="S3555">
        <v>0</v>
      </c>
      <c r="T3555">
        <v>0</v>
      </c>
      <c r="U3555">
        <v>0</v>
      </c>
      <c r="V3555">
        <v>1</v>
      </c>
      <c r="W3555">
        <v>0</v>
      </c>
      <c r="X3555">
        <v>0</v>
      </c>
      <c r="Y3555">
        <v>44</v>
      </c>
      <c r="Z3555">
        <v>19</v>
      </c>
      <c r="AA3555">
        <v>71</v>
      </c>
      <c r="AB3555">
        <v>92</v>
      </c>
      <c r="AC3555">
        <v>75</v>
      </c>
      <c r="AD3555">
        <v>18</v>
      </c>
      <c r="AE3555">
        <v>85</v>
      </c>
      <c r="AF3555">
        <v>825</v>
      </c>
      <c r="AG3555">
        <v>76950</v>
      </c>
      <c r="AH3555">
        <v>50000</v>
      </c>
      <c r="AI3555">
        <v>0</v>
      </c>
      <c r="AJ3555">
        <v>97</v>
      </c>
      <c r="AK3555" t="s">
        <v>33</v>
      </c>
      <c r="AL3555">
        <v>0</v>
      </c>
      <c r="AM3555">
        <v>0</v>
      </c>
      <c r="AN3555">
        <v>0</v>
      </c>
      <c r="AO3555">
        <v>0</v>
      </c>
      <c r="AP3555">
        <v>0</v>
      </c>
      <c r="AQ3555">
        <v>0</v>
      </c>
      <c r="AR3555">
        <v>0</v>
      </c>
      <c r="AS3555">
        <v>0</v>
      </c>
      <c r="AT3555">
        <v>0</v>
      </c>
      <c r="AU3555">
        <v>0</v>
      </c>
      <c r="AV3555">
        <v>0</v>
      </c>
      <c r="AW3555">
        <v>0</v>
      </c>
      <c r="AX3555">
        <v>1012</v>
      </c>
      <c r="AY3555">
        <v>21</v>
      </c>
      <c r="AZ3555">
        <v>40</v>
      </c>
      <c r="BA3555">
        <v>3229</v>
      </c>
    </row>
    <row r="3556" spans="1:53" x14ac:dyDescent="0.4">
      <c r="A3556">
        <v>3600</v>
      </c>
      <c r="B3556" s="1">
        <v>44040</v>
      </c>
      <c r="C3556">
        <v>3</v>
      </c>
      <c r="D3556" s="1">
        <v>44040.736111111109</v>
      </c>
      <c r="E3556" s="1">
        <v>44040.951388888891</v>
      </c>
      <c r="F3556">
        <v>18825</v>
      </c>
      <c r="G3556">
        <v>920</v>
      </c>
      <c r="H3556">
        <v>0</v>
      </c>
      <c r="I3556">
        <v>0</v>
      </c>
      <c r="J3556">
        <v>0</v>
      </c>
      <c r="K3556">
        <v>0</v>
      </c>
      <c r="L3556">
        <v>0</v>
      </c>
      <c r="M3556">
        <v>1974</v>
      </c>
      <c r="N3556">
        <v>0</v>
      </c>
      <c r="O3556">
        <v>0</v>
      </c>
      <c r="P3556">
        <v>-13750</v>
      </c>
      <c r="Q3556">
        <v>0</v>
      </c>
      <c r="R3556">
        <v>7969</v>
      </c>
      <c r="S3556">
        <v>0</v>
      </c>
      <c r="T3556">
        <v>0</v>
      </c>
      <c r="U3556">
        <v>0</v>
      </c>
      <c r="V3556">
        <v>2</v>
      </c>
      <c r="W3556">
        <v>0</v>
      </c>
      <c r="X3556">
        <v>0</v>
      </c>
      <c r="Y3556">
        <v>42</v>
      </c>
      <c r="Z3556">
        <v>20</v>
      </c>
      <c r="AA3556">
        <v>61</v>
      </c>
      <c r="AB3556">
        <v>90</v>
      </c>
      <c r="AC3556">
        <v>62</v>
      </c>
      <c r="AD3556">
        <v>15</v>
      </c>
      <c r="AE3556">
        <v>89</v>
      </c>
      <c r="AF3556">
        <v>1535</v>
      </c>
      <c r="AG3556">
        <v>84919</v>
      </c>
      <c r="AH3556">
        <v>50000</v>
      </c>
      <c r="AI3556">
        <v>0</v>
      </c>
      <c r="AJ3556">
        <v>84</v>
      </c>
      <c r="AK3556" t="s">
        <v>16</v>
      </c>
      <c r="AL3556">
        <v>0</v>
      </c>
      <c r="AM3556">
        <v>0</v>
      </c>
      <c r="AN3556">
        <v>0</v>
      </c>
      <c r="AO3556">
        <v>0</v>
      </c>
      <c r="AP3556">
        <v>0</v>
      </c>
      <c r="AQ3556">
        <v>0</v>
      </c>
      <c r="AR3556">
        <v>0</v>
      </c>
      <c r="AS3556">
        <v>0</v>
      </c>
      <c r="AT3556">
        <v>0</v>
      </c>
      <c r="AU3556">
        <v>0</v>
      </c>
      <c r="AV3556">
        <v>0</v>
      </c>
      <c r="AW3556">
        <v>0</v>
      </c>
      <c r="AX3556">
        <v>0</v>
      </c>
      <c r="AY3556">
        <v>5</v>
      </c>
      <c r="AZ3556">
        <v>10</v>
      </c>
      <c r="BA3556">
        <v>1084</v>
      </c>
    </row>
    <row r="3557" spans="1:53" x14ac:dyDescent="0.4">
      <c r="A3557">
        <v>3601</v>
      </c>
      <c r="B3557" s="1">
        <v>44041</v>
      </c>
      <c r="C3557">
        <v>1</v>
      </c>
      <c r="D3557" s="1">
        <v>44041.291666666664</v>
      </c>
      <c r="E3557" s="1">
        <v>44041.447222222225</v>
      </c>
      <c r="F3557">
        <v>0</v>
      </c>
      <c r="G3557">
        <v>0</v>
      </c>
      <c r="H3557">
        <v>0</v>
      </c>
      <c r="I3557">
        <v>0</v>
      </c>
      <c r="J3557">
        <v>0</v>
      </c>
      <c r="K3557">
        <v>0</v>
      </c>
      <c r="L3557">
        <v>0</v>
      </c>
      <c r="M3557">
        <v>0</v>
      </c>
      <c r="N3557">
        <v>0</v>
      </c>
      <c r="O3557">
        <v>0</v>
      </c>
      <c r="P3557">
        <v>0</v>
      </c>
      <c r="Q3557">
        <v>0</v>
      </c>
      <c r="R3557">
        <v>0</v>
      </c>
      <c r="S3557">
        <v>0</v>
      </c>
      <c r="T3557">
        <v>0</v>
      </c>
      <c r="U3557">
        <v>0</v>
      </c>
      <c r="V3557">
        <v>0</v>
      </c>
      <c r="W3557">
        <v>0</v>
      </c>
      <c r="X3557">
        <v>0</v>
      </c>
      <c r="Y3557">
        <v>32</v>
      </c>
      <c r="Z3557">
        <v>14</v>
      </c>
      <c r="AA3557">
        <v>57</v>
      </c>
      <c r="AB3557">
        <v>90</v>
      </c>
      <c r="AC3557">
        <v>64</v>
      </c>
      <c r="AD3557">
        <v>14</v>
      </c>
      <c r="AE3557">
        <v>90</v>
      </c>
      <c r="AF3557">
        <v>0</v>
      </c>
      <c r="AG3557">
        <v>50000</v>
      </c>
      <c r="AH3557">
        <v>50000</v>
      </c>
      <c r="AI3557">
        <v>0</v>
      </c>
      <c r="AJ3557">
        <v>0</v>
      </c>
      <c r="AK3557" t="s">
        <v>6</v>
      </c>
      <c r="AL3557">
        <v>0</v>
      </c>
      <c r="AM3557">
        <v>0</v>
      </c>
      <c r="AN3557">
        <v>0</v>
      </c>
      <c r="AO3557">
        <v>0</v>
      </c>
      <c r="AP3557">
        <v>0</v>
      </c>
      <c r="AQ3557">
        <v>0</v>
      </c>
      <c r="AR3557">
        <v>0</v>
      </c>
      <c r="AS3557">
        <v>0</v>
      </c>
      <c r="AT3557">
        <v>0</v>
      </c>
      <c r="AU3557">
        <v>0</v>
      </c>
      <c r="AV3557">
        <v>0</v>
      </c>
      <c r="AW3557">
        <v>0</v>
      </c>
      <c r="AX3557">
        <v>0</v>
      </c>
      <c r="AY3557">
        <v>0</v>
      </c>
      <c r="AZ3557">
        <v>0</v>
      </c>
      <c r="BA3557">
        <v>0</v>
      </c>
    </row>
    <row r="3558" spans="1:53" x14ac:dyDescent="0.4">
      <c r="A3558">
        <v>3602</v>
      </c>
      <c r="B3558" s="1">
        <v>44041</v>
      </c>
      <c r="C3558">
        <v>2</v>
      </c>
      <c r="D3558" s="1">
        <v>44041.447222222225</v>
      </c>
      <c r="E3558" s="1">
        <v>44041.744444444441</v>
      </c>
      <c r="F3558">
        <v>18050</v>
      </c>
      <c r="G3558">
        <v>1300</v>
      </c>
      <c r="H3558">
        <v>0</v>
      </c>
      <c r="I3558">
        <v>0</v>
      </c>
      <c r="J3558">
        <v>0</v>
      </c>
      <c r="K3558">
        <v>0</v>
      </c>
      <c r="L3558">
        <v>0</v>
      </c>
      <c r="M3558">
        <v>1935</v>
      </c>
      <c r="N3558">
        <v>0</v>
      </c>
      <c r="O3558">
        <v>0</v>
      </c>
      <c r="P3558">
        <v>5885</v>
      </c>
      <c r="Q3558">
        <v>0</v>
      </c>
      <c r="R3558">
        <v>27170</v>
      </c>
      <c r="S3558">
        <v>0</v>
      </c>
      <c r="T3558">
        <v>0</v>
      </c>
      <c r="U3558">
        <v>0</v>
      </c>
      <c r="V3558">
        <v>2</v>
      </c>
      <c r="W3558">
        <v>1</v>
      </c>
      <c r="X3558">
        <v>0</v>
      </c>
      <c r="Y3558">
        <v>34</v>
      </c>
      <c r="Z3558">
        <v>16</v>
      </c>
      <c r="AA3558">
        <v>51</v>
      </c>
      <c r="AB3558">
        <v>86</v>
      </c>
      <c r="AC3558">
        <v>62</v>
      </c>
      <c r="AD3558">
        <v>15</v>
      </c>
      <c r="AE3558">
        <v>95</v>
      </c>
      <c r="AF3558">
        <v>0</v>
      </c>
      <c r="AG3558">
        <v>77190</v>
      </c>
      <c r="AH3558">
        <v>50000</v>
      </c>
      <c r="AI3558">
        <v>20</v>
      </c>
      <c r="AJ3558">
        <v>84</v>
      </c>
      <c r="AK3558" t="s">
        <v>16</v>
      </c>
      <c r="AL3558">
        <v>0</v>
      </c>
      <c r="AM3558">
        <v>0</v>
      </c>
      <c r="AN3558">
        <v>0</v>
      </c>
      <c r="AO3558">
        <v>0</v>
      </c>
      <c r="AP3558">
        <v>0</v>
      </c>
      <c r="AQ3558">
        <v>0</v>
      </c>
      <c r="AR3558">
        <v>0</v>
      </c>
      <c r="AS3558">
        <v>0</v>
      </c>
      <c r="AT3558">
        <v>0</v>
      </c>
      <c r="AU3558">
        <v>0</v>
      </c>
      <c r="AV3558">
        <v>0</v>
      </c>
      <c r="AW3558">
        <v>0</v>
      </c>
      <c r="AX3558">
        <v>-385</v>
      </c>
      <c r="AY3558">
        <v>20</v>
      </c>
      <c r="AZ3558">
        <v>40</v>
      </c>
      <c r="BA3558">
        <v>2947</v>
      </c>
    </row>
    <row r="3559" spans="1:53" x14ac:dyDescent="0.4">
      <c r="A3559">
        <v>3603</v>
      </c>
      <c r="B3559" s="1">
        <v>44042</v>
      </c>
      <c r="C3559">
        <v>1</v>
      </c>
      <c r="D3559" s="1">
        <v>44042.291666666664</v>
      </c>
      <c r="E3559" s="1">
        <v>44042.431250000001</v>
      </c>
      <c r="F3559">
        <v>0</v>
      </c>
      <c r="G3559">
        <v>0</v>
      </c>
      <c r="H3559">
        <v>0</v>
      </c>
      <c r="I3559">
        <v>0</v>
      </c>
      <c r="J3559">
        <v>0</v>
      </c>
      <c r="K3559">
        <v>0</v>
      </c>
      <c r="L3559">
        <v>0</v>
      </c>
      <c r="M3559">
        <v>0</v>
      </c>
      <c r="N3559">
        <v>0</v>
      </c>
      <c r="O3559">
        <v>0</v>
      </c>
      <c r="P3559">
        <v>0</v>
      </c>
      <c r="Q3559">
        <v>0</v>
      </c>
      <c r="R3559">
        <v>0</v>
      </c>
      <c r="S3559">
        <v>0</v>
      </c>
      <c r="T3559">
        <v>0</v>
      </c>
      <c r="U3559">
        <v>0</v>
      </c>
      <c r="V3559">
        <v>0</v>
      </c>
      <c r="W3559">
        <v>0</v>
      </c>
      <c r="X3559">
        <v>0</v>
      </c>
      <c r="Y3559">
        <v>33</v>
      </c>
      <c r="Z3559">
        <v>9</v>
      </c>
      <c r="AA3559">
        <v>63</v>
      </c>
      <c r="AB3559">
        <v>91</v>
      </c>
      <c r="AC3559">
        <v>117</v>
      </c>
      <c r="AD3559">
        <v>77</v>
      </c>
      <c r="AE3559">
        <v>95</v>
      </c>
      <c r="AF3559">
        <v>0</v>
      </c>
      <c r="AG3559">
        <v>50000</v>
      </c>
      <c r="AH3559">
        <v>50000</v>
      </c>
      <c r="AI3559">
        <v>0</v>
      </c>
      <c r="AJ3559">
        <v>0</v>
      </c>
      <c r="AK3559" t="s">
        <v>6</v>
      </c>
      <c r="AL3559">
        <v>0</v>
      </c>
      <c r="AM3559">
        <v>0</v>
      </c>
      <c r="AN3559">
        <v>0</v>
      </c>
      <c r="AO3559">
        <v>0</v>
      </c>
      <c r="AP3559">
        <v>0</v>
      </c>
      <c r="AQ3559">
        <v>0</v>
      </c>
      <c r="AR3559">
        <v>0</v>
      </c>
      <c r="AS3559">
        <v>0</v>
      </c>
      <c r="AT3559">
        <v>0</v>
      </c>
      <c r="AU3559">
        <v>0</v>
      </c>
      <c r="AV3559">
        <v>0</v>
      </c>
      <c r="AW3559">
        <v>0</v>
      </c>
      <c r="AX3559">
        <v>0</v>
      </c>
      <c r="AY3559">
        <v>0</v>
      </c>
      <c r="AZ3559">
        <v>0</v>
      </c>
      <c r="BA3559">
        <v>0</v>
      </c>
    </row>
    <row r="3560" spans="1:53" x14ac:dyDescent="0.4">
      <c r="A3560">
        <v>3604</v>
      </c>
      <c r="B3560" s="1">
        <v>44042</v>
      </c>
      <c r="C3560">
        <v>2</v>
      </c>
      <c r="D3560" s="1">
        <v>44042.431250000001</v>
      </c>
      <c r="E3560" s="1">
        <v>44042.73333333333</v>
      </c>
      <c r="F3560">
        <v>15000</v>
      </c>
      <c r="G3560">
        <v>0</v>
      </c>
      <c r="H3560">
        <v>0</v>
      </c>
      <c r="I3560">
        <v>0</v>
      </c>
      <c r="J3560">
        <v>0</v>
      </c>
      <c r="K3560">
        <v>0</v>
      </c>
      <c r="L3560">
        <v>0</v>
      </c>
      <c r="M3560">
        <v>1500</v>
      </c>
      <c r="N3560">
        <v>0</v>
      </c>
      <c r="O3560">
        <v>0</v>
      </c>
      <c r="P3560">
        <v>13365</v>
      </c>
      <c r="Q3560">
        <v>0</v>
      </c>
      <c r="R3560">
        <v>29865</v>
      </c>
      <c r="S3560">
        <v>0</v>
      </c>
      <c r="T3560">
        <v>0</v>
      </c>
      <c r="U3560">
        <v>0</v>
      </c>
      <c r="V3560">
        <v>0</v>
      </c>
      <c r="W3560">
        <v>1</v>
      </c>
      <c r="X3560">
        <v>0</v>
      </c>
      <c r="Y3560">
        <v>54</v>
      </c>
      <c r="Z3560">
        <v>21</v>
      </c>
      <c r="AA3560">
        <v>45</v>
      </c>
      <c r="AB3560">
        <v>83</v>
      </c>
      <c r="AC3560">
        <v>117</v>
      </c>
      <c r="AD3560">
        <v>86</v>
      </c>
      <c r="AE3560">
        <v>115</v>
      </c>
      <c r="AF3560">
        <v>0</v>
      </c>
      <c r="AG3560">
        <v>79865</v>
      </c>
      <c r="AH3560">
        <v>50000</v>
      </c>
      <c r="AI3560">
        <v>0</v>
      </c>
      <c r="AJ3560">
        <v>107</v>
      </c>
      <c r="AK3560" t="s">
        <v>40</v>
      </c>
      <c r="AL3560">
        <v>0</v>
      </c>
      <c r="AM3560">
        <v>0</v>
      </c>
      <c r="AN3560">
        <v>0</v>
      </c>
      <c r="AO3560">
        <v>0</v>
      </c>
      <c r="AP3560">
        <v>0</v>
      </c>
      <c r="AQ3560">
        <v>0</v>
      </c>
      <c r="AR3560">
        <v>0</v>
      </c>
      <c r="AS3560">
        <v>0</v>
      </c>
      <c r="AT3560">
        <v>0</v>
      </c>
      <c r="AU3560">
        <v>0</v>
      </c>
      <c r="AV3560">
        <v>0</v>
      </c>
      <c r="AW3560">
        <v>0</v>
      </c>
      <c r="AX3560">
        <v>0</v>
      </c>
      <c r="AY3560">
        <v>27</v>
      </c>
      <c r="AZ3560">
        <v>45</v>
      </c>
      <c r="BA3560">
        <v>3593</v>
      </c>
    </row>
    <row r="3561" spans="1:53" x14ac:dyDescent="0.4">
      <c r="A3561">
        <v>3605</v>
      </c>
      <c r="B3561" s="1">
        <v>44043</v>
      </c>
      <c r="C3561">
        <v>1</v>
      </c>
      <c r="D3561" s="1">
        <v>44043.291666666664</v>
      </c>
      <c r="E3561" s="1">
        <v>44043.4375</v>
      </c>
      <c r="F3561">
        <v>0</v>
      </c>
      <c r="G3561">
        <v>0</v>
      </c>
      <c r="H3561">
        <v>0</v>
      </c>
      <c r="I3561">
        <v>0</v>
      </c>
      <c r="J3561">
        <v>0</v>
      </c>
      <c r="K3561">
        <v>0</v>
      </c>
      <c r="L3561">
        <v>0</v>
      </c>
      <c r="M3561">
        <v>0</v>
      </c>
      <c r="N3561">
        <v>0</v>
      </c>
      <c r="O3561">
        <v>0</v>
      </c>
      <c r="P3561">
        <v>0</v>
      </c>
      <c r="Q3561">
        <v>0</v>
      </c>
      <c r="R3561">
        <v>0</v>
      </c>
      <c r="S3561">
        <v>0</v>
      </c>
      <c r="T3561">
        <v>0</v>
      </c>
      <c r="U3561">
        <v>0</v>
      </c>
      <c r="V3561">
        <v>0</v>
      </c>
      <c r="W3561">
        <v>0</v>
      </c>
      <c r="X3561">
        <v>0</v>
      </c>
      <c r="Y3561">
        <v>31</v>
      </c>
      <c r="Z3561">
        <v>9</v>
      </c>
      <c r="AA3561">
        <v>88</v>
      </c>
      <c r="AB3561">
        <v>81</v>
      </c>
      <c r="AC3561">
        <v>117</v>
      </c>
      <c r="AD3561">
        <v>74</v>
      </c>
      <c r="AE3561">
        <v>110</v>
      </c>
      <c r="AF3561">
        <v>0</v>
      </c>
      <c r="AG3561">
        <v>50000</v>
      </c>
      <c r="AH3561">
        <v>50000</v>
      </c>
      <c r="AI3561">
        <v>0</v>
      </c>
      <c r="AJ3561">
        <v>0</v>
      </c>
      <c r="AK3561" t="s">
        <v>6</v>
      </c>
      <c r="AL3561">
        <v>0</v>
      </c>
      <c r="AM3561">
        <v>0</v>
      </c>
      <c r="AN3561">
        <v>0</v>
      </c>
      <c r="AO3561">
        <v>0</v>
      </c>
      <c r="AP3561">
        <v>0</v>
      </c>
      <c r="AQ3561">
        <v>0</v>
      </c>
      <c r="AR3561">
        <v>0</v>
      </c>
      <c r="AS3561">
        <v>0</v>
      </c>
      <c r="AT3561">
        <v>0</v>
      </c>
      <c r="AU3561">
        <v>0</v>
      </c>
      <c r="AV3561">
        <v>0</v>
      </c>
      <c r="AW3561">
        <v>0</v>
      </c>
      <c r="AX3561">
        <v>0</v>
      </c>
      <c r="AY3561">
        <v>0</v>
      </c>
      <c r="AZ3561">
        <v>0</v>
      </c>
      <c r="BA3561">
        <v>0</v>
      </c>
    </row>
    <row r="3562" spans="1:53" x14ac:dyDescent="0.4">
      <c r="A3562">
        <v>3606</v>
      </c>
      <c r="B3562" s="1">
        <v>44043</v>
      </c>
      <c r="C3562">
        <v>2</v>
      </c>
      <c r="D3562" s="1">
        <v>44043.4375</v>
      </c>
      <c r="E3562" s="1">
        <v>44043.73541666667</v>
      </c>
      <c r="F3562">
        <v>20000</v>
      </c>
      <c r="G3562">
        <v>400</v>
      </c>
      <c r="H3562">
        <v>0</v>
      </c>
      <c r="I3562">
        <v>0</v>
      </c>
      <c r="J3562">
        <v>0</v>
      </c>
      <c r="K3562">
        <v>0</v>
      </c>
      <c r="L3562">
        <v>0</v>
      </c>
      <c r="M3562">
        <v>2040</v>
      </c>
      <c r="N3562">
        <v>0</v>
      </c>
      <c r="O3562">
        <v>0</v>
      </c>
      <c r="P3562">
        <v>4070</v>
      </c>
      <c r="Q3562">
        <v>0</v>
      </c>
      <c r="R3562">
        <v>26510</v>
      </c>
      <c r="S3562">
        <v>0</v>
      </c>
      <c r="T3562">
        <v>0</v>
      </c>
      <c r="U3562">
        <v>0</v>
      </c>
      <c r="V3562">
        <v>1</v>
      </c>
      <c r="W3562">
        <v>0</v>
      </c>
      <c r="X3562">
        <v>0</v>
      </c>
      <c r="Y3562">
        <v>45</v>
      </c>
      <c r="Z3562">
        <v>16</v>
      </c>
      <c r="AA3562">
        <v>70</v>
      </c>
      <c r="AB3562">
        <v>79</v>
      </c>
      <c r="AC3562">
        <v>122</v>
      </c>
      <c r="AD3562">
        <v>78</v>
      </c>
      <c r="AE3562">
        <v>125</v>
      </c>
      <c r="AF3562">
        <v>825</v>
      </c>
      <c r="AG3562">
        <v>76510</v>
      </c>
      <c r="AH3562">
        <v>50000</v>
      </c>
      <c r="AI3562">
        <v>0</v>
      </c>
      <c r="AJ3562">
        <v>97</v>
      </c>
      <c r="AK3562" t="s">
        <v>33</v>
      </c>
      <c r="AL3562">
        <v>0</v>
      </c>
      <c r="AM3562">
        <v>0</v>
      </c>
      <c r="AN3562">
        <v>0</v>
      </c>
      <c r="AO3562">
        <v>0</v>
      </c>
      <c r="AP3562">
        <v>0</v>
      </c>
      <c r="AQ3562">
        <v>0</v>
      </c>
      <c r="AR3562">
        <v>0</v>
      </c>
      <c r="AS3562">
        <v>0</v>
      </c>
      <c r="AT3562">
        <v>0</v>
      </c>
      <c r="AU3562">
        <v>0</v>
      </c>
      <c r="AV3562">
        <v>0</v>
      </c>
      <c r="AW3562">
        <v>0</v>
      </c>
      <c r="AX3562">
        <v>0</v>
      </c>
      <c r="AY3562">
        <v>19</v>
      </c>
      <c r="AZ3562">
        <v>42</v>
      </c>
      <c r="BA3562">
        <v>2823</v>
      </c>
    </row>
    <row r="3563" spans="1:53" x14ac:dyDescent="0.4">
      <c r="A3563">
        <v>3607</v>
      </c>
      <c r="B3563" s="1">
        <v>44043</v>
      </c>
      <c r="C3563">
        <v>3</v>
      </c>
      <c r="D3563" s="1">
        <v>44043.73541666667</v>
      </c>
      <c r="E3563" s="1">
        <v>44043.969444444447</v>
      </c>
      <c r="F3563">
        <v>16550</v>
      </c>
      <c r="G3563">
        <v>680</v>
      </c>
      <c r="H3563">
        <v>30</v>
      </c>
      <c r="I3563">
        <v>0</v>
      </c>
      <c r="J3563">
        <v>0</v>
      </c>
      <c r="K3563">
        <v>0</v>
      </c>
      <c r="L3563">
        <v>0</v>
      </c>
      <c r="M3563">
        <v>1726</v>
      </c>
      <c r="N3563">
        <v>0</v>
      </c>
      <c r="O3563">
        <v>0</v>
      </c>
      <c r="P3563">
        <v>-4070</v>
      </c>
      <c r="Q3563">
        <v>0</v>
      </c>
      <c r="R3563">
        <v>14916</v>
      </c>
      <c r="S3563">
        <v>0</v>
      </c>
      <c r="T3563">
        <v>0</v>
      </c>
      <c r="U3563">
        <v>0</v>
      </c>
      <c r="V3563">
        <v>3</v>
      </c>
      <c r="W3563">
        <v>0</v>
      </c>
      <c r="X3563">
        <v>0</v>
      </c>
      <c r="Y3563">
        <v>36</v>
      </c>
      <c r="Z3563">
        <v>16</v>
      </c>
      <c r="AA3563">
        <v>66</v>
      </c>
      <c r="AB3563">
        <v>78</v>
      </c>
      <c r="AC3563">
        <v>130</v>
      </c>
      <c r="AD3563">
        <v>77</v>
      </c>
      <c r="AE3563">
        <v>126</v>
      </c>
      <c r="AF3563">
        <v>5115</v>
      </c>
      <c r="AG3563">
        <v>91426</v>
      </c>
      <c r="AH3563">
        <v>50000</v>
      </c>
      <c r="AI3563">
        <v>0</v>
      </c>
      <c r="AJ3563">
        <v>70</v>
      </c>
      <c r="AK3563" t="s">
        <v>47</v>
      </c>
      <c r="AL3563">
        <v>0</v>
      </c>
      <c r="AM3563">
        <v>0</v>
      </c>
      <c r="AN3563">
        <v>0</v>
      </c>
      <c r="AO3563">
        <v>0</v>
      </c>
      <c r="AP3563">
        <v>0</v>
      </c>
      <c r="AQ3563">
        <v>0</v>
      </c>
      <c r="AR3563">
        <v>0</v>
      </c>
      <c r="AS3563">
        <v>0</v>
      </c>
      <c r="AT3563">
        <v>0</v>
      </c>
      <c r="AU3563">
        <v>0</v>
      </c>
      <c r="AV3563">
        <v>0</v>
      </c>
      <c r="AW3563">
        <v>0</v>
      </c>
      <c r="AX3563">
        <v>1430</v>
      </c>
      <c r="AY3563">
        <v>6</v>
      </c>
      <c r="AZ3563">
        <v>12</v>
      </c>
      <c r="BA3563">
        <v>949</v>
      </c>
    </row>
    <row r="3564" spans="1:53" x14ac:dyDescent="0.4">
      <c r="A3564">
        <v>3608</v>
      </c>
      <c r="B3564" s="1">
        <v>44044</v>
      </c>
      <c r="C3564">
        <v>1</v>
      </c>
      <c r="D3564" s="1">
        <v>44044.291666666664</v>
      </c>
      <c r="E3564" s="1">
        <v>44044.396527777775</v>
      </c>
      <c r="F3564">
        <v>0</v>
      </c>
      <c r="G3564">
        <v>0</v>
      </c>
      <c r="H3564">
        <v>0</v>
      </c>
      <c r="I3564">
        <v>0</v>
      </c>
      <c r="J3564">
        <v>0</v>
      </c>
      <c r="K3564">
        <v>0</v>
      </c>
      <c r="L3564">
        <v>0</v>
      </c>
      <c r="M3564">
        <v>0</v>
      </c>
      <c r="N3564">
        <v>0</v>
      </c>
      <c r="O3564">
        <v>0</v>
      </c>
      <c r="P3564">
        <v>0</v>
      </c>
      <c r="Q3564">
        <v>0</v>
      </c>
      <c r="R3564">
        <v>0</v>
      </c>
      <c r="S3564">
        <v>0</v>
      </c>
      <c r="T3564">
        <v>0</v>
      </c>
      <c r="U3564">
        <v>0</v>
      </c>
      <c r="V3564">
        <v>0</v>
      </c>
      <c r="W3564">
        <v>1</v>
      </c>
      <c r="X3564">
        <v>0</v>
      </c>
      <c r="Y3564">
        <v>27</v>
      </c>
      <c r="Z3564">
        <v>10</v>
      </c>
      <c r="AA3564">
        <v>73</v>
      </c>
      <c r="AB3564">
        <v>75</v>
      </c>
      <c r="AC3564">
        <v>145</v>
      </c>
      <c r="AD3564">
        <v>76</v>
      </c>
      <c r="AE3564">
        <v>120</v>
      </c>
      <c r="AF3564">
        <v>0</v>
      </c>
      <c r="AG3564">
        <v>50000</v>
      </c>
      <c r="AH3564">
        <v>50000</v>
      </c>
      <c r="AI3564">
        <v>0</v>
      </c>
      <c r="AJ3564">
        <v>0</v>
      </c>
      <c r="AK3564" t="s">
        <v>6</v>
      </c>
      <c r="AL3564">
        <v>0</v>
      </c>
      <c r="AM3564">
        <v>0</v>
      </c>
      <c r="AN3564">
        <v>0</v>
      </c>
      <c r="AO3564">
        <v>0</v>
      </c>
      <c r="AP3564">
        <v>0</v>
      </c>
      <c r="AQ3564">
        <v>0</v>
      </c>
      <c r="AR3564">
        <v>0</v>
      </c>
      <c r="AS3564">
        <v>0</v>
      </c>
      <c r="AT3564">
        <v>0</v>
      </c>
      <c r="AU3564">
        <v>0</v>
      </c>
      <c r="AV3564">
        <v>0</v>
      </c>
      <c r="AW3564">
        <v>0</v>
      </c>
      <c r="AX3564">
        <v>0</v>
      </c>
      <c r="AY3564">
        <v>0</v>
      </c>
      <c r="AZ3564">
        <v>0</v>
      </c>
      <c r="BA3564">
        <v>0</v>
      </c>
    </row>
    <row r="3565" spans="1:53" x14ac:dyDescent="0.4">
      <c r="A3565">
        <v>3609</v>
      </c>
      <c r="B3565" s="1">
        <v>44044</v>
      </c>
      <c r="C3565">
        <v>2</v>
      </c>
      <c r="D3565" s="1">
        <v>44044.396527777775</v>
      </c>
      <c r="E3565" s="1">
        <v>44044.74722222222</v>
      </c>
      <c r="F3565">
        <v>31950</v>
      </c>
      <c r="G3565">
        <v>1680</v>
      </c>
      <c r="H3565">
        <v>230</v>
      </c>
      <c r="I3565">
        <v>0</v>
      </c>
      <c r="J3565">
        <v>0</v>
      </c>
      <c r="K3565">
        <v>0</v>
      </c>
      <c r="L3565">
        <v>0</v>
      </c>
      <c r="M3565">
        <v>3386</v>
      </c>
      <c r="N3565">
        <v>0</v>
      </c>
      <c r="O3565">
        <v>0</v>
      </c>
      <c r="P3565">
        <v>7260</v>
      </c>
      <c r="Q3565">
        <v>0</v>
      </c>
      <c r="R3565">
        <v>44506</v>
      </c>
      <c r="S3565">
        <v>0</v>
      </c>
      <c r="T3565">
        <v>0</v>
      </c>
      <c r="U3565">
        <v>0</v>
      </c>
      <c r="V3565">
        <v>2</v>
      </c>
      <c r="W3565">
        <v>3</v>
      </c>
      <c r="X3565">
        <v>0</v>
      </c>
      <c r="Y3565">
        <v>39</v>
      </c>
      <c r="Z3565">
        <v>12</v>
      </c>
      <c r="AA3565">
        <v>95</v>
      </c>
      <c r="AB3565">
        <v>63</v>
      </c>
      <c r="AC3565">
        <v>137</v>
      </c>
      <c r="AD3565">
        <v>73</v>
      </c>
      <c r="AE3565">
        <v>121</v>
      </c>
      <c r="AF3565">
        <v>0</v>
      </c>
      <c r="AG3565">
        <v>94506</v>
      </c>
      <c r="AH3565">
        <v>50000</v>
      </c>
      <c r="AI3565">
        <v>0</v>
      </c>
      <c r="AJ3565">
        <v>84</v>
      </c>
      <c r="AK3565" t="s">
        <v>16</v>
      </c>
      <c r="AL3565">
        <v>0</v>
      </c>
      <c r="AM3565">
        <v>0</v>
      </c>
      <c r="AN3565">
        <v>0</v>
      </c>
      <c r="AO3565">
        <v>0</v>
      </c>
      <c r="AP3565">
        <v>0</v>
      </c>
      <c r="AQ3565">
        <v>0</v>
      </c>
      <c r="AR3565">
        <v>0</v>
      </c>
      <c r="AS3565">
        <v>0</v>
      </c>
      <c r="AT3565">
        <v>0</v>
      </c>
      <c r="AU3565">
        <v>0</v>
      </c>
      <c r="AV3565">
        <v>0</v>
      </c>
      <c r="AW3565">
        <v>0</v>
      </c>
      <c r="AX3565">
        <v>-308</v>
      </c>
      <c r="AY3565">
        <v>33</v>
      </c>
      <c r="AZ3565">
        <v>69</v>
      </c>
      <c r="BA3565">
        <v>4717</v>
      </c>
    </row>
    <row r="3566" spans="1:53" x14ac:dyDescent="0.4">
      <c r="A3566">
        <v>3610</v>
      </c>
      <c r="B3566" s="1">
        <v>44045</v>
      </c>
      <c r="C3566">
        <v>1</v>
      </c>
      <c r="D3566" s="1">
        <v>44045.291666666664</v>
      </c>
      <c r="E3566" s="1">
        <v>44045.402777777781</v>
      </c>
      <c r="F3566">
        <v>0</v>
      </c>
      <c r="G3566">
        <v>0</v>
      </c>
      <c r="H3566">
        <v>0</v>
      </c>
      <c r="I3566">
        <v>0</v>
      </c>
      <c r="J3566">
        <v>0</v>
      </c>
      <c r="K3566">
        <v>0</v>
      </c>
      <c r="L3566">
        <v>0</v>
      </c>
      <c r="M3566">
        <v>0</v>
      </c>
      <c r="N3566">
        <v>0</v>
      </c>
      <c r="O3566">
        <v>0</v>
      </c>
      <c r="P3566">
        <v>0</v>
      </c>
      <c r="Q3566">
        <v>0</v>
      </c>
      <c r="R3566">
        <v>0</v>
      </c>
      <c r="S3566">
        <v>0</v>
      </c>
      <c r="T3566">
        <v>0</v>
      </c>
      <c r="U3566">
        <v>0</v>
      </c>
      <c r="V3566">
        <v>0</v>
      </c>
      <c r="W3566">
        <v>0</v>
      </c>
      <c r="X3566">
        <v>0</v>
      </c>
      <c r="Y3566">
        <v>31</v>
      </c>
      <c r="Z3566">
        <v>11</v>
      </c>
      <c r="AA3566">
        <v>87</v>
      </c>
      <c r="AB3566">
        <v>66</v>
      </c>
      <c r="AC3566">
        <v>100</v>
      </c>
      <c r="AD3566">
        <v>76</v>
      </c>
      <c r="AE3566">
        <v>120</v>
      </c>
      <c r="AF3566">
        <v>0</v>
      </c>
      <c r="AG3566">
        <v>50000</v>
      </c>
      <c r="AH3566">
        <v>50000</v>
      </c>
      <c r="AI3566">
        <v>0</v>
      </c>
      <c r="AJ3566">
        <v>0</v>
      </c>
      <c r="AK3566" t="s">
        <v>6</v>
      </c>
      <c r="AL3566">
        <v>0</v>
      </c>
      <c r="AM3566">
        <v>0</v>
      </c>
      <c r="AN3566">
        <v>0</v>
      </c>
      <c r="AO3566">
        <v>0</v>
      </c>
      <c r="AP3566">
        <v>0</v>
      </c>
      <c r="AQ3566">
        <v>0</v>
      </c>
      <c r="AR3566">
        <v>0</v>
      </c>
      <c r="AS3566">
        <v>0</v>
      </c>
      <c r="AT3566">
        <v>0</v>
      </c>
      <c r="AU3566">
        <v>0</v>
      </c>
      <c r="AV3566">
        <v>0</v>
      </c>
      <c r="AW3566">
        <v>0</v>
      </c>
      <c r="AX3566">
        <v>0</v>
      </c>
      <c r="AY3566">
        <v>0</v>
      </c>
      <c r="AZ3566">
        <v>0</v>
      </c>
      <c r="BA3566">
        <v>0</v>
      </c>
    </row>
    <row r="3567" spans="1:53" x14ac:dyDescent="0.4">
      <c r="A3567">
        <v>3611</v>
      </c>
      <c r="B3567" s="1">
        <v>44045</v>
      </c>
      <c r="C3567">
        <v>2</v>
      </c>
      <c r="D3567" s="1">
        <v>44045.402777777781</v>
      </c>
      <c r="E3567" s="1">
        <v>44045.732638888891</v>
      </c>
      <c r="F3567">
        <v>26450</v>
      </c>
      <c r="G3567">
        <v>820</v>
      </c>
      <c r="H3567">
        <v>0</v>
      </c>
      <c r="I3567">
        <v>0</v>
      </c>
      <c r="J3567">
        <v>0</v>
      </c>
      <c r="K3567">
        <v>0</v>
      </c>
      <c r="L3567">
        <v>0</v>
      </c>
      <c r="M3567">
        <v>2727</v>
      </c>
      <c r="N3567">
        <v>0</v>
      </c>
      <c r="O3567">
        <v>0</v>
      </c>
      <c r="P3567">
        <v>17380</v>
      </c>
      <c r="Q3567">
        <v>0</v>
      </c>
      <c r="R3567">
        <v>47377</v>
      </c>
      <c r="S3567">
        <v>0</v>
      </c>
      <c r="T3567">
        <v>0</v>
      </c>
      <c r="U3567">
        <v>0</v>
      </c>
      <c r="V3567">
        <v>2</v>
      </c>
      <c r="W3567">
        <v>1</v>
      </c>
      <c r="X3567">
        <v>0</v>
      </c>
      <c r="Y3567">
        <v>47</v>
      </c>
      <c r="Z3567">
        <v>20</v>
      </c>
      <c r="AA3567">
        <v>80</v>
      </c>
      <c r="AB3567">
        <v>64</v>
      </c>
      <c r="AC3567">
        <v>99</v>
      </c>
      <c r="AD3567">
        <v>79</v>
      </c>
      <c r="AE3567">
        <v>152</v>
      </c>
      <c r="AF3567">
        <v>2640</v>
      </c>
      <c r="AG3567">
        <v>97377</v>
      </c>
      <c r="AH3567">
        <v>50000</v>
      </c>
      <c r="AI3567">
        <v>0</v>
      </c>
      <c r="AJ3567">
        <v>98</v>
      </c>
      <c r="AK3567" t="s">
        <v>35</v>
      </c>
      <c r="AL3567">
        <v>0</v>
      </c>
      <c r="AM3567">
        <v>0</v>
      </c>
      <c r="AN3567">
        <v>0</v>
      </c>
      <c r="AO3567">
        <v>0</v>
      </c>
      <c r="AP3567">
        <v>0</v>
      </c>
      <c r="AQ3567">
        <v>0</v>
      </c>
      <c r="AR3567">
        <v>0</v>
      </c>
      <c r="AS3567">
        <v>0</v>
      </c>
      <c r="AT3567">
        <v>0</v>
      </c>
      <c r="AU3567">
        <v>0</v>
      </c>
      <c r="AV3567">
        <v>0</v>
      </c>
      <c r="AW3567">
        <v>0</v>
      </c>
      <c r="AX3567">
        <v>-1210</v>
      </c>
      <c r="AY3567">
        <v>34</v>
      </c>
      <c r="AZ3567">
        <v>73</v>
      </c>
      <c r="BA3567">
        <v>5214</v>
      </c>
    </row>
    <row r="3568" spans="1:53" x14ac:dyDescent="0.4">
      <c r="A3568">
        <v>3612</v>
      </c>
      <c r="B3568" s="1">
        <v>44046</v>
      </c>
      <c r="C3568">
        <v>1</v>
      </c>
      <c r="D3568" s="1">
        <v>44046.291666666664</v>
      </c>
      <c r="E3568" s="1">
        <v>44046.381249999999</v>
      </c>
      <c r="F3568">
        <v>0</v>
      </c>
      <c r="G3568">
        <v>0</v>
      </c>
      <c r="H3568">
        <v>0</v>
      </c>
      <c r="I3568">
        <v>0</v>
      </c>
      <c r="J3568">
        <v>0</v>
      </c>
      <c r="K3568">
        <v>0</v>
      </c>
      <c r="L3568">
        <v>0</v>
      </c>
      <c r="M3568">
        <v>0</v>
      </c>
      <c r="N3568">
        <v>0</v>
      </c>
      <c r="O3568">
        <v>0</v>
      </c>
      <c r="P3568">
        <v>0</v>
      </c>
      <c r="Q3568">
        <v>0</v>
      </c>
      <c r="R3568">
        <v>0</v>
      </c>
      <c r="S3568">
        <v>0</v>
      </c>
      <c r="T3568">
        <v>0</v>
      </c>
      <c r="U3568">
        <v>0</v>
      </c>
      <c r="V3568">
        <v>0</v>
      </c>
      <c r="W3568">
        <v>0</v>
      </c>
      <c r="X3568">
        <v>0</v>
      </c>
      <c r="Y3568">
        <v>33</v>
      </c>
      <c r="Z3568">
        <v>9</v>
      </c>
      <c r="AA3568">
        <v>79</v>
      </c>
      <c r="AB3568">
        <v>66</v>
      </c>
      <c r="AC3568">
        <v>105</v>
      </c>
      <c r="AD3568">
        <v>29</v>
      </c>
      <c r="AE3568">
        <v>105</v>
      </c>
      <c r="AF3568">
        <v>0</v>
      </c>
      <c r="AG3568">
        <v>50000</v>
      </c>
      <c r="AH3568">
        <v>50000</v>
      </c>
      <c r="AI3568">
        <v>0</v>
      </c>
      <c r="AJ3568">
        <v>0</v>
      </c>
      <c r="AK3568" t="s">
        <v>6</v>
      </c>
      <c r="AL3568">
        <v>0</v>
      </c>
      <c r="AM3568">
        <v>0</v>
      </c>
      <c r="AN3568">
        <v>0</v>
      </c>
      <c r="AO3568">
        <v>0</v>
      </c>
      <c r="AP3568">
        <v>0</v>
      </c>
      <c r="AQ3568">
        <v>0</v>
      </c>
      <c r="AR3568">
        <v>0</v>
      </c>
      <c r="AS3568">
        <v>0</v>
      </c>
      <c r="AT3568">
        <v>0</v>
      </c>
      <c r="AU3568">
        <v>0</v>
      </c>
      <c r="AV3568">
        <v>0</v>
      </c>
      <c r="AW3568">
        <v>0</v>
      </c>
      <c r="AX3568">
        <v>0</v>
      </c>
      <c r="AY3568">
        <v>0</v>
      </c>
      <c r="AZ3568">
        <v>0</v>
      </c>
      <c r="BA3568">
        <v>0</v>
      </c>
    </row>
    <row r="3569" spans="1:53" x14ac:dyDescent="0.4">
      <c r="A3569">
        <v>3613</v>
      </c>
      <c r="B3569" s="1">
        <v>44046</v>
      </c>
      <c r="C3569">
        <v>2</v>
      </c>
      <c r="D3569" s="1">
        <v>44046.381249999999</v>
      </c>
      <c r="E3569" s="1">
        <v>44046.734027777777</v>
      </c>
      <c r="F3569">
        <v>13100</v>
      </c>
      <c r="G3569">
        <v>2320</v>
      </c>
      <c r="H3569">
        <v>0</v>
      </c>
      <c r="I3569">
        <v>0</v>
      </c>
      <c r="J3569">
        <v>0</v>
      </c>
      <c r="K3569">
        <v>0</v>
      </c>
      <c r="L3569">
        <v>0</v>
      </c>
      <c r="M3569">
        <v>1542</v>
      </c>
      <c r="N3569">
        <v>0</v>
      </c>
      <c r="O3569">
        <v>0</v>
      </c>
      <c r="P3569">
        <v>14520</v>
      </c>
      <c r="Q3569">
        <v>0</v>
      </c>
      <c r="R3569">
        <v>31482</v>
      </c>
      <c r="S3569">
        <v>0</v>
      </c>
      <c r="T3569">
        <v>0</v>
      </c>
      <c r="U3569">
        <v>0</v>
      </c>
      <c r="V3569">
        <v>0</v>
      </c>
      <c r="W3569">
        <v>3</v>
      </c>
      <c r="X3569">
        <v>0</v>
      </c>
      <c r="Y3569">
        <v>44</v>
      </c>
      <c r="Z3569">
        <v>23</v>
      </c>
      <c r="AA3569">
        <v>67</v>
      </c>
      <c r="AB3569">
        <v>59</v>
      </c>
      <c r="AC3569">
        <v>109</v>
      </c>
      <c r="AD3569">
        <v>28</v>
      </c>
      <c r="AE3569">
        <v>102</v>
      </c>
      <c r="AF3569">
        <v>0</v>
      </c>
      <c r="AG3569">
        <v>81482</v>
      </c>
      <c r="AH3569">
        <v>50000</v>
      </c>
      <c r="AI3569">
        <v>0</v>
      </c>
      <c r="AJ3569">
        <v>107</v>
      </c>
      <c r="AK3569" t="s">
        <v>40</v>
      </c>
      <c r="AL3569">
        <v>0</v>
      </c>
      <c r="AM3569">
        <v>0</v>
      </c>
      <c r="AN3569">
        <v>0</v>
      </c>
      <c r="AO3569">
        <v>0</v>
      </c>
      <c r="AP3569">
        <v>0</v>
      </c>
      <c r="AQ3569">
        <v>0</v>
      </c>
      <c r="AR3569">
        <v>0</v>
      </c>
      <c r="AS3569">
        <v>0</v>
      </c>
      <c r="AT3569">
        <v>0</v>
      </c>
      <c r="AU3569">
        <v>0</v>
      </c>
      <c r="AV3569">
        <v>0</v>
      </c>
      <c r="AW3569">
        <v>0</v>
      </c>
      <c r="AX3569">
        <v>1496</v>
      </c>
      <c r="AY3569">
        <v>22</v>
      </c>
      <c r="AZ3569">
        <v>46</v>
      </c>
      <c r="BA3569">
        <v>2852</v>
      </c>
    </row>
    <row r="3570" spans="1:53" x14ac:dyDescent="0.4">
      <c r="A3570">
        <v>3614</v>
      </c>
      <c r="B3570" s="1">
        <v>44047</v>
      </c>
      <c r="C3570">
        <v>1</v>
      </c>
      <c r="D3570" s="1">
        <v>44047.291666666664</v>
      </c>
      <c r="E3570" s="1">
        <v>44047.405555555553</v>
      </c>
      <c r="F3570">
        <v>0</v>
      </c>
      <c r="G3570">
        <v>0</v>
      </c>
      <c r="H3570">
        <v>0</v>
      </c>
      <c r="I3570">
        <v>0</v>
      </c>
      <c r="J3570">
        <v>0</v>
      </c>
      <c r="K3570">
        <v>0</v>
      </c>
      <c r="L3570">
        <v>0</v>
      </c>
      <c r="M3570">
        <v>0</v>
      </c>
      <c r="N3570">
        <v>0</v>
      </c>
      <c r="O3570">
        <v>0</v>
      </c>
      <c r="P3570">
        <v>0</v>
      </c>
      <c r="Q3570">
        <v>0</v>
      </c>
      <c r="R3570">
        <v>0</v>
      </c>
      <c r="S3570">
        <v>0</v>
      </c>
      <c r="T3570">
        <v>0</v>
      </c>
      <c r="U3570">
        <v>0</v>
      </c>
      <c r="V3570">
        <v>0</v>
      </c>
      <c r="W3570">
        <v>1</v>
      </c>
      <c r="X3570">
        <v>0</v>
      </c>
      <c r="Y3570">
        <v>26</v>
      </c>
      <c r="Z3570">
        <v>16</v>
      </c>
      <c r="AA3570">
        <v>69</v>
      </c>
      <c r="AB3570">
        <v>56</v>
      </c>
      <c r="AC3570">
        <v>108</v>
      </c>
      <c r="AD3570">
        <v>25</v>
      </c>
      <c r="AE3570">
        <v>95</v>
      </c>
      <c r="AF3570">
        <v>0</v>
      </c>
      <c r="AG3570">
        <v>50000</v>
      </c>
      <c r="AH3570">
        <v>50000</v>
      </c>
      <c r="AI3570">
        <v>0</v>
      </c>
      <c r="AJ3570">
        <v>0</v>
      </c>
      <c r="AK3570" t="s">
        <v>6</v>
      </c>
      <c r="AL3570">
        <v>0</v>
      </c>
      <c r="AM3570">
        <v>0</v>
      </c>
      <c r="AN3570">
        <v>0</v>
      </c>
      <c r="AO3570">
        <v>0</v>
      </c>
      <c r="AP3570">
        <v>0</v>
      </c>
      <c r="AQ3570">
        <v>0</v>
      </c>
      <c r="AR3570">
        <v>0</v>
      </c>
      <c r="AS3570">
        <v>0</v>
      </c>
      <c r="AT3570">
        <v>0</v>
      </c>
      <c r="AU3570">
        <v>0</v>
      </c>
      <c r="AV3570">
        <v>0</v>
      </c>
      <c r="AW3570">
        <v>0</v>
      </c>
      <c r="AX3570">
        <v>0</v>
      </c>
      <c r="AY3570">
        <v>0</v>
      </c>
      <c r="AZ3570">
        <v>0</v>
      </c>
      <c r="BA3570">
        <v>0</v>
      </c>
    </row>
    <row r="3571" spans="1:53" x14ac:dyDescent="0.4">
      <c r="A3571">
        <v>3615</v>
      </c>
      <c r="B3571" s="1">
        <v>44047</v>
      </c>
      <c r="C3571">
        <v>2</v>
      </c>
      <c r="D3571" s="1">
        <v>44047.405555555553</v>
      </c>
      <c r="E3571" s="1">
        <v>44047.734027777777</v>
      </c>
      <c r="F3571">
        <v>14200</v>
      </c>
      <c r="G3571">
        <v>1480</v>
      </c>
      <c r="H3571">
        <v>0</v>
      </c>
      <c r="I3571">
        <v>0</v>
      </c>
      <c r="J3571">
        <v>0</v>
      </c>
      <c r="K3571">
        <v>0</v>
      </c>
      <c r="L3571">
        <v>0</v>
      </c>
      <c r="M3571">
        <v>1568</v>
      </c>
      <c r="N3571">
        <v>0</v>
      </c>
      <c r="O3571">
        <v>0</v>
      </c>
      <c r="P3571">
        <v>8085</v>
      </c>
      <c r="Q3571">
        <v>0</v>
      </c>
      <c r="R3571">
        <v>25333</v>
      </c>
      <c r="S3571">
        <v>0</v>
      </c>
      <c r="T3571">
        <v>0</v>
      </c>
      <c r="U3571">
        <v>0</v>
      </c>
      <c r="V3571">
        <v>0</v>
      </c>
      <c r="W3571">
        <v>2</v>
      </c>
      <c r="X3571">
        <v>0</v>
      </c>
      <c r="Y3571">
        <v>43</v>
      </c>
      <c r="Z3571">
        <v>19</v>
      </c>
      <c r="AA3571">
        <v>65</v>
      </c>
      <c r="AB3571">
        <v>58</v>
      </c>
      <c r="AC3571">
        <v>134</v>
      </c>
      <c r="AD3571">
        <v>29</v>
      </c>
      <c r="AE3571">
        <v>133</v>
      </c>
      <c r="AF3571">
        <v>1815</v>
      </c>
      <c r="AG3571">
        <v>75333</v>
      </c>
      <c r="AH3571">
        <v>50000</v>
      </c>
      <c r="AI3571">
        <v>0</v>
      </c>
      <c r="AJ3571">
        <v>107</v>
      </c>
      <c r="AK3571" t="s">
        <v>40</v>
      </c>
      <c r="AL3571">
        <v>0</v>
      </c>
      <c r="AM3571">
        <v>0</v>
      </c>
      <c r="AN3571">
        <v>0</v>
      </c>
      <c r="AO3571">
        <v>0</v>
      </c>
      <c r="AP3571">
        <v>0</v>
      </c>
      <c r="AQ3571">
        <v>0</v>
      </c>
      <c r="AR3571">
        <v>0</v>
      </c>
      <c r="AS3571">
        <v>0</v>
      </c>
      <c r="AT3571">
        <v>0</v>
      </c>
      <c r="AU3571">
        <v>0</v>
      </c>
      <c r="AV3571">
        <v>0</v>
      </c>
      <c r="AW3571">
        <v>0</v>
      </c>
      <c r="AX3571">
        <v>0</v>
      </c>
      <c r="AY3571">
        <v>20</v>
      </c>
      <c r="AZ3571">
        <v>37</v>
      </c>
      <c r="BA3571">
        <v>3066</v>
      </c>
    </row>
    <row r="3572" spans="1:53" x14ac:dyDescent="0.4">
      <c r="A3572">
        <v>3616</v>
      </c>
      <c r="B3572" s="1">
        <v>44048</v>
      </c>
      <c r="C3572">
        <v>1</v>
      </c>
      <c r="D3572" s="1">
        <v>44048.291666666664</v>
      </c>
      <c r="E3572" s="1">
        <v>44048.410416666666</v>
      </c>
      <c r="F3572">
        <v>0</v>
      </c>
      <c r="G3572">
        <v>0</v>
      </c>
      <c r="H3572">
        <v>0</v>
      </c>
      <c r="I3572">
        <v>0</v>
      </c>
      <c r="J3572">
        <v>0</v>
      </c>
      <c r="K3572">
        <v>0</v>
      </c>
      <c r="L3572">
        <v>0</v>
      </c>
      <c r="M3572">
        <v>0</v>
      </c>
      <c r="N3572">
        <v>0</v>
      </c>
      <c r="O3572">
        <v>0</v>
      </c>
      <c r="P3572">
        <v>0</v>
      </c>
      <c r="Q3572">
        <v>0</v>
      </c>
      <c r="R3572">
        <v>0</v>
      </c>
      <c r="S3572">
        <v>0</v>
      </c>
      <c r="T3572">
        <v>0</v>
      </c>
      <c r="U3572">
        <v>0</v>
      </c>
      <c r="V3572">
        <v>0</v>
      </c>
      <c r="W3572">
        <v>0</v>
      </c>
      <c r="X3572">
        <v>0</v>
      </c>
      <c r="Y3572">
        <v>30</v>
      </c>
      <c r="Z3572">
        <v>17</v>
      </c>
      <c r="AA3572">
        <v>71</v>
      </c>
      <c r="AB3572">
        <v>56</v>
      </c>
      <c r="AC3572">
        <v>131</v>
      </c>
      <c r="AD3572">
        <v>31</v>
      </c>
      <c r="AE3572">
        <v>135</v>
      </c>
      <c r="AF3572">
        <v>0</v>
      </c>
      <c r="AG3572">
        <v>50000</v>
      </c>
      <c r="AH3572">
        <v>50000</v>
      </c>
      <c r="AI3572">
        <v>0</v>
      </c>
      <c r="AJ3572">
        <v>0</v>
      </c>
      <c r="AK3572" t="s">
        <v>6</v>
      </c>
      <c r="AL3572">
        <v>0</v>
      </c>
      <c r="AM3572">
        <v>0</v>
      </c>
      <c r="AN3572">
        <v>0</v>
      </c>
      <c r="AO3572">
        <v>0</v>
      </c>
      <c r="AP3572">
        <v>0</v>
      </c>
      <c r="AQ3572">
        <v>0</v>
      </c>
      <c r="AR3572">
        <v>0</v>
      </c>
      <c r="AS3572">
        <v>0</v>
      </c>
      <c r="AT3572">
        <v>0</v>
      </c>
      <c r="AU3572">
        <v>0</v>
      </c>
      <c r="AV3572">
        <v>0</v>
      </c>
      <c r="AW3572">
        <v>0</v>
      </c>
      <c r="AX3572">
        <v>0</v>
      </c>
      <c r="AY3572">
        <v>0</v>
      </c>
      <c r="AZ3572">
        <v>0</v>
      </c>
      <c r="BA3572">
        <v>0</v>
      </c>
    </row>
    <row r="3573" spans="1:53" x14ac:dyDescent="0.4">
      <c r="A3573">
        <v>3617</v>
      </c>
      <c r="B3573" s="1">
        <v>44048</v>
      </c>
      <c r="C3573">
        <v>2</v>
      </c>
      <c r="D3573" s="1">
        <v>44048.410416666666</v>
      </c>
      <c r="E3573" s="1">
        <v>44048.734722222223</v>
      </c>
      <c r="F3573">
        <v>17450</v>
      </c>
      <c r="G3573">
        <v>1760</v>
      </c>
      <c r="H3573">
        <v>0</v>
      </c>
      <c r="I3573">
        <v>0</v>
      </c>
      <c r="J3573">
        <v>0</v>
      </c>
      <c r="K3573">
        <v>0</v>
      </c>
      <c r="L3573">
        <v>0</v>
      </c>
      <c r="M3573">
        <v>1921</v>
      </c>
      <c r="N3573">
        <v>0</v>
      </c>
      <c r="O3573">
        <v>0</v>
      </c>
      <c r="P3573">
        <v>11550</v>
      </c>
      <c r="Q3573">
        <v>0</v>
      </c>
      <c r="R3573">
        <v>32681</v>
      </c>
      <c r="S3573">
        <v>0</v>
      </c>
      <c r="T3573">
        <v>0</v>
      </c>
      <c r="U3573">
        <v>0</v>
      </c>
      <c r="V3573">
        <v>1</v>
      </c>
      <c r="W3573">
        <v>0</v>
      </c>
      <c r="X3573">
        <v>0</v>
      </c>
      <c r="Y3573">
        <v>51</v>
      </c>
      <c r="Z3573">
        <v>24</v>
      </c>
      <c r="AA3573">
        <v>46</v>
      </c>
      <c r="AB3573">
        <v>48</v>
      </c>
      <c r="AC3573">
        <v>118</v>
      </c>
      <c r="AD3573">
        <v>27</v>
      </c>
      <c r="AE3573">
        <v>156</v>
      </c>
      <c r="AF3573">
        <v>1210</v>
      </c>
      <c r="AG3573">
        <v>82681</v>
      </c>
      <c r="AH3573">
        <v>50000</v>
      </c>
      <c r="AI3573">
        <v>0</v>
      </c>
      <c r="AJ3573">
        <v>97</v>
      </c>
      <c r="AK3573" t="s">
        <v>33</v>
      </c>
      <c r="AL3573">
        <v>0</v>
      </c>
      <c r="AM3573">
        <v>0</v>
      </c>
      <c r="AN3573">
        <v>0</v>
      </c>
      <c r="AO3573">
        <v>0</v>
      </c>
      <c r="AP3573">
        <v>0</v>
      </c>
      <c r="AQ3573">
        <v>0</v>
      </c>
      <c r="AR3573">
        <v>0</v>
      </c>
      <c r="AS3573">
        <v>0</v>
      </c>
      <c r="AT3573">
        <v>0</v>
      </c>
      <c r="AU3573">
        <v>0</v>
      </c>
      <c r="AV3573">
        <v>0</v>
      </c>
      <c r="AW3573">
        <v>0</v>
      </c>
      <c r="AX3573">
        <v>440</v>
      </c>
      <c r="AY3573">
        <v>26</v>
      </c>
      <c r="AZ3573">
        <v>49</v>
      </c>
      <c r="BA3573">
        <v>4009</v>
      </c>
    </row>
    <row r="3574" spans="1:53" x14ac:dyDescent="0.4">
      <c r="A3574">
        <v>3618</v>
      </c>
      <c r="B3574" s="1">
        <v>44049</v>
      </c>
      <c r="C3574">
        <v>1</v>
      </c>
      <c r="D3574" s="1">
        <v>44049.291666666664</v>
      </c>
      <c r="E3574" s="1">
        <v>44049.413194444445</v>
      </c>
      <c r="F3574">
        <v>0</v>
      </c>
      <c r="G3574">
        <v>0</v>
      </c>
      <c r="H3574">
        <v>0</v>
      </c>
      <c r="I3574">
        <v>0</v>
      </c>
      <c r="J3574">
        <v>0</v>
      </c>
      <c r="K3574">
        <v>0</v>
      </c>
      <c r="L3574">
        <v>0</v>
      </c>
      <c r="M3574">
        <v>0</v>
      </c>
      <c r="N3574">
        <v>0</v>
      </c>
      <c r="O3574">
        <v>0</v>
      </c>
      <c r="P3574">
        <v>0</v>
      </c>
      <c r="Q3574">
        <v>0</v>
      </c>
      <c r="R3574">
        <v>0</v>
      </c>
      <c r="S3574">
        <v>0</v>
      </c>
      <c r="T3574">
        <v>0</v>
      </c>
      <c r="U3574">
        <v>0</v>
      </c>
      <c r="V3574">
        <v>0</v>
      </c>
      <c r="W3574">
        <v>0</v>
      </c>
      <c r="X3574">
        <v>0</v>
      </c>
      <c r="Y3574">
        <v>32</v>
      </c>
      <c r="Z3574">
        <v>9</v>
      </c>
      <c r="AA3574">
        <v>97</v>
      </c>
      <c r="AB3574">
        <v>44</v>
      </c>
      <c r="AC3574">
        <v>110</v>
      </c>
      <c r="AD3574">
        <v>68</v>
      </c>
      <c r="AE3574">
        <v>110</v>
      </c>
      <c r="AF3574">
        <v>0</v>
      </c>
      <c r="AG3574">
        <v>49950</v>
      </c>
      <c r="AH3574">
        <v>50000</v>
      </c>
      <c r="AI3574">
        <v>-50</v>
      </c>
      <c r="AJ3574">
        <v>0</v>
      </c>
      <c r="AK3574" t="s">
        <v>6</v>
      </c>
      <c r="AL3574">
        <v>0</v>
      </c>
      <c r="AM3574">
        <v>0</v>
      </c>
      <c r="AN3574">
        <v>0</v>
      </c>
      <c r="AO3574">
        <v>0</v>
      </c>
      <c r="AP3574">
        <v>0</v>
      </c>
      <c r="AQ3574">
        <v>0</v>
      </c>
      <c r="AR3574">
        <v>0</v>
      </c>
      <c r="AS3574">
        <v>0</v>
      </c>
      <c r="AT3574">
        <v>0</v>
      </c>
      <c r="AU3574">
        <v>0</v>
      </c>
      <c r="AV3574">
        <v>0</v>
      </c>
      <c r="AW3574">
        <v>0</v>
      </c>
      <c r="AX3574">
        <v>0</v>
      </c>
      <c r="AY3574">
        <v>0</v>
      </c>
      <c r="AZ3574">
        <v>0</v>
      </c>
      <c r="BA3574">
        <v>0</v>
      </c>
    </row>
    <row r="3575" spans="1:53" x14ac:dyDescent="0.4">
      <c r="A3575">
        <v>3619</v>
      </c>
      <c r="B3575" s="1">
        <v>44049</v>
      </c>
      <c r="C3575">
        <v>2</v>
      </c>
      <c r="D3575" s="1">
        <v>44049.413194444445</v>
      </c>
      <c r="E3575" s="1">
        <v>44049.734722222223</v>
      </c>
      <c r="F3575">
        <v>15100</v>
      </c>
      <c r="G3575">
        <v>0</v>
      </c>
      <c r="H3575">
        <v>30</v>
      </c>
      <c r="I3575">
        <v>0</v>
      </c>
      <c r="J3575">
        <v>0</v>
      </c>
      <c r="K3575">
        <v>0</v>
      </c>
      <c r="L3575">
        <v>0</v>
      </c>
      <c r="M3575">
        <v>1513</v>
      </c>
      <c r="N3575">
        <v>0</v>
      </c>
      <c r="O3575">
        <v>0</v>
      </c>
      <c r="P3575">
        <v>17380</v>
      </c>
      <c r="Q3575">
        <v>0</v>
      </c>
      <c r="R3575">
        <v>34023</v>
      </c>
      <c r="S3575">
        <v>0</v>
      </c>
      <c r="T3575">
        <v>0</v>
      </c>
      <c r="U3575">
        <v>0</v>
      </c>
      <c r="V3575">
        <v>1</v>
      </c>
      <c r="W3575">
        <v>2</v>
      </c>
      <c r="X3575">
        <v>0</v>
      </c>
      <c r="Y3575">
        <v>47</v>
      </c>
      <c r="Z3575">
        <v>14</v>
      </c>
      <c r="AA3575">
        <v>75</v>
      </c>
      <c r="AB3575">
        <v>29</v>
      </c>
      <c r="AC3575">
        <v>56</v>
      </c>
      <c r="AD3575">
        <v>67</v>
      </c>
      <c r="AE3575">
        <v>128</v>
      </c>
      <c r="AF3575">
        <v>0</v>
      </c>
      <c r="AG3575">
        <v>83973</v>
      </c>
      <c r="AH3575">
        <v>50000</v>
      </c>
      <c r="AI3575">
        <v>-50</v>
      </c>
      <c r="AJ3575">
        <v>97</v>
      </c>
      <c r="AK3575" t="s">
        <v>33</v>
      </c>
      <c r="AL3575">
        <v>0</v>
      </c>
      <c r="AM3575">
        <v>0</v>
      </c>
      <c r="AN3575">
        <v>0</v>
      </c>
      <c r="AO3575">
        <v>0</v>
      </c>
      <c r="AP3575">
        <v>0</v>
      </c>
      <c r="AQ3575">
        <v>0</v>
      </c>
      <c r="AR3575">
        <v>0</v>
      </c>
      <c r="AS3575">
        <v>0</v>
      </c>
      <c r="AT3575">
        <v>0</v>
      </c>
      <c r="AU3575">
        <v>0</v>
      </c>
      <c r="AV3575">
        <v>0</v>
      </c>
      <c r="AW3575">
        <v>0</v>
      </c>
      <c r="AX3575">
        <v>-2420</v>
      </c>
      <c r="AY3575">
        <v>28</v>
      </c>
      <c r="AZ3575">
        <v>54</v>
      </c>
      <c r="BA3575">
        <v>3329</v>
      </c>
    </row>
    <row r="3576" spans="1:53" x14ac:dyDescent="0.4">
      <c r="A3576">
        <v>3620</v>
      </c>
      <c r="B3576" s="1">
        <v>44049</v>
      </c>
      <c r="C3576">
        <v>3</v>
      </c>
      <c r="D3576" s="1">
        <v>44049.734722222223</v>
      </c>
      <c r="E3576" s="1">
        <v>44049.947222222225</v>
      </c>
      <c r="F3576">
        <v>20200</v>
      </c>
      <c r="G3576">
        <v>280</v>
      </c>
      <c r="H3576">
        <v>200</v>
      </c>
      <c r="I3576">
        <v>0</v>
      </c>
      <c r="J3576">
        <v>0</v>
      </c>
      <c r="K3576">
        <v>1100</v>
      </c>
      <c r="L3576">
        <v>0</v>
      </c>
      <c r="M3576">
        <v>2178</v>
      </c>
      <c r="N3576">
        <v>0</v>
      </c>
      <c r="O3576">
        <v>0</v>
      </c>
      <c r="P3576">
        <v>-17380</v>
      </c>
      <c r="Q3576">
        <v>0</v>
      </c>
      <c r="R3576">
        <v>6578</v>
      </c>
      <c r="S3576">
        <v>0</v>
      </c>
      <c r="T3576">
        <v>0</v>
      </c>
      <c r="U3576">
        <v>0</v>
      </c>
      <c r="V3576">
        <v>2</v>
      </c>
      <c r="W3576">
        <v>1</v>
      </c>
      <c r="X3576">
        <v>0</v>
      </c>
      <c r="Y3576">
        <v>48</v>
      </c>
      <c r="Z3576">
        <v>12</v>
      </c>
      <c r="AA3576">
        <v>74</v>
      </c>
      <c r="AB3576">
        <v>28</v>
      </c>
      <c r="AC3576">
        <v>55</v>
      </c>
      <c r="AD3576">
        <v>77</v>
      </c>
      <c r="AE3576">
        <v>128</v>
      </c>
      <c r="AF3576">
        <v>1738</v>
      </c>
      <c r="AG3576">
        <v>90601</v>
      </c>
      <c r="AH3576">
        <v>50000</v>
      </c>
      <c r="AI3576">
        <v>0</v>
      </c>
      <c r="AJ3576">
        <v>98</v>
      </c>
      <c r="AK3576" t="s">
        <v>35</v>
      </c>
      <c r="AL3576">
        <v>0</v>
      </c>
      <c r="AM3576">
        <v>0</v>
      </c>
      <c r="AN3576">
        <v>0</v>
      </c>
      <c r="AO3576">
        <v>0</v>
      </c>
      <c r="AP3576">
        <v>0</v>
      </c>
      <c r="AQ3576">
        <v>0</v>
      </c>
      <c r="AR3576">
        <v>0</v>
      </c>
      <c r="AS3576">
        <v>0</v>
      </c>
      <c r="AT3576">
        <v>0</v>
      </c>
      <c r="AU3576">
        <v>0</v>
      </c>
      <c r="AV3576">
        <v>0</v>
      </c>
      <c r="AW3576">
        <v>0</v>
      </c>
      <c r="AX3576">
        <v>0</v>
      </c>
      <c r="AY3576">
        <v>3</v>
      </c>
      <c r="AZ3576">
        <v>5</v>
      </c>
      <c r="BA3576">
        <v>1594</v>
      </c>
    </row>
    <row r="3577" spans="1:53" x14ac:dyDescent="0.4">
      <c r="A3577">
        <v>3621</v>
      </c>
      <c r="B3577" s="1">
        <v>44050</v>
      </c>
      <c r="C3577">
        <v>1</v>
      </c>
      <c r="D3577" s="1">
        <v>44050.291666666664</v>
      </c>
      <c r="E3577" s="1">
        <v>44050.405555555553</v>
      </c>
      <c r="F3577">
        <v>0</v>
      </c>
      <c r="G3577">
        <v>0</v>
      </c>
      <c r="H3577">
        <v>0</v>
      </c>
      <c r="I3577">
        <v>0</v>
      </c>
      <c r="J3577">
        <v>0</v>
      </c>
      <c r="K3577">
        <v>0</v>
      </c>
      <c r="L3577">
        <v>0</v>
      </c>
      <c r="M3577">
        <v>0</v>
      </c>
      <c r="N3577">
        <v>0</v>
      </c>
      <c r="O3577">
        <v>0</v>
      </c>
      <c r="P3577">
        <v>0</v>
      </c>
      <c r="Q3577">
        <v>0</v>
      </c>
      <c r="R3577">
        <v>0</v>
      </c>
      <c r="S3577">
        <v>0</v>
      </c>
      <c r="T3577">
        <v>0</v>
      </c>
      <c r="U3577">
        <v>0</v>
      </c>
      <c r="V3577">
        <v>0</v>
      </c>
      <c r="W3577">
        <v>0</v>
      </c>
      <c r="X3577">
        <v>0</v>
      </c>
      <c r="Y3577">
        <v>36</v>
      </c>
      <c r="Z3577">
        <v>9</v>
      </c>
      <c r="AA3577">
        <v>70</v>
      </c>
      <c r="AB3577">
        <v>30</v>
      </c>
      <c r="AC3577">
        <v>54</v>
      </c>
      <c r="AD3577">
        <v>67</v>
      </c>
      <c r="AE3577">
        <v>125</v>
      </c>
      <c r="AF3577">
        <v>0</v>
      </c>
      <c r="AG3577">
        <v>50000</v>
      </c>
      <c r="AH3577">
        <v>50000</v>
      </c>
      <c r="AI3577">
        <v>0</v>
      </c>
      <c r="AJ3577">
        <v>0</v>
      </c>
      <c r="AK3577" t="s">
        <v>6</v>
      </c>
      <c r="AL3577">
        <v>0</v>
      </c>
      <c r="AM3577">
        <v>0</v>
      </c>
      <c r="AN3577">
        <v>0</v>
      </c>
      <c r="AO3577">
        <v>0</v>
      </c>
      <c r="AP3577">
        <v>0</v>
      </c>
      <c r="AQ3577">
        <v>0</v>
      </c>
      <c r="AR3577">
        <v>0</v>
      </c>
      <c r="AS3577">
        <v>0</v>
      </c>
      <c r="AT3577">
        <v>0</v>
      </c>
      <c r="AU3577">
        <v>0</v>
      </c>
      <c r="AV3577">
        <v>0</v>
      </c>
      <c r="AW3577">
        <v>0</v>
      </c>
      <c r="AX3577">
        <v>0</v>
      </c>
      <c r="AY3577">
        <v>0</v>
      </c>
      <c r="AZ3577">
        <v>0</v>
      </c>
      <c r="BA3577">
        <v>0</v>
      </c>
    </row>
    <row r="3578" spans="1:53" x14ac:dyDescent="0.4">
      <c r="A3578">
        <v>3622</v>
      </c>
      <c r="B3578" s="1">
        <v>44050</v>
      </c>
      <c r="C3578">
        <v>2</v>
      </c>
      <c r="D3578" s="1">
        <v>44050.405555555553</v>
      </c>
      <c r="E3578" s="1">
        <v>44050.732638888891</v>
      </c>
      <c r="F3578">
        <v>21000</v>
      </c>
      <c r="G3578">
        <v>940</v>
      </c>
      <c r="H3578">
        <v>230</v>
      </c>
      <c r="I3578">
        <v>0</v>
      </c>
      <c r="J3578">
        <v>0</v>
      </c>
      <c r="K3578">
        <v>0</v>
      </c>
      <c r="L3578">
        <v>0</v>
      </c>
      <c r="M3578">
        <v>2217</v>
      </c>
      <c r="N3578">
        <v>0</v>
      </c>
      <c r="O3578">
        <v>0</v>
      </c>
      <c r="P3578">
        <v>10780</v>
      </c>
      <c r="Q3578">
        <v>0</v>
      </c>
      <c r="R3578">
        <v>35167</v>
      </c>
      <c r="S3578">
        <v>0</v>
      </c>
      <c r="T3578">
        <v>0</v>
      </c>
      <c r="U3578">
        <v>0</v>
      </c>
      <c r="V3578">
        <v>2</v>
      </c>
      <c r="W3578">
        <v>0</v>
      </c>
      <c r="X3578">
        <v>0</v>
      </c>
      <c r="Y3578">
        <v>47</v>
      </c>
      <c r="Z3578">
        <v>18</v>
      </c>
      <c r="AA3578">
        <v>62</v>
      </c>
      <c r="AB3578">
        <v>19</v>
      </c>
      <c r="AC3578">
        <v>52</v>
      </c>
      <c r="AD3578">
        <v>65</v>
      </c>
      <c r="AE3578">
        <v>127</v>
      </c>
      <c r="AF3578">
        <v>1045</v>
      </c>
      <c r="AG3578">
        <v>85167</v>
      </c>
      <c r="AH3578">
        <v>50000</v>
      </c>
      <c r="AI3578">
        <v>0</v>
      </c>
      <c r="AJ3578">
        <v>97</v>
      </c>
      <c r="AK3578" t="s">
        <v>33</v>
      </c>
      <c r="AL3578">
        <v>0</v>
      </c>
      <c r="AM3578">
        <v>0</v>
      </c>
      <c r="AN3578">
        <v>0</v>
      </c>
      <c r="AO3578">
        <v>0</v>
      </c>
      <c r="AP3578">
        <v>0</v>
      </c>
      <c r="AQ3578">
        <v>0</v>
      </c>
      <c r="AR3578">
        <v>0</v>
      </c>
      <c r="AS3578">
        <v>0</v>
      </c>
      <c r="AT3578">
        <v>0</v>
      </c>
      <c r="AU3578">
        <v>0</v>
      </c>
      <c r="AV3578">
        <v>0</v>
      </c>
      <c r="AW3578">
        <v>0</v>
      </c>
      <c r="AX3578">
        <v>308</v>
      </c>
      <c r="AY3578">
        <v>30</v>
      </c>
      <c r="AZ3578">
        <v>52</v>
      </c>
      <c r="BA3578">
        <v>4143</v>
      </c>
    </row>
    <row r="3579" spans="1:53" x14ac:dyDescent="0.4">
      <c r="A3579">
        <v>3623</v>
      </c>
      <c r="B3579" s="1">
        <v>44050</v>
      </c>
      <c r="C3579">
        <v>3</v>
      </c>
      <c r="D3579" s="1">
        <v>44050.732638888891</v>
      </c>
      <c r="E3579" s="1">
        <v>44050.988888888889</v>
      </c>
      <c r="F3579">
        <v>22450</v>
      </c>
      <c r="G3579">
        <v>280</v>
      </c>
      <c r="H3579">
        <v>60</v>
      </c>
      <c r="I3579">
        <v>0</v>
      </c>
      <c r="J3579">
        <v>0</v>
      </c>
      <c r="K3579">
        <v>0</v>
      </c>
      <c r="L3579">
        <v>0</v>
      </c>
      <c r="M3579">
        <v>2279</v>
      </c>
      <c r="N3579">
        <v>0</v>
      </c>
      <c r="O3579">
        <v>0</v>
      </c>
      <c r="P3579">
        <v>-10780</v>
      </c>
      <c r="Q3579">
        <v>0</v>
      </c>
      <c r="R3579">
        <v>14289</v>
      </c>
      <c r="S3579">
        <v>0</v>
      </c>
      <c r="T3579">
        <v>0</v>
      </c>
      <c r="U3579">
        <v>0</v>
      </c>
      <c r="V3579">
        <v>3</v>
      </c>
      <c r="W3579">
        <v>1</v>
      </c>
      <c r="X3579">
        <v>0</v>
      </c>
      <c r="Y3579">
        <v>47</v>
      </c>
      <c r="Z3579">
        <v>19</v>
      </c>
      <c r="AA3579">
        <v>51</v>
      </c>
      <c r="AB3579">
        <v>17</v>
      </c>
      <c r="AC3579">
        <v>51</v>
      </c>
      <c r="AD3579">
        <v>63</v>
      </c>
      <c r="AE3579">
        <v>136</v>
      </c>
      <c r="AF3579">
        <v>1045</v>
      </c>
      <c r="AG3579">
        <v>99456</v>
      </c>
      <c r="AH3579">
        <v>50000</v>
      </c>
      <c r="AI3579">
        <v>0</v>
      </c>
      <c r="AJ3579">
        <v>108</v>
      </c>
      <c r="AK3579" t="s">
        <v>30</v>
      </c>
      <c r="AL3579">
        <v>0</v>
      </c>
      <c r="AM3579">
        <v>0</v>
      </c>
      <c r="AN3579">
        <v>0</v>
      </c>
      <c r="AO3579">
        <v>0</v>
      </c>
      <c r="AP3579">
        <v>0</v>
      </c>
      <c r="AQ3579">
        <v>0</v>
      </c>
      <c r="AR3579">
        <v>0</v>
      </c>
      <c r="AS3579">
        <v>0</v>
      </c>
      <c r="AT3579">
        <v>0</v>
      </c>
      <c r="AU3579">
        <v>0</v>
      </c>
      <c r="AV3579">
        <v>0</v>
      </c>
      <c r="AW3579">
        <v>0</v>
      </c>
      <c r="AX3579">
        <v>9889</v>
      </c>
      <c r="AY3579">
        <v>7</v>
      </c>
      <c r="AZ3579">
        <v>16</v>
      </c>
      <c r="BA3579">
        <v>1658</v>
      </c>
    </row>
    <row r="3580" spans="1:53" x14ac:dyDescent="0.4">
      <c r="A3580">
        <v>3624</v>
      </c>
      <c r="B3580" s="1">
        <v>44051</v>
      </c>
      <c r="C3580">
        <v>1</v>
      </c>
      <c r="D3580" s="1">
        <v>44051.291666666664</v>
      </c>
      <c r="E3580" s="1">
        <v>44051.397916666669</v>
      </c>
      <c r="F3580">
        <v>0</v>
      </c>
      <c r="G3580">
        <v>0</v>
      </c>
      <c r="H3580">
        <v>0</v>
      </c>
      <c r="I3580">
        <v>0</v>
      </c>
      <c r="J3580">
        <v>0</v>
      </c>
      <c r="K3580">
        <v>0</v>
      </c>
      <c r="L3580">
        <v>0</v>
      </c>
      <c r="M3580">
        <v>0</v>
      </c>
      <c r="N3580">
        <v>0</v>
      </c>
      <c r="O3580">
        <v>0</v>
      </c>
      <c r="P3580">
        <v>0</v>
      </c>
      <c r="Q3580">
        <v>0</v>
      </c>
      <c r="R3580">
        <v>0</v>
      </c>
      <c r="S3580">
        <v>0</v>
      </c>
      <c r="T3580">
        <v>0</v>
      </c>
      <c r="U3580">
        <v>0</v>
      </c>
      <c r="V3580">
        <v>0</v>
      </c>
      <c r="W3580">
        <v>0</v>
      </c>
      <c r="X3580">
        <v>0</v>
      </c>
      <c r="Y3580">
        <v>36</v>
      </c>
      <c r="Z3580">
        <v>9</v>
      </c>
      <c r="AA3580">
        <v>50</v>
      </c>
      <c r="AB3580">
        <v>61</v>
      </c>
      <c r="AC3580">
        <v>100</v>
      </c>
      <c r="AD3580">
        <v>62</v>
      </c>
      <c r="AE3580">
        <v>140</v>
      </c>
      <c r="AF3580">
        <v>0</v>
      </c>
      <c r="AG3580">
        <v>50000</v>
      </c>
      <c r="AH3580">
        <v>50000</v>
      </c>
      <c r="AI3580">
        <v>0</v>
      </c>
      <c r="AJ3580">
        <v>0</v>
      </c>
      <c r="AK3580" t="s">
        <v>6</v>
      </c>
      <c r="AL3580">
        <v>0</v>
      </c>
      <c r="AM3580">
        <v>0</v>
      </c>
      <c r="AN3580">
        <v>0</v>
      </c>
      <c r="AO3580">
        <v>0</v>
      </c>
      <c r="AP3580">
        <v>0</v>
      </c>
      <c r="AQ3580">
        <v>0</v>
      </c>
      <c r="AR3580">
        <v>0</v>
      </c>
      <c r="AS3580">
        <v>0</v>
      </c>
      <c r="AT3580">
        <v>0</v>
      </c>
      <c r="AU3580">
        <v>0</v>
      </c>
      <c r="AV3580">
        <v>0</v>
      </c>
      <c r="AW3580">
        <v>0</v>
      </c>
      <c r="AX3580">
        <v>0</v>
      </c>
      <c r="AY3580">
        <v>0</v>
      </c>
      <c r="AZ3580">
        <v>0</v>
      </c>
      <c r="BA3580">
        <v>0</v>
      </c>
    </row>
    <row r="3581" spans="1:53" x14ac:dyDescent="0.4">
      <c r="A3581">
        <v>3625</v>
      </c>
      <c r="B3581" s="1">
        <v>44051</v>
      </c>
      <c r="C3581">
        <v>2</v>
      </c>
      <c r="D3581" s="1">
        <v>44051.397916666669</v>
      </c>
      <c r="E3581" s="1">
        <v>44051.724305555559</v>
      </c>
      <c r="F3581">
        <v>16150</v>
      </c>
      <c r="G3581">
        <v>1920</v>
      </c>
      <c r="H3581">
        <v>30</v>
      </c>
      <c r="I3581">
        <v>0</v>
      </c>
      <c r="J3581">
        <v>100</v>
      </c>
      <c r="K3581">
        <v>0</v>
      </c>
      <c r="L3581">
        <v>0</v>
      </c>
      <c r="M3581">
        <v>1800</v>
      </c>
      <c r="N3581">
        <v>0</v>
      </c>
      <c r="O3581">
        <v>0</v>
      </c>
      <c r="P3581">
        <v>22220</v>
      </c>
      <c r="Q3581">
        <v>0</v>
      </c>
      <c r="R3581">
        <v>42020</v>
      </c>
      <c r="S3581">
        <v>0</v>
      </c>
      <c r="T3581">
        <v>0</v>
      </c>
      <c r="U3581">
        <v>0</v>
      </c>
      <c r="V3581">
        <v>2</v>
      </c>
      <c r="W3581">
        <v>0</v>
      </c>
      <c r="X3581">
        <v>0</v>
      </c>
      <c r="Y3581">
        <v>56</v>
      </c>
      <c r="Z3581">
        <v>13</v>
      </c>
      <c r="AA3581">
        <v>48</v>
      </c>
      <c r="AB3581">
        <v>52</v>
      </c>
      <c r="AC3581">
        <v>91</v>
      </c>
      <c r="AD3581">
        <v>68</v>
      </c>
      <c r="AE3581">
        <v>155</v>
      </c>
      <c r="AF3581">
        <v>715</v>
      </c>
      <c r="AG3581">
        <v>92020</v>
      </c>
      <c r="AH3581">
        <v>50000</v>
      </c>
      <c r="AI3581">
        <v>0</v>
      </c>
      <c r="AJ3581">
        <v>98</v>
      </c>
      <c r="AK3581" t="s">
        <v>35</v>
      </c>
      <c r="AL3581">
        <v>0</v>
      </c>
      <c r="AM3581">
        <v>0</v>
      </c>
      <c r="AN3581">
        <v>0</v>
      </c>
      <c r="AO3581">
        <v>0</v>
      </c>
      <c r="AP3581">
        <v>0</v>
      </c>
      <c r="AQ3581">
        <v>0</v>
      </c>
      <c r="AR3581">
        <v>0</v>
      </c>
      <c r="AS3581">
        <v>0</v>
      </c>
      <c r="AT3581">
        <v>0</v>
      </c>
      <c r="AU3581">
        <v>0</v>
      </c>
      <c r="AV3581">
        <v>0</v>
      </c>
      <c r="AW3581">
        <v>0</v>
      </c>
      <c r="AX3581">
        <v>0</v>
      </c>
      <c r="AY3581">
        <v>29</v>
      </c>
      <c r="AZ3581">
        <v>59</v>
      </c>
      <c r="BA3581">
        <v>4318</v>
      </c>
    </row>
    <row r="3582" spans="1:53" x14ac:dyDescent="0.4">
      <c r="A3582">
        <v>3626</v>
      </c>
      <c r="B3582" s="1">
        <v>44051</v>
      </c>
      <c r="C3582">
        <v>3</v>
      </c>
      <c r="D3582" s="1">
        <v>44051.724305555559</v>
      </c>
      <c r="E3582" s="1">
        <v>44052.017361111109</v>
      </c>
      <c r="F3582">
        <v>64700</v>
      </c>
      <c r="G3582">
        <v>0</v>
      </c>
      <c r="H3582">
        <v>0</v>
      </c>
      <c r="I3582">
        <v>0</v>
      </c>
      <c r="J3582">
        <v>0</v>
      </c>
      <c r="K3582">
        <v>1100</v>
      </c>
      <c r="L3582">
        <v>0</v>
      </c>
      <c r="M3582">
        <v>6580</v>
      </c>
      <c r="N3582">
        <v>0</v>
      </c>
      <c r="O3582">
        <v>0</v>
      </c>
      <c r="P3582">
        <v>-20680</v>
      </c>
      <c r="Q3582">
        <v>0</v>
      </c>
      <c r="R3582">
        <v>51700</v>
      </c>
      <c r="S3582">
        <v>0</v>
      </c>
      <c r="T3582">
        <v>0</v>
      </c>
      <c r="U3582">
        <v>0</v>
      </c>
      <c r="V3582">
        <v>5</v>
      </c>
      <c r="W3582">
        <v>2</v>
      </c>
      <c r="X3582">
        <v>0</v>
      </c>
      <c r="Y3582">
        <v>64</v>
      </c>
      <c r="Z3582">
        <v>12</v>
      </c>
      <c r="AA3582">
        <v>56</v>
      </c>
      <c r="AB3582">
        <v>56</v>
      </c>
      <c r="AC3582">
        <v>101</v>
      </c>
      <c r="AD3582">
        <v>67</v>
      </c>
      <c r="AE3582">
        <v>151</v>
      </c>
      <c r="AF3582">
        <v>3824</v>
      </c>
      <c r="AG3582">
        <v>143720</v>
      </c>
      <c r="AH3582">
        <v>50000</v>
      </c>
      <c r="AI3582">
        <v>0</v>
      </c>
      <c r="AJ3582">
        <v>107</v>
      </c>
      <c r="AK3582" t="s">
        <v>40</v>
      </c>
      <c r="AL3582">
        <v>0</v>
      </c>
      <c r="AM3582">
        <v>0</v>
      </c>
      <c r="AN3582">
        <v>0</v>
      </c>
      <c r="AO3582">
        <v>0</v>
      </c>
      <c r="AP3582">
        <v>0</v>
      </c>
      <c r="AQ3582">
        <v>0</v>
      </c>
      <c r="AR3582">
        <v>0</v>
      </c>
      <c r="AS3582">
        <v>0</v>
      </c>
      <c r="AT3582">
        <v>0</v>
      </c>
      <c r="AU3582">
        <v>0</v>
      </c>
      <c r="AV3582">
        <v>0</v>
      </c>
      <c r="AW3582">
        <v>0</v>
      </c>
      <c r="AX3582">
        <v>12958</v>
      </c>
      <c r="AY3582">
        <v>14</v>
      </c>
      <c r="AZ3582">
        <v>33</v>
      </c>
      <c r="BA3582">
        <v>2696</v>
      </c>
    </row>
    <row r="3583" spans="1:53" x14ac:dyDescent="0.4">
      <c r="A3583">
        <v>3627</v>
      </c>
      <c r="B3583" s="1">
        <v>44052</v>
      </c>
      <c r="C3583">
        <v>1</v>
      </c>
      <c r="D3583" s="1">
        <v>44052.291666666664</v>
      </c>
      <c r="E3583" s="1">
        <v>44052.392361111109</v>
      </c>
      <c r="F3583">
        <v>0</v>
      </c>
      <c r="G3583">
        <v>0</v>
      </c>
      <c r="H3583">
        <v>0</v>
      </c>
      <c r="I3583">
        <v>0</v>
      </c>
      <c r="J3583">
        <v>0</v>
      </c>
      <c r="K3583">
        <v>0</v>
      </c>
      <c r="L3583">
        <v>0</v>
      </c>
      <c r="M3583">
        <v>0</v>
      </c>
      <c r="N3583">
        <v>0</v>
      </c>
      <c r="O3583">
        <v>0</v>
      </c>
      <c r="P3583">
        <v>0</v>
      </c>
      <c r="Q3583">
        <v>0</v>
      </c>
      <c r="R3583">
        <v>0</v>
      </c>
      <c r="S3583">
        <v>0</v>
      </c>
      <c r="T3583">
        <v>0</v>
      </c>
      <c r="U3583">
        <v>0</v>
      </c>
      <c r="V3583">
        <v>0</v>
      </c>
      <c r="W3583">
        <v>0</v>
      </c>
      <c r="X3583">
        <v>0</v>
      </c>
      <c r="Y3583">
        <v>35</v>
      </c>
      <c r="Z3583">
        <v>9</v>
      </c>
      <c r="AA3583">
        <v>62</v>
      </c>
      <c r="AB3583">
        <v>57</v>
      </c>
      <c r="AC3583">
        <v>100</v>
      </c>
      <c r="AD3583">
        <v>66</v>
      </c>
      <c r="AE3583">
        <v>120</v>
      </c>
      <c r="AF3583">
        <v>0</v>
      </c>
      <c r="AG3583">
        <v>50000</v>
      </c>
      <c r="AH3583">
        <v>50000</v>
      </c>
      <c r="AI3583">
        <v>0</v>
      </c>
      <c r="AJ3583">
        <v>0</v>
      </c>
      <c r="AK3583" t="s">
        <v>6</v>
      </c>
      <c r="AL3583">
        <v>0</v>
      </c>
      <c r="AM3583">
        <v>0</v>
      </c>
      <c r="AN3583">
        <v>0</v>
      </c>
      <c r="AO3583">
        <v>0</v>
      </c>
      <c r="AP3583">
        <v>0</v>
      </c>
      <c r="AQ3583">
        <v>0</v>
      </c>
      <c r="AR3583">
        <v>0</v>
      </c>
      <c r="AS3583">
        <v>0</v>
      </c>
      <c r="AT3583">
        <v>0</v>
      </c>
      <c r="AU3583">
        <v>0</v>
      </c>
      <c r="AV3583">
        <v>0</v>
      </c>
      <c r="AW3583">
        <v>0</v>
      </c>
      <c r="AX3583">
        <v>0</v>
      </c>
      <c r="AY3583">
        <v>0</v>
      </c>
      <c r="AZ3583">
        <v>0</v>
      </c>
      <c r="BA3583">
        <v>0</v>
      </c>
    </row>
    <row r="3584" spans="1:53" x14ac:dyDescent="0.4">
      <c r="A3584">
        <v>3628</v>
      </c>
      <c r="B3584" s="1">
        <v>44052</v>
      </c>
      <c r="C3584">
        <v>2</v>
      </c>
      <c r="D3584" s="1">
        <v>44052.392361111109</v>
      </c>
      <c r="E3584" s="1">
        <v>44052.727083333331</v>
      </c>
      <c r="F3584">
        <v>21500</v>
      </c>
      <c r="G3584">
        <v>820</v>
      </c>
      <c r="H3584">
        <v>400</v>
      </c>
      <c r="I3584">
        <v>0</v>
      </c>
      <c r="J3584">
        <v>0</v>
      </c>
      <c r="K3584">
        <v>0</v>
      </c>
      <c r="L3584">
        <v>0</v>
      </c>
      <c r="M3584">
        <v>2272</v>
      </c>
      <c r="N3584">
        <v>0</v>
      </c>
      <c r="O3584">
        <v>0</v>
      </c>
      <c r="P3584">
        <v>16170</v>
      </c>
      <c r="Q3584">
        <v>0</v>
      </c>
      <c r="R3584">
        <v>41162</v>
      </c>
      <c r="S3584">
        <v>0</v>
      </c>
      <c r="T3584">
        <v>0</v>
      </c>
      <c r="U3584">
        <v>0</v>
      </c>
      <c r="V3584">
        <v>0</v>
      </c>
      <c r="W3584">
        <v>1</v>
      </c>
      <c r="X3584">
        <v>0</v>
      </c>
      <c r="Y3584">
        <v>62</v>
      </c>
      <c r="Z3584">
        <v>17</v>
      </c>
      <c r="AA3584">
        <v>75</v>
      </c>
      <c r="AB3584">
        <v>54</v>
      </c>
      <c r="AC3584">
        <v>111</v>
      </c>
      <c r="AD3584">
        <v>75</v>
      </c>
      <c r="AE3584">
        <v>127</v>
      </c>
      <c r="AF3584">
        <v>3850</v>
      </c>
      <c r="AG3584">
        <v>91162</v>
      </c>
      <c r="AH3584">
        <v>50000</v>
      </c>
      <c r="AI3584">
        <v>0</v>
      </c>
      <c r="AJ3584">
        <v>98</v>
      </c>
      <c r="AK3584" t="s">
        <v>35</v>
      </c>
      <c r="AL3584">
        <v>0</v>
      </c>
      <c r="AM3584">
        <v>0</v>
      </c>
      <c r="AN3584">
        <v>0</v>
      </c>
      <c r="AO3584">
        <v>0</v>
      </c>
      <c r="AP3584">
        <v>0</v>
      </c>
      <c r="AQ3584">
        <v>0</v>
      </c>
      <c r="AR3584">
        <v>0</v>
      </c>
      <c r="AS3584">
        <v>0</v>
      </c>
      <c r="AT3584">
        <v>0</v>
      </c>
      <c r="AU3584">
        <v>0</v>
      </c>
      <c r="AV3584">
        <v>0</v>
      </c>
      <c r="AW3584">
        <v>0</v>
      </c>
      <c r="AX3584">
        <v>1122</v>
      </c>
      <c r="AY3584">
        <v>27</v>
      </c>
      <c r="AZ3584">
        <v>61</v>
      </c>
      <c r="BA3584">
        <v>4010</v>
      </c>
    </row>
    <row r="3585" spans="1:53" x14ac:dyDescent="0.4">
      <c r="A3585">
        <v>3629</v>
      </c>
      <c r="B3585" s="1">
        <v>44053</v>
      </c>
      <c r="C3585">
        <v>1</v>
      </c>
      <c r="D3585" s="1">
        <v>44053.291666666664</v>
      </c>
      <c r="E3585" s="1">
        <v>44053.390277777777</v>
      </c>
      <c r="F3585">
        <v>0</v>
      </c>
      <c r="G3585">
        <v>0</v>
      </c>
      <c r="H3585">
        <v>0</v>
      </c>
      <c r="I3585">
        <v>0</v>
      </c>
      <c r="J3585">
        <v>0</v>
      </c>
      <c r="K3585">
        <v>0</v>
      </c>
      <c r="L3585">
        <v>0</v>
      </c>
      <c r="M3585">
        <v>0</v>
      </c>
      <c r="N3585">
        <v>0</v>
      </c>
      <c r="O3585">
        <v>0</v>
      </c>
      <c r="P3585">
        <v>0</v>
      </c>
      <c r="Q3585">
        <v>0</v>
      </c>
      <c r="R3585">
        <v>0</v>
      </c>
      <c r="S3585">
        <v>0</v>
      </c>
      <c r="T3585">
        <v>0</v>
      </c>
      <c r="U3585">
        <v>0</v>
      </c>
      <c r="V3585">
        <v>0</v>
      </c>
      <c r="W3585">
        <v>0</v>
      </c>
      <c r="X3585">
        <v>0</v>
      </c>
      <c r="Y3585">
        <v>32</v>
      </c>
      <c r="Z3585">
        <v>8</v>
      </c>
      <c r="AA3585">
        <v>96</v>
      </c>
      <c r="AB3585">
        <v>53</v>
      </c>
      <c r="AC3585">
        <v>128</v>
      </c>
      <c r="AD3585">
        <v>68</v>
      </c>
      <c r="AE3585">
        <v>130</v>
      </c>
      <c r="AF3585">
        <v>0</v>
      </c>
      <c r="AG3585">
        <v>50000</v>
      </c>
      <c r="AH3585">
        <v>50000</v>
      </c>
      <c r="AI3585">
        <v>0</v>
      </c>
      <c r="AJ3585">
        <v>0</v>
      </c>
      <c r="AK3585" t="s">
        <v>6</v>
      </c>
      <c r="AL3585">
        <v>0</v>
      </c>
      <c r="AM3585">
        <v>0</v>
      </c>
      <c r="AN3585">
        <v>0</v>
      </c>
      <c r="AO3585">
        <v>0</v>
      </c>
      <c r="AP3585">
        <v>0</v>
      </c>
      <c r="AQ3585">
        <v>0</v>
      </c>
      <c r="AR3585">
        <v>0</v>
      </c>
      <c r="AS3585">
        <v>0</v>
      </c>
      <c r="AT3585">
        <v>0</v>
      </c>
      <c r="AU3585">
        <v>0</v>
      </c>
      <c r="AV3585">
        <v>0</v>
      </c>
      <c r="AW3585">
        <v>0</v>
      </c>
      <c r="AX3585">
        <v>0</v>
      </c>
      <c r="AY3585">
        <v>0</v>
      </c>
      <c r="AZ3585">
        <v>0</v>
      </c>
      <c r="BA3585">
        <v>0</v>
      </c>
    </row>
    <row r="3586" spans="1:53" x14ac:dyDescent="0.4">
      <c r="A3586">
        <v>3630</v>
      </c>
      <c r="B3586" s="1">
        <v>44053</v>
      </c>
      <c r="C3586">
        <v>2</v>
      </c>
      <c r="D3586" s="1">
        <v>44053.390277777777</v>
      </c>
      <c r="E3586" s="1">
        <v>44053.740277777775</v>
      </c>
      <c r="F3586">
        <v>21500</v>
      </c>
      <c r="G3586">
        <v>540</v>
      </c>
      <c r="H3586">
        <v>60</v>
      </c>
      <c r="I3586">
        <v>0</v>
      </c>
      <c r="J3586">
        <v>0</v>
      </c>
      <c r="K3586">
        <v>0</v>
      </c>
      <c r="L3586">
        <v>0</v>
      </c>
      <c r="M3586">
        <v>2210</v>
      </c>
      <c r="N3586">
        <v>0</v>
      </c>
      <c r="O3586">
        <v>0</v>
      </c>
      <c r="P3586">
        <v>21835</v>
      </c>
      <c r="Q3586">
        <v>0</v>
      </c>
      <c r="R3586">
        <v>46145</v>
      </c>
      <c r="S3586">
        <v>0</v>
      </c>
      <c r="T3586">
        <v>0</v>
      </c>
      <c r="U3586">
        <v>0</v>
      </c>
      <c r="V3586">
        <v>4</v>
      </c>
      <c r="W3586">
        <v>0</v>
      </c>
      <c r="X3586">
        <v>0</v>
      </c>
      <c r="Y3586">
        <v>32</v>
      </c>
      <c r="Z3586">
        <v>23</v>
      </c>
      <c r="AA3586">
        <v>88</v>
      </c>
      <c r="AB3586">
        <v>44</v>
      </c>
      <c r="AC3586">
        <v>115</v>
      </c>
      <c r="AD3586">
        <v>67</v>
      </c>
      <c r="AE3586">
        <v>160</v>
      </c>
      <c r="AF3586">
        <v>0</v>
      </c>
      <c r="AG3586">
        <v>96145</v>
      </c>
      <c r="AH3586">
        <v>50000</v>
      </c>
      <c r="AI3586">
        <v>0</v>
      </c>
      <c r="AJ3586">
        <v>97</v>
      </c>
      <c r="AK3586" t="s">
        <v>33</v>
      </c>
      <c r="AL3586">
        <v>0</v>
      </c>
      <c r="AM3586">
        <v>0</v>
      </c>
      <c r="AN3586">
        <v>0</v>
      </c>
      <c r="AO3586">
        <v>0</v>
      </c>
      <c r="AP3586">
        <v>0</v>
      </c>
      <c r="AQ3586">
        <v>0</v>
      </c>
      <c r="AR3586">
        <v>0</v>
      </c>
      <c r="AS3586">
        <v>0</v>
      </c>
      <c r="AT3586">
        <v>0</v>
      </c>
      <c r="AU3586">
        <v>0</v>
      </c>
      <c r="AV3586">
        <v>0</v>
      </c>
      <c r="AW3586">
        <v>0</v>
      </c>
      <c r="AX3586">
        <v>-2420</v>
      </c>
      <c r="AY3586">
        <v>33</v>
      </c>
      <c r="AZ3586">
        <v>71</v>
      </c>
      <c r="BA3586">
        <v>4276</v>
      </c>
    </row>
    <row r="3587" spans="1:53" x14ac:dyDescent="0.4">
      <c r="A3587">
        <v>3631</v>
      </c>
      <c r="B3587" s="1">
        <v>44054</v>
      </c>
      <c r="C3587">
        <v>1</v>
      </c>
      <c r="D3587" s="1">
        <v>44054.291666666664</v>
      </c>
      <c r="E3587" s="1">
        <v>44054.409722222219</v>
      </c>
      <c r="F3587">
        <v>0</v>
      </c>
      <c r="G3587">
        <v>0</v>
      </c>
      <c r="H3587">
        <v>0</v>
      </c>
      <c r="I3587">
        <v>0</v>
      </c>
      <c r="J3587">
        <v>0</v>
      </c>
      <c r="K3587">
        <v>0</v>
      </c>
      <c r="L3587">
        <v>0</v>
      </c>
      <c r="M3587">
        <v>0</v>
      </c>
      <c r="N3587">
        <v>0</v>
      </c>
      <c r="O3587">
        <v>0</v>
      </c>
      <c r="P3587">
        <v>0</v>
      </c>
      <c r="Q3587">
        <v>0</v>
      </c>
      <c r="R3587">
        <v>0</v>
      </c>
      <c r="S3587">
        <v>0</v>
      </c>
      <c r="T3587">
        <v>0</v>
      </c>
      <c r="U3587">
        <v>0</v>
      </c>
      <c r="V3587">
        <v>0</v>
      </c>
      <c r="W3587">
        <v>1</v>
      </c>
      <c r="X3587">
        <v>0</v>
      </c>
      <c r="Y3587">
        <v>21</v>
      </c>
      <c r="Z3587">
        <v>23</v>
      </c>
      <c r="AA3587">
        <v>89</v>
      </c>
      <c r="AB3587">
        <v>40</v>
      </c>
      <c r="AC3587">
        <v>110</v>
      </c>
      <c r="AD3587">
        <v>67</v>
      </c>
      <c r="AE3587">
        <v>165</v>
      </c>
      <c r="AF3587">
        <v>0</v>
      </c>
      <c r="AG3587">
        <v>50000</v>
      </c>
      <c r="AH3587">
        <v>50000</v>
      </c>
      <c r="AI3587">
        <v>0</v>
      </c>
      <c r="AJ3587">
        <v>0</v>
      </c>
      <c r="AK3587" t="s">
        <v>6</v>
      </c>
      <c r="AL3587">
        <v>0</v>
      </c>
      <c r="AM3587">
        <v>0</v>
      </c>
      <c r="AN3587">
        <v>0</v>
      </c>
      <c r="AO3587">
        <v>0</v>
      </c>
      <c r="AP3587">
        <v>0</v>
      </c>
      <c r="AQ3587">
        <v>0</v>
      </c>
      <c r="AR3587">
        <v>0</v>
      </c>
      <c r="AS3587">
        <v>0</v>
      </c>
      <c r="AT3587">
        <v>0</v>
      </c>
      <c r="AU3587">
        <v>0</v>
      </c>
      <c r="AV3587">
        <v>0</v>
      </c>
      <c r="AW3587">
        <v>0</v>
      </c>
      <c r="AX3587">
        <v>0</v>
      </c>
      <c r="AY3587">
        <v>0</v>
      </c>
      <c r="AZ3587">
        <v>0</v>
      </c>
      <c r="BA3587">
        <v>0</v>
      </c>
    </row>
    <row r="3588" spans="1:53" x14ac:dyDescent="0.4">
      <c r="A3588">
        <v>3632</v>
      </c>
      <c r="B3588" s="1">
        <v>44054</v>
      </c>
      <c r="C3588">
        <v>2</v>
      </c>
      <c r="D3588" s="1">
        <v>44054.409722222219</v>
      </c>
      <c r="E3588" s="1">
        <v>44054.752083333333</v>
      </c>
      <c r="F3588">
        <v>25200</v>
      </c>
      <c r="G3588">
        <v>400</v>
      </c>
      <c r="H3588">
        <v>60</v>
      </c>
      <c r="I3588">
        <v>0</v>
      </c>
      <c r="J3588">
        <v>0</v>
      </c>
      <c r="K3588">
        <v>0</v>
      </c>
      <c r="L3588">
        <v>0</v>
      </c>
      <c r="M3588">
        <v>2566</v>
      </c>
      <c r="N3588">
        <v>0</v>
      </c>
      <c r="O3588">
        <v>0</v>
      </c>
      <c r="P3588">
        <v>7150</v>
      </c>
      <c r="Q3588">
        <v>0</v>
      </c>
      <c r="R3588">
        <v>35376</v>
      </c>
      <c r="S3588">
        <v>0</v>
      </c>
      <c r="T3588">
        <v>0</v>
      </c>
      <c r="U3588">
        <v>0</v>
      </c>
      <c r="V3588">
        <v>1</v>
      </c>
      <c r="W3588">
        <v>1</v>
      </c>
      <c r="X3588">
        <v>0</v>
      </c>
      <c r="Y3588">
        <v>47</v>
      </c>
      <c r="Z3588">
        <v>25</v>
      </c>
      <c r="AA3588">
        <v>73</v>
      </c>
      <c r="AB3588">
        <v>40</v>
      </c>
      <c r="AC3588">
        <v>104</v>
      </c>
      <c r="AD3588">
        <v>71</v>
      </c>
      <c r="AE3588">
        <v>181</v>
      </c>
      <c r="AF3588">
        <v>0</v>
      </c>
      <c r="AG3588">
        <v>85376</v>
      </c>
      <c r="AH3588">
        <v>50000</v>
      </c>
      <c r="AI3588">
        <v>0</v>
      </c>
      <c r="AJ3588">
        <v>107</v>
      </c>
      <c r="AK3588" t="s">
        <v>40</v>
      </c>
      <c r="AL3588">
        <v>0</v>
      </c>
      <c r="AM3588">
        <v>0</v>
      </c>
      <c r="AN3588">
        <v>0</v>
      </c>
      <c r="AO3588">
        <v>0</v>
      </c>
      <c r="AP3588">
        <v>0</v>
      </c>
      <c r="AQ3588">
        <v>0</v>
      </c>
      <c r="AR3588">
        <v>0</v>
      </c>
      <c r="AS3588">
        <v>0</v>
      </c>
      <c r="AT3588">
        <v>0</v>
      </c>
      <c r="AU3588">
        <v>0</v>
      </c>
      <c r="AV3588">
        <v>0</v>
      </c>
      <c r="AW3588">
        <v>0</v>
      </c>
      <c r="AX3588">
        <v>1210</v>
      </c>
      <c r="AY3588">
        <v>30</v>
      </c>
      <c r="AZ3588">
        <v>53</v>
      </c>
      <c r="BA3588">
        <v>4592</v>
      </c>
    </row>
    <row r="3589" spans="1:53" x14ac:dyDescent="0.4">
      <c r="A3589">
        <v>3633</v>
      </c>
      <c r="B3589" s="1">
        <v>44055</v>
      </c>
      <c r="C3589">
        <v>1</v>
      </c>
      <c r="D3589" s="1">
        <v>44055.291666666664</v>
      </c>
      <c r="E3589" s="1">
        <v>44055.42083333333</v>
      </c>
      <c r="F3589">
        <v>0</v>
      </c>
      <c r="G3589">
        <v>0</v>
      </c>
      <c r="H3589">
        <v>0</v>
      </c>
      <c r="I3589">
        <v>0</v>
      </c>
      <c r="J3589">
        <v>0</v>
      </c>
      <c r="K3589">
        <v>0</v>
      </c>
      <c r="L3589">
        <v>0</v>
      </c>
      <c r="M3589">
        <v>0</v>
      </c>
      <c r="N3589">
        <v>0</v>
      </c>
      <c r="O3589">
        <v>0</v>
      </c>
      <c r="P3589">
        <v>4895</v>
      </c>
      <c r="Q3589">
        <v>0</v>
      </c>
      <c r="R3589">
        <v>4895</v>
      </c>
      <c r="S3589">
        <v>0</v>
      </c>
      <c r="T3589">
        <v>0</v>
      </c>
      <c r="U3589">
        <v>0</v>
      </c>
      <c r="V3589">
        <v>0</v>
      </c>
      <c r="W3589">
        <v>0</v>
      </c>
      <c r="X3589">
        <v>0</v>
      </c>
      <c r="Y3589">
        <v>31</v>
      </c>
      <c r="Z3589">
        <v>18</v>
      </c>
      <c r="AA3589">
        <v>67</v>
      </c>
      <c r="AB3589">
        <v>36</v>
      </c>
      <c r="AC3589">
        <v>97</v>
      </c>
      <c r="AD3589">
        <v>71</v>
      </c>
      <c r="AE3589">
        <v>175</v>
      </c>
      <c r="AF3589">
        <v>0</v>
      </c>
      <c r="AG3589">
        <v>50000</v>
      </c>
      <c r="AH3589">
        <v>50000</v>
      </c>
      <c r="AI3589">
        <v>-4895</v>
      </c>
      <c r="AJ3589">
        <v>84</v>
      </c>
      <c r="AK3589" t="s">
        <v>16</v>
      </c>
      <c r="AL3589">
        <v>0</v>
      </c>
      <c r="AM3589">
        <v>0</v>
      </c>
      <c r="AN3589">
        <v>0</v>
      </c>
      <c r="AO3589">
        <v>0</v>
      </c>
      <c r="AP3589">
        <v>0</v>
      </c>
      <c r="AQ3589">
        <v>0</v>
      </c>
      <c r="AR3589">
        <v>0</v>
      </c>
      <c r="AS3589">
        <v>0</v>
      </c>
      <c r="AT3589">
        <v>0</v>
      </c>
      <c r="AU3589">
        <v>0</v>
      </c>
      <c r="AV3589">
        <v>0</v>
      </c>
      <c r="AW3589">
        <v>0</v>
      </c>
      <c r="AX3589">
        <v>-4895</v>
      </c>
      <c r="AY3589">
        <v>4</v>
      </c>
      <c r="AZ3589">
        <v>6</v>
      </c>
      <c r="BA3589">
        <v>14</v>
      </c>
    </row>
    <row r="3590" spans="1:53" x14ac:dyDescent="0.4">
      <c r="A3590">
        <v>3634</v>
      </c>
      <c r="B3590" s="1">
        <v>44055</v>
      </c>
      <c r="C3590">
        <v>2</v>
      </c>
      <c r="D3590" s="1">
        <v>44055.42083333333</v>
      </c>
      <c r="E3590" s="1">
        <v>44055.743750000001</v>
      </c>
      <c r="F3590">
        <v>25750</v>
      </c>
      <c r="G3590">
        <v>540</v>
      </c>
      <c r="H3590">
        <v>200</v>
      </c>
      <c r="I3590">
        <v>0</v>
      </c>
      <c r="J3590">
        <v>0</v>
      </c>
      <c r="K3590">
        <v>0</v>
      </c>
      <c r="L3590">
        <v>0</v>
      </c>
      <c r="M3590">
        <v>2649</v>
      </c>
      <c r="N3590">
        <v>0</v>
      </c>
      <c r="O3590">
        <v>0</v>
      </c>
      <c r="P3590">
        <v>5720</v>
      </c>
      <c r="Q3590">
        <v>0</v>
      </c>
      <c r="R3590">
        <v>34859</v>
      </c>
      <c r="S3590">
        <v>0</v>
      </c>
      <c r="T3590">
        <v>0</v>
      </c>
      <c r="U3590">
        <v>0</v>
      </c>
      <c r="V3590">
        <v>1</v>
      </c>
      <c r="W3590">
        <v>0</v>
      </c>
      <c r="X3590">
        <v>0</v>
      </c>
      <c r="Y3590">
        <v>53</v>
      </c>
      <c r="Z3590">
        <v>27</v>
      </c>
      <c r="AA3590">
        <v>80</v>
      </c>
      <c r="AB3590">
        <v>37</v>
      </c>
      <c r="AC3590">
        <v>117</v>
      </c>
      <c r="AD3590">
        <v>81</v>
      </c>
      <c r="AE3590">
        <v>179</v>
      </c>
      <c r="AF3590">
        <v>1650</v>
      </c>
      <c r="AG3590">
        <v>89754</v>
      </c>
      <c r="AH3590">
        <v>50000</v>
      </c>
      <c r="AI3590">
        <v>0</v>
      </c>
      <c r="AJ3590">
        <v>84</v>
      </c>
      <c r="AK3590" t="s">
        <v>16</v>
      </c>
      <c r="AL3590">
        <v>0</v>
      </c>
      <c r="AM3590">
        <v>0</v>
      </c>
      <c r="AN3590">
        <v>0</v>
      </c>
      <c r="AO3590">
        <v>0</v>
      </c>
      <c r="AP3590">
        <v>0</v>
      </c>
      <c r="AQ3590">
        <v>0</v>
      </c>
      <c r="AR3590">
        <v>0</v>
      </c>
      <c r="AS3590">
        <v>0</v>
      </c>
      <c r="AT3590">
        <v>0</v>
      </c>
      <c r="AU3590">
        <v>0</v>
      </c>
      <c r="AV3590">
        <v>0</v>
      </c>
      <c r="AW3590">
        <v>0</v>
      </c>
      <c r="AX3590">
        <v>-825</v>
      </c>
      <c r="AY3590">
        <v>28</v>
      </c>
      <c r="AZ3590">
        <v>56</v>
      </c>
      <c r="BA3590">
        <v>5017</v>
      </c>
    </row>
    <row r="3591" spans="1:53" x14ac:dyDescent="0.4">
      <c r="A3591">
        <v>3635</v>
      </c>
      <c r="B3591" s="1">
        <v>44055</v>
      </c>
      <c r="C3591">
        <v>3</v>
      </c>
      <c r="D3591" s="1">
        <v>44055.743750000001</v>
      </c>
      <c r="E3591" s="1">
        <v>44055.95</v>
      </c>
      <c r="F3591">
        <v>14450</v>
      </c>
      <c r="G3591">
        <v>0</v>
      </c>
      <c r="H3591">
        <v>0</v>
      </c>
      <c r="I3591">
        <v>0</v>
      </c>
      <c r="J3591">
        <v>100</v>
      </c>
      <c r="K3591">
        <v>0</v>
      </c>
      <c r="L3591">
        <v>0</v>
      </c>
      <c r="M3591">
        <v>1435</v>
      </c>
      <c r="N3591">
        <v>0</v>
      </c>
      <c r="O3591">
        <v>0</v>
      </c>
      <c r="P3591">
        <v>-10615</v>
      </c>
      <c r="Q3591">
        <v>0</v>
      </c>
      <c r="R3591">
        <v>5170</v>
      </c>
      <c r="S3591">
        <v>0</v>
      </c>
      <c r="T3591">
        <v>0</v>
      </c>
      <c r="U3591">
        <v>0</v>
      </c>
      <c r="V3591">
        <v>1</v>
      </c>
      <c r="W3591">
        <v>0</v>
      </c>
      <c r="X3591">
        <v>0</v>
      </c>
      <c r="Y3591">
        <v>59</v>
      </c>
      <c r="Z3591">
        <v>26</v>
      </c>
      <c r="AA3591">
        <v>77</v>
      </c>
      <c r="AB3591">
        <v>37</v>
      </c>
      <c r="AC3591">
        <v>114</v>
      </c>
      <c r="AD3591">
        <v>81</v>
      </c>
      <c r="AE3591">
        <v>179</v>
      </c>
      <c r="AF3591">
        <v>1650</v>
      </c>
      <c r="AG3591">
        <v>94924</v>
      </c>
      <c r="AH3591">
        <v>50000</v>
      </c>
      <c r="AI3591">
        <v>0</v>
      </c>
      <c r="AJ3591">
        <v>98</v>
      </c>
      <c r="AK3591" t="s">
        <v>35</v>
      </c>
      <c r="AL3591">
        <v>0</v>
      </c>
      <c r="AM3591">
        <v>0</v>
      </c>
      <c r="AN3591">
        <v>0</v>
      </c>
      <c r="AO3591">
        <v>0</v>
      </c>
      <c r="AP3591">
        <v>0</v>
      </c>
      <c r="AQ3591">
        <v>0</v>
      </c>
      <c r="AR3591">
        <v>0</v>
      </c>
      <c r="AS3591">
        <v>0</v>
      </c>
      <c r="AT3591">
        <v>0</v>
      </c>
      <c r="AU3591">
        <v>0</v>
      </c>
      <c r="AV3591">
        <v>0</v>
      </c>
      <c r="AW3591">
        <v>0</v>
      </c>
      <c r="AX3591">
        <v>0</v>
      </c>
      <c r="AY3591">
        <v>2</v>
      </c>
      <c r="AZ3591">
        <v>4</v>
      </c>
      <c r="BA3591">
        <v>596</v>
      </c>
    </row>
    <row r="3592" spans="1:53" x14ac:dyDescent="0.4">
      <c r="A3592">
        <v>3636</v>
      </c>
      <c r="B3592" s="1">
        <v>44056</v>
      </c>
      <c r="C3592">
        <v>1</v>
      </c>
      <c r="D3592" s="1">
        <v>44056.291666666664</v>
      </c>
      <c r="E3592" s="1">
        <v>44056.40625</v>
      </c>
      <c r="F3592">
        <v>0</v>
      </c>
      <c r="G3592">
        <v>0</v>
      </c>
      <c r="H3592">
        <v>0</v>
      </c>
      <c r="I3592">
        <v>0</v>
      </c>
      <c r="J3592">
        <v>0</v>
      </c>
      <c r="K3592">
        <v>0</v>
      </c>
      <c r="L3592">
        <v>0</v>
      </c>
      <c r="M3592">
        <v>0</v>
      </c>
      <c r="N3592">
        <v>0</v>
      </c>
      <c r="O3592">
        <v>0</v>
      </c>
      <c r="P3592">
        <v>0</v>
      </c>
      <c r="Q3592">
        <v>0</v>
      </c>
      <c r="R3592">
        <v>0</v>
      </c>
      <c r="S3592">
        <v>0</v>
      </c>
      <c r="T3592">
        <v>0</v>
      </c>
      <c r="U3592">
        <v>0</v>
      </c>
      <c r="V3592">
        <v>0</v>
      </c>
      <c r="W3592">
        <v>0</v>
      </c>
      <c r="X3592">
        <v>0</v>
      </c>
      <c r="Y3592">
        <v>34</v>
      </c>
      <c r="Z3592">
        <v>9</v>
      </c>
      <c r="AA3592">
        <v>81</v>
      </c>
      <c r="AB3592">
        <v>34</v>
      </c>
      <c r="AC3592">
        <v>112</v>
      </c>
      <c r="AD3592">
        <v>81</v>
      </c>
      <c r="AE3592">
        <v>175</v>
      </c>
      <c r="AF3592">
        <v>0</v>
      </c>
      <c r="AG3592">
        <v>50000</v>
      </c>
      <c r="AH3592">
        <v>50000</v>
      </c>
      <c r="AI3592">
        <v>0</v>
      </c>
      <c r="AJ3592">
        <v>0</v>
      </c>
      <c r="AK3592" t="s">
        <v>6</v>
      </c>
      <c r="AL3592">
        <v>0</v>
      </c>
      <c r="AM3592">
        <v>0</v>
      </c>
      <c r="AN3592">
        <v>0</v>
      </c>
      <c r="AO3592">
        <v>0</v>
      </c>
      <c r="AP3592">
        <v>0</v>
      </c>
      <c r="AQ3592">
        <v>0</v>
      </c>
      <c r="AR3592">
        <v>0</v>
      </c>
      <c r="AS3592">
        <v>0</v>
      </c>
      <c r="AT3592">
        <v>0</v>
      </c>
      <c r="AU3592">
        <v>0</v>
      </c>
      <c r="AV3592">
        <v>0</v>
      </c>
      <c r="AW3592">
        <v>0</v>
      </c>
      <c r="AX3592">
        <v>0</v>
      </c>
      <c r="AY3592">
        <v>0</v>
      </c>
      <c r="AZ3592">
        <v>0</v>
      </c>
      <c r="BA3592">
        <v>0</v>
      </c>
    </row>
    <row r="3593" spans="1:53" x14ac:dyDescent="0.4">
      <c r="A3593">
        <v>3637</v>
      </c>
      <c r="B3593" s="1">
        <v>44056</v>
      </c>
      <c r="C3593">
        <v>2</v>
      </c>
      <c r="D3593" s="1">
        <v>44056.40625</v>
      </c>
      <c r="E3593" s="1">
        <v>44056.742361111108</v>
      </c>
      <c r="F3593">
        <v>17300</v>
      </c>
      <c r="G3593">
        <v>840</v>
      </c>
      <c r="H3593">
        <v>200</v>
      </c>
      <c r="I3593">
        <v>0</v>
      </c>
      <c r="J3593">
        <v>0</v>
      </c>
      <c r="K3593">
        <v>750</v>
      </c>
      <c r="L3593">
        <v>0</v>
      </c>
      <c r="M3593">
        <v>1909</v>
      </c>
      <c r="N3593">
        <v>0</v>
      </c>
      <c r="O3593">
        <v>0</v>
      </c>
      <c r="P3593">
        <v>10890</v>
      </c>
      <c r="Q3593">
        <v>0</v>
      </c>
      <c r="R3593">
        <v>31889</v>
      </c>
      <c r="S3593">
        <v>0</v>
      </c>
      <c r="T3593">
        <v>0</v>
      </c>
      <c r="U3593">
        <v>0</v>
      </c>
      <c r="V3593">
        <v>0</v>
      </c>
      <c r="W3593">
        <v>3</v>
      </c>
      <c r="X3593">
        <v>0</v>
      </c>
      <c r="Y3593">
        <v>50</v>
      </c>
      <c r="Z3593">
        <v>11</v>
      </c>
      <c r="AA3593">
        <v>82</v>
      </c>
      <c r="AB3593">
        <v>31</v>
      </c>
      <c r="AC3593">
        <v>101</v>
      </c>
      <c r="AD3593">
        <v>88</v>
      </c>
      <c r="AE3593">
        <v>189</v>
      </c>
      <c r="AF3593">
        <v>0</v>
      </c>
      <c r="AG3593">
        <v>81889</v>
      </c>
      <c r="AH3593">
        <v>50000</v>
      </c>
      <c r="AI3593">
        <v>0</v>
      </c>
      <c r="AJ3593">
        <v>84</v>
      </c>
      <c r="AK3593" t="s">
        <v>16</v>
      </c>
      <c r="AL3593">
        <v>0</v>
      </c>
      <c r="AM3593">
        <v>0</v>
      </c>
      <c r="AN3593">
        <v>0</v>
      </c>
      <c r="AO3593">
        <v>0</v>
      </c>
      <c r="AP3593">
        <v>0</v>
      </c>
      <c r="AQ3593">
        <v>0</v>
      </c>
      <c r="AR3593">
        <v>0</v>
      </c>
      <c r="AS3593">
        <v>0</v>
      </c>
      <c r="AT3593">
        <v>0</v>
      </c>
      <c r="AU3593">
        <v>0</v>
      </c>
      <c r="AV3593">
        <v>0</v>
      </c>
      <c r="AW3593">
        <v>0</v>
      </c>
      <c r="AX3593">
        <v>0</v>
      </c>
      <c r="AY3593">
        <v>24</v>
      </c>
      <c r="AZ3593">
        <v>48</v>
      </c>
      <c r="BA3593">
        <v>3527</v>
      </c>
    </row>
    <row r="3594" spans="1:53" x14ac:dyDescent="0.4">
      <c r="A3594">
        <v>3638</v>
      </c>
      <c r="B3594" s="1">
        <v>44057</v>
      </c>
      <c r="C3594">
        <v>1</v>
      </c>
      <c r="D3594" s="1">
        <v>44057.291666666664</v>
      </c>
      <c r="E3594" s="1">
        <v>44057.422222222223</v>
      </c>
      <c r="F3594">
        <v>0</v>
      </c>
      <c r="G3594">
        <v>0</v>
      </c>
      <c r="H3594">
        <v>0</v>
      </c>
      <c r="I3594">
        <v>0</v>
      </c>
      <c r="J3594">
        <v>0</v>
      </c>
      <c r="K3594">
        <v>0</v>
      </c>
      <c r="L3594">
        <v>0</v>
      </c>
      <c r="M3594">
        <v>0</v>
      </c>
      <c r="N3594">
        <v>0</v>
      </c>
      <c r="O3594">
        <v>0</v>
      </c>
      <c r="P3594">
        <v>2035</v>
      </c>
      <c r="Q3594">
        <v>0</v>
      </c>
      <c r="R3594">
        <v>2035</v>
      </c>
      <c r="S3594">
        <v>0</v>
      </c>
      <c r="T3594">
        <v>0</v>
      </c>
      <c r="U3594">
        <v>0</v>
      </c>
      <c r="V3594">
        <v>0</v>
      </c>
      <c r="W3594">
        <v>0</v>
      </c>
      <c r="X3594">
        <v>0</v>
      </c>
      <c r="Y3594">
        <v>34</v>
      </c>
      <c r="Z3594">
        <v>5</v>
      </c>
      <c r="AA3594">
        <v>103</v>
      </c>
      <c r="AB3594">
        <v>32</v>
      </c>
      <c r="AC3594">
        <v>131</v>
      </c>
      <c r="AD3594">
        <v>30</v>
      </c>
      <c r="AE3594">
        <v>140</v>
      </c>
      <c r="AF3594">
        <v>0</v>
      </c>
      <c r="AG3594">
        <v>50000</v>
      </c>
      <c r="AH3594">
        <v>50000</v>
      </c>
      <c r="AI3594">
        <v>-2035</v>
      </c>
      <c r="AJ3594">
        <v>84</v>
      </c>
      <c r="AK3594" t="s">
        <v>16</v>
      </c>
      <c r="AL3594">
        <v>0</v>
      </c>
      <c r="AM3594">
        <v>0</v>
      </c>
      <c r="AN3594">
        <v>0</v>
      </c>
      <c r="AO3594">
        <v>0</v>
      </c>
      <c r="AP3594">
        <v>0</v>
      </c>
      <c r="AQ3594">
        <v>0</v>
      </c>
      <c r="AR3594">
        <v>0</v>
      </c>
      <c r="AS3594">
        <v>0</v>
      </c>
      <c r="AT3594">
        <v>0</v>
      </c>
      <c r="AU3594">
        <v>0</v>
      </c>
      <c r="AV3594">
        <v>0</v>
      </c>
      <c r="AW3594">
        <v>0</v>
      </c>
      <c r="AX3594">
        <v>-2035</v>
      </c>
      <c r="AY3594">
        <v>2</v>
      </c>
      <c r="AZ3594">
        <v>3</v>
      </c>
      <c r="BA3594">
        <v>13</v>
      </c>
    </row>
    <row r="3595" spans="1:53" x14ac:dyDescent="0.4">
      <c r="A3595">
        <v>3639</v>
      </c>
      <c r="B3595" s="1">
        <v>44057</v>
      </c>
      <c r="C3595">
        <v>2</v>
      </c>
      <c r="D3595" s="1">
        <v>44057.422222222223</v>
      </c>
      <c r="E3595" s="1">
        <v>44057.746527777781</v>
      </c>
      <c r="F3595">
        <v>34700</v>
      </c>
      <c r="G3595">
        <v>1620</v>
      </c>
      <c r="H3595">
        <v>0</v>
      </c>
      <c r="I3595">
        <v>0</v>
      </c>
      <c r="J3595">
        <v>0</v>
      </c>
      <c r="K3595">
        <v>0</v>
      </c>
      <c r="L3595">
        <v>0</v>
      </c>
      <c r="M3595">
        <v>3632</v>
      </c>
      <c r="N3595">
        <v>0</v>
      </c>
      <c r="O3595">
        <v>0</v>
      </c>
      <c r="P3595">
        <v>10725</v>
      </c>
      <c r="Q3595">
        <v>0</v>
      </c>
      <c r="R3595">
        <v>50677</v>
      </c>
      <c r="S3595">
        <v>0</v>
      </c>
      <c r="T3595">
        <v>0</v>
      </c>
      <c r="U3595">
        <v>0</v>
      </c>
      <c r="V3595">
        <v>3</v>
      </c>
      <c r="W3595">
        <v>0</v>
      </c>
      <c r="X3595">
        <v>0</v>
      </c>
      <c r="Y3595">
        <v>43</v>
      </c>
      <c r="Z3595">
        <v>18</v>
      </c>
      <c r="AA3595">
        <v>144</v>
      </c>
      <c r="AB3595">
        <v>30</v>
      </c>
      <c r="AC3595">
        <v>123</v>
      </c>
      <c r="AD3595">
        <v>36</v>
      </c>
      <c r="AE3595">
        <v>157</v>
      </c>
      <c r="AF3595">
        <v>3245</v>
      </c>
      <c r="AG3595">
        <v>102712</v>
      </c>
      <c r="AH3595">
        <v>50000</v>
      </c>
      <c r="AI3595">
        <v>0</v>
      </c>
      <c r="AJ3595">
        <v>84</v>
      </c>
      <c r="AK3595" t="s">
        <v>16</v>
      </c>
      <c r="AL3595">
        <v>0</v>
      </c>
      <c r="AM3595">
        <v>0</v>
      </c>
      <c r="AN3595">
        <v>0</v>
      </c>
      <c r="AO3595">
        <v>0</v>
      </c>
      <c r="AP3595">
        <v>0</v>
      </c>
      <c r="AQ3595">
        <v>0</v>
      </c>
      <c r="AR3595">
        <v>0</v>
      </c>
      <c r="AS3595">
        <v>0</v>
      </c>
      <c r="AT3595">
        <v>0</v>
      </c>
      <c r="AU3595">
        <v>0</v>
      </c>
      <c r="AV3595">
        <v>0</v>
      </c>
      <c r="AW3595">
        <v>0</v>
      </c>
      <c r="AX3595">
        <v>-2420</v>
      </c>
      <c r="AY3595">
        <v>33</v>
      </c>
      <c r="AZ3595">
        <v>74</v>
      </c>
      <c r="BA3595">
        <v>5545</v>
      </c>
    </row>
    <row r="3596" spans="1:53" x14ac:dyDescent="0.4">
      <c r="A3596">
        <v>3640</v>
      </c>
      <c r="B3596" s="1">
        <v>44057</v>
      </c>
      <c r="C3596">
        <v>3</v>
      </c>
      <c r="D3596" s="1">
        <v>44057.746527777781</v>
      </c>
      <c r="E3596" s="1">
        <v>44057.990972222222</v>
      </c>
      <c r="F3596">
        <v>25000</v>
      </c>
      <c r="G3596">
        <v>3880</v>
      </c>
      <c r="H3596">
        <v>60</v>
      </c>
      <c r="I3596">
        <v>0</v>
      </c>
      <c r="J3596">
        <v>0</v>
      </c>
      <c r="K3596">
        <v>750</v>
      </c>
      <c r="L3596">
        <v>0</v>
      </c>
      <c r="M3596">
        <v>2969</v>
      </c>
      <c r="N3596">
        <v>0</v>
      </c>
      <c r="O3596">
        <v>0</v>
      </c>
      <c r="P3596">
        <v>-2310</v>
      </c>
      <c r="Q3596">
        <v>0</v>
      </c>
      <c r="R3596">
        <v>30349</v>
      </c>
      <c r="S3596">
        <v>0</v>
      </c>
      <c r="T3596">
        <v>0</v>
      </c>
      <c r="U3596">
        <v>0</v>
      </c>
      <c r="V3596">
        <v>5</v>
      </c>
      <c r="W3596">
        <v>0</v>
      </c>
      <c r="X3596">
        <v>0</v>
      </c>
      <c r="Y3596">
        <v>52</v>
      </c>
      <c r="Z3596">
        <v>16</v>
      </c>
      <c r="AA3596">
        <v>140</v>
      </c>
      <c r="AB3596">
        <v>29</v>
      </c>
      <c r="AC3596">
        <v>117</v>
      </c>
      <c r="AD3596">
        <v>36</v>
      </c>
      <c r="AE3596">
        <v>156</v>
      </c>
      <c r="AF3596">
        <v>6105</v>
      </c>
      <c r="AG3596">
        <v>133061</v>
      </c>
      <c r="AH3596">
        <v>50000</v>
      </c>
      <c r="AI3596">
        <v>0</v>
      </c>
      <c r="AJ3596">
        <v>107</v>
      </c>
      <c r="AK3596" t="s">
        <v>40</v>
      </c>
      <c r="AL3596">
        <v>0</v>
      </c>
      <c r="AM3596">
        <v>0</v>
      </c>
      <c r="AN3596">
        <v>0</v>
      </c>
      <c r="AO3596">
        <v>0</v>
      </c>
      <c r="AP3596">
        <v>0</v>
      </c>
      <c r="AQ3596">
        <v>0</v>
      </c>
      <c r="AR3596">
        <v>0</v>
      </c>
      <c r="AS3596">
        <v>0</v>
      </c>
      <c r="AT3596">
        <v>0</v>
      </c>
      <c r="AU3596">
        <v>0</v>
      </c>
      <c r="AV3596">
        <v>0</v>
      </c>
      <c r="AW3596">
        <v>0</v>
      </c>
      <c r="AX3596">
        <v>-450</v>
      </c>
      <c r="AY3596">
        <v>8</v>
      </c>
      <c r="AZ3596">
        <v>20</v>
      </c>
      <c r="BA3596">
        <v>1351</v>
      </c>
    </row>
    <row r="3597" spans="1:53" x14ac:dyDescent="0.4">
      <c r="A3597">
        <v>3641</v>
      </c>
      <c r="B3597" s="1">
        <v>44058</v>
      </c>
      <c r="C3597">
        <v>1</v>
      </c>
      <c r="D3597" s="1">
        <v>44058.291666666664</v>
      </c>
      <c r="E3597" s="1">
        <v>44058.402777777781</v>
      </c>
      <c r="F3597">
        <v>0</v>
      </c>
      <c r="G3597">
        <v>0</v>
      </c>
      <c r="H3597">
        <v>0</v>
      </c>
      <c r="I3597">
        <v>0</v>
      </c>
      <c r="J3597">
        <v>0</v>
      </c>
      <c r="K3597">
        <v>0</v>
      </c>
      <c r="L3597">
        <v>0</v>
      </c>
      <c r="M3597">
        <v>0</v>
      </c>
      <c r="N3597">
        <v>0</v>
      </c>
      <c r="O3597">
        <v>0</v>
      </c>
      <c r="P3597">
        <v>0</v>
      </c>
      <c r="Q3597">
        <v>0</v>
      </c>
      <c r="R3597">
        <v>0</v>
      </c>
      <c r="S3597">
        <v>0</v>
      </c>
      <c r="T3597">
        <v>0</v>
      </c>
      <c r="U3597">
        <v>0</v>
      </c>
      <c r="V3597">
        <v>0</v>
      </c>
      <c r="W3597">
        <v>0</v>
      </c>
      <c r="X3597">
        <v>0</v>
      </c>
      <c r="Y3597">
        <v>29</v>
      </c>
      <c r="Z3597">
        <v>9</v>
      </c>
      <c r="AA3597">
        <v>138</v>
      </c>
      <c r="AB3597">
        <v>28</v>
      </c>
      <c r="AC3597">
        <v>104</v>
      </c>
      <c r="AD3597">
        <v>31</v>
      </c>
      <c r="AE3597">
        <v>105</v>
      </c>
      <c r="AF3597">
        <v>0</v>
      </c>
      <c r="AG3597">
        <v>50000</v>
      </c>
      <c r="AH3597">
        <v>50000</v>
      </c>
      <c r="AI3597">
        <v>0</v>
      </c>
      <c r="AJ3597">
        <v>0</v>
      </c>
      <c r="AK3597" t="s">
        <v>6</v>
      </c>
      <c r="AL3597">
        <v>0</v>
      </c>
      <c r="AM3597">
        <v>0</v>
      </c>
      <c r="AN3597">
        <v>0</v>
      </c>
      <c r="AO3597">
        <v>0</v>
      </c>
      <c r="AP3597">
        <v>0</v>
      </c>
      <c r="AQ3597">
        <v>0</v>
      </c>
      <c r="AR3597">
        <v>0</v>
      </c>
      <c r="AS3597">
        <v>0</v>
      </c>
      <c r="AT3597">
        <v>0</v>
      </c>
      <c r="AU3597">
        <v>0</v>
      </c>
      <c r="AV3597">
        <v>0</v>
      </c>
      <c r="AW3597">
        <v>0</v>
      </c>
      <c r="AX3597">
        <v>0</v>
      </c>
      <c r="AY3597">
        <v>0</v>
      </c>
      <c r="AZ3597">
        <v>0</v>
      </c>
      <c r="BA3597">
        <v>0</v>
      </c>
    </row>
    <row r="3598" spans="1:53" x14ac:dyDescent="0.4">
      <c r="A3598">
        <v>3642</v>
      </c>
      <c r="B3598" s="1">
        <v>44058</v>
      </c>
      <c r="C3598">
        <v>2</v>
      </c>
      <c r="D3598" s="1">
        <v>44058.402777777781</v>
      </c>
      <c r="E3598" s="1">
        <v>44058.744444444441</v>
      </c>
      <c r="F3598">
        <v>28300</v>
      </c>
      <c r="G3598">
        <v>2660</v>
      </c>
      <c r="H3598">
        <v>0</v>
      </c>
      <c r="I3598">
        <v>0</v>
      </c>
      <c r="J3598">
        <v>0</v>
      </c>
      <c r="K3598">
        <v>0</v>
      </c>
      <c r="L3598">
        <v>0</v>
      </c>
      <c r="M3598">
        <v>3096</v>
      </c>
      <c r="N3598">
        <v>0</v>
      </c>
      <c r="O3598">
        <v>0</v>
      </c>
      <c r="P3598">
        <v>9295</v>
      </c>
      <c r="Q3598">
        <v>0</v>
      </c>
      <c r="R3598">
        <v>43351</v>
      </c>
      <c r="S3598">
        <v>0</v>
      </c>
      <c r="T3598">
        <v>0</v>
      </c>
      <c r="U3598">
        <v>0</v>
      </c>
      <c r="V3598">
        <v>2</v>
      </c>
      <c r="W3598">
        <v>1</v>
      </c>
      <c r="X3598">
        <v>0</v>
      </c>
      <c r="Y3598">
        <v>44</v>
      </c>
      <c r="Z3598">
        <v>20</v>
      </c>
      <c r="AA3598">
        <v>121</v>
      </c>
      <c r="AB3598">
        <v>21</v>
      </c>
      <c r="AC3598">
        <v>88</v>
      </c>
      <c r="AD3598">
        <v>41</v>
      </c>
      <c r="AE3598">
        <v>116</v>
      </c>
      <c r="AF3598">
        <v>0</v>
      </c>
      <c r="AG3598">
        <v>93351</v>
      </c>
      <c r="AH3598">
        <v>50000</v>
      </c>
      <c r="AI3598">
        <v>0</v>
      </c>
      <c r="AJ3598">
        <v>98</v>
      </c>
      <c r="AK3598" t="s">
        <v>35</v>
      </c>
      <c r="AL3598">
        <v>0</v>
      </c>
      <c r="AM3598">
        <v>0</v>
      </c>
      <c r="AN3598">
        <v>0</v>
      </c>
      <c r="AO3598">
        <v>0</v>
      </c>
      <c r="AP3598">
        <v>0</v>
      </c>
      <c r="AQ3598">
        <v>0</v>
      </c>
      <c r="AR3598">
        <v>0</v>
      </c>
      <c r="AS3598">
        <v>0</v>
      </c>
      <c r="AT3598">
        <v>0</v>
      </c>
      <c r="AU3598">
        <v>0</v>
      </c>
      <c r="AV3598">
        <v>0</v>
      </c>
      <c r="AW3598">
        <v>0</v>
      </c>
      <c r="AX3598">
        <v>-770</v>
      </c>
      <c r="AY3598">
        <v>30</v>
      </c>
      <c r="AZ3598">
        <v>63</v>
      </c>
      <c r="BA3598">
        <v>4730</v>
      </c>
    </row>
    <row r="3599" spans="1:53" x14ac:dyDescent="0.4">
      <c r="A3599">
        <v>3643</v>
      </c>
      <c r="B3599" s="1">
        <v>44059</v>
      </c>
      <c r="C3599">
        <v>1</v>
      </c>
      <c r="D3599" s="1">
        <v>44059.291666666664</v>
      </c>
      <c r="E3599" s="1">
        <v>44059.747916666667</v>
      </c>
      <c r="F3599">
        <v>27350</v>
      </c>
      <c r="G3599">
        <v>5440</v>
      </c>
      <c r="H3599">
        <v>200</v>
      </c>
      <c r="I3599">
        <v>0</v>
      </c>
      <c r="J3599">
        <v>0</v>
      </c>
      <c r="K3599">
        <v>0</v>
      </c>
      <c r="L3599">
        <v>0</v>
      </c>
      <c r="M3599">
        <v>3299</v>
      </c>
      <c r="N3599">
        <v>0</v>
      </c>
      <c r="O3599">
        <v>0</v>
      </c>
      <c r="P3599">
        <v>20020</v>
      </c>
      <c r="Q3599">
        <v>0</v>
      </c>
      <c r="R3599">
        <v>56309</v>
      </c>
      <c r="S3599">
        <v>0</v>
      </c>
      <c r="T3599">
        <v>0</v>
      </c>
      <c r="U3599">
        <v>0</v>
      </c>
      <c r="V3599">
        <v>3</v>
      </c>
      <c r="W3599">
        <v>0</v>
      </c>
      <c r="X3599">
        <v>0</v>
      </c>
      <c r="Y3599">
        <v>49</v>
      </c>
      <c r="Z3599">
        <v>24</v>
      </c>
      <c r="AA3599">
        <v>130</v>
      </c>
      <c r="AB3599">
        <v>16</v>
      </c>
      <c r="AC3599">
        <v>114</v>
      </c>
      <c r="AD3599">
        <v>45</v>
      </c>
      <c r="AE3599">
        <v>144</v>
      </c>
      <c r="AF3599">
        <v>0</v>
      </c>
      <c r="AG3599">
        <v>106309</v>
      </c>
      <c r="AH3599">
        <v>50000</v>
      </c>
      <c r="AI3599">
        <v>0</v>
      </c>
      <c r="AJ3599">
        <v>107</v>
      </c>
      <c r="AK3599" t="s">
        <v>40</v>
      </c>
      <c r="AL3599">
        <v>0</v>
      </c>
      <c r="AM3599">
        <v>0</v>
      </c>
      <c r="AN3599">
        <v>0</v>
      </c>
      <c r="AO3599">
        <v>0</v>
      </c>
      <c r="AP3599">
        <v>0</v>
      </c>
      <c r="AQ3599">
        <v>0</v>
      </c>
      <c r="AR3599">
        <v>0</v>
      </c>
      <c r="AS3599">
        <v>0</v>
      </c>
      <c r="AT3599">
        <v>0</v>
      </c>
      <c r="AU3599">
        <v>0</v>
      </c>
      <c r="AV3599">
        <v>0</v>
      </c>
      <c r="AW3599">
        <v>0</v>
      </c>
      <c r="AX3599">
        <v>-825</v>
      </c>
      <c r="AY3599">
        <v>35</v>
      </c>
      <c r="AZ3599">
        <v>77</v>
      </c>
      <c r="BA3599">
        <v>5226</v>
      </c>
    </row>
    <row r="3600" spans="1:53" x14ac:dyDescent="0.4">
      <c r="A3600">
        <v>3644</v>
      </c>
      <c r="B3600" s="1">
        <v>44060</v>
      </c>
      <c r="C3600">
        <v>1</v>
      </c>
      <c r="D3600" s="1">
        <v>44060.291666666664</v>
      </c>
      <c r="E3600" s="1">
        <v>44060.40902777778</v>
      </c>
      <c r="F3600">
        <v>0</v>
      </c>
      <c r="G3600">
        <v>0</v>
      </c>
      <c r="H3600">
        <v>0</v>
      </c>
      <c r="I3600">
        <v>0</v>
      </c>
      <c r="J3600">
        <v>0</v>
      </c>
      <c r="K3600">
        <v>0</v>
      </c>
      <c r="L3600">
        <v>0</v>
      </c>
      <c r="M3600">
        <v>0</v>
      </c>
      <c r="N3600">
        <v>0</v>
      </c>
      <c r="O3600">
        <v>0</v>
      </c>
      <c r="P3600">
        <v>0</v>
      </c>
      <c r="Q3600">
        <v>0</v>
      </c>
      <c r="R3600">
        <v>0</v>
      </c>
      <c r="S3600">
        <v>0</v>
      </c>
      <c r="T3600">
        <v>0</v>
      </c>
      <c r="U3600">
        <v>0</v>
      </c>
      <c r="V3600">
        <v>0</v>
      </c>
      <c r="W3600">
        <v>0</v>
      </c>
      <c r="X3600">
        <v>0</v>
      </c>
      <c r="Y3600">
        <v>31</v>
      </c>
      <c r="Z3600">
        <v>9</v>
      </c>
      <c r="AA3600">
        <v>123</v>
      </c>
      <c r="AB3600">
        <v>14</v>
      </c>
      <c r="AC3600">
        <v>113</v>
      </c>
      <c r="AD3600">
        <v>45</v>
      </c>
      <c r="AE3600">
        <v>145</v>
      </c>
      <c r="AF3600">
        <v>0</v>
      </c>
      <c r="AG3600">
        <v>50000</v>
      </c>
      <c r="AH3600">
        <v>50000</v>
      </c>
      <c r="AI3600">
        <v>0</v>
      </c>
      <c r="AJ3600">
        <v>0</v>
      </c>
      <c r="AK3600" t="s">
        <v>6</v>
      </c>
      <c r="AL3600">
        <v>0</v>
      </c>
      <c r="AM3600">
        <v>0</v>
      </c>
      <c r="AN3600">
        <v>0</v>
      </c>
      <c r="AO3600">
        <v>0</v>
      </c>
      <c r="AP3600">
        <v>0</v>
      </c>
      <c r="AQ3600">
        <v>0</v>
      </c>
      <c r="AR3600">
        <v>0</v>
      </c>
      <c r="AS3600">
        <v>0</v>
      </c>
      <c r="AT3600">
        <v>0</v>
      </c>
      <c r="AU3600">
        <v>0</v>
      </c>
      <c r="AV3600">
        <v>0</v>
      </c>
      <c r="AW3600">
        <v>0</v>
      </c>
      <c r="AX3600">
        <v>0</v>
      </c>
      <c r="AY3600">
        <v>0</v>
      </c>
      <c r="AZ3600">
        <v>0</v>
      </c>
      <c r="BA3600">
        <v>0</v>
      </c>
    </row>
    <row r="3601" spans="1:53" x14ac:dyDescent="0.4">
      <c r="A3601">
        <v>3645</v>
      </c>
      <c r="B3601" s="1">
        <v>44060</v>
      </c>
      <c r="C3601">
        <v>2</v>
      </c>
      <c r="D3601" s="1">
        <v>44060.40902777778</v>
      </c>
      <c r="E3601" s="1">
        <v>44060.752083333333</v>
      </c>
      <c r="F3601">
        <v>24550</v>
      </c>
      <c r="G3601">
        <v>1940</v>
      </c>
      <c r="H3601">
        <v>200</v>
      </c>
      <c r="I3601">
        <v>0</v>
      </c>
      <c r="J3601">
        <v>0</v>
      </c>
      <c r="K3601">
        <v>0</v>
      </c>
      <c r="L3601">
        <v>0</v>
      </c>
      <c r="M3601">
        <v>2669</v>
      </c>
      <c r="N3601">
        <v>0</v>
      </c>
      <c r="O3601">
        <v>0</v>
      </c>
      <c r="P3601">
        <v>17820</v>
      </c>
      <c r="Q3601">
        <v>0</v>
      </c>
      <c r="R3601">
        <v>47179</v>
      </c>
      <c r="S3601">
        <v>0</v>
      </c>
      <c r="T3601">
        <v>0</v>
      </c>
      <c r="U3601">
        <v>0</v>
      </c>
      <c r="V3601">
        <v>2</v>
      </c>
      <c r="W3601">
        <v>0</v>
      </c>
      <c r="X3601">
        <v>0</v>
      </c>
      <c r="Y3601">
        <v>52</v>
      </c>
      <c r="Z3601">
        <v>11</v>
      </c>
      <c r="AA3601">
        <v>168</v>
      </c>
      <c r="AB3601">
        <v>8</v>
      </c>
      <c r="AC3601">
        <v>126</v>
      </c>
      <c r="AD3601">
        <v>47</v>
      </c>
      <c r="AE3601">
        <v>159</v>
      </c>
      <c r="AF3601">
        <v>825</v>
      </c>
      <c r="AG3601">
        <v>97179</v>
      </c>
      <c r="AH3601">
        <v>50000</v>
      </c>
      <c r="AI3601">
        <v>0</v>
      </c>
      <c r="AJ3601">
        <v>84</v>
      </c>
      <c r="AK3601" t="s">
        <v>16</v>
      </c>
      <c r="AL3601">
        <v>0</v>
      </c>
      <c r="AM3601">
        <v>0</v>
      </c>
      <c r="AN3601">
        <v>0</v>
      </c>
      <c r="AO3601">
        <v>0</v>
      </c>
      <c r="AP3601">
        <v>0</v>
      </c>
      <c r="AQ3601">
        <v>0</v>
      </c>
      <c r="AR3601">
        <v>0</v>
      </c>
      <c r="AS3601">
        <v>0</v>
      </c>
      <c r="AT3601">
        <v>0</v>
      </c>
      <c r="AU3601">
        <v>0</v>
      </c>
      <c r="AV3601">
        <v>0</v>
      </c>
      <c r="AW3601">
        <v>0</v>
      </c>
      <c r="AX3601">
        <v>825</v>
      </c>
      <c r="AY3601">
        <v>38</v>
      </c>
      <c r="AZ3601">
        <v>69</v>
      </c>
      <c r="BA3601">
        <v>5543</v>
      </c>
    </row>
    <row r="3602" spans="1:53" x14ac:dyDescent="0.4">
      <c r="A3602">
        <v>3646</v>
      </c>
      <c r="B3602" s="1">
        <v>44061</v>
      </c>
      <c r="C3602">
        <v>1</v>
      </c>
      <c r="D3602" s="1">
        <v>44061.291666666664</v>
      </c>
      <c r="E3602" s="1">
        <v>44061.410416666666</v>
      </c>
      <c r="F3602">
        <v>0</v>
      </c>
      <c r="G3602">
        <v>0</v>
      </c>
      <c r="H3602">
        <v>0</v>
      </c>
      <c r="I3602">
        <v>0</v>
      </c>
      <c r="J3602">
        <v>0</v>
      </c>
      <c r="K3602">
        <v>0</v>
      </c>
      <c r="L3602">
        <v>0</v>
      </c>
      <c r="M3602">
        <v>0</v>
      </c>
      <c r="N3602">
        <v>0</v>
      </c>
      <c r="O3602">
        <v>0</v>
      </c>
      <c r="P3602">
        <v>0</v>
      </c>
      <c r="Q3602">
        <v>0</v>
      </c>
      <c r="R3602">
        <v>0</v>
      </c>
      <c r="S3602">
        <v>0</v>
      </c>
      <c r="T3602">
        <v>0</v>
      </c>
      <c r="U3602">
        <v>0</v>
      </c>
      <c r="V3602">
        <v>0</v>
      </c>
      <c r="W3602">
        <v>0</v>
      </c>
      <c r="X3602">
        <v>0</v>
      </c>
      <c r="Y3602">
        <v>28</v>
      </c>
      <c r="Z3602">
        <v>9</v>
      </c>
      <c r="AA3602">
        <v>156</v>
      </c>
      <c r="AB3602">
        <v>6</v>
      </c>
      <c r="AC3602">
        <v>121</v>
      </c>
      <c r="AD3602">
        <v>46</v>
      </c>
      <c r="AE3602">
        <v>160</v>
      </c>
      <c r="AF3602">
        <v>0</v>
      </c>
      <c r="AG3602">
        <v>50000</v>
      </c>
      <c r="AH3602">
        <v>50000</v>
      </c>
      <c r="AI3602">
        <v>0</v>
      </c>
      <c r="AJ3602">
        <v>0</v>
      </c>
      <c r="AK3602" t="s">
        <v>6</v>
      </c>
      <c r="AL3602">
        <v>0</v>
      </c>
      <c r="AM3602">
        <v>0</v>
      </c>
      <c r="AN3602">
        <v>0</v>
      </c>
      <c r="AO3602">
        <v>0</v>
      </c>
      <c r="AP3602">
        <v>0</v>
      </c>
      <c r="AQ3602">
        <v>0</v>
      </c>
      <c r="AR3602">
        <v>0</v>
      </c>
      <c r="AS3602">
        <v>0</v>
      </c>
      <c r="AT3602">
        <v>0</v>
      </c>
      <c r="AU3602">
        <v>0</v>
      </c>
      <c r="AV3602">
        <v>0</v>
      </c>
      <c r="AW3602">
        <v>0</v>
      </c>
      <c r="AX3602">
        <v>0</v>
      </c>
      <c r="AY3602">
        <v>0</v>
      </c>
      <c r="AZ3602">
        <v>0</v>
      </c>
      <c r="BA3602">
        <v>0</v>
      </c>
    </row>
    <row r="3603" spans="1:53" x14ac:dyDescent="0.4">
      <c r="A3603">
        <v>3647</v>
      </c>
      <c r="B3603" s="1">
        <v>44061</v>
      </c>
      <c r="C3603">
        <v>2</v>
      </c>
      <c r="D3603" s="1">
        <v>44061.410416666666</v>
      </c>
      <c r="E3603" s="1">
        <v>44061.743055555555</v>
      </c>
      <c r="F3603">
        <v>21950</v>
      </c>
      <c r="G3603">
        <v>2860</v>
      </c>
      <c r="H3603">
        <v>200</v>
      </c>
      <c r="I3603">
        <v>0</v>
      </c>
      <c r="J3603">
        <v>0</v>
      </c>
      <c r="K3603">
        <v>0</v>
      </c>
      <c r="L3603">
        <v>0</v>
      </c>
      <c r="M3603">
        <v>2501</v>
      </c>
      <c r="N3603">
        <v>0</v>
      </c>
      <c r="O3603">
        <v>0</v>
      </c>
      <c r="P3603">
        <v>11330</v>
      </c>
      <c r="Q3603">
        <v>0</v>
      </c>
      <c r="R3603">
        <v>38841</v>
      </c>
      <c r="S3603">
        <v>0</v>
      </c>
      <c r="T3603">
        <v>0</v>
      </c>
      <c r="U3603">
        <v>0</v>
      </c>
      <c r="V3603">
        <v>1</v>
      </c>
      <c r="W3603">
        <v>2</v>
      </c>
      <c r="X3603">
        <v>0</v>
      </c>
      <c r="Y3603">
        <v>39</v>
      </c>
      <c r="Z3603">
        <v>20</v>
      </c>
      <c r="AA3603">
        <v>181</v>
      </c>
      <c r="AB3603">
        <v>2</v>
      </c>
      <c r="AC3603">
        <v>126</v>
      </c>
      <c r="AD3603">
        <v>42</v>
      </c>
      <c r="AE3603">
        <v>171</v>
      </c>
      <c r="AF3603">
        <v>0</v>
      </c>
      <c r="AG3603">
        <v>88841</v>
      </c>
      <c r="AH3603">
        <v>50000</v>
      </c>
      <c r="AI3603">
        <v>0</v>
      </c>
      <c r="AJ3603">
        <v>84</v>
      </c>
      <c r="AK3603" t="s">
        <v>16</v>
      </c>
      <c r="AL3603">
        <v>0</v>
      </c>
      <c r="AM3603">
        <v>0</v>
      </c>
      <c r="AN3603">
        <v>0</v>
      </c>
      <c r="AO3603">
        <v>0</v>
      </c>
      <c r="AP3603">
        <v>0</v>
      </c>
      <c r="AQ3603">
        <v>0</v>
      </c>
      <c r="AR3603">
        <v>0</v>
      </c>
      <c r="AS3603">
        <v>0</v>
      </c>
      <c r="AT3603">
        <v>0</v>
      </c>
      <c r="AU3603">
        <v>0</v>
      </c>
      <c r="AV3603">
        <v>0</v>
      </c>
      <c r="AW3603">
        <v>0</v>
      </c>
      <c r="AX3603">
        <v>0</v>
      </c>
      <c r="AY3603">
        <v>31</v>
      </c>
      <c r="AZ3603">
        <v>52</v>
      </c>
      <c r="BA3603">
        <v>4884</v>
      </c>
    </row>
    <row r="3604" spans="1:53" x14ac:dyDescent="0.4">
      <c r="A3604">
        <v>3648</v>
      </c>
      <c r="B3604" s="1">
        <v>44062</v>
      </c>
      <c r="C3604">
        <v>1</v>
      </c>
      <c r="D3604" s="1">
        <v>44062.291666666664</v>
      </c>
      <c r="E3604" s="1">
        <v>44062.409722222219</v>
      </c>
      <c r="F3604">
        <v>0</v>
      </c>
      <c r="G3604">
        <v>0</v>
      </c>
      <c r="H3604">
        <v>0</v>
      </c>
      <c r="I3604">
        <v>0</v>
      </c>
      <c r="J3604">
        <v>0</v>
      </c>
      <c r="K3604">
        <v>0</v>
      </c>
      <c r="L3604">
        <v>0</v>
      </c>
      <c r="M3604">
        <v>0</v>
      </c>
      <c r="N3604">
        <v>0</v>
      </c>
      <c r="O3604">
        <v>0</v>
      </c>
      <c r="P3604">
        <v>0</v>
      </c>
      <c r="Q3604">
        <v>0</v>
      </c>
      <c r="R3604">
        <v>0</v>
      </c>
      <c r="S3604">
        <v>0</v>
      </c>
      <c r="T3604">
        <v>0</v>
      </c>
      <c r="U3604">
        <v>0</v>
      </c>
      <c r="V3604">
        <v>0</v>
      </c>
      <c r="W3604">
        <v>0</v>
      </c>
      <c r="X3604">
        <v>0</v>
      </c>
      <c r="Y3604">
        <v>20</v>
      </c>
      <c r="Z3604">
        <v>18</v>
      </c>
      <c r="AA3604">
        <v>191</v>
      </c>
      <c r="AB3604">
        <v>7</v>
      </c>
      <c r="AC3604">
        <v>117</v>
      </c>
      <c r="AD3604">
        <v>42</v>
      </c>
      <c r="AE3604">
        <v>170</v>
      </c>
      <c r="AF3604">
        <v>0</v>
      </c>
      <c r="AG3604">
        <v>50000</v>
      </c>
      <c r="AH3604">
        <v>50000</v>
      </c>
      <c r="AI3604">
        <v>0</v>
      </c>
      <c r="AJ3604">
        <v>0</v>
      </c>
      <c r="AK3604" t="s">
        <v>6</v>
      </c>
      <c r="AL3604">
        <v>0</v>
      </c>
      <c r="AM3604">
        <v>0</v>
      </c>
      <c r="AN3604">
        <v>0</v>
      </c>
      <c r="AO3604">
        <v>0</v>
      </c>
      <c r="AP3604">
        <v>0</v>
      </c>
      <c r="AQ3604">
        <v>0</v>
      </c>
      <c r="AR3604">
        <v>0</v>
      </c>
      <c r="AS3604">
        <v>0</v>
      </c>
      <c r="AT3604">
        <v>0</v>
      </c>
      <c r="AU3604">
        <v>0</v>
      </c>
      <c r="AV3604">
        <v>0</v>
      </c>
      <c r="AW3604">
        <v>0</v>
      </c>
      <c r="AX3604">
        <v>0</v>
      </c>
      <c r="AY3604">
        <v>0</v>
      </c>
      <c r="AZ3604">
        <v>0</v>
      </c>
      <c r="BA3604">
        <v>0</v>
      </c>
    </row>
    <row r="3605" spans="1:53" x14ac:dyDescent="0.4">
      <c r="A3605">
        <v>3649</v>
      </c>
      <c r="B3605" s="1">
        <v>44062</v>
      </c>
      <c r="C3605">
        <v>2</v>
      </c>
      <c r="D3605" s="1">
        <v>44062.409722222219</v>
      </c>
      <c r="E3605" s="1">
        <v>44062.734027777777</v>
      </c>
      <c r="F3605">
        <v>24650</v>
      </c>
      <c r="G3605">
        <v>400</v>
      </c>
      <c r="H3605">
        <v>0</v>
      </c>
      <c r="I3605">
        <v>0</v>
      </c>
      <c r="J3605">
        <v>0</v>
      </c>
      <c r="K3605">
        <v>1400</v>
      </c>
      <c r="L3605">
        <v>0</v>
      </c>
      <c r="M3605">
        <v>2645</v>
      </c>
      <c r="N3605">
        <v>0</v>
      </c>
      <c r="O3605">
        <v>0</v>
      </c>
      <c r="P3605">
        <v>17985</v>
      </c>
      <c r="Q3605">
        <v>0</v>
      </c>
      <c r="R3605">
        <v>47080</v>
      </c>
      <c r="S3605">
        <v>0</v>
      </c>
      <c r="T3605">
        <v>0</v>
      </c>
      <c r="U3605">
        <v>0</v>
      </c>
      <c r="V3605">
        <v>2</v>
      </c>
      <c r="W3605">
        <v>0</v>
      </c>
      <c r="X3605">
        <v>0</v>
      </c>
      <c r="Y3605">
        <v>45</v>
      </c>
      <c r="Z3605">
        <v>28</v>
      </c>
      <c r="AA3605">
        <v>143</v>
      </c>
      <c r="AB3605">
        <v>1</v>
      </c>
      <c r="AC3605">
        <v>79</v>
      </c>
      <c r="AD3605">
        <v>48</v>
      </c>
      <c r="AE3605">
        <v>225</v>
      </c>
      <c r="AF3605">
        <v>2475</v>
      </c>
      <c r="AG3605">
        <v>97080</v>
      </c>
      <c r="AH3605">
        <v>50000</v>
      </c>
      <c r="AI3605">
        <v>0</v>
      </c>
      <c r="AJ3605">
        <v>97</v>
      </c>
      <c r="AK3605" t="s">
        <v>33</v>
      </c>
      <c r="AL3605">
        <v>0</v>
      </c>
      <c r="AM3605">
        <v>0</v>
      </c>
      <c r="AN3605">
        <v>0</v>
      </c>
      <c r="AO3605">
        <v>0</v>
      </c>
      <c r="AP3605">
        <v>0</v>
      </c>
      <c r="AQ3605">
        <v>0</v>
      </c>
      <c r="AR3605">
        <v>0</v>
      </c>
      <c r="AS3605">
        <v>0</v>
      </c>
      <c r="AT3605">
        <v>0</v>
      </c>
      <c r="AU3605">
        <v>0</v>
      </c>
      <c r="AV3605">
        <v>0</v>
      </c>
      <c r="AW3605">
        <v>0</v>
      </c>
      <c r="AX3605">
        <v>0</v>
      </c>
      <c r="AY3605">
        <v>33</v>
      </c>
      <c r="AZ3605">
        <v>72</v>
      </c>
      <c r="BA3605">
        <v>5138</v>
      </c>
    </row>
    <row r="3606" spans="1:53" x14ac:dyDescent="0.4">
      <c r="A3606">
        <v>3650</v>
      </c>
      <c r="B3606" s="1">
        <v>44063</v>
      </c>
      <c r="C3606">
        <v>1</v>
      </c>
      <c r="D3606" s="1">
        <v>44063.291666666664</v>
      </c>
      <c r="E3606" s="1">
        <v>44063.399305555555</v>
      </c>
      <c r="F3606">
        <v>0</v>
      </c>
      <c r="G3606">
        <v>0</v>
      </c>
      <c r="H3606">
        <v>0</v>
      </c>
      <c r="I3606">
        <v>0</v>
      </c>
      <c r="J3606">
        <v>0</v>
      </c>
      <c r="K3606">
        <v>0</v>
      </c>
      <c r="L3606">
        <v>0</v>
      </c>
      <c r="M3606">
        <v>0</v>
      </c>
      <c r="N3606">
        <v>0</v>
      </c>
      <c r="O3606">
        <v>0</v>
      </c>
      <c r="P3606">
        <v>0</v>
      </c>
      <c r="Q3606">
        <v>0</v>
      </c>
      <c r="R3606">
        <v>0</v>
      </c>
      <c r="S3606">
        <v>0</v>
      </c>
      <c r="T3606">
        <v>0</v>
      </c>
      <c r="U3606">
        <v>0</v>
      </c>
      <c r="V3606">
        <v>0</v>
      </c>
      <c r="W3606">
        <v>1</v>
      </c>
      <c r="X3606">
        <v>0</v>
      </c>
      <c r="Y3606">
        <v>27</v>
      </c>
      <c r="Z3606">
        <v>11</v>
      </c>
      <c r="AA3606">
        <v>111</v>
      </c>
      <c r="AB3606">
        <v>4</v>
      </c>
      <c r="AC3606">
        <v>94</v>
      </c>
      <c r="AD3606">
        <v>30</v>
      </c>
      <c r="AE3606">
        <v>110</v>
      </c>
      <c r="AF3606">
        <v>0</v>
      </c>
      <c r="AG3606">
        <v>50000</v>
      </c>
      <c r="AH3606">
        <v>50000</v>
      </c>
      <c r="AI3606">
        <v>0</v>
      </c>
      <c r="AJ3606">
        <v>0</v>
      </c>
      <c r="AK3606" t="s">
        <v>6</v>
      </c>
      <c r="AL3606">
        <v>0</v>
      </c>
      <c r="AM3606">
        <v>0</v>
      </c>
      <c r="AN3606">
        <v>0</v>
      </c>
      <c r="AO3606">
        <v>0</v>
      </c>
      <c r="AP3606">
        <v>0</v>
      </c>
      <c r="AQ3606">
        <v>0</v>
      </c>
      <c r="AR3606">
        <v>0</v>
      </c>
      <c r="AS3606">
        <v>0</v>
      </c>
      <c r="AT3606">
        <v>0</v>
      </c>
      <c r="AU3606">
        <v>0</v>
      </c>
      <c r="AV3606">
        <v>0</v>
      </c>
      <c r="AW3606">
        <v>0</v>
      </c>
      <c r="AX3606">
        <v>0</v>
      </c>
      <c r="AY3606">
        <v>0</v>
      </c>
      <c r="AZ3606">
        <v>0</v>
      </c>
      <c r="BA3606">
        <v>0</v>
      </c>
    </row>
    <row r="3607" spans="1:53" x14ac:dyDescent="0.4">
      <c r="A3607">
        <v>3651</v>
      </c>
      <c r="B3607" s="1">
        <v>44063</v>
      </c>
      <c r="C3607">
        <v>2</v>
      </c>
      <c r="D3607" s="1">
        <v>44063.399305555555</v>
      </c>
      <c r="E3607" s="1">
        <v>44063.731944444444</v>
      </c>
      <c r="F3607">
        <v>23100</v>
      </c>
      <c r="G3607">
        <v>1360</v>
      </c>
      <c r="H3607">
        <v>0</v>
      </c>
      <c r="I3607">
        <v>0</v>
      </c>
      <c r="J3607">
        <v>0</v>
      </c>
      <c r="K3607">
        <v>0</v>
      </c>
      <c r="L3607">
        <v>0</v>
      </c>
      <c r="M3607">
        <v>2446</v>
      </c>
      <c r="N3607">
        <v>0</v>
      </c>
      <c r="O3607">
        <v>0</v>
      </c>
      <c r="P3607">
        <v>16940</v>
      </c>
      <c r="Q3607">
        <v>0</v>
      </c>
      <c r="R3607">
        <v>43846</v>
      </c>
      <c r="S3607">
        <v>0</v>
      </c>
      <c r="T3607">
        <v>0</v>
      </c>
      <c r="U3607">
        <v>0</v>
      </c>
      <c r="V3607">
        <v>2</v>
      </c>
      <c r="W3607">
        <v>0</v>
      </c>
      <c r="X3607">
        <v>0</v>
      </c>
      <c r="Y3607">
        <v>48</v>
      </c>
      <c r="Z3607">
        <v>28</v>
      </c>
      <c r="AA3607">
        <v>106</v>
      </c>
      <c r="AB3607">
        <v>1</v>
      </c>
      <c r="AC3607">
        <v>11</v>
      </c>
      <c r="AD3607">
        <v>24</v>
      </c>
      <c r="AE3607">
        <v>141</v>
      </c>
      <c r="AF3607">
        <v>825</v>
      </c>
      <c r="AG3607">
        <v>93846</v>
      </c>
      <c r="AH3607">
        <v>50000</v>
      </c>
      <c r="AI3607">
        <v>0</v>
      </c>
      <c r="AJ3607">
        <v>97</v>
      </c>
      <c r="AK3607" t="s">
        <v>33</v>
      </c>
      <c r="AL3607">
        <v>0</v>
      </c>
      <c r="AM3607">
        <v>0</v>
      </c>
      <c r="AN3607">
        <v>0</v>
      </c>
      <c r="AO3607">
        <v>0</v>
      </c>
      <c r="AP3607">
        <v>0</v>
      </c>
      <c r="AQ3607">
        <v>0</v>
      </c>
      <c r="AR3607">
        <v>0</v>
      </c>
      <c r="AS3607">
        <v>0</v>
      </c>
      <c r="AT3607">
        <v>0</v>
      </c>
      <c r="AU3607">
        <v>0</v>
      </c>
      <c r="AV3607">
        <v>0</v>
      </c>
      <c r="AW3607">
        <v>0</v>
      </c>
      <c r="AX3607">
        <v>0</v>
      </c>
      <c r="AY3607">
        <v>33</v>
      </c>
      <c r="AZ3607">
        <v>66</v>
      </c>
      <c r="BA3607">
        <v>5297</v>
      </c>
    </row>
    <row r="3608" spans="1:53" x14ac:dyDescent="0.4">
      <c r="A3608">
        <v>3652</v>
      </c>
      <c r="B3608" s="1">
        <v>44064</v>
      </c>
      <c r="C3608">
        <v>1</v>
      </c>
      <c r="D3608" s="1">
        <v>44064.291666666664</v>
      </c>
      <c r="E3608" s="1">
        <v>44064.404861111114</v>
      </c>
      <c r="F3608">
        <v>0</v>
      </c>
      <c r="G3608">
        <v>0</v>
      </c>
      <c r="H3608">
        <v>0</v>
      </c>
      <c r="I3608">
        <v>0</v>
      </c>
      <c r="J3608">
        <v>0</v>
      </c>
      <c r="K3608">
        <v>0</v>
      </c>
      <c r="L3608">
        <v>0</v>
      </c>
      <c r="M3608">
        <v>0</v>
      </c>
      <c r="N3608">
        <v>0</v>
      </c>
      <c r="O3608">
        <v>0</v>
      </c>
      <c r="P3608">
        <v>0</v>
      </c>
      <c r="Q3608">
        <v>0</v>
      </c>
      <c r="R3608">
        <v>0</v>
      </c>
      <c r="S3608">
        <v>0</v>
      </c>
      <c r="T3608">
        <v>0</v>
      </c>
      <c r="U3608">
        <v>0</v>
      </c>
      <c r="V3608">
        <v>0</v>
      </c>
      <c r="W3608">
        <v>0</v>
      </c>
      <c r="X3608">
        <v>0</v>
      </c>
      <c r="Y3608">
        <v>29</v>
      </c>
      <c r="Z3608">
        <v>9</v>
      </c>
      <c r="AA3608">
        <v>116</v>
      </c>
      <c r="AB3608">
        <v>60</v>
      </c>
      <c r="AC3608">
        <v>166</v>
      </c>
      <c r="AD3608">
        <v>21</v>
      </c>
      <c r="AE3608">
        <v>135</v>
      </c>
      <c r="AF3608">
        <v>0</v>
      </c>
      <c r="AG3608">
        <v>50000</v>
      </c>
      <c r="AH3608">
        <v>50000</v>
      </c>
      <c r="AI3608">
        <v>0</v>
      </c>
      <c r="AJ3608">
        <v>0</v>
      </c>
      <c r="AK3608" t="s">
        <v>6</v>
      </c>
      <c r="AL3608">
        <v>0</v>
      </c>
      <c r="AM3608">
        <v>0</v>
      </c>
      <c r="AN3608">
        <v>0</v>
      </c>
      <c r="AO3608">
        <v>0</v>
      </c>
      <c r="AP3608">
        <v>0</v>
      </c>
      <c r="AQ3608">
        <v>0</v>
      </c>
      <c r="AR3608">
        <v>0</v>
      </c>
      <c r="AS3608">
        <v>0</v>
      </c>
      <c r="AT3608">
        <v>0</v>
      </c>
      <c r="AU3608">
        <v>0</v>
      </c>
      <c r="AV3608">
        <v>0</v>
      </c>
      <c r="AW3608">
        <v>0</v>
      </c>
      <c r="AX3608">
        <v>0</v>
      </c>
      <c r="AY3608">
        <v>0</v>
      </c>
      <c r="AZ3608">
        <v>0</v>
      </c>
      <c r="BA3608">
        <v>0</v>
      </c>
    </row>
    <row r="3609" spans="1:53" x14ac:dyDescent="0.4">
      <c r="A3609">
        <v>3653</v>
      </c>
      <c r="B3609" s="1">
        <v>44064</v>
      </c>
      <c r="C3609">
        <v>2</v>
      </c>
      <c r="D3609" s="1">
        <v>44064.404861111114</v>
      </c>
      <c r="E3609" s="1">
        <v>44064.736111111109</v>
      </c>
      <c r="F3609">
        <v>22450</v>
      </c>
      <c r="G3609">
        <v>540</v>
      </c>
      <c r="H3609">
        <v>0</v>
      </c>
      <c r="I3609">
        <v>0</v>
      </c>
      <c r="J3609">
        <v>0</v>
      </c>
      <c r="K3609">
        <v>0</v>
      </c>
      <c r="L3609">
        <v>0</v>
      </c>
      <c r="M3609">
        <v>2299</v>
      </c>
      <c r="N3609">
        <v>0</v>
      </c>
      <c r="O3609">
        <v>0</v>
      </c>
      <c r="P3609">
        <v>16390</v>
      </c>
      <c r="Q3609">
        <v>0</v>
      </c>
      <c r="R3609">
        <v>41679</v>
      </c>
      <c r="S3609">
        <v>0</v>
      </c>
      <c r="T3609">
        <v>0</v>
      </c>
      <c r="U3609">
        <v>0</v>
      </c>
      <c r="V3609">
        <v>1</v>
      </c>
      <c r="W3609">
        <v>1</v>
      </c>
      <c r="X3609">
        <v>0</v>
      </c>
      <c r="Y3609">
        <v>48</v>
      </c>
      <c r="Z3609">
        <v>20</v>
      </c>
      <c r="AA3609">
        <v>142</v>
      </c>
      <c r="AB3609">
        <v>53</v>
      </c>
      <c r="AC3609">
        <v>157</v>
      </c>
      <c r="AD3609">
        <v>19</v>
      </c>
      <c r="AE3609">
        <v>164</v>
      </c>
      <c r="AF3609">
        <v>0</v>
      </c>
      <c r="AG3609">
        <v>91679</v>
      </c>
      <c r="AH3609">
        <v>50000</v>
      </c>
      <c r="AI3609">
        <v>0</v>
      </c>
      <c r="AJ3609">
        <v>97</v>
      </c>
      <c r="AK3609" t="s">
        <v>33</v>
      </c>
      <c r="AL3609">
        <v>0</v>
      </c>
      <c r="AM3609">
        <v>0</v>
      </c>
      <c r="AN3609">
        <v>0</v>
      </c>
      <c r="AO3609">
        <v>0</v>
      </c>
      <c r="AP3609">
        <v>0</v>
      </c>
      <c r="AQ3609">
        <v>0</v>
      </c>
      <c r="AR3609">
        <v>0</v>
      </c>
      <c r="AS3609">
        <v>0</v>
      </c>
      <c r="AT3609">
        <v>0</v>
      </c>
      <c r="AU3609">
        <v>0</v>
      </c>
      <c r="AV3609">
        <v>0</v>
      </c>
      <c r="AW3609">
        <v>0</v>
      </c>
      <c r="AX3609">
        <v>-2420</v>
      </c>
      <c r="AY3609">
        <v>33</v>
      </c>
      <c r="AZ3609">
        <v>65</v>
      </c>
      <c r="BA3609">
        <v>4175</v>
      </c>
    </row>
    <row r="3610" spans="1:53" x14ac:dyDescent="0.4">
      <c r="A3610">
        <v>3654</v>
      </c>
      <c r="B3610" s="1">
        <v>44064</v>
      </c>
      <c r="C3610">
        <v>3</v>
      </c>
      <c r="D3610" s="1">
        <v>44064.736111111109</v>
      </c>
      <c r="E3610" s="1">
        <v>44065.011111111111</v>
      </c>
      <c r="F3610">
        <v>67650</v>
      </c>
      <c r="G3610">
        <v>1580</v>
      </c>
      <c r="H3610">
        <v>60</v>
      </c>
      <c r="I3610">
        <v>0</v>
      </c>
      <c r="J3610">
        <v>650</v>
      </c>
      <c r="K3610">
        <v>0</v>
      </c>
      <c r="L3610">
        <v>0</v>
      </c>
      <c r="M3610">
        <v>6864</v>
      </c>
      <c r="N3610">
        <v>0</v>
      </c>
      <c r="O3610">
        <v>0</v>
      </c>
      <c r="P3610">
        <v>-8690</v>
      </c>
      <c r="Q3610">
        <v>0</v>
      </c>
      <c r="R3610">
        <v>66814</v>
      </c>
      <c r="S3610">
        <v>0</v>
      </c>
      <c r="T3610">
        <v>0</v>
      </c>
      <c r="U3610">
        <v>0</v>
      </c>
      <c r="V3610">
        <v>2</v>
      </c>
      <c r="W3610">
        <v>5</v>
      </c>
      <c r="X3610">
        <v>0</v>
      </c>
      <c r="Y3610">
        <v>73</v>
      </c>
      <c r="Z3610">
        <v>17</v>
      </c>
      <c r="AA3610">
        <v>156</v>
      </c>
      <c r="AB3610">
        <v>53</v>
      </c>
      <c r="AC3610">
        <v>165</v>
      </c>
      <c r="AD3610">
        <v>17</v>
      </c>
      <c r="AE3610">
        <v>172</v>
      </c>
      <c r="AF3610">
        <v>11836</v>
      </c>
      <c r="AG3610">
        <v>158493</v>
      </c>
      <c r="AH3610">
        <v>50000</v>
      </c>
      <c r="AI3610">
        <v>0</v>
      </c>
      <c r="AJ3610">
        <v>107</v>
      </c>
      <c r="AK3610" t="s">
        <v>40</v>
      </c>
      <c r="AL3610">
        <v>0</v>
      </c>
      <c r="AM3610">
        <v>0</v>
      </c>
      <c r="AN3610">
        <v>0</v>
      </c>
      <c r="AO3610">
        <v>0</v>
      </c>
      <c r="AP3610">
        <v>0</v>
      </c>
      <c r="AQ3610">
        <v>0</v>
      </c>
      <c r="AR3610">
        <v>0</v>
      </c>
      <c r="AS3610">
        <v>0</v>
      </c>
      <c r="AT3610">
        <v>0</v>
      </c>
      <c r="AU3610">
        <v>0</v>
      </c>
      <c r="AV3610">
        <v>0</v>
      </c>
      <c r="AW3610">
        <v>0</v>
      </c>
      <c r="AX3610">
        <v>2860</v>
      </c>
      <c r="AY3610">
        <v>20</v>
      </c>
      <c r="AZ3610">
        <v>44</v>
      </c>
      <c r="BA3610">
        <v>3002</v>
      </c>
    </row>
    <row r="3611" spans="1:53" x14ac:dyDescent="0.4">
      <c r="A3611">
        <v>3655</v>
      </c>
      <c r="B3611" s="1">
        <v>44065</v>
      </c>
      <c r="C3611">
        <v>1</v>
      </c>
      <c r="D3611" s="1">
        <v>44065.291666666664</v>
      </c>
      <c r="E3611" s="1">
        <v>44065.4</v>
      </c>
      <c r="F3611">
        <v>0</v>
      </c>
      <c r="G3611">
        <v>0</v>
      </c>
      <c r="H3611">
        <v>0</v>
      </c>
      <c r="I3611">
        <v>0</v>
      </c>
      <c r="J3611">
        <v>0</v>
      </c>
      <c r="K3611">
        <v>0</v>
      </c>
      <c r="L3611">
        <v>0</v>
      </c>
      <c r="M3611">
        <v>0</v>
      </c>
      <c r="N3611">
        <v>0</v>
      </c>
      <c r="O3611">
        <v>0</v>
      </c>
      <c r="P3611">
        <v>0</v>
      </c>
      <c r="Q3611">
        <v>0</v>
      </c>
      <c r="R3611">
        <v>0</v>
      </c>
      <c r="S3611">
        <v>0</v>
      </c>
      <c r="T3611">
        <v>0</v>
      </c>
      <c r="U3611">
        <v>0</v>
      </c>
      <c r="V3611">
        <v>0</v>
      </c>
      <c r="W3611">
        <v>0</v>
      </c>
      <c r="X3611">
        <v>0</v>
      </c>
      <c r="Y3611">
        <v>30</v>
      </c>
      <c r="Z3611">
        <v>9</v>
      </c>
      <c r="AA3611">
        <v>117</v>
      </c>
      <c r="AB3611">
        <v>54</v>
      </c>
      <c r="AC3611">
        <v>84</v>
      </c>
      <c r="AD3611">
        <v>17</v>
      </c>
      <c r="AE3611">
        <v>175</v>
      </c>
      <c r="AF3611">
        <v>0</v>
      </c>
      <c r="AG3611">
        <v>50000</v>
      </c>
      <c r="AH3611">
        <v>50000</v>
      </c>
      <c r="AI3611">
        <v>0</v>
      </c>
      <c r="AJ3611">
        <v>0</v>
      </c>
      <c r="AK3611" t="s">
        <v>6</v>
      </c>
      <c r="AL3611">
        <v>0</v>
      </c>
      <c r="AM3611">
        <v>0</v>
      </c>
      <c r="AN3611">
        <v>0</v>
      </c>
      <c r="AO3611">
        <v>0</v>
      </c>
      <c r="AP3611">
        <v>0</v>
      </c>
      <c r="AQ3611">
        <v>0</v>
      </c>
      <c r="AR3611">
        <v>0</v>
      </c>
      <c r="AS3611">
        <v>0</v>
      </c>
      <c r="AT3611">
        <v>0</v>
      </c>
      <c r="AU3611">
        <v>0</v>
      </c>
      <c r="AV3611">
        <v>0</v>
      </c>
      <c r="AW3611">
        <v>0</v>
      </c>
      <c r="AX3611">
        <v>0</v>
      </c>
      <c r="AY3611">
        <v>0</v>
      </c>
      <c r="AZ3611">
        <v>0</v>
      </c>
      <c r="BA3611">
        <v>0</v>
      </c>
    </row>
    <row r="3612" spans="1:53" x14ac:dyDescent="0.4">
      <c r="A3612">
        <v>3656</v>
      </c>
      <c r="B3612" s="1">
        <v>44065</v>
      </c>
      <c r="C3612">
        <v>2</v>
      </c>
      <c r="D3612" s="1">
        <v>44065.4</v>
      </c>
      <c r="E3612" s="1">
        <v>44065.742361111108</v>
      </c>
      <c r="F3612">
        <v>37650</v>
      </c>
      <c r="G3612">
        <v>4480</v>
      </c>
      <c r="H3612">
        <v>200</v>
      </c>
      <c r="I3612">
        <v>0</v>
      </c>
      <c r="J3612">
        <v>0</v>
      </c>
      <c r="K3612">
        <v>0</v>
      </c>
      <c r="L3612">
        <v>0</v>
      </c>
      <c r="M3612">
        <v>4233</v>
      </c>
      <c r="N3612">
        <v>0</v>
      </c>
      <c r="O3612">
        <v>0</v>
      </c>
      <c r="P3612">
        <v>14575</v>
      </c>
      <c r="Q3612">
        <v>0</v>
      </c>
      <c r="R3612">
        <v>61138</v>
      </c>
      <c r="S3612">
        <v>0</v>
      </c>
      <c r="T3612">
        <v>0</v>
      </c>
      <c r="U3612">
        <v>0</v>
      </c>
      <c r="V3612">
        <v>1</v>
      </c>
      <c r="W3612">
        <v>0</v>
      </c>
      <c r="X3612">
        <v>0</v>
      </c>
      <c r="Y3612">
        <v>75</v>
      </c>
      <c r="Z3612">
        <v>21</v>
      </c>
      <c r="AA3612">
        <v>92</v>
      </c>
      <c r="AB3612">
        <v>48</v>
      </c>
      <c r="AC3612">
        <v>85</v>
      </c>
      <c r="AD3612">
        <v>24</v>
      </c>
      <c r="AE3612">
        <v>208</v>
      </c>
      <c r="AF3612">
        <v>2860</v>
      </c>
      <c r="AG3612">
        <v>111138</v>
      </c>
      <c r="AH3612">
        <v>50000</v>
      </c>
      <c r="AI3612">
        <v>0</v>
      </c>
      <c r="AJ3612">
        <v>84</v>
      </c>
      <c r="AK3612" t="s">
        <v>16</v>
      </c>
      <c r="AL3612">
        <v>0</v>
      </c>
      <c r="AM3612">
        <v>0</v>
      </c>
      <c r="AN3612">
        <v>0</v>
      </c>
      <c r="AO3612">
        <v>0</v>
      </c>
      <c r="AP3612">
        <v>0</v>
      </c>
      <c r="AQ3612">
        <v>0</v>
      </c>
      <c r="AR3612">
        <v>0</v>
      </c>
      <c r="AS3612">
        <v>0</v>
      </c>
      <c r="AT3612">
        <v>0</v>
      </c>
      <c r="AU3612">
        <v>0</v>
      </c>
      <c r="AV3612">
        <v>0</v>
      </c>
      <c r="AW3612">
        <v>0</v>
      </c>
      <c r="AX3612">
        <v>-1210</v>
      </c>
      <c r="AY3612">
        <v>43</v>
      </c>
      <c r="AZ3612">
        <v>90</v>
      </c>
      <c r="BA3612">
        <v>6545</v>
      </c>
    </row>
    <row r="3613" spans="1:53" x14ac:dyDescent="0.4">
      <c r="A3613">
        <v>3657</v>
      </c>
      <c r="B3613" s="1">
        <v>44065</v>
      </c>
      <c r="C3613">
        <v>3</v>
      </c>
      <c r="D3613" s="1">
        <v>44065.742361111108</v>
      </c>
      <c r="E3613" s="1">
        <v>44066.024305555555</v>
      </c>
      <c r="F3613">
        <v>44050</v>
      </c>
      <c r="G3613">
        <v>800</v>
      </c>
      <c r="H3613">
        <v>30</v>
      </c>
      <c r="I3613">
        <v>0</v>
      </c>
      <c r="J3613">
        <v>0</v>
      </c>
      <c r="K3613">
        <v>650</v>
      </c>
      <c r="L3613">
        <v>0</v>
      </c>
      <c r="M3613">
        <v>4553</v>
      </c>
      <c r="N3613">
        <v>0</v>
      </c>
      <c r="O3613">
        <v>0</v>
      </c>
      <c r="P3613">
        <v>-2475</v>
      </c>
      <c r="Q3613">
        <v>0</v>
      </c>
      <c r="R3613">
        <v>47608</v>
      </c>
      <c r="S3613">
        <v>0</v>
      </c>
      <c r="T3613">
        <v>0</v>
      </c>
      <c r="U3613">
        <v>0</v>
      </c>
      <c r="V3613">
        <v>5</v>
      </c>
      <c r="W3613">
        <v>2</v>
      </c>
      <c r="X3613">
        <v>0</v>
      </c>
      <c r="Y3613">
        <v>73</v>
      </c>
      <c r="Z3613">
        <v>20</v>
      </c>
      <c r="AA3613">
        <v>89</v>
      </c>
      <c r="AB3613">
        <v>51</v>
      </c>
      <c r="AC3613">
        <v>108</v>
      </c>
      <c r="AD3613">
        <v>28</v>
      </c>
      <c r="AE3613">
        <v>216</v>
      </c>
      <c r="AF3613">
        <v>2860</v>
      </c>
      <c r="AG3613">
        <v>158746</v>
      </c>
      <c r="AH3613">
        <v>50000</v>
      </c>
      <c r="AI3613">
        <v>0</v>
      </c>
      <c r="AJ3613">
        <v>108</v>
      </c>
      <c r="AK3613" t="s">
        <v>30</v>
      </c>
      <c r="AL3613">
        <v>0</v>
      </c>
      <c r="AM3613">
        <v>0</v>
      </c>
      <c r="AN3613">
        <v>0</v>
      </c>
      <c r="AO3613">
        <v>0</v>
      </c>
      <c r="AP3613">
        <v>0</v>
      </c>
      <c r="AQ3613">
        <v>0</v>
      </c>
      <c r="AR3613">
        <v>0</v>
      </c>
      <c r="AS3613">
        <v>0</v>
      </c>
      <c r="AT3613">
        <v>0</v>
      </c>
      <c r="AU3613">
        <v>0</v>
      </c>
      <c r="AV3613">
        <v>0</v>
      </c>
      <c r="AW3613">
        <v>0</v>
      </c>
      <c r="AX3613">
        <v>10725</v>
      </c>
      <c r="AY3613">
        <v>13</v>
      </c>
      <c r="AZ3613">
        <v>33</v>
      </c>
      <c r="BA3613">
        <v>2164</v>
      </c>
    </row>
    <row r="3614" spans="1:53" x14ac:dyDescent="0.4">
      <c r="A3614">
        <v>3658</v>
      </c>
      <c r="B3614" s="1">
        <v>44066</v>
      </c>
      <c r="C3614">
        <v>1</v>
      </c>
      <c r="D3614" s="1">
        <v>44066.291666666664</v>
      </c>
      <c r="E3614" s="1">
        <v>44066.398611111108</v>
      </c>
      <c r="F3614">
        <v>0</v>
      </c>
      <c r="G3614">
        <v>0</v>
      </c>
      <c r="H3614">
        <v>0</v>
      </c>
      <c r="I3614">
        <v>0</v>
      </c>
      <c r="J3614">
        <v>0</v>
      </c>
      <c r="K3614">
        <v>0</v>
      </c>
      <c r="L3614">
        <v>0</v>
      </c>
      <c r="M3614">
        <v>0</v>
      </c>
      <c r="N3614">
        <v>0</v>
      </c>
      <c r="O3614">
        <v>0</v>
      </c>
      <c r="P3614">
        <v>0</v>
      </c>
      <c r="Q3614">
        <v>0</v>
      </c>
      <c r="R3614">
        <v>0</v>
      </c>
      <c r="S3614">
        <v>0</v>
      </c>
      <c r="T3614">
        <v>0</v>
      </c>
      <c r="U3614">
        <v>0</v>
      </c>
      <c r="V3614">
        <v>0</v>
      </c>
      <c r="W3614">
        <v>0</v>
      </c>
      <c r="X3614">
        <v>0</v>
      </c>
      <c r="Y3614">
        <v>34</v>
      </c>
      <c r="Z3614">
        <v>9</v>
      </c>
      <c r="AA3614">
        <v>74</v>
      </c>
      <c r="AB3614">
        <v>50</v>
      </c>
      <c r="AC3614">
        <v>105</v>
      </c>
      <c r="AD3614">
        <v>27</v>
      </c>
      <c r="AE3614">
        <v>115</v>
      </c>
      <c r="AF3614">
        <v>0</v>
      </c>
      <c r="AG3614">
        <v>49700</v>
      </c>
      <c r="AH3614">
        <v>50000</v>
      </c>
      <c r="AI3614">
        <v>-300</v>
      </c>
      <c r="AJ3614">
        <v>0</v>
      </c>
      <c r="AK3614" t="s">
        <v>6</v>
      </c>
      <c r="AL3614">
        <v>0</v>
      </c>
      <c r="AM3614">
        <v>0</v>
      </c>
      <c r="AN3614">
        <v>0</v>
      </c>
      <c r="AO3614">
        <v>0</v>
      </c>
      <c r="AP3614">
        <v>0</v>
      </c>
      <c r="AQ3614">
        <v>0</v>
      </c>
      <c r="AR3614">
        <v>0</v>
      </c>
      <c r="AS3614">
        <v>0</v>
      </c>
      <c r="AT3614">
        <v>0</v>
      </c>
      <c r="AU3614">
        <v>0</v>
      </c>
      <c r="AV3614">
        <v>0</v>
      </c>
      <c r="AW3614">
        <v>0</v>
      </c>
      <c r="AX3614">
        <v>0</v>
      </c>
      <c r="AY3614">
        <v>0</v>
      </c>
      <c r="AZ3614">
        <v>0</v>
      </c>
      <c r="BA3614">
        <v>0</v>
      </c>
    </row>
    <row r="3615" spans="1:53" x14ac:dyDescent="0.4">
      <c r="A3615">
        <v>3659</v>
      </c>
      <c r="B3615" s="1">
        <v>44066</v>
      </c>
      <c r="C3615">
        <v>2</v>
      </c>
      <c r="D3615" s="1">
        <v>44066.398611111108</v>
      </c>
      <c r="E3615" s="1">
        <v>44066.736111111109</v>
      </c>
      <c r="F3615">
        <v>31000</v>
      </c>
      <c r="G3615">
        <v>0</v>
      </c>
      <c r="H3615">
        <v>0</v>
      </c>
      <c r="I3615">
        <v>0</v>
      </c>
      <c r="J3615">
        <v>100</v>
      </c>
      <c r="K3615">
        <v>0</v>
      </c>
      <c r="L3615">
        <v>0</v>
      </c>
      <c r="M3615">
        <v>3090</v>
      </c>
      <c r="N3615">
        <v>0</v>
      </c>
      <c r="O3615">
        <v>0</v>
      </c>
      <c r="P3615">
        <v>22715</v>
      </c>
      <c r="Q3615">
        <v>0</v>
      </c>
      <c r="R3615">
        <v>56705</v>
      </c>
      <c r="S3615">
        <v>0</v>
      </c>
      <c r="T3615">
        <v>0</v>
      </c>
      <c r="U3615">
        <v>0</v>
      </c>
      <c r="V3615">
        <v>2</v>
      </c>
      <c r="W3615">
        <v>0</v>
      </c>
      <c r="X3615">
        <v>0</v>
      </c>
      <c r="Y3615">
        <v>63</v>
      </c>
      <c r="Z3615">
        <v>25</v>
      </c>
      <c r="AA3615">
        <v>49</v>
      </c>
      <c r="AB3615">
        <v>34</v>
      </c>
      <c r="AC3615">
        <v>62</v>
      </c>
      <c r="AD3615">
        <v>42</v>
      </c>
      <c r="AE3615">
        <v>140</v>
      </c>
      <c r="AF3615">
        <v>3630</v>
      </c>
      <c r="AG3615">
        <v>106700</v>
      </c>
      <c r="AH3615">
        <v>50000</v>
      </c>
      <c r="AI3615">
        <v>-5</v>
      </c>
      <c r="AJ3615">
        <v>98</v>
      </c>
      <c r="AK3615" t="s">
        <v>35</v>
      </c>
      <c r="AL3615">
        <v>0</v>
      </c>
      <c r="AM3615">
        <v>0</v>
      </c>
      <c r="AN3615">
        <v>0</v>
      </c>
      <c r="AO3615">
        <v>0</v>
      </c>
      <c r="AP3615">
        <v>0</v>
      </c>
      <c r="AQ3615">
        <v>0</v>
      </c>
      <c r="AR3615">
        <v>0</v>
      </c>
      <c r="AS3615">
        <v>0</v>
      </c>
      <c r="AT3615">
        <v>0</v>
      </c>
      <c r="AU3615">
        <v>0</v>
      </c>
      <c r="AV3615">
        <v>0</v>
      </c>
      <c r="AW3615">
        <v>0</v>
      </c>
      <c r="AX3615">
        <v>858</v>
      </c>
      <c r="AY3615">
        <v>41</v>
      </c>
      <c r="AZ3615">
        <v>92</v>
      </c>
      <c r="BA3615">
        <v>6142</v>
      </c>
    </row>
    <row r="3616" spans="1:53" x14ac:dyDescent="0.4">
      <c r="A3616">
        <v>3660</v>
      </c>
      <c r="B3616" s="1">
        <v>44067</v>
      </c>
      <c r="C3616">
        <v>1</v>
      </c>
      <c r="D3616" s="1">
        <v>44067.291666666664</v>
      </c>
      <c r="E3616" s="1">
        <v>44067.452777777777</v>
      </c>
      <c r="F3616">
        <v>0</v>
      </c>
      <c r="G3616">
        <v>0</v>
      </c>
      <c r="H3616">
        <v>0</v>
      </c>
      <c r="I3616">
        <v>0</v>
      </c>
      <c r="J3616">
        <v>0</v>
      </c>
      <c r="K3616">
        <v>0</v>
      </c>
      <c r="L3616">
        <v>0</v>
      </c>
      <c r="M3616">
        <v>0</v>
      </c>
      <c r="N3616">
        <v>0</v>
      </c>
      <c r="O3616">
        <v>0</v>
      </c>
      <c r="P3616">
        <v>0</v>
      </c>
      <c r="Q3616">
        <v>0</v>
      </c>
      <c r="R3616">
        <v>0</v>
      </c>
      <c r="S3616">
        <v>0</v>
      </c>
      <c r="T3616">
        <v>0</v>
      </c>
      <c r="U3616">
        <v>0</v>
      </c>
      <c r="V3616">
        <v>0</v>
      </c>
      <c r="W3616">
        <v>0</v>
      </c>
      <c r="X3616">
        <v>0</v>
      </c>
      <c r="Y3616">
        <v>30</v>
      </c>
      <c r="Z3616">
        <v>13</v>
      </c>
      <c r="AA3616">
        <v>108</v>
      </c>
      <c r="AB3616">
        <v>33</v>
      </c>
      <c r="AC3616">
        <v>69</v>
      </c>
      <c r="AD3616">
        <v>43</v>
      </c>
      <c r="AE3616">
        <v>145</v>
      </c>
      <c r="AF3616">
        <v>0</v>
      </c>
      <c r="AG3616">
        <v>50000</v>
      </c>
      <c r="AH3616">
        <v>50000</v>
      </c>
      <c r="AI3616">
        <v>0</v>
      </c>
      <c r="AJ3616">
        <v>0</v>
      </c>
      <c r="AK3616" t="s">
        <v>6</v>
      </c>
      <c r="AL3616">
        <v>0</v>
      </c>
      <c r="AM3616">
        <v>0</v>
      </c>
      <c r="AN3616">
        <v>0</v>
      </c>
      <c r="AO3616">
        <v>0</v>
      </c>
      <c r="AP3616">
        <v>0</v>
      </c>
      <c r="AQ3616">
        <v>0</v>
      </c>
      <c r="AR3616">
        <v>0</v>
      </c>
      <c r="AS3616">
        <v>0</v>
      </c>
      <c r="AT3616">
        <v>0</v>
      </c>
      <c r="AU3616">
        <v>0</v>
      </c>
      <c r="AV3616">
        <v>0</v>
      </c>
      <c r="AW3616">
        <v>0</v>
      </c>
      <c r="AX3616">
        <v>0</v>
      </c>
      <c r="AY3616">
        <v>0</v>
      </c>
      <c r="AZ3616">
        <v>0</v>
      </c>
      <c r="BA3616">
        <v>0</v>
      </c>
    </row>
    <row r="3617" spans="1:53" x14ac:dyDescent="0.4">
      <c r="A3617">
        <v>3661</v>
      </c>
      <c r="B3617" s="1">
        <v>44067</v>
      </c>
      <c r="C3617">
        <v>2</v>
      </c>
      <c r="D3617" s="1">
        <v>44067.452777777777</v>
      </c>
      <c r="E3617" s="1">
        <v>44067.736111111109</v>
      </c>
      <c r="F3617">
        <v>17500</v>
      </c>
      <c r="G3617">
        <v>280</v>
      </c>
      <c r="H3617">
        <v>200</v>
      </c>
      <c r="I3617">
        <v>0</v>
      </c>
      <c r="J3617">
        <v>0</v>
      </c>
      <c r="K3617">
        <v>0</v>
      </c>
      <c r="L3617">
        <v>0</v>
      </c>
      <c r="M3617">
        <v>1798</v>
      </c>
      <c r="N3617">
        <v>0</v>
      </c>
      <c r="O3617">
        <v>0</v>
      </c>
      <c r="P3617">
        <v>19195</v>
      </c>
      <c r="Q3617">
        <v>0</v>
      </c>
      <c r="R3617">
        <v>38973</v>
      </c>
      <c r="S3617">
        <v>0</v>
      </c>
      <c r="T3617">
        <v>0</v>
      </c>
      <c r="U3617">
        <v>0</v>
      </c>
      <c r="V3617">
        <v>0</v>
      </c>
      <c r="W3617">
        <v>2</v>
      </c>
      <c r="X3617">
        <v>0</v>
      </c>
      <c r="Y3617">
        <v>41</v>
      </c>
      <c r="Z3617">
        <v>25</v>
      </c>
      <c r="AA3617">
        <v>115</v>
      </c>
      <c r="AB3617">
        <v>30</v>
      </c>
      <c r="AC3617">
        <v>42</v>
      </c>
      <c r="AD3617">
        <v>44</v>
      </c>
      <c r="AE3617">
        <v>158</v>
      </c>
      <c r="AF3617">
        <v>11675</v>
      </c>
      <c r="AG3617">
        <v>88973</v>
      </c>
      <c r="AH3617">
        <v>50000</v>
      </c>
      <c r="AI3617">
        <v>0</v>
      </c>
      <c r="AJ3617">
        <v>97</v>
      </c>
      <c r="AK3617" t="s">
        <v>33</v>
      </c>
      <c r="AL3617">
        <v>0</v>
      </c>
      <c r="AM3617">
        <v>0</v>
      </c>
      <c r="AN3617">
        <v>0</v>
      </c>
      <c r="AO3617">
        <v>0</v>
      </c>
      <c r="AP3617">
        <v>0</v>
      </c>
      <c r="AQ3617">
        <v>0</v>
      </c>
      <c r="AR3617">
        <v>0</v>
      </c>
      <c r="AS3617">
        <v>0</v>
      </c>
      <c r="AT3617">
        <v>0</v>
      </c>
      <c r="AU3617">
        <v>0</v>
      </c>
      <c r="AV3617">
        <v>0</v>
      </c>
      <c r="AW3617">
        <v>0</v>
      </c>
      <c r="AX3617">
        <v>-1188</v>
      </c>
      <c r="AY3617">
        <v>32</v>
      </c>
      <c r="AZ3617">
        <v>61</v>
      </c>
      <c r="BA3617">
        <v>3922</v>
      </c>
    </row>
    <row r="3618" spans="1:53" x14ac:dyDescent="0.4">
      <c r="A3618">
        <v>3662</v>
      </c>
      <c r="B3618" s="1">
        <v>44068</v>
      </c>
      <c r="C3618">
        <v>1</v>
      </c>
      <c r="D3618" s="1">
        <v>44068.291666666664</v>
      </c>
      <c r="E3618" s="1">
        <v>44068.442361111112</v>
      </c>
      <c r="F3618">
        <v>0</v>
      </c>
      <c r="G3618">
        <v>0</v>
      </c>
      <c r="H3618">
        <v>0</v>
      </c>
      <c r="I3618">
        <v>0</v>
      </c>
      <c r="J3618">
        <v>0</v>
      </c>
      <c r="K3618">
        <v>0</v>
      </c>
      <c r="L3618">
        <v>0</v>
      </c>
      <c r="M3618">
        <v>0</v>
      </c>
      <c r="N3618">
        <v>0</v>
      </c>
      <c r="O3618">
        <v>0</v>
      </c>
      <c r="P3618">
        <v>0</v>
      </c>
      <c r="Q3618">
        <v>0</v>
      </c>
      <c r="R3618">
        <v>0</v>
      </c>
      <c r="S3618">
        <v>0</v>
      </c>
      <c r="T3618">
        <v>0</v>
      </c>
      <c r="U3618">
        <v>0</v>
      </c>
      <c r="V3618">
        <v>0</v>
      </c>
      <c r="W3618">
        <v>0</v>
      </c>
      <c r="X3618">
        <v>0</v>
      </c>
      <c r="Y3618">
        <v>30</v>
      </c>
      <c r="Z3618">
        <v>13</v>
      </c>
      <c r="AA3618">
        <v>111</v>
      </c>
      <c r="AB3618">
        <v>32</v>
      </c>
      <c r="AC3618">
        <v>42</v>
      </c>
      <c r="AD3618">
        <v>45</v>
      </c>
      <c r="AE3618">
        <v>155</v>
      </c>
      <c r="AF3618">
        <v>0</v>
      </c>
      <c r="AG3618">
        <v>50000</v>
      </c>
      <c r="AH3618">
        <v>50000</v>
      </c>
      <c r="AI3618">
        <v>0</v>
      </c>
      <c r="AJ3618">
        <v>0</v>
      </c>
      <c r="AK3618" t="s">
        <v>6</v>
      </c>
      <c r="AL3618">
        <v>0</v>
      </c>
      <c r="AM3618">
        <v>0</v>
      </c>
      <c r="AN3618">
        <v>0</v>
      </c>
      <c r="AO3618">
        <v>0</v>
      </c>
      <c r="AP3618">
        <v>0</v>
      </c>
      <c r="AQ3618">
        <v>0</v>
      </c>
      <c r="AR3618">
        <v>0</v>
      </c>
      <c r="AS3618">
        <v>0</v>
      </c>
      <c r="AT3618">
        <v>0</v>
      </c>
      <c r="AU3618">
        <v>0</v>
      </c>
      <c r="AV3618">
        <v>0</v>
      </c>
      <c r="AW3618">
        <v>0</v>
      </c>
      <c r="AX3618">
        <v>0</v>
      </c>
      <c r="AY3618">
        <v>0</v>
      </c>
      <c r="AZ3618">
        <v>0</v>
      </c>
      <c r="BA3618">
        <v>0</v>
      </c>
    </row>
    <row r="3619" spans="1:53" x14ac:dyDescent="0.4">
      <c r="A3619">
        <v>3663</v>
      </c>
      <c r="B3619" s="1">
        <v>44068</v>
      </c>
      <c r="C3619">
        <v>2</v>
      </c>
      <c r="D3619" s="1">
        <v>44068.442361111112</v>
      </c>
      <c r="E3619" s="1">
        <v>44068.743750000001</v>
      </c>
      <c r="F3619">
        <v>16650</v>
      </c>
      <c r="G3619">
        <v>1100</v>
      </c>
      <c r="H3619">
        <v>0</v>
      </c>
      <c r="I3619">
        <v>0</v>
      </c>
      <c r="J3619">
        <v>100</v>
      </c>
      <c r="K3619">
        <v>0</v>
      </c>
      <c r="L3619">
        <v>0</v>
      </c>
      <c r="M3619">
        <v>1765</v>
      </c>
      <c r="N3619">
        <v>0</v>
      </c>
      <c r="O3619">
        <v>0</v>
      </c>
      <c r="P3619">
        <v>11770</v>
      </c>
      <c r="Q3619">
        <v>0</v>
      </c>
      <c r="R3619">
        <v>31185</v>
      </c>
      <c r="S3619">
        <v>0</v>
      </c>
      <c r="T3619">
        <v>0</v>
      </c>
      <c r="U3619">
        <v>0</v>
      </c>
      <c r="V3619">
        <v>0</v>
      </c>
      <c r="W3619">
        <v>0</v>
      </c>
      <c r="X3619">
        <v>0</v>
      </c>
      <c r="Y3619">
        <v>60</v>
      </c>
      <c r="Z3619">
        <v>14</v>
      </c>
      <c r="AA3619">
        <v>97</v>
      </c>
      <c r="AB3619">
        <v>27</v>
      </c>
      <c r="AC3619">
        <v>58</v>
      </c>
      <c r="AD3619">
        <v>45</v>
      </c>
      <c r="AE3619">
        <v>180</v>
      </c>
      <c r="AF3619">
        <v>2150</v>
      </c>
      <c r="AG3619">
        <v>81185</v>
      </c>
      <c r="AH3619">
        <v>50000</v>
      </c>
      <c r="AI3619">
        <v>0</v>
      </c>
      <c r="AJ3619">
        <v>84</v>
      </c>
      <c r="AK3619" t="s">
        <v>16</v>
      </c>
      <c r="AL3619">
        <v>0</v>
      </c>
      <c r="AM3619">
        <v>0</v>
      </c>
      <c r="AN3619">
        <v>0</v>
      </c>
      <c r="AO3619">
        <v>0</v>
      </c>
      <c r="AP3619">
        <v>0</v>
      </c>
      <c r="AQ3619">
        <v>0</v>
      </c>
      <c r="AR3619">
        <v>0</v>
      </c>
      <c r="AS3619">
        <v>0</v>
      </c>
      <c r="AT3619">
        <v>0</v>
      </c>
      <c r="AU3619">
        <v>0</v>
      </c>
      <c r="AV3619">
        <v>0</v>
      </c>
      <c r="AW3619">
        <v>0</v>
      </c>
      <c r="AX3619">
        <v>0</v>
      </c>
      <c r="AY3619">
        <v>27</v>
      </c>
      <c r="AZ3619">
        <v>45</v>
      </c>
      <c r="BA3619">
        <v>3820</v>
      </c>
    </row>
    <row r="3620" spans="1:53" x14ac:dyDescent="0.4">
      <c r="A3620">
        <v>3664</v>
      </c>
      <c r="B3620" s="1">
        <v>44069</v>
      </c>
      <c r="C3620">
        <v>1</v>
      </c>
      <c r="D3620" s="1">
        <v>44069.291666666664</v>
      </c>
      <c r="E3620" s="1">
        <v>44069.434027777781</v>
      </c>
      <c r="F3620">
        <v>0</v>
      </c>
      <c r="G3620">
        <v>0</v>
      </c>
      <c r="H3620">
        <v>0</v>
      </c>
      <c r="I3620">
        <v>0</v>
      </c>
      <c r="J3620">
        <v>0</v>
      </c>
      <c r="K3620">
        <v>0</v>
      </c>
      <c r="L3620">
        <v>0</v>
      </c>
      <c r="M3620">
        <v>0</v>
      </c>
      <c r="N3620">
        <v>0</v>
      </c>
      <c r="O3620">
        <v>0</v>
      </c>
      <c r="P3620">
        <v>0</v>
      </c>
      <c r="Q3620">
        <v>0</v>
      </c>
      <c r="R3620">
        <v>0</v>
      </c>
      <c r="S3620">
        <v>0</v>
      </c>
      <c r="T3620">
        <v>0</v>
      </c>
      <c r="U3620">
        <v>0</v>
      </c>
      <c r="V3620">
        <v>0</v>
      </c>
      <c r="W3620">
        <v>0</v>
      </c>
      <c r="X3620">
        <v>0</v>
      </c>
      <c r="Y3620">
        <v>30</v>
      </c>
      <c r="Z3620">
        <v>13</v>
      </c>
      <c r="AA3620">
        <v>112</v>
      </c>
      <c r="AB3620">
        <v>26</v>
      </c>
      <c r="AC3620">
        <v>60</v>
      </c>
      <c r="AD3620">
        <v>44</v>
      </c>
      <c r="AE3620">
        <v>180</v>
      </c>
      <c r="AF3620">
        <v>0</v>
      </c>
      <c r="AG3620">
        <v>50000</v>
      </c>
      <c r="AH3620">
        <v>50000</v>
      </c>
      <c r="AI3620">
        <v>0</v>
      </c>
      <c r="AJ3620">
        <v>0</v>
      </c>
      <c r="AK3620" t="s">
        <v>6</v>
      </c>
      <c r="AL3620">
        <v>0</v>
      </c>
      <c r="AM3620">
        <v>0</v>
      </c>
      <c r="AN3620">
        <v>0</v>
      </c>
      <c r="AO3620">
        <v>0</v>
      </c>
      <c r="AP3620">
        <v>0</v>
      </c>
      <c r="AQ3620">
        <v>0</v>
      </c>
      <c r="AR3620">
        <v>0</v>
      </c>
      <c r="AS3620">
        <v>0</v>
      </c>
      <c r="AT3620">
        <v>0</v>
      </c>
      <c r="AU3620">
        <v>0</v>
      </c>
      <c r="AV3620">
        <v>0</v>
      </c>
      <c r="AW3620">
        <v>0</v>
      </c>
      <c r="AX3620">
        <v>0</v>
      </c>
      <c r="AY3620">
        <v>0</v>
      </c>
      <c r="AZ3620">
        <v>0</v>
      </c>
      <c r="BA3620">
        <v>0</v>
      </c>
    </row>
    <row r="3621" spans="1:53" x14ac:dyDescent="0.4">
      <c r="A3621">
        <v>3665</v>
      </c>
      <c r="B3621" s="1">
        <v>44069</v>
      </c>
      <c r="C3621">
        <v>2</v>
      </c>
      <c r="D3621" s="1">
        <v>44069.434027777781</v>
      </c>
      <c r="E3621" s="1">
        <v>44069.731944444444</v>
      </c>
      <c r="F3621">
        <v>14350</v>
      </c>
      <c r="G3621">
        <v>400</v>
      </c>
      <c r="H3621">
        <v>0</v>
      </c>
      <c r="I3621">
        <v>0</v>
      </c>
      <c r="J3621">
        <v>0</v>
      </c>
      <c r="K3621">
        <v>0</v>
      </c>
      <c r="L3621">
        <v>0</v>
      </c>
      <c r="M3621">
        <v>1475</v>
      </c>
      <c r="N3621">
        <v>0</v>
      </c>
      <c r="O3621">
        <v>0</v>
      </c>
      <c r="P3621">
        <v>8910</v>
      </c>
      <c r="Q3621">
        <v>0</v>
      </c>
      <c r="R3621">
        <v>25135</v>
      </c>
      <c r="S3621">
        <v>0</v>
      </c>
      <c r="T3621">
        <v>0</v>
      </c>
      <c r="U3621">
        <v>0</v>
      </c>
      <c r="V3621">
        <v>3</v>
      </c>
      <c r="W3621">
        <v>0</v>
      </c>
      <c r="X3621">
        <v>0</v>
      </c>
      <c r="Y3621">
        <v>19</v>
      </c>
      <c r="Z3621">
        <v>19</v>
      </c>
      <c r="AA3621">
        <v>118</v>
      </c>
      <c r="AB3621">
        <v>26</v>
      </c>
      <c r="AC3621">
        <v>63</v>
      </c>
      <c r="AD3621">
        <v>48</v>
      </c>
      <c r="AE3621">
        <v>190</v>
      </c>
      <c r="AF3621">
        <v>2475</v>
      </c>
      <c r="AG3621">
        <v>75135</v>
      </c>
      <c r="AH3621">
        <v>50000</v>
      </c>
      <c r="AI3621">
        <v>0</v>
      </c>
      <c r="AJ3621">
        <v>97</v>
      </c>
      <c r="AK3621" t="s">
        <v>33</v>
      </c>
      <c r="AL3621">
        <v>0</v>
      </c>
      <c r="AM3621">
        <v>0</v>
      </c>
      <c r="AN3621">
        <v>0</v>
      </c>
      <c r="AO3621">
        <v>0</v>
      </c>
      <c r="AP3621">
        <v>0</v>
      </c>
      <c r="AQ3621">
        <v>0</v>
      </c>
      <c r="AR3621">
        <v>0</v>
      </c>
      <c r="AS3621">
        <v>0</v>
      </c>
      <c r="AT3621">
        <v>0</v>
      </c>
      <c r="AU3621">
        <v>0</v>
      </c>
      <c r="AV3621">
        <v>0</v>
      </c>
      <c r="AW3621">
        <v>0</v>
      </c>
      <c r="AX3621">
        <v>-1650</v>
      </c>
      <c r="AY3621">
        <v>19</v>
      </c>
      <c r="AZ3621">
        <v>37</v>
      </c>
      <c r="BA3621">
        <v>2594</v>
      </c>
    </row>
    <row r="3622" spans="1:53" x14ac:dyDescent="0.4">
      <c r="A3622">
        <v>3666</v>
      </c>
      <c r="B3622" s="1">
        <v>44070</v>
      </c>
      <c r="C3622">
        <v>1</v>
      </c>
      <c r="D3622" s="1">
        <v>44070.291666666664</v>
      </c>
      <c r="E3622" s="1">
        <v>44070.452777777777</v>
      </c>
      <c r="F3622">
        <v>0</v>
      </c>
      <c r="G3622">
        <v>0</v>
      </c>
      <c r="H3622">
        <v>0</v>
      </c>
      <c r="I3622">
        <v>0</v>
      </c>
      <c r="J3622">
        <v>0</v>
      </c>
      <c r="K3622">
        <v>0</v>
      </c>
      <c r="L3622">
        <v>0</v>
      </c>
      <c r="M3622">
        <v>0</v>
      </c>
      <c r="N3622">
        <v>0</v>
      </c>
      <c r="O3622">
        <v>0</v>
      </c>
      <c r="P3622">
        <v>0</v>
      </c>
      <c r="Q3622">
        <v>0</v>
      </c>
      <c r="R3622">
        <v>0</v>
      </c>
      <c r="S3622">
        <v>0</v>
      </c>
      <c r="T3622">
        <v>0</v>
      </c>
      <c r="U3622">
        <v>0</v>
      </c>
      <c r="V3622">
        <v>0</v>
      </c>
      <c r="W3622">
        <v>1</v>
      </c>
      <c r="X3622">
        <v>0</v>
      </c>
      <c r="Y3622">
        <v>23</v>
      </c>
      <c r="Z3622">
        <v>12</v>
      </c>
      <c r="AA3622">
        <v>138</v>
      </c>
      <c r="AB3622">
        <v>25</v>
      </c>
      <c r="AC3622">
        <v>61</v>
      </c>
      <c r="AD3622">
        <v>48</v>
      </c>
      <c r="AE3622">
        <v>100</v>
      </c>
      <c r="AF3622">
        <v>0</v>
      </c>
      <c r="AG3622">
        <v>50000</v>
      </c>
      <c r="AH3622">
        <v>50000</v>
      </c>
      <c r="AI3622">
        <v>0</v>
      </c>
      <c r="AJ3622">
        <v>0</v>
      </c>
      <c r="AK3622" t="s">
        <v>6</v>
      </c>
      <c r="AL3622">
        <v>0</v>
      </c>
      <c r="AM3622">
        <v>0</v>
      </c>
      <c r="AN3622">
        <v>0</v>
      </c>
      <c r="AO3622">
        <v>0</v>
      </c>
      <c r="AP3622">
        <v>0</v>
      </c>
      <c r="AQ3622">
        <v>0</v>
      </c>
      <c r="AR3622">
        <v>0</v>
      </c>
      <c r="AS3622">
        <v>0</v>
      </c>
      <c r="AT3622">
        <v>0</v>
      </c>
      <c r="AU3622">
        <v>0</v>
      </c>
      <c r="AV3622">
        <v>0</v>
      </c>
      <c r="AW3622">
        <v>0</v>
      </c>
      <c r="AX3622">
        <v>0</v>
      </c>
      <c r="AY3622">
        <v>0</v>
      </c>
      <c r="AZ3622">
        <v>0</v>
      </c>
      <c r="BA3622">
        <v>0</v>
      </c>
    </row>
    <row r="3623" spans="1:53" x14ac:dyDescent="0.4">
      <c r="A3623">
        <v>3667</v>
      </c>
      <c r="B3623" s="1">
        <v>44070</v>
      </c>
      <c r="C3623">
        <v>2</v>
      </c>
      <c r="D3623" s="1">
        <v>44070.452777777777</v>
      </c>
      <c r="E3623" s="1">
        <v>44070.734722222223</v>
      </c>
      <c r="F3623">
        <v>10900</v>
      </c>
      <c r="G3623">
        <v>560</v>
      </c>
      <c r="H3623">
        <v>0</v>
      </c>
      <c r="I3623">
        <v>0</v>
      </c>
      <c r="J3623">
        <v>0</v>
      </c>
      <c r="K3623">
        <v>600</v>
      </c>
      <c r="L3623">
        <v>0</v>
      </c>
      <c r="M3623">
        <v>1206</v>
      </c>
      <c r="N3623">
        <v>0</v>
      </c>
      <c r="O3623">
        <v>0</v>
      </c>
      <c r="P3623">
        <v>4840</v>
      </c>
      <c r="Q3623">
        <v>0</v>
      </c>
      <c r="R3623">
        <v>18106</v>
      </c>
      <c r="S3623">
        <v>0</v>
      </c>
      <c r="T3623">
        <v>0</v>
      </c>
      <c r="U3623">
        <v>0</v>
      </c>
      <c r="V3623">
        <v>1</v>
      </c>
      <c r="W3623">
        <v>0</v>
      </c>
      <c r="X3623">
        <v>0</v>
      </c>
      <c r="Y3623">
        <v>35</v>
      </c>
      <c r="Z3623">
        <v>16</v>
      </c>
      <c r="AA3623">
        <v>130</v>
      </c>
      <c r="AB3623">
        <v>23</v>
      </c>
      <c r="AC3623">
        <v>62</v>
      </c>
      <c r="AD3623">
        <v>47</v>
      </c>
      <c r="AE3623">
        <v>101</v>
      </c>
      <c r="AF3623">
        <v>0</v>
      </c>
      <c r="AG3623">
        <v>68106</v>
      </c>
      <c r="AH3623">
        <v>50000</v>
      </c>
      <c r="AI3623">
        <v>0</v>
      </c>
      <c r="AJ3623">
        <v>97</v>
      </c>
      <c r="AK3623" t="s">
        <v>33</v>
      </c>
      <c r="AL3623">
        <v>0</v>
      </c>
      <c r="AM3623">
        <v>0</v>
      </c>
      <c r="AN3623">
        <v>0</v>
      </c>
      <c r="AO3623">
        <v>0</v>
      </c>
      <c r="AP3623">
        <v>0</v>
      </c>
      <c r="AQ3623">
        <v>0</v>
      </c>
      <c r="AR3623">
        <v>0</v>
      </c>
      <c r="AS3623">
        <v>0</v>
      </c>
      <c r="AT3623">
        <v>0</v>
      </c>
      <c r="AU3623">
        <v>0</v>
      </c>
      <c r="AV3623">
        <v>0</v>
      </c>
      <c r="AW3623">
        <v>0</v>
      </c>
      <c r="AX3623">
        <v>1232</v>
      </c>
      <c r="AY3623">
        <v>14</v>
      </c>
      <c r="AZ3623">
        <v>24</v>
      </c>
      <c r="BA3623">
        <v>2181</v>
      </c>
    </row>
    <row r="3624" spans="1:53" x14ac:dyDescent="0.4">
      <c r="A3624">
        <v>3668</v>
      </c>
      <c r="B3624" s="1">
        <v>44070</v>
      </c>
      <c r="C3624">
        <v>3</v>
      </c>
      <c r="D3624" s="1">
        <v>44070.734722222223</v>
      </c>
      <c r="E3624" s="1">
        <v>44070.953472222223</v>
      </c>
      <c r="F3624">
        <v>12450</v>
      </c>
      <c r="G3624">
        <v>1540</v>
      </c>
      <c r="H3624">
        <v>0</v>
      </c>
      <c r="I3624">
        <v>0</v>
      </c>
      <c r="J3624">
        <v>0</v>
      </c>
      <c r="K3624">
        <v>0</v>
      </c>
      <c r="L3624">
        <v>0</v>
      </c>
      <c r="M3624">
        <v>1399</v>
      </c>
      <c r="N3624">
        <v>0</v>
      </c>
      <c r="O3624">
        <v>0</v>
      </c>
      <c r="P3624">
        <v>-385</v>
      </c>
      <c r="Q3624">
        <v>0</v>
      </c>
      <c r="R3624">
        <v>15004</v>
      </c>
      <c r="S3624">
        <v>0</v>
      </c>
      <c r="T3624">
        <v>0</v>
      </c>
      <c r="U3624">
        <v>0</v>
      </c>
      <c r="V3624">
        <v>1</v>
      </c>
      <c r="W3624">
        <v>2</v>
      </c>
      <c r="X3624">
        <v>0</v>
      </c>
      <c r="Y3624">
        <v>39</v>
      </c>
      <c r="Z3624">
        <v>17</v>
      </c>
      <c r="AA3624">
        <v>135</v>
      </c>
      <c r="AB3624">
        <v>23</v>
      </c>
      <c r="AC3624">
        <v>62</v>
      </c>
      <c r="AD3624">
        <v>45</v>
      </c>
      <c r="AE3624">
        <v>115</v>
      </c>
      <c r="AF3624">
        <v>0</v>
      </c>
      <c r="AG3624">
        <v>83110</v>
      </c>
      <c r="AH3624">
        <v>50000</v>
      </c>
      <c r="AI3624">
        <v>0</v>
      </c>
      <c r="AJ3624">
        <v>98</v>
      </c>
      <c r="AK3624" t="s">
        <v>35</v>
      </c>
      <c r="AL3624">
        <v>0</v>
      </c>
      <c r="AM3624">
        <v>0</v>
      </c>
      <c r="AN3624">
        <v>0</v>
      </c>
      <c r="AO3624">
        <v>0</v>
      </c>
      <c r="AP3624">
        <v>0</v>
      </c>
      <c r="AQ3624">
        <v>0</v>
      </c>
      <c r="AR3624">
        <v>0</v>
      </c>
      <c r="AS3624">
        <v>0</v>
      </c>
      <c r="AT3624">
        <v>0</v>
      </c>
      <c r="AU3624">
        <v>0</v>
      </c>
      <c r="AV3624">
        <v>0</v>
      </c>
      <c r="AW3624">
        <v>0</v>
      </c>
      <c r="AX3624">
        <v>6545</v>
      </c>
      <c r="AY3624">
        <v>10</v>
      </c>
      <c r="AZ3624">
        <v>19</v>
      </c>
      <c r="BA3624">
        <v>1355</v>
      </c>
    </row>
    <row r="3625" spans="1:53" x14ac:dyDescent="0.4">
      <c r="A3625">
        <v>3669</v>
      </c>
      <c r="B3625" s="1">
        <v>44071</v>
      </c>
      <c r="C3625">
        <v>1</v>
      </c>
      <c r="D3625" s="1">
        <v>44071.291666666664</v>
      </c>
      <c r="E3625" s="1">
        <v>44071.440972222219</v>
      </c>
      <c r="F3625">
        <v>0</v>
      </c>
      <c r="G3625">
        <v>0</v>
      </c>
      <c r="H3625">
        <v>0</v>
      </c>
      <c r="I3625">
        <v>0</v>
      </c>
      <c r="J3625">
        <v>0</v>
      </c>
      <c r="K3625">
        <v>0</v>
      </c>
      <c r="L3625">
        <v>0</v>
      </c>
      <c r="M3625">
        <v>0</v>
      </c>
      <c r="N3625">
        <v>0</v>
      </c>
      <c r="O3625">
        <v>0</v>
      </c>
      <c r="P3625">
        <v>0</v>
      </c>
      <c r="Q3625">
        <v>0</v>
      </c>
      <c r="R3625">
        <v>0</v>
      </c>
      <c r="S3625">
        <v>0</v>
      </c>
      <c r="T3625">
        <v>0</v>
      </c>
      <c r="U3625">
        <v>0</v>
      </c>
      <c r="V3625">
        <v>0</v>
      </c>
      <c r="W3625">
        <v>0</v>
      </c>
      <c r="X3625">
        <v>0</v>
      </c>
      <c r="Y3625">
        <v>30</v>
      </c>
      <c r="Z3625">
        <v>10</v>
      </c>
      <c r="AA3625">
        <v>129</v>
      </c>
      <c r="AB3625">
        <v>21</v>
      </c>
      <c r="AC3625">
        <v>71</v>
      </c>
      <c r="AD3625">
        <v>44</v>
      </c>
      <c r="AE3625">
        <v>120</v>
      </c>
      <c r="AF3625">
        <v>0</v>
      </c>
      <c r="AG3625">
        <v>50000</v>
      </c>
      <c r="AH3625">
        <v>50000</v>
      </c>
      <c r="AI3625">
        <v>0</v>
      </c>
      <c r="AJ3625">
        <v>0</v>
      </c>
      <c r="AK3625" t="s">
        <v>6</v>
      </c>
      <c r="AL3625">
        <v>0</v>
      </c>
      <c r="AM3625">
        <v>0</v>
      </c>
      <c r="AN3625">
        <v>0</v>
      </c>
      <c r="AO3625">
        <v>0</v>
      </c>
      <c r="AP3625">
        <v>0</v>
      </c>
      <c r="AQ3625">
        <v>0</v>
      </c>
      <c r="AR3625">
        <v>0</v>
      </c>
      <c r="AS3625">
        <v>0</v>
      </c>
      <c r="AT3625">
        <v>0</v>
      </c>
      <c r="AU3625">
        <v>0</v>
      </c>
      <c r="AV3625">
        <v>0</v>
      </c>
      <c r="AW3625">
        <v>0</v>
      </c>
      <c r="AX3625">
        <v>0</v>
      </c>
      <c r="AY3625">
        <v>0</v>
      </c>
      <c r="AZ3625">
        <v>0</v>
      </c>
      <c r="BA3625">
        <v>0</v>
      </c>
    </row>
    <row r="3626" spans="1:53" x14ac:dyDescent="0.4">
      <c r="A3626">
        <v>3670</v>
      </c>
      <c r="B3626" s="1">
        <v>44071</v>
      </c>
      <c r="C3626">
        <v>2</v>
      </c>
      <c r="D3626" s="1">
        <v>44071.440972222219</v>
      </c>
      <c r="E3626" s="1">
        <v>44071.756249999999</v>
      </c>
      <c r="F3626">
        <v>17150</v>
      </c>
      <c r="G3626">
        <v>800</v>
      </c>
      <c r="H3626">
        <v>0</v>
      </c>
      <c r="I3626">
        <v>0</v>
      </c>
      <c r="J3626">
        <v>0</v>
      </c>
      <c r="K3626">
        <v>0</v>
      </c>
      <c r="L3626">
        <v>0</v>
      </c>
      <c r="M3626">
        <v>1795</v>
      </c>
      <c r="N3626">
        <v>0</v>
      </c>
      <c r="O3626">
        <v>0</v>
      </c>
      <c r="P3626">
        <v>13035</v>
      </c>
      <c r="Q3626">
        <v>0</v>
      </c>
      <c r="R3626">
        <v>32780</v>
      </c>
      <c r="S3626">
        <v>0</v>
      </c>
      <c r="T3626">
        <v>0</v>
      </c>
      <c r="U3626">
        <v>0</v>
      </c>
      <c r="V3626">
        <v>1</v>
      </c>
      <c r="W3626">
        <v>0</v>
      </c>
      <c r="X3626">
        <v>0</v>
      </c>
      <c r="Y3626">
        <v>46</v>
      </c>
      <c r="Z3626">
        <v>18</v>
      </c>
      <c r="AA3626">
        <v>133</v>
      </c>
      <c r="AB3626">
        <v>18</v>
      </c>
      <c r="AC3626">
        <v>80</v>
      </c>
      <c r="AD3626">
        <v>47</v>
      </c>
      <c r="AE3626">
        <v>125</v>
      </c>
      <c r="AF3626">
        <v>2860</v>
      </c>
      <c r="AG3626">
        <v>83220</v>
      </c>
      <c r="AH3626">
        <v>50000</v>
      </c>
      <c r="AI3626">
        <v>440</v>
      </c>
      <c r="AJ3626">
        <v>84</v>
      </c>
      <c r="AK3626" t="s">
        <v>16</v>
      </c>
      <c r="AL3626">
        <v>0</v>
      </c>
      <c r="AM3626">
        <v>0</v>
      </c>
      <c r="AN3626">
        <v>0</v>
      </c>
      <c r="AO3626">
        <v>0</v>
      </c>
      <c r="AP3626">
        <v>0</v>
      </c>
      <c r="AQ3626">
        <v>0</v>
      </c>
      <c r="AR3626">
        <v>0</v>
      </c>
      <c r="AS3626">
        <v>0</v>
      </c>
      <c r="AT3626">
        <v>0</v>
      </c>
      <c r="AU3626">
        <v>0</v>
      </c>
      <c r="AV3626">
        <v>0</v>
      </c>
      <c r="AW3626">
        <v>0</v>
      </c>
      <c r="AX3626">
        <v>-1210</v>
      </c>
      <c r="AY3626">
        <v>29</v>
      </c>
      <c r="AZ3626">
        <v>48</v>
      </c>
      <c r="BA3626">
        <v>3858</v>
      </c>
    </row>
    <row r="3627" spans="1:53" x14ac:dyDescent="0.4">
      <c r="A3627">
        <v>3671</v>
      </c>
      <c r="B3627" s="1">
        <v>44071</v>
      </c>
      <c r="C3627">
        <v>3</v>
      </c>
      <c r="D3627" s="1">
        <v>44071.756249999999</v>
      </c>
      <c r="E3627" s="1">
        <v>44072.063888888886</v>
      </c>
      <c r="F3627">
        <v>72200</v>
      </c>
      <c r="G3627">
        <v>400</v>
      </c>
      <c r="H3627">
        <v>90</v>
      </c>
      <c r="I3627">
        <v>0</v>
      </c>
      <c r="J3627">
        <v>2700</v>
      </c>
      <c r="K3627">
        <v>0</v>
      </c>
      <c r="L3627">
        <v>0</v>
      </c>
      <c r="M3627">
        <v>6999</v>
      </c>
      <c r="N3627">
        <v>0</v>
      </c>
      <c r="O3627">
        <v>0</v>
      </c>
      <c r="P3627">
        <v>28908</v>
      </c>
      <c r="Q3627">
        <v>0</v>
      </c>
      <c r="R3627">
        <v>105897</v>
      </c>
      <c r="S3627">
        <v>0</v>
      </c>
      <c r="T3627">
        <v>0</v>
      </c>
      <c r="U3627">
        <v>0</v>
      </c>
      <c r="V3627">
        <v>7</v>
      </c>
      <c r="W3627">
        <v>6</v>
      </c>
      <c r="X3627">
        <v>0</v>
      </c>
      <c r="Y3627">
        <v>40</v>
      </c>
      <c r="Z3627">
        <v>18</v>
      </c>
      <c r="AA3627">
        <v>126</v>
      </c>
      <c r="AB3627">
        <v>17</v>
      </c>
      <c r="AC3627">
        <v>84</v>
      </c>
      <c r="AD3627">
        <v>50</v>
      </c>
      <c r="AE3627">
        <v>125</v>
      </c>
      <c r="AF3627">
        <v>25465</v>
      </c>
      <c r="AG3627">
        <v>189130</v>
      </c>
      <c r="AH3627">
        <v>50000</v>
      </c>
      <c r="AI3627">
        <v>453</v>
      </c>
      <c r="AJ3627">
        <v>107</v>
      </c>
      <c r="AK3627" t="s">
        <v>40</v>
      </c>
      <c r="AL3627">
        <v>0</v>
      </c>
      <c r="AM3627">
        <v>0</v>
      </c>
      <c r="AN3627">
        <v>0</v>
      </c>
      <c r="AO3627">
        <v>0</v>
      </c>
      <c r="AP3627">
        <v>0</v>
      </c>
      <c r="AQ3627">
        <v>0</v>
      </c>
      <c r="AR3627">
        <v>0</v>
      </c>
      <c r="AS3627">
        <v>0</v>
      </c>
      <c r="AT3627">
        <v>0</v>
      </c>
      <c r="AU3627">
        <v>0</v>
      </c>
      <c r="AV3627">
        <v>0</v>
      </c>
      <c r="AW3627">
        <v>0</v>
      </c>
      <c r="AX3627">
        <v>31020</v>
      </c>
      <c r="AY3627">
        <v>21</v>
      </c>
      <c r="AZ3627">
        <v>69</v>
      </c>
      <c r="BA3627">
        <v>3211</v>
      </c>
    </row>
    <row r="3628" spans="1:53" x14ac:dyDescent="0.4">
      <c r="A3628">
        <v>3672</v>
      </c>
      <c r="B3628" s="1">
        <v>44072</v>
      </c>
      <c r="C3628">
        <v>1</v>
      </c>
      <c r="D3628" s="1">
        <v>44072.291666666664</v>
      </c>
      <c r="E3628" s="1">
        <v>44072.398611111108</v>
      </c>
      <c r="F3628">
        <v>0</v>
      </c>
      <c r="G3628">
        <v>0</v>
      </c>
      <c r="H3628">
        <v>0</v>
      </c>
      <c r="I3628">
        <v>0</v>
      </c>
      <c r="J3628">
        <v>0</v>
      </c>
      <c r="K3628">
        <v>0</v>
      </c>
      <c r="L3628">
        <v>0</v>
      </c>
      <c r="M3628">
        <v>0</v>
      </c>
      <c r="N3628">
        <v>0</v>
      </c>
      <c r="O3628">
        <v>0</v>
      </c>
      <c r="P3628">
        <v>0</v>
      </c>
      <c r="Q3628">
        <v>0</v>
      </c>
      <c r="R3628">
        <v>0</v>
      </c>
      <c r="S3628">
        <v>0</v>
      </c>
      <c r="T3628">
        <v>0</v>
      </c>
      <c r="U3628">
        <v>0</v>
      </c>
      <c r="V3628">
        <v>0</v>
      </c>
      <c r="W3628">
        <v>0</v>
      </c>
      <c r="X3628">
        <v>0</v>
      </c>
      <c r="Y3628">
        <v>30</v>
      </c>
      <c r="Z3628">
        <v>11</v>
      </c>
      <c r="AA3628">
        <v>124</v>
      </c>
      <c r="AB3628">
        <v>18</v>
      </c>
      <c r="AC3628">
        <v>82</v>
      </c>
      <c r="AD3628">
        <v>51</v>
      </c>
      <c r="AE3628">
        <v>125</v>
      </c>
      <c r="AF3628">
        <v>0</v>
      </c>
      <c r="AG3628">
        <v>50000</v>
      </c>
      <c r="AH3628">
        <v>50000</v>
      </c>
      <c r="AI3628">
        <v>0</v>
      </c>
      <c r="AJ3628">
        <v>0</v>
      </c>
      <c r="AK3628" t="s">
        <v>6</v>
      </c>
      <c r="AL3628">
        <v>0</v>
      </c>
      <c r="AM3628">
        <v>0</v>
      </c>
      <c r="AN3628">
        <v>0</v>
      </c>
      <c r="AO3628">
        <v>0</v>
      </c>
      <c r="AP3628">
        <v>0</v>
      </c>
      <c r="AQ3628">
        <v>0</v>
      </c>
      <c r="AR3628">
        <v>0</v>
      </c>
      <c r="AS3628">
        <v>0</v>
      </c>
      <c r="AT3628">
        <v>0</v>
      </c>
      <c r="AU3628">
        <v>0</v>
      </c>
      <c r="AV3628">
        <v>0</v>
      </c>
      <c r="AW3628">
        <v>0</v>
      </c>
      <c r="AX3628">
        <v>0</v>
      </c>
      <c r="AY3628">
        <v>0</v>
      </c>
      <c r="AZ3628">
        <v>0</v>
      </c>
      <c r="BA3628">
        <v>0</v>
      </c>
    </row>
    <row r="3629" spans="1:53" x14ac:dyDescent="0.4">
      <c r="A3629">
        <v>3673</v>
      </c>
      <c r="B3629" s="1">
        <v>44072</v>
      </c>
      <c r="C3629">
        <v>2</v>
      </c>
      <c r="D3629" s="1">
        <v>44072.398611111108</v>
      </c>
      <c r="E3629" s="1">
        <v>44072.743750000001</v>
      </c>
      <c r="F3629">
        <v>36600</v>
      </c>
      <c r="G3629">
        <v>4840</v>
      </c>
      <c r="H3629">
        <v>90</v>
      </c>
      <c r="I3629">
        <v>0</v>
      </c>
      <c r="J3629">
        <v>0</v>
      </c>
      <c r="K3629">
        <v>0</v>
      </c>
      <c r="L3629">
        <v>0</v>
      </c>
      <c r="M3629">
        <v>4153</v>
      </c>
      <c r="N3629">
        <v>0</v>
      </c>
      <c r="O3629">
        <v>0</v>
      </c>
      <c r="P3629">
        <v>12320</v>
      </c>
      <c r="Q3629">
        <v>0</v>
      </c>
      <c r="R3629">
        <v>58003</v>
      </c>
      <c r="S3629">
        <v>0</v>
      </c>
      <c r="T3629">
        <v>0</v>
      </c>
      <c r="U3629">
        <v>0</v>
      </c>
      <c r="V3629">
        <v>1</v>
      </c>
      <c r="W3629">
        <v>1</v>
      </c>
      <c r="X3629">
        <v>0</v>
      </c>
      <c r="Y3629">
        <v>64</v>
      </c>
      <c r="Z3629">
        <v>27</v>
      </c>
      <c r="AA3629">
        <v>134</v>
      </c>
      <c r="AB3629">
        <v>13</v>
      </c>
      <c r="AC3629">
        <v>100</v>
      </c>
      <c r="AD3629">
        <v>55</v>
      </c>
      <c r="AE3629">
        <v>178</v>
      </c>
      <c r="AF3629">
        <v>0</v>
      </c>
      <c r="AG3629">
        <v>108003</v>
      </c>
      <c r="AH3629">
        <v>50000</v>
      </c>
      <c r="AI3629">
        <v>0</v>
      </c>
      <c r="AJ3629">
        <v>84</v>
      </c>
      <c r="AK3629" t="s">
        <v>16</v>
      </c>
      <c r="AL3629">
        <v>0</v>
      </c>
      <c r="AM3629">
        <v>0</v>
      </c>
      <c r="AN3629">
        <v>0</v>
      </c>
      <c r="AO3629">
        <v>0</v>
      </c>
      <c r="AP3629">
        <v>0</v>
      </c>
      <c r="AQ3629">
        <v>0</v>
      </c>
      <c r="AR3629">
        <v>0</v>
      </c>
      <c r="AS3629">
        <v>0</v>
      </c>
      <c r="AT3629">
        <v>0</v>
      </c>
      <c r="AU3629">
        <v>0</v>
      </c>
      <c r="AV3629">
        <v>0</v>
      </c>
      <c r="AW3629">
        <v>0</v>
      </c>
      <c r="AX3629">
        <v>-616</v>
      </c>
      <c r="AY3629">
        <v>41</v>
      </c>
      <c r="AZ3629">
        <v>78</v>
      </c>
      <c r="BA3629">
        <v>6777</v>
      </c>
    </row>
    <row r="3630" spans="1:53" x14ac:dyDescent="0.4">
      <c r="A3630">
        <v>3674</v>
      </c>
      <c r="B3630" s="1">
        <v>44072</v>
      </c>
      <c r="C3630">
        <v>3</v>
      </c>
      <c r="D3630" s="1">
        <v>44072.743750000001</v>
      </c>
      <c r="E3630" s="1">
        <v>44072.993750000001</v>
      </c>
      <c r="F3630">
        <v>64900</v>
      </c>
      <c r="G3630">
        <v>2040</v>
      </c>
      <c r="H3630">
        <v>60</v>
      </c>
      <c r="I3630">
        <v>0</v>
      </c>
      <c r="J3630">
        <v>900</v>
      </c>
      <c r="K3630">
        <v>0</v>
      </c>
      <c r="L3630">
        <v>0</v>
      </c>
      <c r="M3630">
        <v>6610</v>
      </c>
      <c r="N3630">
        <v>0</v>
      </c>
      <c r="O3630">
        <v>0</v>
      </c>
      <c r="P3630">
        <v>-7700</v>
      </c>
      <c r="Q3630">
        <v>0</v>
      </c>
      <c r="R3630">
        <v>65010</v>
      </c>
      <c r="S3630">
        <v>0</v>
      </c>
      <c r="T3630">
        <v>0</v>
      </c>
      <c r="U3630">
        <v>0</v>
      </c>
      <c r="V3630">
        <v>6</v>
      </c>
      <c r="W3630">
        <v>3</v>
      </c>
      <c r="X3630">
        <v>0</v>
      </c>
      <c r="Y3630">
        <v>66</v>
      </c>
      <c r="Z3630">
        <v>25</v>
      </c>
      <c r="AA3630">
        <v>171</v>
      </c>
      <c r="AB3630">
        <v>11</v>
      </c>
      <c r="AC3630">
        <v>142</v>
      </c>
      <c r="AD3630">
        <v>52</v>
      </c>
      <c r="AE3630">
        <v>183</v>
      </c>
      <c r="AF3630">
        <v>0</v>
      </c>
      <c r="AG3630">
        <v>173013</v>
      </c>
      <c r="AH3630">
        <v>50000</v>
      </c>
      <c r="AI3630">
        <v>0</v>
      </c>
      <c r="AJ3630">
        <v>108</v>
      </c>
      <c r="AK3630" t="s">
        <v>30</v>
      </c>
      <c r="AL3630">
        <v>0</v>
      </c>
      <c r="AM3630">
        <v>0</v>
      </c>
      <c r="AN3630">
        <v>0</v>
      </c>
      <c r="AO3630">
        <v>0</v>
      </c>
      <c r="AP3630">
        <v>0</v>
      </c>
      <c r="AQ3630">
        <v>0</v>
      </c>
      <c r="AR3630">
        <v>0</v>
      </c>
      <c r="AS3630">
        <v>0</v>
      </c>
      <c r="AT3630">
        <v>0</v>
      </c>
      <c r="AU3630">
        <v>0</v>
      </c>
      <c r="AV3630">
        <v>0</v>
      </c>
      <c r="AW3630">
        <v>0</v>
      </c>
      <c r="AX3630">
        <v>4675</v>
      </c>
      <c r="AY3630">
        <v>17</v>
      </c>
      <c r="AZ3630">
        <v>47</v>
      </c>
      <c r="BA3630">
        <v>2261</v>
      </c>
    </row>
    <row r="3631" spans="1:53" x14ac:dyDescent="0.4">
      <c r="A3631">
        <v>3675</v>
      </c>
      <c r="B3631" s="1">
        <v>44073</v>
      </c>
      <c r="C3631">
        <v>1</v>
      </c>
      <c r="D3631" s="1">
        <v>44073.291666666664</v>
      </c>
      <c r="E3631" s="1">
        <v>44073.397916666669</v>
      </c>
      <c r="F3631">
        <v>0</v>
      </c>
      <c r="G3631">
        <v>0</v>
      </c>
      <c r="H3631">
        <v>0</v>
      </c>
      <c r="I3631">
        <v>0</v>
      </c>
      <c r="J3631">
        <v>0</v>
      </c>
      <c r="K3631">
        <v>0</v>
      </c>
      <c r="L3631">
        <v>0</v>
      </c>
      <c r="M3631">
        <v>0</v>
      </c>
      <c r="N3631">
        <v>0</v>
      </c>
      <c r="O3631">
        <v>0</v>
      </c>
      <c r="P3631">
        <v>0</v>
      </c>
      <c r="Q3631">
        <v>0</v>
      </c>
      <c r="R3631">
        <v>0</v>
      </c>
      <c r="S3631">
        <v>0</v>
      </c>
      <c r="T3631">
        <v>0</v>
      </c>
      <c r="U3631">
        <v>0</v>
      </c>
      <c r="V3631">
        <v>0</v>
      </c>
      <c r="W3631">
        <v>0</v>
      </c>
      <c r="X3631">
        <v>0</v>
      </c>
      <c r="Y3631">
        <v>28</v>
      </c>
      <c r="Z3631">
        <v>9</v>
      </c>
      <c r="AA3631">
        <v>149</v>
      </c>
      <c r="AB3631">
        <v>14</v>
      </c>
      <c r="AC3631">
        <v>151</v>
      </c>
      <c r="AD3631">
        <v>51</v>
      </c>
      <c r="AE3631">
        <v>135</v>
      </c>
      <c r="AF3631">
        <v>0</v>
      </c>
      <c r="AG3631">
        <v>50000</v>
      </c>
      <c r="AH3631">
        <v>50000</v>
      </c>
      <c r="AI3631">
        <v>0</v>
      </c>
      <c r="AJ3631">
        <v>0</v>
      </c>
      <c r="AK3631" t="s">
        <v>6</v>
      </c>
      <c r="AL3631">
        <v>0</v>
      </c>
      <c r="AM3631">
        <v>0</v>
      </c>
      <c r="AN3631">
        <v>0</v>
      </c>
      <c r="AO3631">
        <v>0</v>
      </c>
      <c r="AP3631">
        <v>0</v>
      </c>
      <c r="AQ3631">
        <v>0</v>
      </c>
      <c r="AR3631">
        <v>0</v>
      </c>
      <c r="AS3631">
        <v>0</v>
      </c>
      <c r="AT3631">
        <v>0</v>
      </c>
      <c r="AU3631">
        <v>0</v>
      </c>
      <c r="AV3631">
        <v>0</v>
      </c>
      <c r="AW3631">
        <v>0</v>
      </c>
      <c r="AX3631">
        <v>0</v>
      </c>
      <c r="AY3631">
        <v>0</v>
      </c>
      <c r="AZ3631">
        <v>0</v>
      </c>
      <c r="BA3631">
        <v>0</v>
      </c>
    </row>
    <row r="3632" spans="1:53" x14ac:dyDescent="0.4">
      <c r="A3632">
        <v>3676</v>
      </c>
      <c r="B3632" s="1">
        <v>44073</v>
      </c>
      <c r="C3632">
        <v>2</v>
      </c>
      <c r="D3632" s="1">
        <v>44073.397916666669</v>
      </c>
      <c r="E3632" s="1">
        <v>44073.730555555558</v>
      </c>
      <c r="F3632">
        <v>40700</v>
      </c>
      <c r="G3632">
        <v>1900</v>
      </c>
      <c r="H3632">
        <v>30</v>
      </c>
      <c r="I3632">
        <v>0</v>
      </c>
      <c r="J3632">
        <v>100</v>
      </c>
      <c r="K3632">
        <v>0</v>
      </c>
      <c r="L3632">
        <v>0</v>
      </c>
      <c r="M3632">
        <v>4253</v>
      </c>
      <c r="N3632">
        <v>0</v>
      </c>
      <c r="O3632">
        <v>0</v>
      </c>
      <c r="P3632">
        <v>13833</v>
      </c>
      <c r="Q3632">
        <v>0</v>
      </c>
      <c r="R3632">
        <v>60616</v>
      </c>
      <c r="S3632">
        <v>0</v>
      </c>
      <c r="T3632">
        <v>0</v>
      </c>
      <c r="U3632">
        <v>0</v>
      </c>
      <c r="V3632">
        <v>0</v>
      </c>
      <c r="W3632">
        <v>3</v>
      </c>
      <c r="X3632">
        <v>0</v>
      </c>
      <c r="Y3632">
        <v>63</v>
      </c>
      <c r="Z3632">
        <v>30</v>
      </c>
      <c r="AA3632">
        <v>151</v>
      </c>
      <c r="AB3632">
        <v>0</v>
      </c>
      <c r="AC3632">
        <v>108</v>
      </c>
      <c r="AD3632">
        <v>52</v>
      </c>
      <c r="AE3632">
        <v>176</v>
      </c>
      <c r="AF3632">
        <v>1000</v>
      </c>
      <c r="AG3632">
        <v>110616</v>
      </c>
      <c r="AH3632">
        <v>50000</v>
      </c>
      <c r="AI3632">
        <v>0</v>
      </c>
      <c r="AJ3632">
        <v>98</v>
      </c>
      <c r="AK3632" t="s">
        <v>35</v>
      </c>
      <c r="AL3632">
        <v>0</v>
      </c>
      <c r="AM3632">
        <v>0</v>
      </c>
      <c r="AN3632">
        <v>0</v>
      </c>
      <c r="AO3632">
        <v>0</v>
      </c>
      <c r="AP3632">
        <v>0</v>
      </c>
      <c r="AQ3632">
        <v>0</v>
      </c>
      <c r="AR3632">
        <v>0</v>
      </c>
      <c r="AS3632">
        <v>0</v>
      </c>
      <c r="AT3632">
        <v>0</v>
      </c>
      <c r="AU3632">
        <v>0</v>
      </c>
      <c r="AV3632">
        <v>0</v>
      </c>
      <c r="AW3632">
        <v>0</v>
      </c>
      <c r="AX3632">
        <v>1892</v>
      </c>
      <c r="AY3632">
        <v>42</v>
      </c>
      <c r="AZ3632">
        <v>97</v>
      </c>
      <c r="BA3632">
        <v>6349</v>
      </c>
    </row>
    <row r="3633" spans="1:53" x14ac:dyDescent="0.4">
      <c r="A3633">
        <v>3677</v>
      </c>
      <c r="B3633" s="1">
        <v>44073</v>
      </c>
      <c r="C3633">
        <v>3</v>
      </c>
      <c r="D3633" s="1">
        <v>44073.730555555558</v>
      </c>
      <c r="E3633" s="1">
        <v>44073.954861111109</v>
      </c>
      <c r="F3633">
        <v>18400</v>
      </c>
      <c r="G3633">
        <v>2260</v>
      </c>
      <c r="H3633">
        <v>0</v>
      </c>
      <c r="I3633">
        <v>0</v>
      </c>
      <c r="J3633">
        <v>475</v>
      </c>
      <c r="K3633">
        <v>0</v>
      </c>
      <c r="L3633">
        <v>0</v>
      </c>
      <c r="M3633">
        <v>2019</v>
      </c>
      <c r="N3633">
        <v>0</v>
      </c>
      <c r="O3633">
        <v>0</v>
      </c>
      <c r="P3633">
        <v>-8773</v>
      </c>
      <c r="Q3633">
        <v>0</v>
      </c>
      <c r="R3633">
        <v>13431</v>
      </c>
      <c r="S3633">
        <v>0</v>
      </c>
      <c r="T3633">
        <v>0</v>
      </c>
      <c r="U3633">
        <v>0</v>
      </c>
      <c r="V3633">
        <v>1</v>
      </c>
      <c r="W3633">
        <v>3</v>
      </c>
      <c r="X3633">
        <v>0</v>
      </c>
      <c r="Y3633">
        <v>66</v>
      </c>
      <c r="Z3633">
        <v>32</v>
      </c>
      <c r="AA3633">
        <v>143</v>
      </c>
      <c r="AB3633">
        <v>8</v>
      </c>
      <c r="AC3633">
        <v>92</v>
      </c>
      <c r="AD3633">
        <v>50</v>
      </c>
      <c r="AE3633">
        <v>177</v>
      </c>
      <c r="AF3633">
        <v>1000</v>
      </c>
      <c r="AG3633">
        <v>124047</v>
      </c>
      <c r="AH3633">
        <v>50000</v>
      </c>
      <c r="AI3633">
        <v>0</v>
      </c>
      <c r="AJ3633">
        <v>107</v>
      </c>
      <c r="AK3633" t="s">
        <v>40</v>
      </c>
      <c r="AL3633">
        <v>0</v>
      </c>
      <c r="AM3633">
        <v>0</v>
      </c>
      <c r="AN3633">
        <v>0</v>
      </c>
      <c r="AO3633">
        <v>0</v>
      </c>
      <c r="AP3633">
        <v>0</v>
      </c>
      <c r="AQ3633">
        <v>0</v>
      </c>
      <c r="AR3633">
        <v>0</v>
      </c>
      <c r="AS3633">
        <v>0</v>
      </c>
      <c r="AT3633">
        <v>0</v>
      </c>
      <c r="AU3633">
        <v>0</v>
      </c>
      <c r="AV3633">
        <v>0</v>
      </c>
      <c r="AW3633">
        <v>0</v>
      </c>
      <c r="AX3633">
        <v>4180</v>
      </c>
      <c r="AY3633">
        <v>7</v>
      </c>
      <c r="AZ3633">
        <v>12</v>
      </c>
      <c r="BA3633">
        <v>1382</v>
      </c>
    </row>
    <row r="3634" spans="1:53" x14ac:dyDescent="0.4">
      <c r="A3634">
        <v>3678</v>
      </c>
      <c r="B3634" s="1">
        <v>44074</v>
      </c>
      <c r="C3634">
        <v>1</v>
      </c>
      <c r="D3634" s="1">
        <v>44074.291666666664</v>
      </c>
      <c r="E3634" s="1">
        <v>44074.438194444447</v>
      </c>
      <c r="F3634">
        <v>0</v>
      </c>
      <c r="G3634">
        <v>0</v>
      </c>
      <c r="H3634">
        <v>0</v>
      </c>
      <c r="I3634">
        <v>0</v>
      </c>
      <c r="J3634">
        <v>0</v>
      </c>
      <c r="K3634">
        <v>0</v>
      </c>
      <c r="L3634">
        <v>0</v>
      </c>
      <c r="M3634">
        <v>0</v>
      </c>
      <c r="N3634">
        <v>0</v>
      </c>
      <c r="O3634">
        <v>0</v>
      </c>
      <c r="P3634">
        <v>0</v>
      </c>
      <c r="Q3634">
        <v>0</v>
      </c>
      <c r="R3634">
        <v>0</v>
      </c>
      <c r="S3634">
        <v>0</v>
      </c>
      <c r="T3634">
        <v>0</v>
      </c>
      <c r="U3634">
        <v>0</v>
      </c>
      <c r="V3634">
        <v>0</v>
      </c>
      <c r="W3634">
        <v>0</v>
      </c>
      <c r="X3634">
        <v>0</v>
      </c>
      <c r="Y3634">
        <v>33</v>
      </c>
      <c r="Z3634">
        <v>9</v>
      </c>
      <c r="AA3634">
        <v>101</v>
      </c>
      <c r="AB3634">
        <v>11</v>
      </c>
      <c r="AC3634">
        <v>147</v>
      </c>
      <c r="AD3634">
        <v>55</v>
      </c>
      <c r="AE3634">
        <v>105</v>
      </c>
      <c r="AF3634">
        <v>0</v>
      </c>
      <c r="AG3634">
        <v>50000</v>
      </c>
      <c r="AH3634">
        <v>50000</v>
      </c>
      <c r="AI3634">
        <v>0</v>
      </c>
      <c r="AJ3634">
        <v>0</v>
      </c>
      <c r="AK3634" t="s">
        <v>6</v>
      </c>
      <c r="AL3634">
        <v>0</v>
      </c>
      <c r="AM3634">
        <v>0</v>
      </c>
      <c r="AN3634">
        <v>0</v>
      </c>
      <c r="AO3634">
        <v>0</v>
      </c>
      <c r="AP3634">
        <v>0</v>
      </c>
      <c r="AQ3634">
        <v>0</v>
      </c>
      <c r="AR3634">
        <v>0</v>
      </c>
      <c r="AS3634">
        <v>0</v>
      </c>
      <c r="AT3634">
        <v>0</v>
      </c>
      <c r="AU3634">
        <v>0</v>
      </c>
      <c r="AV3634">
        <v>0</v>
      </c>
      <c r="AW3634">
        <v>0</v>
      </c>
      <c r="AX3634">
        <v>0</v>
      </c>
      <c r="AY3634">
        <v>0</v>
      </c>
      <c r="AZ3634">
        <v>0</v>
      </c>
      <c r="BA3634">
        <v>0</v>
      </c>
    </row>
    <row r="3635" spans="1:53" x14ac:dyDescent="0.4">
      <c r="A3635">
        <v>3679</v>
      </c>
      <c r="B3635" s="1">
        <v>44074</v>
      </c>
      <c r="C3635">
        <v>2</v>
      </c>
      <c r="D3635" s="1">
        <v>44074.438194444447</v>
      </c>
      <c r="E3635" s="1">
        <v>44074.731944444444</v>
      </c>
      <c r="F3635">
        <v>21000</v>
      </c>
      <c r="G3635">
        <v>540</v>
      </c>
      <c r="H3635">
        <v>0</v>
      </c>
      <c r="I3635">
        <v>0</v>
      </c>
      <c r="J3635">
        <v>0</v>
      </c>
      <c r="K3635">
        <v>0</v>
      </c>
      <c r="L3635">
        <v>0</v>
      </c>
      <c r="M3635">
        <v>2154</v>
      </c>
      <c r="N3635">
        <v>0</v>
      </c>
      <c r="O3635">
        <v>0</v>
      </c>
      <c r="P3635">
        <v>18370</v>
      </c>
      <c r="Q3635">
        <v>0</v>
      </c>
      <c r="R3635">
        <v>42064</v>
      </c>
      <c r="S3635">
        <v>0</v>
      </c>
      <c r="T3635">
        <v>0</v>
      </c>
      <c r="U3635">
        <v>0</v>
      </c>
      <c r="V3635">
        <v>1</v>
      </c>
      <c r="W3635">
        <v>4</v>
      </c>
      <c r="X3635">
        <v>0</v>
      </c>
      <c r="Y3635">
        <v>40</v>
      </c>
      <c r="Z3635">
        <v>23</v>
      </c>
      <c r="AA3635">
        <v>87</v>
      </c>
      <c r="AB3635">
        <v>6</v>
      </c>
      <c r="AC3635">
        <v>118</v>
      </c>
      <c r="AD3635">
        <v>52</v>
      </c>
      <c r="AE3635">
        <v>124</v>
      </c>
      <c r="AF3635">
        <v>0</v>
      </c>
      <c r="AG3635">
        <v>92064</v>
      </c>
      <c r="AH3635">
        <v>50000</v>
      </c>
      <c r="AI3635">
        <v>0</v>
      </c>
      <c r="AJ3635">
        <v>97</v>
      </c>
      <c r="AK3635" t="s">
        <v>33</v>
      </c>
      <c r="AL3635">
        <v>0</v>
      </c>
      <c r="AM3635">
        <v>0</v>
      </c>
      <c r="AN3635">
        <v>0</v>
      </c>
      <c r="AO3635">
        <v>0</v>
      </c>
      <c r="AP3635">
        <v>0</v>
      </c>
      <c r="AQ3635">
        <v>0</v>
      </c>
      <c r="AR3635">
        <v>0</v>
      </c>
      <c r="AS3635">
        <v>0</v>
      </c>
      <c r="AT3635">
        <v>0</v>
      </c>
      <c r="AU3635">
        <v>0</v>
      </c>
      <c r="AV3635">
        <v>0</v>
      </c>
      <c r="AW3635">
        <v>0</v>
      </c>
      <c r="AX3635">
        <v>-1210</v>
      </c>
      <c r="AY3635">
        <v>30</v>
      </c>
      <c r="AZ3635">
        <v>64</v>
      </c>
      <c r="BA3635">
        <v>4593</v>
      </c>
    </row>
    <row r="3636" spans="1:53" x14ac:dyDescent="0.4">
      <c r="A3636">
        <v>3680</v>
      </c>
      <c r="B3636" s="1">
        <v>44074</v>
      </c>
      <c r="C3636">
        <v>3</v>
      </c>
      <c r="D3636" s="1">
        <v>44074.731944444444</v>
      </c>
      <c r="E3636" s="1">
        <v>44074.952777777777</v>
      </c>
      <c r="F3636">
        <v>19450</v>
      </c>
      <c r="G3636">
        <v>540</v>
      </c>
      <c r="H3636">
        <v>0</v>
      </c>
      <c r="I3636">
        <v>0</v>
      </c>
      <c r="J3636">
        <v>0</v>
      </c>
      <c r="K3636">
        <v>0</v>
      </c>
      <c r="L3636">
        <v>0</v>
      </c>
      <c r="M3636">
        <v>1999</v>
      </c>
      <c r="N3636">
        <v>0</v>
      </c>
      <c r="O3636">
        <v>0</v>
      </c>
      <c r="P3636">
        <v>-18370</v>
      </c>
      <c r="Q3636">
        <v>0</v>
      </c>
      <c r="R3636">
        <v>3619</v>
      </c>
      <c r="S3636">
        <v>0</v>
      </c>
      <c r="T3636">
        <v>0</v>
      </c>
      <c r="U3636">
        <v>0</v>
      </c>
      <c r="V3636">
        <v>1</v>
      </c>
      <c r="W3636">
        <v>5</v>
      </c>
      <c r="X3636">
        <v>0</v>
      </c>
      <c r="Y3636">
        <v>38</v>
      </c>
      <c r="Z3636">
        <v>22</v>
      </c>
      <c r="AA3636">
        <v>90</v>
      </c>
      <c r="AB3636">
        <v>8</v>
      </c>
      <c r="AC3636">
        <v>127</v>
      </c>
      <c r="AD3636">
        <v>56</v>
      </c>
      <c r="AE3636">
        <v>128</v>
      </c>
      <c r="AF3636">
        <v>605</v>
      </c>
      <c r="AG3636">
        <v>95683</v>
      </c>
      <c r="AH3636">
        <v>50000</v>
      </c>
      <c r="AI3636">
        <v>0</v>
      </c>
      <c r="AJ3636">
        <v>95</v>
      </c>
      <c r="AK3636" t="s">
        <v>21</v>
      </c>
      <c r="AL3636">
        <v>0</v>
      </c>
      <c r="AM3636">
        <v>0</v>
      </c>
      <c r="AN3636">
        <v>0</v>
      </c>
      <c r="AO3636">
        <v>0</v>
      </c>
      <c r="AP3636">
        <v>0</v>
      </c>
      <c r="AQ3636">
        <v>0</v>
      </c>
      <c r="AR3636">
        <v>0</v>
      </c>
      <c r="AS3636">
        <v>0</v>
      </c>
      <c r="AT3636">
        <v>0</v>
      </c>
      <c r="AU3636">
        <v>0</v>
      </c>
      <c r="AV3636">
        <v>0</v>
      </c>
      <c r="AW3636">
        <v>0</v>
      </c>
      <c r="AX3636">
        <v>0</v>
      </c>
      <c r="AY3636">
        <v>3</v>
      </c>
      <c r="AZ3636">
        <v>5</v>
      </c>
      <c r="BA3636">
        <v>1272</v>
      </c>
    </row>
    <row r="3637" spans="1:53" x14ac:dyDescent="0.4">
      <c r="A3637">
        <v>3681</v>
      </c>
      <c r="B3637" s="1">
        <v>44075</v>
      </c>
      <c r="C3637">
        <v>1</v>
      </c>
      <c r="D3637" s="1">
        <v>44075.291666666664</v>
      </c>
      <c r="E3637" s="1">
        <v>44075.433333333334</v>
      </c>
      <c r="F3637">
        <v>0</v>
      </c>
      <c r="G3637">
        <v>0</v>
      </c>
      <c r="H3637">
        <v>0</v>
      </c>
      <c r="I3637">
        <v>0</v>
      </c>
      <c r="J3637">
        <v>0</v>
      </c>
      <c r="K3637">
        <v>0</v>
      </c>
      <c r="L3637">
        <v>0</v>
      </c>
      <c r="M3637">
        <v>0</v>
      </c>
      <c r="N3637">
        <v>0</v>
      </c>
      <c r="O3637">
        <v>0</v>
      </c>
      <c r="P3637">
        <v>0</v>
      </c>
      <c r="Q3637">
        <v>0</v>
      </c>
      <c r="R3637">
        <v>0</v>
      </c>
      <c r="S3637">
        <v>0</v>
      </c>
      <c r="T3637">
        <v>0</v>
      </c>
      <c r="U3637">
        <v>0</v>
      </c>
      <c r="V3637">
        <v>0</v>
      </c>
      <c r="W3637">
        <v>0</v>
      </c>
      <c r="X3637">
        <v>0</v>
      </c>
      <c r="Y3637">
        <v>30</v>
      </c>
      <c r="Z3637">
        <v>19</v>
      </c>
      <c r="AA3637">
        <v>85</v>
      </c>
      <c r="AB3637">
        <v>7</v>
      </c>
      <c r="AC3637">
        <v>124</v>
      </c>
      <c r="AD3637">
        <v>57</v>
      </c>
      <c r="AE3637">
        <v>125</v>
      </c>
      <c r="AF3637">
        <v>0</v>
      </c>
      <c r="AG3637">
        <v>50000</v>
      </c>
      <c r="AH3637">
        <v>50000</v>
      </c>
      <c r="AI3637">
        <v>0</v>
      </c>
      <c r="AJ3637">
        <v>0</v>
      </c>
      <c r="AK3637" t="s">
        <v>6</v>
      </c>
      <c r="AL3637">
        <v>0</v>
      </c>
      <c r="AM3637">
        <v>0</v>
      </c>
      <c r="AN3637">
        <v>0</v>
      </c>
      <c r="AO3637">
        <v>0</v>
      </c>
      <c r="AP3637">
        <v>0</v>
      </c>
      <c r="AQ3637">
        <v>0</v>
      </c>
      <c r="AR3637">
        <v>0</v>
      </c>
      <c r="AS3637">
        <v>0</v>
      </c>
      <c r="AT3637">
        <v>0</v>
      </c>
      <c r="AU3637">
        <v>0</v>
      </c>
      <c r="AV3637">
        <v>0</v>
      </c>
      <c r="AW3637">
        <v>0</v>
      </c>
      <c r="AX3637">
        <v>0</v>
      </c>
      <c r="AY3637">
        <v>0</v>
      </c>
      <c r="AZ3637">
        <v>0</v>
      </c>
      <c r="BA3637">
        <v>0</v>
      </c>
    </row>
    <row r="3638" spans="1:53" x14ac:dyDescent="0.4">
      <c r="A3638">
        <v>3682</v>
      </c>
      <c r="B3638" s="1">
        <v>44075</v>
      </c>
      <c r="C3638">
        <v>2</v>
      </c>
      <c r="D3638" s="1">
        <v>44075.433333333334</v>
      </c>
      <c r="E3638" s="1">
        <v>44075.738194444442</v>
      </c>
      <c r="F3638">
        <v>16050</v>
      </c>
      <c r="G3638">
        <v>1340</v>
      </c>
      <c r="H3638">
        <v>30</v>
      </c>
      <c r="I3638">
        <v>0</v>
      </c>
      <c r="J3638">
        <v>0</v>
      </c>
      <c r="K3638">
        <v>0</v>
      </c>
      <c r="L3638">
        <v>0</v>
      </c>
      <c r="M3638">
        <v>1742</v>
      </c>
      <c r="N3638">
        <v>0</v>
      </c>
      <c r="O3638">
        <v>0</v>
      </c>
      <c r="P3638">
        <v>13970</v>
      </c>
      <c r="Q3638">
        <v>0</v>
      </c>
      <c r="R3638">
        <v>33132</v>
      </c>
      <c r="S3638">
        <v>0</v>
      </c>
      <c r="T3638">
        <v>0</v>
      </c>
      <c r="U3638">
        <v>0</v>
      </c>
      <c r="V3638">
        <v>3</v>
      </c>
      <c r="W3638">
        <v>0</v>
      </c>
      <c r="X3638">
        <v>0</v>
      </c>
      <c r="Y3638">
        <v>28</v>
      </c>
      <c r="Z3638">
        <v>25</v>
      </c>
      <c r="AA3638">
        <v>96</v>
      </c>
      <c r="AB3638">
        <v>9</v>
      </c>
      <c r="AC3638">
        <v>132</v>
      </c>
      <c r="AD3638">
        <v>59</v>
      </c>
      <c r="AE3638">
        <v>142</v>
      </c>
      <c r="AF3638">
        <v>825</v>
      </c>
      <c r="AG3638">
        <v>83132</v>
      </c>
      <c r="AH3638">
        <v>50000</v>
      </c>
      <c r="AI3638">
        <v>0</v>
      </c>
      <c r="AJ3638">
        <v>107</v>
      </c>
      <c r="AK3638" t="s">
        <v>40</v>
      </c>
      <c r="AL3638">
        <v>0</v>
      </c>
      <c r="AM3638">
        <v>0</v>
      </c>
      <c r="AN3638">
        <v>0</v>
      </c>
      <c r="AO3638">
        <v>0</v>
      </c>
      <c r="AP3638">
        <v>0</v>
      </c>
      <c r="AQ3638">
        <v>0</v>
      </c>
      <c r="AR3638">
        <v>0</v>
      </c>
      <c r="AS3638">
        <v>0</v>
      </c>
      <c r="AT3638">
        <v>0</v>
      </c>
      <c r="AU3638">
        <v>0</v>
      </c>
      <c r="AV3638">
        <v>0</v>
      </c>
      <c r="AW3638">
        <v>0</v>
      </c>
      <c r="AX3638">
        <v>-1056</v>
      </c>
      <c r="AY3638">
        <v>27</v>
      </c>
      <c r="AZ3638">
        <v>49</v>
      </c>
      <c r="BA3638">
        <v>3398</v>
      </c>
    </row>
    <row r="3639" spans="1:53" x14ac:dyDescent="0.4">
      <c r="A3639">
        <v>3683</v>
      </c>
      <c r="B3639" s="1">
        <v>44076</v>
      </c>
      <c r="C3639">
        <v>1</v>
      </c>
      <c r="D3639" s="1">
        <v>44076.291666666664</v>
      </c>
      <c r="E3639" s="1">
        <v>44076.412499999999</v>
      </c>
      <c r="F3639">
        <v>0</v>
      </c>
      <c r="G3639">
        <v>0</v>
      </c>
      <c r="H3639">
        <v>0</v>
      </c>
      <c r="I3639">
        <v>0</v>
      </c>
      <c r="J3639">
        <v>0</v>
      </c>
      <c r="K3639">
        <v>0</v>
      </c>
      <c r="L3639">
        <v>0</v>
      </c>
      <c r="M3639">
        <v>0</v>
      </c>
      <c r="N3639">
        <v>0</v>
      </c>
      <c r="O3639">
        <v>0</v>
      </c>
      <c r="P3639">
        <v>0</v>
      </c>
      <c r="Q3639">
        <v>0</v>
      </c>
      <c r="R3639">
        <v>0</v>
      </c>
      <c r="S3639">
        <v>0</v>
      </c>
      <c r="T3639">
        <v>0</v>
      </c>
      <c r="U3639">
        <v>0</v>
      </c>
      <c r="V3639">
        <v>1</v>
      </c>
      <c r="W3639">
        <v>0</v>
      </c>
      <c r="X3639">
        <v>0</v>
      </c>
      <c r="Y3639">
        <v>23</v>
      </c>
      <c r="Z3639">
        <v>12</v>
      </c>
      <c r="AA3639">
        <v>90</v>
      </c>
      <c r="AB3639">
        <v>8</v>
      </c>
      <c r="AC3639">
        <v>118</v>
      </c>
      <c r="AD3639">
        <v>57</v>
      </c>
      <c r="AE3639">
        <v>135</v>
      </c>
      <c r="AF3639">
        <v>0</v>
      </c>
      <c r="AG3639">
        <v>50000</v>
      </c>
      <c r="AH3639">
        <v>50000</v>
      </c>
      <c r="AI3639">
        <v>0</v>
      </c>
      <c r="AJ3639">
        <v>0</v>
      </c>
      <c r="AK3639" t="s">
        <v>6</v>
      </c>
      <c r="AL3639">
        <v>0</v>
      </c>
      <c r="AM3639">
        <v>0</v>
      </c>
      <c r="AN3639">
        <v>0</v>
      </c>
      <c r="AO3639">
        <v>0</v>
      </c>
      <c r="AP3639">
        <v>0</v>
      </c>
      <c r="AQ3639">
        <v>0</v>
      </c>
      <c r="AR3639">
        <v>0</v>
      </c>
      <c r="AS3639">
        <v>0</v>
      </c>
      <c r="AT3639">
        <v>0</v>
      </c>
      <c r="AU3639">
        <v>0</v>
      </c>
      <c r="AV3639">
        <v>0</v>
      </c>
      <c r="AW3639">
        <v>0</v>
      </c>
      <c r="AX3639">
        <v>0</v>
      </c>
      <c r="AY3639">
        <v>0</v>
      </c>
      <c r="AZ3639">
        <v>0</v>
      </c>
      <c r="BA3639">
        <v>0</v>
      </c>
    </row>
    <row r="3640" spans="1:53" x14ac:dyDescent="0.4">
      <c r="A3640">
        <v>3684</v>
      </c>
      <c r="B3640" s="1">
        <v>44076</v>
      </c>
      <c r="C3640">
        <v>2</v>
      </c>
      <c r="D3640" s="1">
        <v>44076.412499999999</v>
      </c>
      <c r="E3640" s="1">
        <v>44076.746527777781</v>
      </c>
      <c r="F3640">
        <v>11500</v>
      </c>
      <c r="G3640">
        <v>0</v>
      </c>
      <c r="H3640">
        <v>0</v>
      </c>
      <c r="I3640">
        <v>0</v>
      </c>
      <c r="J3640">
        <v>0</v>
      </c>
      <c r="K3640">
        <v>800</v>
      </c>
      <c r="L3640">
        <v>0</v>
      </c>
      <c r="M3640">
        <v>1230</v>
      </c>
      <c r="N3640">
        <v>0</v>
      </c>
      <c r="O3640">
        <v>0</v>
      </c>
      <c r="P3640">
        <v>11715</v>
      </c>
      <c r="Q3640">
        <v>0</v>
      </c>
      <c r="R3640">
        <v>25245</v>
      </c>
      <c r="S3640">
        <v>0</v>
      </c>
      <c r="T3640">
        <v>0</v>
      </c>
      <c r="U3640">
        <v>0</v>
      </c>
      <c r="V3640">
        <v>1</v>
      </c>
      <c r="W3640">
        <v>1</v>
      </c>
      <c r="X3640">
        <v>0</v>
      </c>
      <c r="Y3640">
        <v>36</v>
      </c>
      <c r="Z3640">
        <v>25</v>
      </c>
      <c r="AA3640">
        <v>84</v>
      </c>
      <c r="AB3640">
        <v>2</v>
      </c>
      <c r="AC3640">
        <v>117</v>
      </c>
      <c r="AD3640">
        <v>54</v>
      </c>
      <c r="AE3640">
        <v>155</v>
      </c>
      <c r="AF3640">
        <v>1650</v>
      </c>
      <c r="AG3640">
        <v>75245</v>
      </c>
      <c r="AH3640">
        <v>50000</v>
      </c>
      <c r="AI3640">
        <v>0</v>
      </c>
      <c r="AJ3640">
        <v>98</v>
      </c>
      <c r="AK3640" t="s">
        <v>35</v>
      </c>
      <c r="AL3640">
        <v>0</v>
      </c>
      <c r="AM3640">
        <v>0</v>
      </c>
      <c r="AN3640">
        <v>0</v>
      </c>
      <c r="AO3640">
        <v>0</v>
      </c>
      <c r="AP3640">
        <v>0</v>
      </c>
      <c r="AQ3640">
        <v>0</v>
      </c>
      <c r="AR3640">
        <v>0</v>
      </c>
      <c r="AS3640">
        <v>0</v>
      </c>
      <c r="AT3640">
        <v>0</v>
      </c>
      <c r="AU3640">
        <v>0</v>
      </c>
      <c r="AV3640">
        <v>0</v>
      </c>
      <c r="AW3640">
        <v>0</v>
      </c>
      <c r="AX3640">
        <v>-1210</v>
      </c>
      <c r="AY3640">
        <v>22</v>
      </c>
      <c r="AZ3640">
        <v>37</v>
      </c>
      <c r="BA3640">
        <v>2882</v>
      </c>
    </row>
    <row r="3641" spans="1:53" x14ac:dyDescent="0.4">
      <c r="A3641">
        <v>3685</v>
      </c>
      <c r="B3641" s="1">
        <v>44077</v>
      </c>
      <c r="C3641">
        <v>1</v>
      </c>
      <c r="D3641" s="1">
        <v>44077.291666666664</v>
      </c>
      <c r="E3641" s="1">
        <v>44077.436805555553</v>
      </c>
      <c r="F3641">
        <v>0</v>
      </c>
      <c r="G3641">
        <v>0</v>
      </c>
      <c r="H3641">
        <v>0</v>
      </c>
      <c r="I3641">
        <v>0</v>
      </c>
      <c r="J3641">
        <v>0</v>
      </c>
      <c r="K3641">
        <v>0</v>
      </c>
      <c r="L3641">
        <v>0</v>
      </c>
      <c r="M3641">
        <v>0</v>
      </c>
      <c r="N3641">
        <v>0</v>
      </c>
      <c r="O3641">
        <v>0</v>
      </c>
      <c r="P3641">
        <v>0</v>
      </c>
      <c r="Q3641">
        <v>0</v>
      </c>
      <c r="R3641">
        <v>0</v>
      </c>
      <c r="S3641">
        <v>0</v>
      </c>
      <c r="T3641">
        <v>0</v>
      </c>
      <c r="U3641">
        <v>0</v>
      </c>
      <c r="V3641">
        <v>0</v>
      </c>
      <c r="W3641">
        <v>1</v>
      </c>
      <c r="X3641">
        <v>0</v>
      </c>
      <c r="Y3641">
        <v>34</v>
      </c>
      <c r="Z3641">
        <v>10</v>
      </c>
      <c r="AA3641">
        <v>42</v>
      </c>
      <c r="AB3641">
        <v>4</v>
      </c>
      <c r="AC3641">
        <v>125</v>
      </c>
      <c r="AD3641">
        <v>50</v>
      </c>
      <c r="AE3641">
        <v>100</v>
      </c>
      <c r="AF3641">
        <v>0</v>
      </c>
      <c r="AG3641">
        <v>50000</v>
      </c>
      <c r="AH3641">
        <v>50000</v>
      </c>
      <c r="AI3641">
        <v>0</v>
      </c>
      <c r="AJ3641">
        <v>0</v>
      </c>
      <c r="AK3641" t="s">
        <v>6</v>
      </c>
      <c r="AL3641">
        <v>0</v>
      </c>
      <c r="AM3641">
        <v>0</v>
      </c>
      <c r="AN3641">
        <v>0</v>
      </c>
      <c r="AO3641">
        <v>0</v>
      </c>
      <c r="AP3641">
        <v>0</v>
      </c>
      <c r="AQ3641">
        <v>0</v>
      </c>
      <c r="AR3641">
        <v>0</v>
      </c>
      <c r="AS3641">
        <v>0</v>
      </c>
      <c r="AT3641">
        <v>0</v>
      </c>
      <c r="AU3641">
        <v>0</v>
      </c>
      <c r="AV3641">
        <v>0</v>
      </c>
      <c r="AW3641">
        <v>0</v>
      </c>
      <c r="AX3641">
        <v>0</v>
      </c>
      <c r="AY3641">
        <v>0</v>
      </c>
      <c r="AZ3641">
        <v>0</v>
      </c>
      <c r="BA3641">
        <v>0</v>
      </c>
    </row>
    <row r="3642" spans="1:53" x14ac:dyDescent="0.4">
      <c r="A3642">
        <v>3686</v>
      </c>
      <c r="B3642" s="1">
        <v>44077</v>
      </c>
      <c r="C3642">
        <v>2</v>
      </c>
      <c r="D3642" s="1">
        <v>44077.436805555553</v>
      </c>
      <c r="E3642" s="1">
        <v>44077.746527777781</v>
      </c>
      <c r="F3642">
        <v>12200</v>
      </c>
      <c r="G3642">
        <v>3080</v>
      </c>
      <c r="H3642">
        <v>0</v>
      </c>
      <c r="I3642">
        <v>0</v>
      </c>
      <c r="J3642">
        <v>0</v>
      </c>
      <c r="K3642">
        <v>0</v>
      </c>
      <c r="L3642">
        <v>0</v>
      </c>
      <c r="M3642">
        <v>1528</v>
      </c>
      <c r="N3642">
        <v>0</v>
      </c>
      <c r="O3642">
        <v>0</v>
      </c>
      <c r="P3642">
        <v>18810</v>
      </c>
      <c r="Q3642">
        <v>0</v>
      </c>
      <c r="R3642">
        <v>35618</v>
      </c>
      <c r="S3642">
        <v>0</v>
      </c>
      <c r="T3642">
        <v>0</v>
      </c>
      <c r="U3642">
        <v>0</v>
      </c>
      <c r="V3642">
        <v>2</v>
      </c>
      <c r="W3642">
        <v>0</v>
      </c>
      <c r="X3642">
        <v>0</v>
      </c>
      <c r="Y3642">
        <v>48</v>
      </c>
      <c r="Z3642">
        <v>15</v>
      </c>
      <c r="AA3642">
        <v>45</v>
      </c>
      <c r="AB3642">
        <v>5</v>
      </c>
      <c r="AC3642">
        <v>116</v>
      </c>
      <c r="AD3642">
        <v>49</v>
      </c>
      <c r="AE3642">
        <v>113</v>
      </c>
      <c r="AF3642">
        <v>3850</v>
      </c>
      <c r="AG3642">
        <v>85618</v>
      </c>
      <c r="AH3642">
        <v>50000</v>
      </c>
      <c r="AI3642">
        <v>0</v>
      </c>
      <c r="AJ3642">
        <v>84</v>
      </c>
      <c r="AK3642" t="s">
        <v>16</v>
      </c>
      <c r="AL3642">
        <v>0</v>
      </c>
      <c r="AM3642">
        <v>0</v>
      </c>
      <c r="AN3642">
        <v>0</v>
      </c>
      <c r="AO3642">
        <v>0</v>
      </c>
      <c r="AP3642">
        <v>0</v>
      </c>
      <c r="AQ3642">
        <v>0</v>
      </c>
      <c r="AR3642">
        <v>0</v>
      </c>
      <c r="AS3642">
        <v>0</v>
      </c>
      <c r="AT3642">
        <v>0</v>
      </c>
      <c r="AU3642">
        <v>0</v>
      </c>
      <c r="AV3642">
        <v>0</v>
      </c>
      <c r="AW3642">
        <v>0</v>
      </c>
      <c r="AX3642">
        <v>-1441</v>
      </c>
      <c r="AY3642">
        <v>29</v>
      </c>
      <c r="AZ3642">
        <v>50</v>
      </c>
      <c r="BA3642">
        <v>3481</v>
      </c>
    </row>
    <row r="3643" spans="1:53" x14ac:dyDescent="0.4">
      <c r="A3643">
        <v>3687</v>
      </c>
      <c r="B3643" s="1">
        <v>44077</v>
      </c>
      <c r="C3643">
        <v>3</v>
      </c>
      <c r="D3643" s="1">
        <v>44077.746527777781</v>
      </c>
      <c r="E3643" s="1">
        <v>44077.948611111111</v>
      </c>
      <c r="F3643">
        <v>20950</v>
      </c>
      <c r="G3643">
        <v>540</v>
      </c>
      <c r="H3643">
        <v>0</v>
      </c>
      <c r="I3643">
        <v>0</v>
      </c>
      <c r="J3643">
        <v>0</v>
      </c>
      <c r="K3643">
        <v>0</v>
      </c>
      <c r="L3643">
        <v>0</v>
      </c>
      <c r="M3643">
        <v>2149</v>
      </c>
      <c r="N3643">
        <v>0</v>
      </c>
      <c r="O3643">
        <v>0</v>
      </c>
      <c r="P3643">
        <v>-9922</v>
      </c>
      <c r="Q3643">
        <v>0</v>
      </c>
      <c r="R3643">
        <v>13717</v>
      </c>
      <c r="S3643">
        <v>0</v>
      </c>
      <c r="T3643">
        <v>0</v>
      </c>
      <c r="U3643">
        <v>0</v>
      </c>
      <c r="V3643">
        <v>4</v>
      </c>
      <c r="W3643">
        <v>0</v>
      </c>
      <c r="X3643">
        <v>0</v>
      </c>
      <c r="Y3643">
        <v>41</v>
      </c>
      <c r="Z3643">
        <v>17</v>
      </c>
      <c r="AA3643">
        <v>43</v>
      </c>
      <c r="AB3643">
        <v>2</v>
      </c>
      <c r="AC3643">
        <v>123</v>
      </c>
      <c r="AD3643">
        <v>49</v>
      </c>
      <c r="AE3643">
        <v>110</v>
      </c>
      <c r="AF3643">
        <v>3850</v>
      </c>
      <c r="AG3643">
        <v>99335</v>
      </c>
      <c r="AH3643">
        <v>50000</v>
      </c>
      <c r="AI3643">
        <v>0</v>
      </c>
      <c r="AJ3643">
        <v>98</v>
      </c>
      <c r="AK3643" t="s">
        <v>35</v>
      </c>
      <c r="AL3643">
        <v>0</v>
      </c>
      <c r="AM3643">
        <v>0</v>
      </c>
      <c r="AN3643">
        <v>0</v>
      </c>
      <c r="AO3643">
        <v>0</v>
      </c>
      <c r="AP3643">
        <v>0</v>
      </c>
      <c r="AQ3643">
        <v>0</v>
      </c>
      <c r="AR3643">
        <v>0</v>
      </c>
      <c r="AS3643">
        <v>0</v>
      </c>
      <c r="AT3643">
        <v>0</v>
      </c>
      <c r="AU3643">
        <v>0</v>
      </c>
      <c r="AV3643">
        <v>0</v>
      </c>
      <c r="AW3643">
        <v>0</v>
      </c>
      <c r="AX3643">
        <v>2310</v>
      </c>
      <c r="AY3643">
        <v>6</v>
      </c>
      <c r="AZ3643">
        <v>18</v>
      </c>
      <c r="BA3643">
        <v>1668</v>
      </c>
    </row>
    <row r="3644" spans="1:53" x14ac:dyDescent="0.4">
      <c r="A3644">
        <v>3688</v>
      </c>
      <c r="B3644" s="1">
        <v>44078</v>
      </c>
      <c r="C3644">
        <v>1</v>
      </c>
      <c r="D3644" s="1">
        <v>44078.291666666664</v>
      </c>
      <c r="E3644" s="1">
        <v>44078.443055555559</v>
      </c>
      <c r="F3644">
        <v>0</v>
      </c>
      <c r="G3644">
        <v>0</v>
      </c>
      <c r="H3644">
        <v>0</v>
      </c>
      <c r="I3644">
        <v>0</v>
      </c>
      <c r="J3644">
        <v>0</v>
      </c>
      <c r="K3644">
        <v>0</v>
      </c>
      <c r="L3644">
        <v>0</v>
      </c>
      <c r="M3644">
        <v>0</v>
      </c>
      <c r="N3644">
        <v>0</v>
      </c>
      <c r="O3644">
        <v>0</v>
      </c>
      <c r="P3644">
        <v>0</v>
      </c>
      <c r="Q3644">
        <v>0</v>
      </c>
      <c r="R3644">
        <v>0</v>
      </c>
      <c r="S3644">
        <v>0</v>
      </c>
      <c r="T3644">
        <v>0</v>
      </c>
      <c r="U3644">
        <v>0</v>
      </c>
      <c r="V3644">
        <v>0</v>
      </c>
      <c r="W3644">
        <v>0</v>
      </c>
      <c r="X3644">
        <v>0</v>
      </c>
      <c r="Y3644">
        <v>38</v>
      </c>
      <c r="Z3644">
        <v>8</v>
      </c>
      <c r="AA3644">
        <v>63</v>
      </c>
      <c r="AB3644">
        <v>4</v>
      </c>
      <c r="AC3644">
        <v>120</v>
      </c>
      <c r="AD3644">
        <v>38</v>
      </c>
      <c r="AE3644">
        <v>110</v>
      </c>
      <c r="AF3644">
        <v>0</v>
      </c>
      <c r="AG3644">
        <v>50000</v>
      </c>
      <c r="AH3644">
        <v>50000</v>
      </c>
      <c r="AI3644">
        <v>0</v>
      </c>
      <c r="AJ3644">
        <v>0</v>
      </c>
      <c r="AK3644" t="s">
        <v>6</v>
      </c>
      <c r="AL3644">
        <v>0</v>
      </c>
      <c r="AM3644">
        <v>0</v>
      </c>
      <c r="AN3644">
        <v>0</v>
      </c>
      <c r="AO3644">
        <v>0</v>
      </c>
      <c r="AP3644">
        <v>0</v>
      </c>
      <c r="AQ3644">
        <v>0</v>
      </c>
      <c r="AR3644">
        <v>0</v>
      </c>
      <c r="AS3644">
        <v>0</v>
      </c>
      <c r="AT3644">
        <v>0</v>
      </c>
      <c r="AU3644">
        <v>0</v>
      </c>
      <c r="AV3644">
        <v>0</v>
      </c>
      <c r="AW3644">
        <v>0</v>
      </c>
      <c r="AX3644">
        <v>0</v>
      </c>
      <c r="AY3644">
        <v>0</v>
      </c>
      <c r="AZ3644">
        <v>0</v>
      </c>
      <c r="BA3644">
        <v>0</v>
      </c>
    </row>
    <row r="3645" spans="1:53" x14ac:dyDescent="0.4">
      <c r="A3645">
        <v>3689</v>
      </c>
      <c r="B3645" s="1">
        <v>44078</v>
      </c>
      <c r="C3645">
        <v>2</v>
      </c>
      <c r="D3645" s="1">
        <v>44078.443055555559</v>
      </c>
      <c r="E3645" s="1">
        <v>44078.747916666667</v>
      </c>
      <c r="F3645">
        <v>16250</v>
      </c>
      <c r="G3645">
        <v>0</v>
      </c>
      <c r="H3645">
        <v>200</v>
      </c>
      <c r="I3645">
        <v>0</v>
      </c>
      <c r="J3645">
        <v>0</v>
      </c>
      <c r="K3645">
        <v>0</v>
      </c>
      <c r="L3645">
        <v>0</v>
      </c>
      <c r="M3645">
        <v>1645</v>
      </c>
      <c r="N3645">
        <v>0</v>
      </c>
      <c r="O3645">
        <v>0</v>
      </c>
      <c r="P3645">
        <v>19800</v>
      </c>
      <c r="Q3645">
        <v>0</v>
      </c>
      <c r="R3645">
        <v>37895</v>
      </c>
      <c r="S3645">
        <v>0</v>
      </c>
      <c r="T3645">
        <v>0</v>
      </c>
      <c r="U3645">
        <v>0</v>
      </c>
      <c r="V3645">
        <v>0</v>
      </c>
      <c r="W3645">
        <v>3</v>
      </c>
      <c r="X3645">
        <v>0</v>
      </c>
      <c r="Y3645">
        <v>54</v>
      </c>
      <c r="Z3645">
        <v>18</v>
      </c>
      <c r="AA3645">
        <v>62</v>
      </c>
      <c r="AB3645">
        <v>0</v>
      </c>
      <c r="AC3645">
        <v>134</v>
      </c>
      <c r="AD3645">
        <v>44</v>
      </c>
      <c r="AE3645">
        <v>120</v>
      </c>
      <c r="AF3645">
        <v>2035</v>
      </c>
      <c r="AG3645">
        <v>87915</v>
      </c>
      <c r="AH3645">
        <v>50000</v>
      </c>
      <c r="AI3645">
        <v>20</v>
      </c>
      <c r="AJ3645">
        <v>84</v>
      </c>
      <c r="AK3645" t="s">
        <v>16</v>
      </c>
      <c r="AL3645">
        <v>0</v>
      </c>
      <c r="AM3645">
        <v>0</v>
      </c>
      <c r="AN3645">
        <v>0</v>
      </c>
      <c r="AO3645">
        <v>0</v>
      </c>
      <c r="AP3645">
        <v>0</v>
      </c>
      <c r="AQ3645">
        <v>0</v>
      </c>
      <c r="AR3645">
        <v>0</v>
      </c>
      <c r="AS3645">
        <v>0</v>
      </c>
      <c r="AT3645">
        <v>0</v>
      </c>
      <c r="AU3645">
        <v>0</v>
      </c>
      <c r="AV3645">
        <v>0</v>
      </c>
      <c r="AW3645">
        <v>0</v>
      </c>
      <c r="AX3645">
        <v>803</v>
      </c>
      <c r="AY3645">
        <v>30</v>
      </c>
      <c r="AZ3645">
        <v>57</v>
      </c>
      <c r="BA3645">
        <v>4013</v>
      </c>
    </row>
    <row r="3646" spans="1:53" x14ac:dyDescent="0.4">
      <c r="A3646">
        <v>3690</v>
      </c>
      <c r="B3646" s="1">
        <v>44079</v>
      </c>
      <c r="C3646">
        <v>1</v>
      </c>
      <c r="D3646" s="1">
        <v>44079.291666666664</v>
      </c>
      <c r="E3646" s="1">
        <v>44079.398611111108</v>
      </c>
      <c r="F3646">
        <v>0</v>
      </c>
      <c r="G3646">
        <v>0</v>
      </c>
      <c r="H3646">
        <v>0</v>
      </c>
      <c r="I3646">
        <v>0</v>
      </c>
      <c r="J3646">
        <v>0</v>
      </c>
      <c r="K3646">
        <v>0</v>
      </c>
      <c r="L3646">
        <v>0</v>
      </c>
      <c r="M3646">
        <v>0</v>
      </c>
      <c r="N3646">
        <v>0</v>
      </c>
      <c r="O3646">
        <v>0</v>
      </c>
      <c r="P3646">
        <v>0</v>
      </c>
      <c r="Q3646">
        <v>0</v>
      </c>
      <c r="R3646">
        <v>0</v>
      </c>
      <c r="S3646">
        <v>0</v>
      </c>
      <c r="T3646">
        <v>0</v>
      </c>
      <c r="U3646">
        <v>0</v>
      </c>
      <c r="V3646">
        <v>0</v>
      </c>
      <c r="W3646">
        <v>0</v>
      </c>
      <c r="X3646">
        <v>0</v>
      </c>
      <c r="Y3646">
        <v>39</v>
      </c>
      <c r="Z3646">
        <v>10</v>
      </c>
      <c r="AA3646">
        <v>42</v>
      </c>
      <c r="AB3646">
        <v>5</v>
      </c>
      <c r="AC3646">
        <v>127</v>
      </c>
      <c r="AD3646">
        <v>31</v>
      </c>
      <c r="AE3646">
        <v>125</v>
      </c>
      <c r="AF3646">
        <v>0</v>
      </c>
      <c r="AG3646">
        <v>50000</v>
      </c>
      <c r="AH3646">
        <v>50000</v>
      </c>
      <c r="AI3646">
        <v>0</v>
      </c>
      <c r="AJ3646">
        <v>0</v>
      </c>
      <c r="AK3646" t="s">
        <v>6</v>
      </c>
      <c r="AL3646">
        <v>0</v>
      </c>
      <c r="AM3646">
        <v>0</v>
      </c>
      <c r="AN3646">
        <v>0</v>
      </c>
      <c r="AO3646">
        <v>0</v>
      </c>
      <c r="AP3646">
        <v>0</v>
      </c>
      <c r="AQ3646">
        <v>0</v>
      </c>
      <c r="AR3646">
        <v>0</v>
      </c>
      <c r="AS3646">
        <v>0</v>
      </c>
      <c r="AT3646">
        <v>0</v>
      </c>
      <c r="AU3646">
        <v>0</v>
      </c>
      <c r="AV3646">
        <v>0</v>
      </c>
      <c r="AW3646">
        <v>0</v>
      </c>
      <c r="AX3646">
        <v>0</v>
      </c>
      <c r="AY3646">
        <v>0</v>
      </c>
      <c r="AZ3646">
        <v>0</v>
      </c>
      <c r="BA3646">
        <v>0</v>
      </c>
    </row>
    <row r="3647" spans="1:53" x14ac:dyDescent="0.4">
      <c r="A3647">
        <v>3691</v>
      </c>
      <c r="B3647" s="1">
        <v>44079</v>
      </c>
      <c r="C3647">
        <v>2</v>
      </c>
      <c r="D3647" s="1">
        <v>44079.398611111108</v>
      </c>
      <c r="E3647" s="1">
        <v>44079.737500000003</v>
      </c>
      <c r="F3647">
        <v>37950</v>
      </c>
      <c r="G3647">
        <v>4240</v>
      </c>
      <c r="H3647">
        <v>30</v>
      </c>
      <c r="I3647">
        <v>0</v>
      </c>
      <c r="J3647">
        <v>0</v>
      </c>
      <c r="K3647">
        <v>0</v>
      </c>
      <c r="L3647">
        <v>0</v>
      </c>
      <c r="M3647">
        <v>4222</v>
      </c>
      <c r="N3647">
        <v>0</v>
      </c>
      <c r="O3647">
        <v>0</v>
      </c>
      <c r="P3647">
        <v>13530</v>
      </c>
      <c r="Q3647">
        <v>0</v>
      </c>
      <c r="R3647">
        <v>59972</v>
      </c>
      <c r="S3647">
        <v>0</v>
      </c>
      <c r="T3647">
        <v>0</v>
      </c>
      <c r="U3647">
        <v>0</v>
      </c>
      <c r="V3647">
        <v>0</v>
      </c>
      <c r="W3647">
        <v>3</v>
      </c>
      <c r="X3647">
        <v>0</v>
      </c>
      <c r="Y3647">
        <v>79</v>
      </c>
      <c r="Z3647">
        <v>19</v>
      </c>
      <c r="AA3647">
        <v>36</v>
      </c>
      <c r="AB3647">
        <v>4</v>
      </c>
      <c r="AC3647">
        <v>152</v>
      </c>
      <c r="AD3647">
        <v>34</v>
      </c>
      <c r="AE3647">
        <v>157</v>
      </c>
      <c r="AF3647">
        <v>825</v>
      </c>
      <c r="AG3647">
        <v>109972</v>
      </c>
      <c r="AH3647">
        <v>50000</v>
      </c>
      <c r="AI3647">
        <v>0</v>
      </c>
      <c r="AJ3647">
        <v>84</v>
      </c>
      <c r="AK3647" t="s">
        <v>16</v>
      </c>
      <c r="AL3647">
        <v>0</v>
      </c>
      <c r="AM3647">
        <v>0</v>
      </c>
      <c r="AN3647">
        <v>0</v>
      </c>
      <c r="AO3647">
        <v>0</v>
      </c>
      <c r="AP3647">
        <v>0</v>
      </c>
      <c r="AQ3647">
        <v>0</v>
      </c>
      <c r="AR3647">
        <v>0</v>
      </c>
      <c r="AS3647">
        <v>0</v>
      </c>
      <c r="AT3647">
        <v>0</v>
      </c>
      <c r="AU3647">
        <v>0</v>
      </c>
      <c r="AV3647">
        <v>0</v>
      </c>
      <c r="AW3647">
        <v>0</v>
      </c>
      <c r="AX3647">
        <v>0</v>
      </c>
      <c r="AY3647">
        <v>42</v>
      </c>
      <c r="AZ3647">
        <v>78</v>
      </c>
      <c r="BA3647">
        <v>6928</v>
      </c>
    </row>
    <row r="3648" spans="1:53" x14ac:dyDescent="0.4">
      <c r="A3648">
        <v>3692</v>
      </c>
      <c r="B3648" s="1">
        <v>44079</v>
      </c>
      <c r="C3648">
        <v>3</v>
      </c>
      <c r="D3648" s="1">
        <v>44079.737500000003</v>
      </c>
      <c r="E3648" s="1">
        <v>44079.994444444441</v>
      </c>
      <c r="F3648">
        <v>87725</v>
      </c>
      <c r="G3648">
        <v>1340</v>
      </c>
      <c r="H3648">
        <v>120</v>
      </c>
      <c r="I3648">
        <v>0</v>
      </c>
      <c r="J3648">
        <v>0</v>
      </c>
      <c r="K3648">
        <v>0</v>
      </c>
      <c r="L3648">
        <v>0</v>
      </c>
      <c r="M3648">
        <v>8918</v>
      </c>
      <c r="N3648">
        <v>0</v>
      </c>
      <c r="O3648">
        <v>0</v>
      </c>
      <c r="P3648">
        <v>858</v>
      </c>
      <c r="Q3648">
        <v>0</v>
      </c>
      <c r="R3648">
        <v>98961</v>
      </c>
      <c r="S3648">
        <v>0</v>
      </c>
      <c r="T3648">
        <v>0</v>
      </c>
      <c r="U3648">
        <v>0</v>
      </c>
      <c r="V3648">
        <v>6</v>
      </c>
      <c r="W3648">
        <v>5</v>
      </c>
      <c r="X3648">
        <v>0</v>
      </c>
      <c r="Y3648">
        <v>93</v>
      </c>
      <c r="Z3648">
        <v>20</v>
      </c>
      <c r="AA3648">
        <v>119</v>
      </c>
      <c r="AB3648">
        <v>3</v>
      </c>
      <c r="AC3648">
        <v>136</v>
      </c>
      <c r="AD3648">
        <v>33</v>
      </c>
      <c r="AE3648">
        <v>153</v>
      </c>
      <c r="AF3648">
        <v>7205</v>
      </c>
      <c r="AG3648">
        <v>208933</v>
      </c>
      <c r="AH3648">
        <v>50000</v>
      </c>
      <c r="AI3648">
        <v>0</v>
      </c>
      <c r="AJ3648">
        <v>108</v>
      </c>
      <c r="AK3648" t="s">
        <v>30</v>
      </c>
      <c r="AL3648">
        <v>0</v>
      </c>
      <c r="AM3648">
        <v>0</v>
      </c>
      <c r="AN3648">
        <v>0</v>
      </c>
      <c r="AO3648">
        <v>0</v>
      </c>
      <c r="AP3648">
        <v>0</v>
      </c>
      <c r="AQ3648">
        <v>0</v>
      </c>
      <c r="AR3648">
        <v>0</v>
      </c>
      <c r="AS3648">
        <v>0</v>
      </c>
      <c r="AT3648">
        <v>0</v>
      </c>
      <c r="AU3648">
        <v>0</v>
      </c>
      <c r="AV3648">
        <v>0</v>
      </c>
      <c r="AW3648">
        <v>0</v>
      </c>
      <c r="AX3648">
        <v>22770</v>
      </c>
      <c r="AY3648">
        <v>25</v>
      </c>
      <c r="AZ3648">
        <v>68</v>
      </c>
      <c r="BA3648">
        <v>3029</v>
      </c>
    </row>
    <row r="3649" spans="1:53" x14ac:dyDescent="0.4">
      <c r="A3649">
        <v>3693</v>
      </c>
      <c r="B3649" s="1">
        <v>44080</v>
      </c>
      <c r="C3649">
        <v>1</v>
      </c>
      <c r="D3649" s="1">
        <v>44080.291666666664</v>
      </c>
      <c r="E3649" s="1">
        <v>44080.385416666664</v>
      </c>
      <c r="F3649">
        <v>0</v>
      </c>
      <c r="G3649">
        <v>0</v>
      </c>
      <c r="H3649">
        <v>0</v>
      </c>
      <c r="I3649">
        <v>0</v>
      </c>
      <c r="J3649">
        <v>0</v>
      </c>
      <c r="K3649">
        <v>0</v>
      </c>
      <c r="L3649">
        <v>0</v>
      </c>
      <c r="M3649">
        <v>0</v>
      </c>
      <c r="N3649">
        <v>0</v>
      </c>
      <c r="O3649">
        <v>0</v>
      </c>
      <c r="P3649">
        <v>0</v>
      </c>
      <c r="Q3649">
        <v>0</v>
      </c>
      <c r="R3649">
        <v>0</v>
      </c>
      <c r="S3649">
        <v>0</v>
      </c>
      <c r="T3649">
        <v>0</v>
      </c>
      <c r="U3649">
        <v>0</v>
      </c>
      <c r="V3649">
        <v>0</v>
      </c>
      <c r="W3649">
        <v>0</v>
      </c>
      <c r="X3649">
        <v>0</v>
      </c>
      <c r="Y3649">
        <v>31</v>
      </c>
      <c r="Z3649">
        <v>10</v>
      </c>
      <c r="AA3649">
        <v>122</v>
      </c>
      <c r="AB3649">
        <v>3</v>
      </c>
      <c r="AC3649">
        <v>138</v>
      </c>
      <c r="AD3649">
        <v>34</v>
      </c>
      <c r="AE3649">
        <v>100</v>
      </c>
      <c r="AF3649">
        <v>0</v>
      </c>
      <c r="AG3649">
        <v>50000</v>
      </c>
      <c r="AH3649">
        <v>50000</v>
      </c>
      <c r="AI3649">
        <v>0</v>
      </c>
      <c r="AJ3649">
        <v>0</v>
      </c>
      <c r="AK3649" t="s">
        <v>6</v>
      </c>
      <c r="AL3649">
        <v>0</v>
      </c>
      <c r="AM3649">
        <v>0</v>
      </c>
      <c r="AN3649">
        <v>0</v>
      </c>
      <c r="AO3649">
        <v>0</v>
      </c>
      <c r="AP3649">
        <v>0</v>
      </c>
      <c r="AQ3649">
        <v>0</v>
      </c>
      <c r="AR3649">
        <v>0</v>
      </c>
      <c r="AS3649">
        <v>0</v>
      </c>
      <c r="AT3649">
        <v>0</v>
      </c>
      <c r="AU3649">
        <v>0</v>
      </c>
      <c r="AV3649">
        <v>0</v>
      </c>
      <c r="AW3649">
        <v>0</v>
      </c>
      <c r="AX3649">
        <v>0</v>
      </c>
      <c r="AY3649">
        <v>0</v>
      </c>
      <c r="AZ3649">
        <v>0</v>
      </c>
      <c r="BA3649">
        <v>0</v>
      </c>
    </row>
    <row r="3650" spans="1:53" x14ac:dyDescent="0.4">
      <c r="A3650">
        <v>3694</v>
      </c>
      <c r="B3650" s="1">
        <v>44080</v>
      </c>
      <c r="C3650">
        <v>2</v>
      </c>
      <c r="D3650" s="1">
        <v>44080.385416666664</v>
      </c>
      <c r="E3650" s="1">
        <v>44080.732638888891</v>
      </c>
      <c r="F3650">
        <v>34300</v>
      </c>
      <c r="G3650">
        <v>0</v>
      </c>
      <c r="H3650">
        <v>0</v>
      </c>
      <c r="I3650">
        <v>0</v>
      </c>
      <c r="J3650">
        <v>0</v>
      </c>
      <c r="K3650">
        <v>0</v>
      </c>
      <c r="L3650">
        <v>0</v>
      </c>
      <c r="M3650">
        <v>3430</v>
      </c>
      <c r="N3650">
        <v>0</v>
      </c>
      <c r="O3650">
        <v>0</v>
      </c>
      <c r="P3650">
        <v>25245</v>
      </c>
      <c r="Q3650">
        <v>0</v>
      </c>
      <c r="R3650">
        <v>62975</v>
      </c>
      <c r="S3650">
        <v>0</v>
      </c>
      <c r="T3650">
        <v>0</v>
      </c>
      <c r="U3650">
        <v>0</v>
      </c>
      <c r="V3650">
        <v>0</v>
      </c>
      <c r="W3650">
        <v>2</v>
      </c>
      <c r="X3650">
        <v>0</v>
      </c>
      <c r="Y3650">
        <v>78</v>
      </c>
      <c r="Z3650">
        <v>28</v>
      </c>
      <c r="AA3650">
        <v>90</v>
      </c>
      <c r="AB3650">
        <v>0</v>
      </c>
      <c r="AC3650">
        <v>89</v>
      </c>
      <c r="AD3650">
        <v>66</v>
      </c>
      <c r="AE3650">
        <v>150</v>
      </c>
      <c r="AF3650">
        <v>605</v>
      </c>
      <c r="AG3650">
        <v>112975</v>
      </c>
      <c r="AH3650">
        <v>50000</v>
      </c>
      <c r="AI3650">
        <v>0</v>
      </c>
      <c r="AJ3650">
        <v>107</v>
      </c>
      <c r="AK3650" t="s">
        <v>40</v>
      </c>
      <c r="AL3650">
        <v>0</v>
      </c>
      <c r="AM3650">
        <v>0</v>
      </c>
      <c r="AN3650">
        <v>0</v>
      </c>
      <c r="AO3650">
        <v>0</v>
      </c>
      <c r="AP3650">
        <v>0</v>
      </c>
      <c r="AQ3650">
        <v>0</v>
      </c>
      <c r="AR3650">
        <v>0</v>
      </c>
      <c r="AS3650">
        <v>0</v>
      </c>
      <c r="AT3650">
        <v>0</v>
      </c>
      <c r="AU3650">
        <v>0</v>
      </c>
      <c r="AV3650">
        <v>0</v>
      </c>
      <c r="AW3650">
        <v>0</v>
      </c>
      <c r="AX3650">
        <v>1815</v>
      </c>
      <c r="AY3650">
        <v>42</v>
      </c>
      <c r="AZ3650">
        <v>96</v>
      </c>
      <c r="BA3650">
        <v>6371</v>
      </c>
    </row>
    <row r="3651" spans="1:53" x14ac:dyDescent="0.4">
      <c r="A3651">
        <v>3695</v>
      </c>
      <c r="B3651" s="1">
        <v>44081</v>
      </c>
      <c r="C3651">
        <v>1</v>
      </c>
      <c r="D3651" s="1">
        <v>44081.291666666664</v>
      </c>
      <c r="E3651" s="1">
        <v>44081.425000000003</v>
      </c>
      <c r="F3651">
        <v>0</v>
      </c>
      <c r="G3651">
        <v>0</v>
      </c>
      <c r="H3651">
        <v>0</v>
      </c>
      <c r="I3651">
        <v>0</v>
      </c>
      <c r="J3651">
        <v>0</v>
      </c>
      <c r="K3651">
        <v>0</v>
      </c>
      <c r="L3651">
        <v>0</v>
      </c>
      <c r="M3651">
        <v>0</v>
      </c>
      <c r="N3651">
        <v>0</v>
      </c>
      <c r="O3651">
        <v>0</v>
      </c>
      <c r="P3651">
        <v>0</v>
      </c>
      <c r="Q3651">
        <v>0</v>
      </c>
      <c r="R3651">
        <v>0</v>
      </c>
      <c r="S3651">
        <v>0</v>
      </c>
      <c r="T3651">
        <v>0</v>
      </c>
      <c r="U3651">
        <v>0</v>
      </c>
      <c r="V3651">
        <v>0</v>
      </c>
      <c r="W3651">
        <v>0</v>
      </c>
      <c r="X3651">
        <v>0</v>
      </c>
      <c r="Y3651">
        <v>34</v>
      </c>
      <c r="Z3651">
        <v>8</v>
      </c>
      <c r="AA3651">
        <v>105</v>
      </c>
      <c r="AB3651">
        <v>7</v>
      </c>
      <c r="AC3651">
        <v>74</v>
      </c>
      <c r="AD3651">
        <v>62</v>
      </c>
      <c r="AE3651">
        <v>100</v>
      </c>
      <c r="AF3651">
        <v>0</v>
      </c>
      <c r="AG3651">
        <v>50000</v>
      </c>
      <c r="AH3651">
        <v>50000</v>
      </c>
      <c r="AI3651">
        <v>0</v>
      </c>
      <c r="AJ3651">
        <v>0</v>
      </c>
      <c r="AK3651" t="s">
        <v>6</v>
      </c>
      <c r="AL3651">
        <v>0</v>
      </c>
      <c r="AM3651">
        <v>0</v>
      </c>
      <c r="AN3651">
        <v>0</v>
      </c>
      <c r="AO3651">
        <v>0</v>
      </c>
      <c r="AP3651">
        <v>0</v>
      </c>
      <c r="AQ3651">
        <v>0</v>
      </c>
      <c r="AR3651">
        <v>0</v>
      </c>
      <c r="AS3651">
        <v>0</v>
      </c>
      <c r="AT3651">
        <v>0</v>
      </c>
      <c r="AU3651">
        <v>0</v>
      </c>
      <c r="AV3651">
        <v>0</v>
      </c>
      <c r="AW3651">
        <v>0</v>
      </c>
      <c r="AX3651">
        <v>0</v>
      </c>
      <c r="AY3651">
        <v>0</v>
      </c>
      <c r="AZ3651">
        <v>0</v>
      </c>
      <c r="BA3651">
        <v>0</v>
      </c>
    </row>
    <row r="3652" spans="1:53" x14ac:dyDescent="0.4">
      <c r="A3652">
        <v>3696</v>
      </c>
      <c r="B3652" s="1">
        <v>44081</v>
      </c>
      <c r="C3652">
        <v>2</v>
      </c>
      <c r="D3652" s="1">
        <v>44081.425000000003</v>
      </c>
      <c r="E3652" s="1">
        <v>44081.730555555558</v>
      </c>
      <c r="F3652">
        <v>6650</v>
      </c>
      <c r="G3652">
        <v>1080</v>
      </c>
      <c r="H3652">
        <v>0</v>
      </c>
      <c r="I3652">
        <v>0</v>
      </c>
      <c r="J3652">
        <v>0</v>
      </c>
      <c r="K3652">
        <v>900</v>
      </c>
      <c r="L3652">
        <v>0</v>
      </c>
      <c r="M3652">
        <v>863</v>
      </c>
      <c r="N3652">
        <v>0</v>
      </c>
      <c r="O3652">
        <v>0</v>
      </c>
      <c r="P3652">
        <v>13310</v>
      </c>
      <c r="Q3652">
        <v>0</v>
      </c>
      <c r="R3652">
        <v>22803</v>
      </c>
      <c r="S3652">
        <v>0</v>
      </c>
      <c r="T3652">
        <v>0</v>
      </c>
      <c r="U3652">
        <v>0</v>
      </c>
      <c r="V3652">
        <v>1</v>
      </c>
      <c r="W3652">
        <v>0</v>
      </c>
      <c r="X3652">
        <v>0</v>
      </c>
      <c r="Y3652">
        <v>38</v>
      </c>
      <c r="Z3652">
        <v>15</v>
      </c>
      <c r="AA3652">
        <v>96</v>
      </c>
      <c r="AB3652">
        <v>0</v>
      </c>
      <c r="AC3652">
        <v>55</v>
      </c>
      <c r="AD3652">
        <v>53</v>
      </c>
      <c r="AE3652">
        <v>107</v>
      </c>
      <c r="AF3652">
        <v>6781</v>
      </c>
      <c r="AG3652">
        <v>72803</v>
      </c>
      <c r="AH3652">
        <v>50000</v>
      </c>
      <c r="AI3652">
        <v>0</v>
      </c>
      <c r="AJ3652">
        <v>107</v>
      </c>
      <c r="AK3652" t="s">
        <v>40</v>
      </c>
      <c r="AL3652">
        <v>0</v>
      </c>
      <c r="AM3652">
        <v>0</v>
      </c>
      <c r="AN3652">
        <v>0</v>
      </c>
      <c r="AO3652">
        <v>0</v>
      </c>
      <c r="AP3652">
        <v>0</v>
      </c>
      <c r="AQ3652">
        <v>0</v>
      </c>
      <c r="AR3652">
        <v>0</v>
      </c>
      <c r="AS3652">
        <v>0</v>
      </c>
      <c r="AT3652">
        <v>0</v>
      </c>
      <c r="AU3652">
        <v>0</v>
      </c>
      <c r="AV3652">
        <v>0</v>
      </c>
      <c r="AW3652">
        <v>0</v>
      </c>
      <c r="AX3652">
        <v>-2420</v>
      </c>
      <c r="AY3652">
        <v>14</v>
      </c>
      <c r="AZ3652">
        <v>33</v>
      </c>
      <c r="BA3652">
        <v>1288</v>
      </c>
    </row>
    <row r="3653" spans="1:53" x14ac:dyDescent="0.4">
      <c r="A3653">
        <v>3697</v>
      </c>
      <c r="B3653" s="1">
        <v>44081</v>
      </c>
      <c r="C3653">
        <v>3</v>
      </c>
      <c r="D3653" s="1">
        <v>44081.730555555558</v>
      </c>
      <c r="E3653" s="1">
        <v>44081.947222222225</v>
      </c>
      <c r="F3653">
        <v>18700</v>
      </c>
      <c r="G3653">
        <v>920</v>
      </c>
      <c r="H3653">
        <v>0</v>
      </c>
      <c r="I3653">
        <v>0</v>
      </c>
      <c r="J3653">
        <v>0</v>
      </c>
      <c r="K3653">
        <v>0</v>
      </c>
      <c r="L3653">
        <v>0</v>
      </c>
      <c r="M3653">
        <v>1962</v>
      </c>
      <c r="N3653">
        <v>0</v>
      </c>
      <c r="O3653">
        <v>0</v>
      </c>
      <c r="P3653">
        <v>-13310</v>
      </c>
      <c r="Q3653">
        <v>0</v>
      </c>
      <c r="R3653">
        <v>8272</v>
      </c>
      <c r="S3653">
        <v>0</v>
      </c>
      <c r="T3653">
        <v>0</v>
      </c>
      <c r="U3653">
        <v>0</v>
      </c>
      <c r="V3653">
        <v>1</v>
      </c>
      <c r="W3653">
        <v>0</v>
      </c>
      <c r="X3653">
        <v>0</v>
      </c>
      <c r="Y3653">
        <v>46</v>
      </c>
      <c r="Z3653">
        <v>13</v>
      </c>
      <c r="AA3653">
        <v>94</v>
      </c>
      <c r="AB3653">
        <v>4</v>
      </c>
      <c r="AC3653">
        <v>61</v>
      </c>
      <c r="AD3653">
        <v>53</v>
      </c>
      <c r="AE3653">
        <v>109</v>
      </c>
      <c r="AF3653">
        <v>7991</v>
      </c>
      <c r="AG3653">
        <v>81075</v>
      </c>
      <c r="AH3653">
        <v>50000</v>
      </c>
      <c r="AI3653">
        <v>0</v>
      </c>
      <c r="AJ3653">
        <v>70</v>
      </c>
      <c r="AK3653" t="s">
        <v>47</v>
      </c>
      <c r="AL3653">
        <v>0</v>
      </c>
      <c r="AM3653">
        <v>0</v>
      </c>
      <c r="AN3653">
        <v>0</v>
      </c>
      <c r="AO3653">
        <v>0</v>
      </c>
      <c r="AP3653">
        <v>0</v>
      </c>
      <c r="AQ3653">
        <v>0</v>
      </c>
      <c r="AR3653">
        <v>0</v>
      </c>
      <c r="AS3653">
        <v>0</v>
      </c>
      <c r="AT3653">
        <v>0</v>
      </c>
      <c r="AU3653">
        <v>0</v>
      </c>
      <c r="AV3653">
        <v>0</v>
      </c>
      <c r="AW3653">
        <v>0</v>
      </c>
      <c r="AX3653">
        <v>10065</v>
      </c>
      <c r="AY3653">
        <v>9</v>
      </c>
      <c r="AZ3653">
        <v>20</v>
      </c>
      <c r="BA3653">
        <v>1783</v>
      </c>
    </row>
    <row r="3654" spans="1:53" x14ac:dyDescent="0.4">
      <c r="A3654">
        <v>3698</v>
      </c>
      <c r="B3654" s="1">
        <v>44081</v>
      </c>
      <c r="C3654">
        <v>4</v>
      </c>
      <c r="D3654" s="1">
        <v>44081.947222222225</v>
      </c>
      <c r="E3654" s="1">
        <v>44082.032638888886</v>
      </c>
      <c r="F3654">
        <v>17800</v>
      </c>
      <c r="G3654">
        <v>350</v>
      </c>
      <c r="H3654">
        <v>0</v>
      </c>
      <c r="I3654">
        <v>0</v>
      </c>
      <c r="J3654">
        <v>0</v>
      </c>
      <c r="K3654">
        <v>0</v>
      </c>
      <c r="L3654">
        <v>0</v>
      </c>
      <c r="M3654">
        <v>1815</v>
      </c>
      <c r="N3654">
        <v>0</v>
      </c>
      <c r="O3654">
        <v>0</v>
      </c>
      <c r="P3654">
        <v>5632</v>
      </c>
      <c r="Q3654">
        <v>0</v>
      </c>
      <c r="R3654">
        <v>25597</v>
      </c>
      <c r="S3654">
        <v>0</v>
      </c>
      <c r="T3654">
        <v>0</v>
      </c>
      <c r="U3654">
        <v>0</v>
      </c>
      <c r="V3654">
        <v>1</v>
      </c>
      <c r="W3654">
        <v>1</v>
      </c>
      <c r="X3654">
        <v>0</v>
      </c>
      <c r="Y3654">
        <v>50</v>
      </c>
      <c r="Z3654">
        <v>13</v>
      </c>
      <c r="AA3654">
        <v>97</v>
      </c>
      <c r="AB3654">
        <v>8</v>
      </c>
      <c r="AC3654">
        <v>62</v>
      </c>
      <c r="AD3654">
        <v>54</v>
      </c>
      <c r="AE3654">
        <v>106</v>
      </c>
      <c r="AF3654">
        <v>24076</v>
      </c>
      <c r="AG3654">
        <v>106672</v>
      </c>
      <c r="AH3654">
        <v>50000</v>
      </c>
      <c r="AI3654">
        <v>0</v>
      </c>
      <c r="AJ3654">
        <v>70</v>
      </c>
      <c r="AK3654" t="s">
        <v>47</v>
      </c>
      <c r="AL3654">
        <v>0</v>
      </c>
      <c r="AM3654">
        <v>0</v>
      </c>
      <c r="AN3654">
        <v>0</v>
      </c>
      <c r="AO3654">
        <v>0</v>
      </c>
      <c r="AP3654">
        <v>0</v>
      </c>
      <c r="AQ3654">
        <v>0</v>
      </c>
      <c r="AR3654">
        <v>0</v>
      </c>
      <c r="AS3654">
        <v>0</v>
      </c>
      <c r="AT3654">
        <v>0</v>
      </c>
      <c r="AU3654">
        <v>0</v>
      </c>
      <c r="AV3654">
        <v>0</v>
      </c>
      <c r="AW3654">
        <v>0</v>
      </c>
      <c r="AX3654">
        <v>-1496</v>
      </c>
      <c r="AY3654">
        <v>3</v>
      </c>
      <c r="AZ3654">
        <v>6</v>
      </c>
      <c r="BA3654">
        <v>286</v>
      </c>
    </row>
    <row r="3655" spans="1:53" x14ac:dyDescent="0.4">
      <c r="A3655">
        <v>3699</v>
      </c>
      <c r="B3655" s="1">
        <v>44082</v>
      </c>
      <c r="C3655">
        <v>1</v>
      </c>
      <c r="D3655" s="1">
        <v>44082.291666666664</v>
      </c>
      <c r="E3655" s="1">
        <v>44082.443749999999</v>
      </c>
      <c r="F3655">
        <v>0</v>
      </c>
      <c r="G3655">
        <v>0</v>
      </c>
      <c r="H3655">
        <v>0</v>
      </c>
      <c r="I3655">
        <v>0</v>
      </c>
      <c r="J3655">
        <v>0</v>
      </c>
      <c r="K3655">
        <v>0</v>
      </c>
      <c r="L3655">
        <v>0</v>
      </c>
      <c r="M3655">
        <v>0</v>
      </c>
      <c r="N3655">
        <v>0</v>
      </c>
      <c r="O3655">
        <v>0</v>
      </c>
      <c r="P3655">
        <v>0</v>
      </c>
      <c r="Q3655">
        <v>0</v>
      </c>
      <c r="R3655">
        <v>0</v>
      </c>
      <c r="S3655">
        <v>0</v>
      </c>
      <c r="T3655">
        <v>0</v>
      </c>
      <c r="U3655">
        <v>0</v>
      </c>
      <c r="V3655">
        <v>0</v>
      </c>
      <c r="W3655">
        <v>0</v>
      </c>
      <c r="X3655">
        <v>0</v>
      </c>
      <c r="Y3655">
        <v>34</v>
      </c>
      <c r="Z3655">
        <v>12</v>
      </c>
      <c r="AA3655">
        <v>87</v>
      </c>
      <c r="AB3655">
        <v>7</v>
      </c>
      <c r="AC3655">
        <v>58</v>
      </c>
      <c r="AD3655">
        <v>54</v>
      </c>
      <c r="AE3655">
        <v>100</v>
      </c>
      <c r="AF3655">
        <v>0</v>
      </c>
      <c r="AG3655">
        <v>50000</v>
      </c>
      <c r="AH3655">
        <v>50000</v>
      </c>
      <c r="AI3655">
        <v>0</v>
      </c>
      <c r="AJ3655">
        <v>0</v>
      </c>
      <c r="AK3655" t="s">
        <v>6</v>
      </c>
      <c r="AL3655">
        <v>0</v>
      </c>
      <c r="AM3655">
        <v>0</v>
      </c>
      <c r="AN3655">
        <v>0</v>
      </c>
      <c r="AO3655">
        <v>0</v>
      </c>
      <c r="AP3655">
        <v>0</v>
      </c>
      <c r="AQ3655">
        <v>0</v>
      </c>
      <c r="AR3655">
        <v>0</v>
      </c>
      <c r="AS3655">
        <v>0</v>
      </c>
      <c r="AT3655">
        <v>0</v>
      </c>
      <c r="AU3655">
        <v>0</v>
      </c>
      <c r="AV3655">
        <v>0</v>
      </c>
      <c r="AW3655">
        <v>0</v>
      </c>
      <c r="AX3655">
        <v>0</v>
      </c>
      <c r="AY3655">
        <v>0</v>
      </c>
      <c r="AZ3655">
        <v>0</v>
      </c>
      <c r="BA3655">
        <v>0</v>
      </c>
    </row>
    <row r="3656" spans="1:53" x14ac:dyDescent="0.4">
      <c r="A3656">
        <v>3700</v>
      </c>
      <c r="B3656" s="1">
        <v>44082</v>
      </c>
      <c r="C3656">
        <v>2</v>
      </c>
      <c r="D3656" s="1">
        <v>44082.443749999999</v>
      </c>
      <c r="E3656" s="1">
        <v>44082.743055555555</v>
      </c>
      <c r="F3656">
        <v>13550</v>
      </c>
      <c r="G3656">
        <v>0</v>
      </c>
      <c r="H3656">
        <v>30</v>
      </c>
      <c r="I3656">
        <v>0</v>
      </c>
      <c r="J3656">
        <v>0</v>
      </c>
      <c r="K3656">
        <v>0</v>
      </c>
      <c r="L3656">
        <v>0</v>
      </c>
      <c r="M3656">
        <v>1358</v>
      </c>
      <c r="N3656">
        <v>0</v>
      </c>
      <c r="O3656">
        <v>0</v>
      </c>
      <c r="P3656">
        <v>11110</v>
      </c>
      <c r="Q3656">
        <v>0</v>
      </c>
      <c r="R3656">
        <v>26048</v>
      </c>
      <c r="S3656">
        <v>0</v>
      </c>
      <c r="T3656">
        <v>0</v>
      </c>
      <c r="U3656">
        <v>0</v>
      </c>
      <c r="V3656">
        <v>1</v>
      </c>
      <c r="W3656">
        <v>0</v>
      </c>
      <c r="X3656">
        <v>0</v>
      </c>
      <c r="Y3656">
        <v>42</v>
      </c>
      <c r="Z3656">
        <v>25</v>
      </c>
      <c r="AA3656">
        <v>77</v>
      </c>
      <c r="AB3656">
        <v>5</v>
      </c>
      <c r="AC3656">
        <v>77</v>
      </c>
      <c r="AD3656">
        <v>61</v>
      </c>
      <c r="AE3656">
        <v>103</v>
      </c>
      <c r="AF3656">
        <v>2420</v>
      </c>
      <c r="AG3656">
        <v>76048</v>
      </c>
      <c r="AH3656">
        <v>50000</v>
      </c>
      <c r="AI3656">
        <v>0</v>
      </c>
      <c r="AJ3656">
        <v>84</v>
      </c>
      <c r="AK3656" t="s">
        <v>16</v>
      </c>
      <c r="AL3656">
        <v>0</v>
      </c>
      <c r="AM3656">
        <v>0</v>
      </c>
      <c r="AN3656">
        <v>0</v>
      </c>
      <c r="AO3656">
        <v>0</v>
      </c>
      <c r="AP3656">
        <v>0</v>
      </c>
      <c r="AQ3656">
        <v>0</v>
      </c>
      <c r="AR3656">
        <v>0</v>
      </c>
      <c r="AS3656">
        <v>0</v>
      </c>
      <c r="AT3656">
        <v>0</v>
      </c>
      <c r="AU3656">
        <v>0</v>
      </c>
      <c r="AV3656">
        <v>0</v>
      </c>
      <c r="AW3656">
        <v>0</v>
      </c>
      <c r="AX3656">
        <v>594</v>
      </c>
      <c r="AY3656">
        <v>22</v>
      </c>
      <c r="AZ3656">
        <v>39</v>
      </c>
      <c r="BA3656">
        <v>2813</v>
      </c>
    </row>
    <row r="3657" spans="1:53" x14ac:dyDescent="0.4">
      <c r="A3657">
        <v>3701</v>
      </c>
      <c r="B3657" s="1">
        <v>44083</v>
      </c>
      <c r="C3657">
        <v>1</v>
      </c>
      <c r="D3657" s="1">
        <v>44083.291666666664</v>
      </c>
      <c r="E3657" s="1">
        <v>44083.445833333331</v>
      </c>
      <c r="F3657">
        <v>0</v>
      </c>
      <c r="G3657">
        <v>0</v>
      </c>
      <c r="H3657">
        <v>0</v>
      </c>
      <c r="I3657">
        <v>0</v>
      </c>
      <c r="J3657">
        <v>0</v>
      </c>
      <c r="K3657">
        <v>0</v>
      </c>
      <c r="L3657">
        <v>0</v>
      </c>
      <c r="M3657">
        <v>0</v>
      </c>
      <c r="N3657">
        <v>0</v>
      </c>
      <c r="O3657">
        <v>0</v>
      </c>
      <c r="P3657">
        <v>0</v>
      </c>
      <c r="Q3657">
        <v>0</v>
      </c>
      <c r="R3657">
        <v>0</v>
      </c>
      <c r="S3657">
        <v>0</v>
      </c>
      <c r="T3657">
        <v>0</v>
      </c>
      <c r="U3657">
        <v>0</v>
      </c>
      <c r="V3657">
        <v>0</v>
      </c>
      <c r="W3657">
        <v>0</v>
      </c>
      <c r="X3657">
        <v>0</v>
      </c>
      <c r="Y3657">
        <v>34</v>
      </c>
      <c r="Z3657">
        <v>18</v>
      </c>
      <c r="AA3657">
        <v>58</v>
      </c>
      <c r="AB3657">
        <v>3</v>
      </c>
      <c r="AC3657">
        <v>66</v>
      </c>
      <c r="AD3657">
        <v>60</v>
      </c>
      <c r="AE3657">
        <v>90</v>
      </c>
      <c r="AF3657">
        <v>0</v>
      </c>
      <c r="AG3657">
        <v>50000</v>
      </c>
      <c r="AH3657">
        <v>50000</v>
      </c>
      <c r="AI3657">
        <v>0</v>
      </c>
      <c r="AJ3657">
        <v>0</v>
      </c>
      <c r="AK3657" t="s">
        <v>6</v>
      </c>
      <c r="AL3657">
        <v>0</v>
      </c>
      <c r="AM3657">
        <v>0</v>
      </c>
      <c r="AN3657">
        <v>0</v>
      </c>
      <c r="AO3657">
        <v>0</v>
      </c>
      <c r="AP3657">
        <v>0</v>
      </c>
      <c r="AQ3657">
        <v>0</v>
      </c>
      <c r="AR3657">
        <v>0</v>
      </c>
      <c r="AS3657">
        <v>0</v>
      </c>
      <c r="AT3657">
        <v>0</v>
      </c>
      <c r="AU3657">
        <v>0</v>
      </c>
      <c r="AV3657">
        <v>0</v>
      </c>
      <c r="AW3657">
        <v>0</v>
      </c>
      <c r="AX3657">
        <v>0</v>
      </c>
      <c r="AY3657">
        <v>0</v>
      </c>
      <c r="AZ3657">
        <v>0</v>
      </c>
      <c r="BA3657">
        <v>0</v>
      </c>
    </row>
    <row r="3658" spans="1:53" x14ac:dyDescent="0.4">
      <c r="A3658">
        <v>3702</v>
      </c>
      <c r="B3658" s="1">
        <v>44083</v>
      </c>
      <c r="C3658">
        <v>2</v>
      </c>
      <c r="D3658" s="1">
        <v>44083.445833333331</v>
      </c>
      <c r="E3658" s="1">
        <v>44083.740972222222</v>
      </c>
      <c r="F3658">
        <v>11650</v>
      </c>
      <c r="G3658">
        <v>0</v>
      </c>
      <c r="H3658">
        <v>200</v>
      </c>
      <c r="I3658">
        <v>0</v>
      </c>
      <c r="J3658">
        <v>0</v>
      </c>
      <c r="K3658">
        <v>0</v>
      </c>
      <c r="L3658">
        <v>0</v>
      </c>
      <c r="M3658">
        <v>1185</v>
      </c>
      <c r="N3658">
        <v>0</v>
      </c>
      <c r="O3658">
        <v>0</v>
      </c>
      <c r="P3658">
        <v>6875</v>
      </c>
      <c r="Q3658">
        <v>0</v>
      </c>
      <c r="R3658">
        <v>19910</v>
      </c>
      <c r="S3658">
        <v>0</v>
      </c>
      <c r="T3658">
        <v>0</v>
      </c>
      <c r="U3658">
        <v>0</v>
      </c>
      <c r="V3658">
        <v>3</v>
      </c>
      <c r="W3658">
        <v>0</v>
      </c>
      <c r="X3658">
        <v>0</v>
      </c>
      <c r="Y3658">
        <v>21</v>
      </c>
      <c r="Z3658">
        <v>25</v>
      </c>
      <c r="AA3658">
        <v>44</v>
      </c>
      <c r="AB3658">
        <v>3</v>
      </c>
      <c r="AC3658">
        <v>66</v>
      </c>
      <c r="AD3658">
        <v>57</v>
      </c>
      <c r="AE3658">
        <v>100</v>
      </c>
      <c r="AF3658">
        <v>815</v>
      </c>
      <c r="AG3658">
        <v>69910</v>
      </c>
      <c r="AH3658">
        <v>50000</v>
      </c>
      <c r="AI3658">
        <v>0</v>
      </c>
      <c r="AJ3658">
        <v>84</v>
      </c>
      <c r="AK3658" t="s">
        <v>16</v>
      </c>
      <c r="AL3658">
        <v>0</v>
      </c>
      <c r="AM3658">
        <v>0</v>
      </c>
      <c r="AN3658">
        <v>0</v>
      </c>
      <c r="AO3658">
        <v>0</v>
      </c>
      <c r="AP3658">
        <v>0</v>
      </c>
      <c r="AQ3658">
        <v>0</v>
      </c>
      <c r="AR3658">
        <v>0</v>
      </c>
      <c r="AS3658">
        <v>0</v>
      </c>
      <c r="AT3658">
        <v>0</v>
      </c>
      <c r="AU3658">
        <v>0</v>
      </c>
      <c r="AV3658">
        <v>0</v>
      </c>
      <c r="AW3658">
        <v>0</v>
      </c>
      <c r="AX3658">
        <v>0</v>
      </c>
      <c r="AY3658">
        <v>16</v>
      </c>
      <c r="AZ3658">
        <v>30</v>
      </c>
      <c r="BA3658">
        <v>2402</v>
      </c>
    </row>
    <row r="3659" spans="1:53" x14ac:dyDescent="0.4">
      <c r="A3659">
        <v>3703</v>
      </c>
      <c r="B3659" s="1">
        <v>44084</v>
      </c>
      <c r="C3659">
        <v>1</v>
      </c>
      <c r="D3659" s="1">
        <v>44084.291666666664</v>
      </c>
      <c r="E3659" s="1">
        <v>44084.442361111112</v>
      </c>
      <c r="F3659">
        <v>0</v>
      </c>
      <c r="G3659">
        <v>0</v>
      </c>
      <c r="H3659">
        <v>0</v>
      </c>
      <c r="I3659">
        <v>0</v>
      </c>
      <c r="J3659">
        <v>0</v>
      </c>
      <c r="K3659">
        <v>0</v>
      </c>
      <c r="L3659">
        <v>0</v>
      </c>
      <c r="M3659">
        <v>0</v>
      </c>
      <c r="N3659">
        <v>0</v>
      </c>
      <c r="O3659">
        <v>0</v>
      </c>
      <c r="P3659">
        <v>0</v>
      </c>
      <c r="Q3659">
        <v>0</v>
      </c>
      <c r="R3659">
        <v>0</v>
      </c>
      <c r="S3659">
        <v>0</v>
      </c>
      <c r="T3659">
        <v>0</v>
      </c>
      <c r="U3659">
        <v>0</v>
      </c>
      <c r="V3659">
        <v>0</v>
      </c>
      <c r="W3659">
        <v>0</v>
      </c>
      <c r="X3659">
        <v>0</v>
      </c>
      <c r="Y3659">
        <v>35</v>
      </c>
      <c r="Z3659">
        <v>10</v>
      </c>
      <c r="AA3659">
        <v>89</v>
      </c>
      <c r="AB3659">
        <v>3</v>
      </c>
      <c r="AC3659">
        <v>59</v>
      </c>
      <c r="AD3659">
        <v>53</v>
      </c>
      <c r="AE3659">
        <v>95</v>
      </c>
      <c r="AF3659">
        <v>0</v>
      </c>
      <c r="AG3659">
        <v>50000</v>
      </c>
      <c r="AH3659">
        <v>50000</v>
      </c>
      <c r="AI3659">
        <v>0</v>
      </c>
      <c r="AJ3659">
        <v>0</v>
      </c>
      <c r="AK3659" t="s">
        <v>6</v>
      </c>
      <c r="AL3659">
        <v>0</v>
      </c>
      <c r="AM3659">
        <v>0</v>
      </c>
      <c r="AN3659">
        <v>0</v>
      </c>
      <c r="AO3659">
        <v>0</v>
      </c>
      <c r="AP3659">
        <v>0</v>
      </c>
      <c r="AQ3659">
        <v>0</v>
      </c>
      <c r="AR3659">
        <v>0</v>
      </c>
      <c r="AS3659">
        <v>0</v>
      </c>
      <c r="AT3659">
        <v>0</v>
      </c>
      <c r="AU3659">
        <v>0</v>
      </c>
      <c r="AV3659">
        <v>0</v>
      </c>
      <c r="AW3659">
        <v>0</v>
      </c>
      <c r="AX3659">
        <v>0</v>
      </c>
      <c r="AY3659">
        <v>0</v>
      </c>
      <c r="AZ3659">
        <v>0</v>
      </c>
      <c r="BA3659">
        <v>0</v>
      </c>
    </row>
    <row r="3660" spans="1:53" x14ac:dyDescent="0.4">
      <c r="A3660">
        <v>3704</v>
      </c>
      <c r="B3660" s="1">
        <v>44084</v>
      </c>
      <c r="C3660">
        <v>2</v>
      </c>
      <c r="D3660" s="1">
        <v>44084.442361111112</v>
      </c>
      <c r="E3660" s="1">
        <v>44084.747916666667</v>
      </c>
      <c r="F3660">
        <v>8900</v>
      </c>
      <c r="G3660">
        <v>840</v>
      </c>
      <c r="H3660">
        <v>200</v>
      </c>
      <c r="I3660">
        <v>0</v>
      </c>
      <c r="J3660">
        <v>0</v>
      </c>
      <c r="K3660">
        <v>0</v>
      </c>
      <c r="L3660">
        <v>0</v>
      </c>
      <c r="M3660">
        <v>994</v>
      </c>
      <c r="N3660">
        <v>0</v>
      </c>
      <c r="O3660">
        <v>0</v>
      </c>
      <c r="P3660">
        <v>19030</v>
      </c>
      <c r="Q3660">
        <v>0</v>
      </c>
      <c r="R3660">
        <v>29964</v>
      </c>
      <c r="S3660">
        <v>0</v>
      </c>
      <c r="T3660">
        <v>0</v>
      </c>
      <c r="U3660">
        <v>0</v>
      </c>
      <c r="V3660">
        <v>0</v>
      </c>
      <c r="W3660">
        <v>0</v>
      </c>
      <c r="X3660">
        <v>0</v>
      </c>
      <c r="Y3660">
        <v>57</v>
      </c>
      <c r="Z3660">
        <v>18</v>
      </c>
      <c r="AA3660">
        <v>112</v>
      </c>
      <c r="AB3660">
        <v>6</v>
      </c>
      <c r="AC3660">
        <v>67</v>
      </c>
      <c r="AD3660">
        <v>50</v>
      </c>
      <c r="AE3660">
        <v>114</v>
      </c>
      <c r="AF3660">
        <v>1430</v>
      </c>
      <c r="AG3660">
        <v>79964</v>
      </c>
      <c r="AH3660">
        <v>50000</v>
      </c>
      <c r="AI3660">
        <v>0</v>
      </c>
      <c r="AJ3660">
        <v>84</v>
      </c>
      <c r="AK3660" t="s">
        <v>16</v>
      </c>
      <c r="AL3660">
        <v>0</v>
      </c>
      <c r="AM3660">
        <v>0</v>
      </c>
      <c r="AN3660">
        <v>0</v>
      </c>
      <c r="AO3660">
        <v>0</v>
      </c>
      <c r="AP3660">
        <v>0</v>
      </c>
      <c r="AQ3660">
        <v>0</v>
      </c>
      <c r="AR3660">
        <v>0</v>
      </c>
      <c r="AS3660">
        <v>0</v>
      </c>
      <c r="AT3660">
        <v>0</v>
      </c>
      <c r="AU3660">
        <v>0</v>
      </c>
      <c r="AV3660">
        <v>0</v>
      </c>
      <c r="AW3660">
        <v>0</v>
      </c>
      <c r="AX3660">
        <v>-1826</v>
      </c>
      <c r="AY3660">
        <v>25</v>
      </c>
      <c r="AZ3660">
        <v>42</v>
      </c>
      <c r="BA3660">
        <v>2912</v>
      </c>
    </row>
    <row r="3661" spans="1:53" x14ac:dyDescent="0.4">
      <c r="A3661">
        <v>3705</v>
      </c>
      <c r="B3661" s="1">
        <v>44084</v>
      </c>
      <c r="C3661">
        <v>3</v>
      </c>
      <c r="D3661" s="1">
        <v>44084.747916666667</v>
      </c>
      <c r="E3661" s="1">
        <v>44084.95208333333</v>
      </c>
      <c r="F3661">
        <v>21150</v>
      </c>
      <c r="G3661">
        <v>1480</v>
      </c>
      <c r="H3661">
        <v>120</v>
      </c>
      <c r="I3661">
        <v>0</v>
      </c>
      <c r="J3661">
        <v>0</v>
      </c>
      <c r="K3661">
        <v>0</v>
      </c>
      <c r="L3661">
        <v>0</v>
      </c>
      <c r="M3661">
        <v>2275</v>
      </c>
      <c r="N3661">
        <v>0</v>
      </c>
      <c r="O3661">
        <v>0</v>
      </c>
      <c r="P3661">
        <v>-17534</v>
      </c>
      <c r="Q3661">
        <v>0</v>
      </c>
      <c r="R3661">
        <v>7491</v>
      </c>
      <c r="S3661">
        <v>0</v>
      </c>
      <c r="T3661">
        <v>0</v>
      </c>
      <c r="U3661">
        <v>0</v>
      </c>
      <c r="V3661">
        <v>1</v>
      </c>
      <c r="W3661">
        <v>0</v>
      </c>
      <c r="X3661">
        <v>0</v>
      </c>
      <c r="Y3661">
        <v>53</v>
      </c>
      <c r="Z3661">
        <v>20</v>
      </c>
      <c r="AA3661">
        <v>116</v>
      </c>
      <c r="AB3661">
        <v>7</v>
      </c>
      <c r="AC3661">
        <v>70</v>
      </c>
      <c r="AD3661">
        <v>49</v>
      </c>
      <c r="AE3661">
        <v>130</v>
      </c>
      <c r="AF3661">
        <v>1430</v>
      </c>
      <c r="AG3661">
        <v>87455</v>
      </c>
      <c r="AH3661">
        <v>50000</v>
      </c>
      <c r="AI3661">
        <v>0</v>
      </c>
      <c r="AJ3661">
        <v>108</v>
      </c>
      <c r="AK3661" t="s">
        <v>30</v>
      </c>
      <c r="AL3661">
        <v>0</v>
      </c>
      <c r="AM3661">
        <v>0</v>
      </c>
      <c r="AN3661">
        <v>0</v>
      </c>
      <c r="AO3661">
        <v>0</v>
      </c>
      <c r="AP3661">
        <v>0</v>
      </c>
      <c r="AQ3661">
        <v>0</v>
      </c>
      <c r="AR3661">
        <v>0</v>
      </c>
      <c r="AS3661">
        <v>0</v>
      </c>
      <c r="AT3661">
        <v>0</v>
      </c>
      <c r="AU3661">
        <v>0</v>
      </c>
      <c r="AV3661">
        <v>0</v>
      </c>
      <c r="AW3661">
        <v>0</v>
      </c>
      <c r="AX3661">
        <v>5170</v>
      </c>
      <c r="AY3661">
        <v>6</v>
      </c>
      <c r="AZ3661">
        <v>11</v>
      </c>
      <c r="BA3661">
        <v>1730</v>
      </c>
    </row>
    <row r="3662" spans="1:53" x14ac:dyDescent="0.4">
      <c r="A3662">
        <v>3706</v>
      </c>
      <c r="B3662" s="1">
        <v>44085</v>
      </c>
      <c r="C3662">
        <v>1</v>
      </c>
      <c r="D3662" s="1">
        <v>44085.291666666664</v>
      </c>
      <c r="E3662" s="1">
        <v>44085.416666666664</v>
      </c>
      <c r="F3662">
        <v>0</v>
      </c>
      <c r="G3662">
        <v>0</v>
      </c>
      <c r="H3662">
        <v>0</v>
      </c>
      <c r="I3662">
        <v>0</v>
      </c>
      <c r="J3662">
        <v>0</v>
      </c>
      <c r="K3662">
        <v>0</v>
      </c>
      <c r="L3662">
        <v>0</v>
      </c>
      <c r="M3662">
        <v>0</v>
      </c>
      <c r="N3662">
        <v>0</v>
      </c>
      <c r="O3662">
        <v>0</v>
      </c>
      <c r="P3662">
        <v>0</v>
      </c>
      <c r="Q3662">
        <v>0</v>
      </c>
      <c r="R3662">
        <v>0</v>
      </c>
      <c r="S3662">
        <v>0</v>
      </c>
      <c r="T3662">
        <v>0</v>
      </c>
      <c r="U3662">
        <v>0</v>
      </c>
      <c r="V3662">
        <v>0</v>
      </c>
      <c r="W3662">
        <v>0</v>
      </c>
      <c r="X3662">
        <v>0</v>
      </c>
      <c r="Y3662">
        <v>32</v>
      </c>
      <c r="Z3662">
        <v>10</v>
      </c>
      <c r="AA3662">
        <v>116</v>
      </c>
      <c r="AB3662">
        <v>7</v>
      </c>
      <c r="AC3662">
        <v>72</v>
      </c>
      <c r="AD3662">
        <v>41</v>
      </c>
      <c r="AE3662">
        <v>125</v>
      </c>
      <c r="AF3662">
        <v>0</v>
      </c>
      <c r="AG3662">
        <v>50000</v>
      </c>
      <c r="AH3662">
        <v>50000</v>
      </c>
      <c r="AI3662">
        <v>0</v>
      </c>
      <c r="AJ3662">
        <v>0</v>
      </c>
      <c r="AK3662" t="s">
        <v>6</v>
      </c>
      <c r="AL3662">
        <v>0</v>
      </c>
      <c r="AM3662">
        <v>0</v>
      </c>
      <c r="AN3662">
        <v>0</v>
      </c>
      <c r="AO3662">
        <v>0</v>
      </c>
      <c r="AP3662">
        <v>0</v>
      </c>
      <c r="AQ3662">
        <v>0</v>
      </c>
      <c r="AR3662">
        <v>0</v>
      </c>
      <c r="AS3662">
        <v>0</v>
      </c>
      <c r="AT3662">
        <v>0</v>
      </c>
      <c r="AU3662">
        <v>0</v>
      </c>
      <c r="AV3662">
        <v>0</v>
      </c>
      <c r="AW3662">
        <v>0</v>
      </c>
      <c r="AX3662">
        <v>0</v>
      </c>
      <c r="AY3662">
        <v>0</v>
      </c>
      <c r="AZ3662">
        <v>0</v>
      </c>
      <c r="BA3662">
        <v>0</v>
      </c>
    </row>
    <row r="3663" spans="1:53" x14ac:dyDescent="0.4">
      <c r="A3663">
        <v>3707</v>
      </c>
      <c r="B3663" s="1">
        <v>44085</v>
      </c>
      <c r="C3663">
        <v>2</v>
      </c>
      <c r="D3663" s="1">
        <v>44085.416666666664</v>
      </c>
      <c r="E3663" s="1">
        <v>44085.744444444441</v>
      </c>
      <c r="F3663">
        <v>11250</v>
      </c>
      <c r="G3663">
        <v>0</v>
      </c>
      <c r="H3663">
        <v>0</v>
      </c>
      <c r="I3663">
        <v>0</v>
      </c>
      <c r="J3663">
        <v>0</v>
      </c>
      <c r="K3663">
        <v>0</v>
      </c>
      <c r="L3663">
        <v>0</v>
      </c>
      <c r="M3663">
        <v>1125</v>
      </c>
      <c r="N3663">
        <v>0</v>
      </c>
      <c r="O3663">
        <v>0</v>
      </c>
      <c r="P3663">
        <v>16830</v>
      </c>
      <c r="Q3663">
        <v>0</v>
      </c>
      <c r="R3663">
        <v>29205</v>
      </c>
      <c r="S3663">
        <v>0</v>
      </c>
      <c r="T3663">
        <v>0</v>
      </c>
      <c r="U3663">
        <v>0</v>
      </c>
      <c r="V3663">
        <v>0</v>
      </c>
      <c r="W3663">
        <v>3</v>
      </c>
      <c r="X3663">
        <v>0</v>
      </c>
      <c r="Y3663">
        <v>45</v>
      </c>
      <c r="Z3663">
        <v>18</v>
      </c>
      <c r="AA3663">
        <v>85</v>
      </c>
      <c r="AB3663">
        <v>0</v>
      </c>
      <c r="AC3663">
        <v>55</v>
      </c>
      <c r="AD3663">
        <v>36</v>
      </c>
      <c r="AE3663">
        <v>150</v>
      </c>
      <c r="AF3663">
        <v>825</v>
      </c>
      <c r="AG3663">
        <v>79205</v>
      </c>
      <c r="AH3663">
        <v>50000</v>
      </c>
      <c r="AI3663">
        <v>0</v>
      </c>
      <c r="AJ3663">
        <v>107</v>
      </c>
      <c r="AK3663" t="s">
        <v>40</v>
      </c>
      <c r="AL3663">
        <v>0</v>
      </c>
      <c r="AM3663">
        <v>0</v>
      </c>
      <c r="AN3663">
        <v>0</v>
      </c>
      <c r="AO3663">
        <v>0</v>
      </c>
      <c r="AP3663">
        <v>0</v>
      </c>
      <c r="AQ3663">
        <v>0</v>
      </c>
      <c r="AR3663">
        <v>0</v>
      </c>
      <c r="AS3663">
        <v>0</v>
      </c>
      <c r="AT3663">
        <v>0</v>
      </c>
      <c r="AU3663">
        <v>0</v>
      </c>
      <c r="AV3663">
        <v>0</v>
      </c>
      <c r="AW3663">
        <v>0</v>
      </c>
      <c r="AX3663">
        <v>0</v>
      </c>
      <c r="AY3663">
        <v>26</v>
      </c>
      <c r="AZ3663">
        <v>45</v>
      </c>
      <c r="BA3663">
        <v>3146</v>
      </c>
    </row>
    <row r="3664" spans="1:53" x14ac:dyDescent="0.4">
      <c r="A3664">
        <v>3708</v>
      </c>
      <c r="B3664" s="1">
        <v>44086</v>
      </c>
      <c r="C3664">
        <v>1</v>
      </c>
      <c r="D3664" s="1">
        <v>44086.291666666664</v>
      </c>
      <c r="E3664" s="1">
        <v>44086.397916666669</v>
      </c>
      <c r="F3664">
        <v>0</v>
      </c>
      <c r="G3664">
        <v>0</v>
      </c>
      <c r="H3664">
        <v>0</v>
      </c>
      <c r="I3664">
        <v>0</v>
      </c>
      <c r="J3664">
        <v>0</v>
      </c>
      <c r="K3664">
        <v>0</v>
      </c>
      <c r="L3664">
        <v>0</v>
      </c>
      <c r="M3664">
        <v>0</v>
      </c>
      <c r="N3664">
        <v>0</v>
      </c>
      <c r="O3664">
        <v>0</v>
      </c>
      <c r="P3664">
        <v>0</v>
      </c>
      <c r="Q3664">
        <v>0</v>
      </c>
      <c r="R3664">
        <v>0</v>
      </c>
      <c r="S3664">
        <v>0</v>
      </c>
      <c r="T3664">
        <v>0</v>
      </c>
      <c r="U3664">
        <v>0</v>
      </c>
      <c r="V3664">
        <v>0</v>
      </c>
      <c r="W3664">
        <v>0</v>
      </c>
      <c r="X3664">
        <v>0</v>
      </c>
      <c r="Y3664">
        <v>35</v>
      </c>
      <c r="Z3664">
        <v>11</v>
      </c>
      <c r="AA3664">
        <v>84</v>
      </c>
      <c r="AB3664">
        <v>5</v>
      </c>
      <c r="AC3664">
        <v>57</v>
      </c>
      <c r="AD3664">
        <v>27</v>
      </c>
      <c r="AE3664">
        <v>145</v>
      </c>
      <c r="AF3664">
        <v>0</v>
      </c>
      <c r="AG3664">
        <v>50000</v>
      </c>
      <c r="AH3664">
        <v>50000</v>
      </c>
      <c r="AI3664">
        <v>0</v>
      </c>
      <c r="AJ3664">
        <v>0</v>
      </c>
      <c r="AK3664" t="s">
        <v>6</v>
      </c>
      <c r="AL3664">
        <v>0</v>
      </c>
      <c r="AM3664">
        <v>0</v>
      </c>
      <c r="AN3664">
        <v>0</v>
      </c>
      <c r="AO3664">
        <v>0</v>
      </c>
      <c r="AP3664">
        <v>0</v>
      </c>
      <c r="AQ3664">
        <v>0</v>
      </c>
      <c r="AR3664">
        <v>0</v>
      </c>
      <c r="AS3664">
        <v>0</v>
      </c>
      <c r="AT3664">
        <v>0</v>
      </c>
      <c r="AU3664">
        <v>0</v>
      </c>
      <c r="AV3664">
        <v>0</v>
      </c>
      <c r="AW3664">
        <v>0</v>
      </c>
      <c r="AX3664">
        <v>0</v>
      </c>
      <c r="AY3664">
        <v>0</v>
      </c>
      <c r="AZ3664">
        <v>0</v>
      </c>
      <c r="BA3664">
        <v>0</v>
      </c>
    </row>
    <row r="3665" spans="1:53" x14ac:dyDescent="0.4">
      <c r="A3665">
        <v>3709</v>
      </c>
      <c r="B3665" s="1">
        <v>44086</v>
      </c>
      <c r="C3665">
        <v>2</v>
      </c>
      <c r="D3665" s="1">
        <v>44086.397916666669</v>
      </c>
      <c r="E3665" s="1">
        <v>44086.740277777775</v>
      </c>
      <c r="F3665">
        <v>40800</v>
      </c>
      <c r="G3665">
        <v>2950</v>
      </c>
      <c r="H3665">
        <v>200</v>
      </c>
      <c r="I3665">
        <v>0</v>
      </c>
      <c r="J3665">
        <v>200</v>
      </c>
      <c r="K3665">
        <v>0</v>
      </c>
      <c r="L3665">
        <v>0</v>
      </c>
      <c r="M3665">
        <v>4375</v>
      </c>
      <c r="N3665">
        <v>0</v>
      </c>
      <c r="O3665">
        <v>0</v>
      </c>
      <c r="P3665">
        <v>10285</v>
      </c>
      <c r="Q3665">
        <v>0</v>
      </c>
      <c r="R3665">
        <v>58410</v>
      </c>
      <c r="S3665">
        <v>0</v>
      </c>
      <c r="T3665">
        <v>0</v>
      </c>
      <c r="U3665">
        <v>0</v>
      </c>
      <c r="V3665">
        <v>1</v>
      </c>
      <c r="W3665">
        <v>1</v>
      </c>
      <c r="X3665">
        <v>0</v>
      </c>
      <c r="Y3665">
        <v>65</v>
      </c>
      <c r="Z3665">
        <v>31</v>
      </c>
      <c r="AA3665">
        <v>91</v>
      </c>
      <c r="AB3665">
        <v>5</v>
      </c>
      <c r="AC3665">
        <v>81</v>
      </c>
      <c r="AD3665">
        <v>23</v>
      </c>
      <c r="AE3665">
        <v>182</v>
      </c>
      <c r="AF3665">
        <v>2453</v>
      </c>
      <c r="AG3665">
        <v>108410</v>
      </c>
      <c r="AH3665">
        <v>50000</v>
      </c>
      <c r="AI3665">
        <v>0</v>
      </c>
      <c r="AJ3665">
        <v>105</v>
      </c>
      <c r="AL3665">
        <v>0</v>
      </c>
      <c r="AM3665">
        <v>0</v>
      </c>
      <c r="AN3665">
        <v>0</v>
      </c>
      <c r="AO3665">
        <v>0</v>
      </c>
      <c r="AP3665">
        <v>0</v>
      </c>
      <c r="AQ3665">
        <v>0</v>
      </c>
      <c r="AR3665">
        <v>0</v>
      </c>
      <c r="AS3665">
        <v>0</v>
      </c>
      <c r="AT3665">
        <v>0</v>
      </c>
      <c r="AU3665">
        <v>0</v>
      </c>
      <c r="AV3665">
        <v>0</v>
      </c>
      <c r="AW3665">
        <v>0</v>
      </c>
      <c r="AX3665">
        <v>0</v>
      </c>
      <c r="AY3665">
        <v>43</v>
      </c>
      <c r="AZ3665">
        <v>87</v>
      </c>
      <c r="BA3665">
        <v>6919</v>
      </c>
    </row>
    <row r="3666" spans="1:53" x14ac:dyDescent="0.4">
      <c r="A3666">
        <v>3710</v>
      </c>
      <c r="B3666" s="1">
        <v>44087</v>
      </c>
      <c r="C3666">
        <v>1</v>
      </c>
      <c r="D3666" s="1">
        <v>44087.291666666664</v>
      </c>
      <c r="E3666" s="1">
        <v>44087.374305555553</v>
      </c>
      <c r="F3666">
        <v>0</v>
      </c>
      <c r="G3666">
        <v>0</v>
      </c>
      <c r="H3666">
        <v>0</v>
      </c>
      <c r="I3666">
        <v>0</v>
      </c>
      <c r="J3666">
        <v>0</v>
      </c>
      <c r="K3666">
        <v>0</v>
      </c>
      <c r="L3666">
        <v>0</v>
      </c>
      <c r="M3666">
        <v>0</v>
      </c>
      <c r="N3666">
        <v>0</v>
      </c>
      <c r="O3666">
        <v>0</v>
      </c>
      <c r="P3666">
        <v>0</v>
      </c>
      <c r="Q3666">
        <v>0</v>
      </c>
      <c r="R3666">
        <v>0</v>
      </c>
      <c r="S3666">
        <v>0</v>
      </c>
      <c r="T3666">
        <v>0</v>
      </c>
      <c r="U3666">
        <v>0</v>
      </c>
      <c r="V3666">
        <v>0</v>
      </c>
      <c r="W3666">
        <v>0</v>
      </c>
      <c r="X3666">
        <v>0</v>
      </c>
      <c r="Y3666">
        <v>38</v>
      </c>
      <c r="Z3666">
        <v>7</v>
      </c>
      <c r="AA3666">
        <v>72</v>
      </c>
      <c r="AB3666">
        <v>6</v>
      </c>
      <c r="AC3666">
        <v>80</v>
      </c>
      <c r="AD3666">
        <v>20</v>
      </c>
      <c r="AE3666">
        <v>100</v>
      </c>
      <c r="AF3666">
        <v>0</v>
      </c>
      <c r="AG3666">
        <v>50000</v>
      </c>
      <c r="AH3666">
        <v>50000</v>
      </c>
      <c r="AI3666">
        <v>0</v>
      </c>
      <c r="AJ3666">
        <v>0</v>
      </c>
      <c r="AK3666" t="s">
        <v>6</v>
      </c>
      <c r="AL3666">
        <v>0</v>
      </c>
      <c r="AM3666">
        <v>0</v>
      </c>
      <c r="AN3666">
        <v>0</v>
      </c>
      <c r="AO3666">
        <v>0</v>
      </c>
      <c r="AP3666">
        <v>0</v>
      </c>
      <c r="AQ3666">
        <v>0</v>
      </c>
      <c r="AR3666">
        <v>0</v>
      </c>
      <c r="AS3666">
        <v>0</v>
      </c>
      <c r="AT3666">
        <v>0</v>
      </c>
      <c r="AU3666">
        <v>0</v>
      </c>
      <c r="AV3666">
        <v>0</v>
      </c>
      <c r="AW3666">
        <v>0</v>
      </c>
      <c r="AX3666">
        <v>0</v>
      </c>
      <c r="AY3666">
        <v>0</v>
      </c>
      <c r="AZ3666">
        <v>0</v>
      </c>
      <c r="BA3666">
        <v>0</v>
      </c>
    </row>
    <row r="3667" spans="1:53" x14ac:dyDescent="0.4">
      <c r="A3667">
        <v>3711</v>
      </c>
      <c r="B3667" s="1">
        <v>44087</v>
      </c>
      <c r="C3667">
        <v>2</v>
      </c>
      <c r="D3667" s="1">
        <v>44087.374305555553</v>
      </c>
      <c r="E3667" s="1">
        <v>44087.738888888889</v>
      </c>
      <c r="F3667">
        <v>38350</v>
      </c>
      <c r="G3667">
        <v>2020</v>
      </c>
      <c r="H3667">
        <v>0</v>
      </c>
      <c r="I3667">
        <v>0</v>
      </c>
      <c r="J3667">
        <v>550</v>
      </c>
      <c r="K3667">
        <v>0</v>
      </c>
      <c r="L3667">
        <v>0</v>
      </c>
      <c r="M3667">
        <v>3982</v>
      </c>
      <c r="N3667">
        <v>0</v>
      </c>
      <c r="O3667">
        <v>0</v>
      </c>
      <c r="P3667">
        <v>23430</v>
      </c>
      <c r="Q3667">
        <v>0</v>
      </c>
      <c r="R3667">
        <v>67232</v>
      </c>
      <c r="S3667">
        <v>0</v>
      </c>
      <c r="T3667">
        <v>0</v>
      </c>
      <c r="U3667">
        <v>0</v>
      </c>
      <c r="V3667">
        <v>1</v>
      </c>
      <c r="W3667">
        <v>1</v>
      </c>
      <c r="X3667">
        <v>0</v>
      </c>
      <c r="Y3667">
        <v>72</v>
      </c>
      <c r="Z3667">
        <v>34</v>
      </c>
      <c r="AA3667">
        <v>111</v>
      </c>
      <c r="AB3667">
        <v>6</v>
      </c>
      <c r="AC3667">
        <v>72</v>
      </c>
      <c r="AD3667">
        <v>31</v>
      </c>
      <c r="AE3667">
        <v>132</v>
      </c>
      <c r="AF3667">
        <v>825</v>
      </c>
      <c r="AG3667">
        <v>117232</v>
      </c>
      <c r="AH3667">
        <v>50000</v>
      </c>
      <c r="AI3667">
        <v>0</v>
      </c>
      <c r="AJ3667">
        <v>107</v>
      </c>
      <c r="AK3667" t="s">
        <v>40</v>
      </c>
      <c r="AL3667">
        <v>0</v>
      </c>
      <c r="AM3667">
        <v>0</v>
      </c>
      <c r="AN3667">
        <v>0</v>
      </c>
      <c r="AO3667">
        <v>0</v>
      </c>
      <c r="AP3667">
        <v>0</v>
      </c>
      <c r="AQ3667">
        <v>0</v>
      </c>
      <c r="AR3667">
        <v>0</v>
      </c>
      <c r="AS3667">
        <v>0</v>
      </c>
      <c r="AT3667">
        <v>0</v>
      </c>
      <c r="AU3667">
        <v>0</v>
      </c>
      <c r="AV3667">
        <v>0</v>
      </c>
      <c r="AW3667">
        <v>0</v>
      </c>
      <c r="AX3667">
        <v>1012</v>
      </c>
      <c r="AY3667">
        <v>48</v>
      </c>
      <c r="AZ3667">
        <v>103</v>
      </c>
      <c r="BA3667">
        <v>7013</v>
      </c>
    </row>
    <row r="3668" spans="1:53" x14ac:dyDescent="0.4">
      <c r="A3668">
        <v>3712</v>
      </c>
      <c r="B3668" s="1">
        <v>44087</v>
      </c>
      <c r="C3668">
        <v>3</v>
      </c>
      <c r="D3668" s="1">
        <v>44087.738888888889</v>
      </c>
      <c r="E3668" s="1">
        <v>44087.949305555558</v>
      </c>
      <c r="F3668">
        <v>32250</v>
      </c>
      <c r="G3668">
        <v>2300</v>
      </c>
      <c r="H3668">
        <v>0</v>
      </c>
      <c r="I3668">
        <v>0</v>
      </c>
      <c r="J3668">
        <v>0</v>
      </c>
      <c r="K3668">
        <v>0</v>
      </c>
      <c r="L3668">
        <v>0</v>
      </c>
      <c r="M3668">
        <v>3455</v>
      </c>
      <c r="N3668">
        <v>0</v>
      </c>
      <c r="O3668">
        <v>0</v>
      </c>
      <c r="P3668">
        <v>-23430</v>
      </c>
      <c r="Q3668">
        <v>0</v>
      </c>
      <c r="R3668">
        <v>14575</v>
      </c>
      <c r="S3668">
        <v>0</v>
      </c>
      <c r="T3668">
        <v>0</v>
      </c>
      <c r="U3668">
        <v>0</v>
      </c>
      <c r="V3668">
        <v>2</v>
      </c>
      <c r="W3668">
        <v>0</v>
      </c>
      <c r="X3668">
        <v>0</v>
      </c>
      <c r="Y3668">
        <v>78</v>
      </c>
      <c r="Z3668">
        <v>35</v>
      </c>
      <c r="AA3668">
        <v>122</v>
      </c>
      <c r="AB3668">
        <v>8</v>
      </c>
      <c r="AC3668">
        <v>78</v>
      </c>
      <c r="AD3668">
        <v>31</v>
      </c>
      <c r="AE3668">
        <v>132</v>
      </c>
      <c r="AF3668">
        <v>2640</v>
      </c>
      <c r="AG3668">
        <v>131807</v>
      </c>
      <c r="AH3668">
        <v>50000</v>
      </c>
      <c r="AI3668">
        <v>0</v>
      </c>
      <c r="AJ3668">
        <v>98</v>
      </c>
      <c r="AK3668" t="s">
        <v>35</v>
      </c>
      <c r="AL3668">
        <v>0</v>
      </c>
      <c r="AM3668">
        <v>0</v>
      </c>
      <c r="AN3668">
        <v>0</v>
      </c>
      <c r="AO3668">
        <v>0</v>
      </c>
      <c r="AP3668">
        <v>0</v>
      </c>
      <c r="AQ3668">
        <v>0</v>
      </c>
      <c r="AR3668">
        <v>0</v>
      </c>
      <c r="AS3668">
        <v>0</v>
      </c>
      <c r="AT3668">
        <v>0</v>
      </c>
      <c r="AU3668">
        <v>0</v>
      </c>
      <c r="AV3668">
        <v>0</v>
      </c>
      <c r="AW3668">
        <v>0</v>
      </c>
      <c r="AX3668">
        <v>19503</v>
      </c>
      <c r="AY3668">
        <v>10</v>
      </c>
      <c r="AZ3668">
        <v>24</v>
      </c>
      <c r="BA3668">
        <v>2692</v>
      </c>
    </row>
    <row r="3669" spans="1:53" x14ac:dyDescent="0.4">
      <c r="A3669">
        <v>3713</v>
      </c>
      <c r="B3669" s="1">
        <v>44088</v>
      </c>
      <c r="C3669">
        <v>1</v>
      </c>
      <c r="D3669" s="1">
        <v>44088.291666666664</v>
      </c>
      <c r="E3669" s="1">
        <v>44088.418055555558</v>
      </c>
      <c r="F3669">
        <v>0</v>
      </c>
      <c r="G3669">
        <v>0</v>
      </c>
      <c r="H3669">
        <v>0</v>
      </c>
      <c r="I3669">
        <v>0</v>
      </c>
      <c r="J3669">
        <v>0</v>
      </c>
      <c r="K3669">
        <v>0</v>
      </c>
      <c r="L3669">
        <v>0</v>
      </c>
      <c r="M3669">
        <v>0</v>
      </c>
      <c r="N3669">
        <v>0</v>
      </c>
      <c r="O3669">
        <v>0</v>
      </c>
      <c r="P3669">
        <v>0</v>
      </c>
      <c r="Q3669">
        <v>0</v>
      </c>
      <c r="R3669">
        <v>0</v>
      </c>
      <c r="S3669">
        <v>0</v>
      </c>
      <c r="T3669">
        <v>0</v>
      </c>
      <c r="U3669">
        <v>0</v>
      </c>
      <c r="V3669">
        <v>0</v>
      </c>
      <c r="W3669">
        <v>0</v>
      </c>
      <c r="X3669">
        <v>0</v>
      </c>
      <c r="Y3669">
        <v>30</v>
      </c>
      <c r="Z3669">
        <v>9</v>
      </c>
      <c r="AA3669">
        <v>138</v>
      </c>
      <c r="AB3669">
        <v>11</v>
      </c>
      <c r="AC3669">
        <v>87</v>
      </c>
      <c r="AD3669">
        <v>28</v>
      </c>
      <c r="AE3669">
        <v>140</v>
      </c>
      <c r="AF3669">
        <v>0</v>
      </c>
      <c r="AG3669">
        <v>50000</v>
      </c>
      <c r="AH3669">
        <v>50000</v>
      </c>
      <c r="AI3669">
        <v>0</v>
      </c>
      <c r="AJ3669">
        <v>0</v>
      </c>
      <c r="AK3669" t="s">
        <v>6</v>
      </c>
      <c r="AL3669">
        <v>0</v>
      </c>
      <c r="AM3669">
        <v>0</v>
      </c>
      <c r="AN3669">
        <v>0</v>
      </c>
      <c r="AO3669">
        <v>0</v>
      </c>
      <c r="AP3669">
        <v>0</v>
      </c>
      <c r="AQ3669">
        <v>0</v>
      </c>
      <c r="AR3669">
        <v>0</v>
      </c>
      <c r="AS3669">
        <v>0</v>
      </c>
      <c r="AT3669">
        <v>0</v>
      </c>
      <c r="AU3669">
        <v>0</v>
      </c>
      <c r="AV3669">
        <v>0</v>
      </c>
      <c r="AW3669">
        <v>0</v>
      </c>
      <c r="AX3669">
        <v>0</v>
      </c>
      <c r="AY3669">
        <v>0</v>
      </c>
      <c r="AZ3669">
        <v>0</v>
      </c>
      <c r="BA3669">
        <v>0</v>
      </c>
    </row>
    <row r="3670" spans="1:53" x14ac:dyDescent="0.4">
      <c r="A3670">
        <v>3714</v>
      </c>
      <c r="B3670" s="1">
        <v>44088</v>
      </c>
      <c r="C3670">
        <v>2</v>
      </c>
      <c r="D3670" s="1">
        <v>44088.418055555558</v>
      </c>
      <c r="E3670" s="1">
        <v>44088.731944444444</v>
      </c>
      <c r="F3670">
        <v>8900</v>
      </c>
      <c r="G3670">
        <v>0</v>
      </c>
      <c r="H3670">
        <v>0</v>
      </c>
      <c r="I3670">
        <v>0</v>
      </c>
      <c r="J3670">
        <v>400</v>
      </c>
      <c r="K3670">
        <v>0</v>
      </c>
      <c r="L3670">
        <v>0</v>
      </c>
      <c r="M3670">
        <v>850</v>
      </c>
      <c r="N3670">
        <v>0</v>
      </c>
      <c r="O3670">
        <v>0</v>
      </c>
      <c r="P3670">
        <v>10725</v>
      </c>
      <c r="Q3670">
        <v>0</v>
      </c>
      <c r="R3670">
        <v>20075</v>
      </c>
      <c r="S3670">
        <v>0</v>
      </c>
      <c r="T3670">
        <v>0</v>
      </c>
      <c r="U3670">
        <v>0</v>
      </c>
      <c r="V3670">
        <v>0</v>
      </c>
      <c r="W3670">
        <v>0</v>
      </c>
      <c r="X3670">
        <v>0</v>
      </c>
      <c r="Y3670">
        <v>48</v>
      </c>
      <c r="Z3670">
        <v>14</v>
      </c>
      <c r="AA3670">
        <v>131</v>
      </c>
      <c r="AB3670">
        <v>5</v>
      </c>
      <c r="AC3670">
        <v>85</v>
      </c>
      <c r="AD3670">
        <v>23</v>
      </c>
      <c r="AE3670">
        <v>155</v>
      </c>
      <c r="AF3670">
        <v>605</v>
      </c>
      <c r="AG3670">
        <v>70075</v>
      </c>
      <c r="AH3670">
        <v>50000</v>
      </c>
      <c r="AI3670">
        <v>0</v>
      </c>
      <c r="AJ3670">
        <v>107</v>
      </c>
      <c r="AK3670" t="s">
        <v>40</v>
      </c>
      <c r="AL3670">
        <v>0</v>
      </c>
      <c r="AM3670">
        <v>0</v>
      </c>
      <c r="AN3670">
        <v>0</v>
      </c>
      <c r="AO3670">
        <v>0</v>
      </c>
      <c r="AP3670">
        <v>0</v>
      </c>
      <c r="AQ3670">
        <v>0</v>
      </c>
      <c r="AR3670">
        <v>0</v>
      </c>
      <c r="AS3670">
        <v>0</v>
      </c>
      <c r="AT3670">
        <v>0</v>
      </c>
      <c r="AU3670">
        <v>0</v>
      </c>
      <c r="AV3670">
        <v>0</v>
      </c>
      <c r="AW3670">
        <v>0</v>
      </c>
      <c r="AX3670">
        <v>0</v>
      </c>
      <c r="AY3670">
        <v>19</v>
      </c>
      <c r="AZ3670">
        <v>31</v>
      </c>
      <c r="BA3670">
        <v>2452</v>
      </c>
    </row>
    <row r="3671" spans="1:53" x14ac:dyDescent="0.4">
      <c r="A3671">
        <v>3715</v>
      </c>
      <c r="B3671" s="1">
        <v>44089</v>
      </c>
      <c r="C3671">
        <v>1</v>
      </c>
      <c r="D3671" s="1">
        <v>44089.291666666664</v>
      </c>
      <c r="E3671" s="1">
        <v>44089.438194444447</v>
      </c>
      <c r="F3671">
        <v>0</v>
      </c>
      <c r="G3671">
        <v>0</v>
      </c>
      <c r="H3671">
        <v>0</v>
      </c>
      <c r="I3671">
        <v>0</v>
      </c>
      <c r="J3671">
        <v>0</v>
      </c>
      <c r="K3671">
        <v>0</v>
      </c>
      <c r="L3671">
        <v>0</v>
      </c>
      <c r="M3671">
        <v>0</v>
      </c>
      <c r="N3671">
        <v>0</v>
      </c>
      <c r="O3671">
        <v>0</v>
      </c>
      <c r="P3671">
        <v>0</v>
      </c>
      <c r="Q3671">
        <v>0</v>
      </c>
      <c r="R3671">
        <v>0</v>
      </c>
      <c r="S3671">
        <v>0</v>
      </c>
      <c r="T3671">
        <v>0</v>
      </c>
      <c r="U3671">
        <v>0</v>
      </c>
      <c r="V3671">
        <v>0</v>
      </c>
      <c r="W3671">
        <v>0</v>
      </c>
      <c r="X3671">
        <v>0</v>
      </c>
      <c r="Y3671">
        <v>30</v>
      </c>
      <c r="Z3671">
        <v>12</v>
      </c>
      <c r="AA3671">
        <v>129</v>
      </c>
      <c r="AB3671">
        <v>3</v>
      </c>
      <c r="AC3671">
        <v>74</v>
      </c>
      <c r="AD3671">
        <v>22</v>
      </c>
      <c r="AE3671">
        <v>100</v>
      </c>
      <c r="AF3671">
        <v>0</v>
      </c>
      <c r="AG3671">
        <v>50000</v>
      </c>
      <c r="AH3671">
        <v>50000</v>
      </c>
      <c r="AI3671">
        <v>0</v>
      </c>
      <c r="AJ3671">
        <v>0</v>
      </c>
      <c r="AK3671" t="s">
        <v>6</v>
      </c>
      <c r="AL3671">
        <v>0</v>
      </c>
      <c r="AM3671">
        <v>0</v>
      </c>
      <c r="AN3671">
        <v>0</v>
      </c>
      <c r="AO3671">
        <v>0</v>
      </c>
      <c r="AP3671">
        <v>0</v>
      </c>
      <c r="AQ3671">
        <v>0</v>
      </c>
      <c r="AR3671">
        <v>0</v>
      </c>
      <c r="AS3671">
        <v>0</v>
      </c>
      <c r="AT3671">
        <v>0</v>
      </c>
      <c r="AU3671">
        <v>0</v>
      </c>
      <c r="AV3671">
        <v>0</v>
      </c>
      <c r="AW3671">
        <v>0</v>
      </c>
      <c r="AX3671">
        <v>0</v>
      </c>
      <c r="AY3671">
        <v>0</v>
      </c>
      <c r="AZ3671">
        <v>0</v>
      </c>
      <c r="BA3671">
        <v>0</v>
      </c>
    </row>
    <row r="3672" spans="1:53" x14ac:dyDescent="0.4">
      <c r="A3672">
        <v>3716</v>
      </c>
      <c r="B3672" s="1">
        <v>44089</v>
      </c>
      <c r="C3672">
        <v>2</v>
      </c>
      <c r="D3672" s="1">
        <v>44089.438194444447</v>
      </c>
      <c r="E3672" s="1">
        <v>44089.744444444441</v>
      </c>
      <c r="F3672">
        <v>11300</v>
      </c>
      <c r="G3672">
        <v>0</v>
      </c>
      <c r="H3672">
        <v>200</v>
      </c>
      <c r="I3672">
        <v>0</v>
      </c>
      <c r="J3672">
        <v>0</v>
      </c>
      <c r="K3672">
        <v>0</v>
      </c>
      <c r="L3672">
        <v>0</v>
      </c>
      <c r="M3672">
        <v>1150</v>
      </c>
      <c r="N3672">
        <v>0</v>
      </c>
      <c r="O3672">
        <v>0</v>
      </c>
      <c r="P3672">
        <v>10340</v>
      </c>
      <c r="Q3672">
        <v>0</v>
      </c>
      <c r="R3672">
        <v>22990</v>
      </c>
      <c r="S3672">
        <v>0</v>
      </c>
      <c r="T3672">
        <v>0</v>
      </c>
      <c r="U3672">
        <v>0</v>
      </c>
      <c r="V3672">
        <v>1</v>
      </c>
      <c r="W3672">
        <v>1</v>
      </c>
      <c r="X3672">
        <v>0</v>
      </c>
      <c r="Y3672">
        <v>34</v>
      </c>
      <c r="Z3672">
        <v>16</v>
      </c>
      <c r="AA3672">
        <v>141</v>
      </c>
      <c r="AB3672">
        <v>0</v>
      </c>
      <c r="AC3672">
        <v>84</v>
      </c>
      <c r="AD3672">
        <v>24</v>
      </c>
      <c r="AE3672">
        <v>105</v>
      </c>
      <c r="AF3672">
        <v>825</v>
      </c>
      <c r="AG3672">
        <v>72990</v>
      </c>
      <c r="AH3672">
        <v>50000</v>
      </c>
      <c r="AI3672">
        <v>0</v>
      </c>
      <c r="AJ3672">
        <v>84</v>
      </c>
      <c r="AK3672" t="s">
        <v>16</v>
      </c>
      <c r="AL3672">
        <v>0</v>
      </c>
      <c r="AM3672">
        <v>0</v>
      </c>
      <c r="AN3672">
        <v>0</v>
      </c>
      <c r="AO3672">
        <v>0</v>
      </c>
      <c r="AP3672">
        <v>0</v>
      </c>
      <c r="AQ3672">
        <v>0</v>
      </c>
      <c r="AR3672">
        <v>0</v>
      </c>
      <c r="AS3672">
        <v>0</v>
      </c>
      <c r="AT3672">
        <v>0</v>
      </c>
      <c r="AU3672">
        <v>0</v>
      </c>
      <c r="AV3672">
        <v>0</v>
      </c>
      <c r="AW3672">
        <v>0</v>
      </c>
      <c r="AX3672">
        <v>0</v>
      </c>
      <c r="AY3672">
        <v>20</v>
      </c>
      <c r="AZ3672">
        <v>32</v>
      </c>
      <c r="BA3672">
        <v>2623</v>
      </c>
    </row>
    <row r="3673" spans="1:53" x14ac:dyDescent="0.4">
      <c r="A3673">
        <v>3717</v>
      </c>
      <c r="B3673" s="1">
        <v>44090</v>
      </c>
      <c r="C3673">
        <v>1</v>
      </c>
      <c r="D3673" s="1">
        <v>44090.291666666664</v>
      </c>
      <c r="E3673" s="1">
        <v>44090.42083333333</v>
      </c>
      <c r="F3673">
        <v>0</v>
      </c>
      <c r="G3673">
        <v>0</v>
      </c>
      <c r="H3673">
        <v>0</v>
      </c>
      <c r="I3673">
        <v>0</v>
      </c>
      <c r="J3673">
        <v>0</v>
      </c>
      <c r="K3673">
        <v>0</v>
      </c>
      <c r="L3673">
        <v>0</v>
      </c>
      <c r="M3673">
        <v>0</v>
      </c>
      <c r="N3673">
        <v>0</v>
      </c>
      <c r="O3673">
        <v>0</v>
      </c>
      <c r="P3673">
        <v>0</v>
      </c>
      <c r="Q3673">
        <v>0</v>
      </c>
      <c r="R3673">
        <v>0</v>
      </c>
      <c r="S3673">
        <v>0</v>
      </c>
      <c r="T3673">
        <v>0</v>
      </c>
      <c r="U3673">
        <v>0</v>
      </c>
      <c r="V3673">
        <v>0</v>
      </c>
      <c r="W3673">
        <v>0</v>
      </c>
      <c r="X3673">
        <v>0</v>
      </c>
      <c r="Y3673">
        <v>27</v>
      </c>
      <c r="Z3673">
        <v>15</v>
      </c>
      <c r="AA3673">
        <v>146</v>
      </c>
      <c r="AB3673">
        <v>0</v>
      </c>
      <c r="AC3673">
        <v>68</v>
      </c>
      <c r="AD3673">
        <v>24</v>
      </c>
      <c r="AE3673">
        <v>100</v>
      </c>
      <c r="AF3673">
        <v>0</v>
      </c>
      <c r="AG3673">
        <v>50000</v>
      </c>
      <c r="AH3673">
        <v>50000</v>
      </c>
      <c r="AI3673">
        <v>0</v>
      </c>
      <c r="AJ3673">
        <v>0</v>
      </c>
      <c r="AK3673" t="s">
        <v>6</v>
      </c>
      <c r="AL3673">
        <v>0</v>
      </c>
      <c r="AM3673">
        <v>0</v>
      </c>
      <c r="AN3673">
        <v>0</v>
      </c>
      <c r="AO3673">
        <v>0</v>
      </c>
      <c r="AP3673">
        <v>0</v>
      </c>
      <c r="AQ3673">
        <v>0</v>
      </c>
      <c r="AR3673">
        <v>0</v>
      </c>
      <c r="AS3673">
        <v>0</v>
      </c>
      <c r="AT3673">
        <v>0</v>
      </c>
      <c r="AU3673">
        <v>0</v>
      </c>
      <c r="AV3673">
        <v>0</v>
      </c>
      <c r="AW3673">
        <v>0</v>
      </c>
      <c r="AX3673">
        <v>0</v>
      </c>
      <c r="AY3673">
        <v>0</v>
      </c>
      <c r="AZ3673">
        <v>0</v>
      </c>
      <c r="BA3673">
        <v>0</v>
      </c>
    </row>
    <row r="3674" spans="1:53" x14ac:dyDescent="0.4">
      <c r="A3674">
        <v>3718</v>
      </c>
      <c r="B3674" s="1">
        <v>44090</v>
      </c>
      <c r="C3674">
        <v>2</v>
      </c>
      <c r="D3674" s="1">
        <v>44090.42083333333</v>
      </c>
      <c r="E3674" s="1">
        <v>44090.734027777777</v>
      </c>
      <c r="F3674">
        <v>10500</v>
      </c>
      <c r="G3674">
        <v>0</v>
      </c>
      <c r="H3674">
        <v>0</v>
      </c>
      <c r="I3674">
        <v>0</v>
      </c>
      <c r="J3674">
        <v>0</v>
      </c>
      <c r="K3674">
        <v>0</v>
      </c>
      <c r="L3674">
        <v>0</v>
      </c>
      <c r="M3674">
        <v>1050</v>
      </c>
      <c r="N3674">
        <v>0</v>
      </c>
      <c r="O3674">
        <v>0</v>
      </c>
      <c r="P3674">
        <v>7315</v>
      </c>
      <c r="Q3674">
        <v>0</v>
      </c>
      <c r="R3674">
        <v>18865</v>
      </c>
      <c r="S3674">
        <v>0</v>
      </c>
      <c r="T3674">
        <v>0</v>
      </c>
      <c r="U3674">
        <v>0</v>
      </c>
      <c r="V3674">
        <v>2</v>
      </c>
      <c r="W3674">
        <v>1</v>
      </c>
      <c r="X3674">
        <v>0</v>
      </c>
      <c r="Y3674">
        <v>21</v>
      </c>
      <c r="Z3674">
        <v>17</v>
      </c>
      <c r="AA3674">
        <v>136</v>
      </c>
      <c r="AB3674">
        <v>0</v>
      </c>
      <c r="AC3674">
        <v>52</v>
      </c>
      <c r="AD3674">
        <v>26</v>
      </c>
      <c r="AE3674">
        <v>115</v>
      </c>
      <c r="AF3674">
        <v>0</v>
      </c>
      <c r="AG3674">
        <v>68865</v>
      </c>
      <c r="AH3674">
        <v>50000</v>
      </c>
      <c r="AI3674">
        <v>0</v>
      </c>
      <c r="AJ3674">
        <v>107</v>
      </c>
      <c r="AK3674" t="s">
        <v>40</v>
      </c>
      <c r="AL3674">
        <v>0</v>
      </c>
      <c r="AM3674">
        <v>0</v>
      </c>
      <c r="AN3674">
        <v>0</v>
      </c>
      <c r="AO3674">
        <v>0</v>
      </c>
      <c r="AP3674">
        <v>0</v>
      </c>
      <c r="AQ3674">
        <v>0</v>
      </c>
      <c r="AR3674">
        <v>0</v>
      </c>
      <c r="AS3674">
        <v>0</v>
      </c>
      <c r="AT3674">
        <v>0</v>
      </c>
      <c r="AU3674">
        <v>0</v>
      </c>
      <c r="AV3674">
        <v>0</v>
      </c>
      <c r="AW3674">
        <v>0</v>
      </c>
      <c r="AX3674">
        <v>0</v>
      </c>
      <c r="AY3674">
        <v>17</v>
      </c>
      <c r="AZ3674">
        <v>29</v>
      </c>
      <c r="BA3674">
        <v>2300</v>
      </c>
    </row>
    <row r="3675" spans="1:53" x14ac:dyDescent="0.4">
      <c r="A3675">
        <v>3719</v>
      </c>
      <c r="B3675" s="1">
        <v>44090</v>
      </c>
      <c r="C3675">
        <v>3</v>
      </c>
      <c r="D3675" s="1">
        <v>44090.734027777777</v>
      </c>
      <c r="E3675" s="1">
        <v>44090.95416666667</v>
      </c>
      <c r="F3675">
        <v>29600</v>
      </c>
      <c r="G3675">
        <v>400</v>
      </c>
      <c r="H3675">
        <v>0</v>
      </c>
      <c r="I3675">
        <v>0</v>
      </c>
      <c r="J3675">
        <v>0</v>
      </c>
      <c r="K3675">
        <v>0</v>
      </c>
      <c r="L3675">
        <v>0</v>
      </c>
      <c r="M3675">
        <v>3000</v>
      </c>
      <c r="N3675">
        <v>0</v>
      </c>
      <c r="O3675">
        <v>0</v>
      </c>
      <c r="P3675">
        <v>-2145</v>
      </c>
      <c r="Q3675">
        <v>0</v>
      </c>
      <c r="R3675">
        <v>30855</v>
      </c>
      <c r="S3675">
        <v>0</v>
      </c>
      <c r="T3675">
        <v>0</v>
      </c>
      <c r="U3675">
        <v>0</v>
      </c>
      <c r="V3675">
        <v>6</v>
      </c>
      <c r="W3675">
        <v>0</v>
      </c>
      <c r="X3675">
        <v>0</v>
      </c>
      <c r="Y3675">
        <v>16</v>
      </c>
      <c r="Z3675">
        <v>18</v>
      </c>
      <c r="AA3675">
        <v>137</v>
      </c>
      <c r="AB3675">
        <v>4</v>
      </c>
      <c r="AC3675">
        <v>57</v>
      </c>
      <c r="AD3675">
        <v>27</v>
      </c>
      <c r="AE3675">
        <v>115</v>
      </c>
      <c r="AF3675">
        <v>0</v>
      </c>
      <c r="AG3675">
        <v>99720</v>
      </c>
      <c r="AH3675">
        <v>50000</v>
      </c>
      <c r="AI3675">
        <v>0</v>
      </c>
      <c r="AJ3675">
        <v>98</v>
      </c>
      <c r="AK3675" t="s">
        <v>35</v>
      </c>
      <c r="AL3675">
        <v>0</v>
      </c>
      <c r="AM3675">
        <v>0</v>
      </c>
      <c r="AN3675">
        <v>0</v>
      </c>
      <c r="AO3675">
        <v>0</v>
      </c>
      <c r="AP3675">
        <v>0</v>
      </c>
      <c r="AQ3675">
        <v>0</v>
      </c>
      <c r="AR3675">
        <v>0</v>
      </c>
      <c r="AS3675">
        <v>0</v>
      </c>
      <c r="AT3675">
        <v>0</v>
      </c>
      <c r="AU3675">
        <v>0</v>
      </c>
      <c r="AV3675">
        <v>0</v>
      </c>
      <c r="AW3675">
        <v>0</v>
      </c>
      <c r="AX3675">
        <v>220</v>
      </c>
      <c r="AY3675">
        <v>8</v>
      </c>
      <c r="AZ3675">
        <v>24</v>
      </c>
      <c r="BA3675">
        <v>1342</v>
      </c>
    </row>
    <row r="3676" spans="1:53" x14ac:dyDescent="0.4">
      <c r="A3676">
        <v>3720</v>
      </c>
      <c r="B3676" s="1">
        <v>44091</v>
      </c>
      <c r="C3676">
        <v>1</v>
      </c>
      <c r="D3676" s="1">
        <v>44091.291666666664</v>
      </c>
      <c r="E3676" s="1">
        <v>44091.446527777778</v>
      </c>
      <c r="F3676">
        <v>0</v>
      </c>
      <c r="G3676">
        <v>0</v>
      </c>
      <c r="H3676">
        <v>0</v>
      </c>
      <c r="I3676">
        <v>0</v>
      </c>
      <c r="J3676">
        <v>0</v>
      </c>
      <c r="K3676">
        <v>0</v>
      </c>
      <c r="L3676">
        <v>0</v>
      </c>
      <c r="M3676">
        <v>0</v>
      </c>
      <c r="N3676">
        <v>0</v>
      </c>
      <c r="O3676">
        <v>0</v>
      </c>
      <c r="P3676">
        <v>0</v>
      </c>
      <c r="Q3676">
        <v>0</v>
      </c>
      <c r="R3676">
        <v>0</v>
      </c>
      <c r="S3676">
        <v>0</v>
      </c>
      <c r="T3676">
        <v>0</v>
      </c>
      <c r="U3676">
        <v>0</v>
      </c>
      <c r="V3676">
        <v>0</v>
      </c>
      <c r="W3676">
        <v>1</v>
      </c>
      <c r="X3676">
        <v>0</v>
      </c>
      <c r="Y3676">
        <v>27</v>
      </c>
      <c r="Z3676">
        <v>14</v>
      </c>
      <c r="AA3676">
        <v>101</v>
      </c>
      <c r="AB3676">
        <v>1</v>
      </c>
      <c r="AC3676">
        <v>65</v>
      </c>
      <c r="AD3676">
        <v>25</v>
      </c>
      <c r="AE3676">
        <v>75</v>
      </c>
      <c r="AF3676">
        <v>0</v>
      </c>
      <c r="AG3676">
        <v>50000</v>
      </c>
      <c r="AH3676">
        <v>50000</v>
      </c>
      <c r="AI3676">
        <v>0</v>
      </c>
      <c r="AJ3676">
        <v>0</v>
      </c>
      <c r="AK3676" t="s">
        <v>6</v>
      </c>
      <c r="AL3676">
        <v>0</v>
      </c>
      <c r="AM3676">
        <v>0</v>
      </c>
      <c r="AN3676">
        <v>0</v>
      </c>
      <c r="AO3676">
        <v>0</v>
      </c>
      <c r="AP3676">
        <v>0</v>
      </c>
      <c r="AQ3676">
        <v>0</v>
      </c>
      <c r="AR3676">
        <v>0</v>
      </c>
      <c r="AS3676">
        <v>0</v>
      </c>
      <c r="AT3676">
        <v>0</v>
      </c>
      <c r="AU3676">
        <v>0</v>
      </c>
      <c r="AV3676">
        <v>0</v>
      </c>
      <c r="AW3676">
        <v>0</v>
      </c>
      <c r="AX3676">
        <v>0</v>
      </c>
      <c r="AY3676">
        <v>0</v>
      </c>
      <c r="AZ3676">
        <v>0</v>
      </c>
      <c r="BA3676">
        <v>0</v>
      </c>
    </row>
    <row r="3677" spans="1:53" x14ac:dyDescent="0.4">
      <c r="A3677">
        <v>3721</v>
      </c>
      <c r="B3677" s="1">
        <v>44091</v>
      </c>
      <c r="C3677">
        <v>2</v>
      </c>
      <c r="D3677" s="1">
        <v>44091.446527777778</v>
      </c>
      <c r="E3677" s="1">
        <v>44091.748611111114</v>
      </c>
      <c r="F3677">
        <v>14650</v>
      </c>
      <c r="G3677">
        <v>840</v>
      </c>
      <c r="H3677">
        <v>60</v>
      </c>
      <c r="I3677">
        <v>0</v>
      </c>
      <c r="J3677">
        <v>0</v>
      </c>
      <c r="K3677">
        <v>0</v>
      </c>
      <c r="L3677">
        <v>0</v>
      </c>
      <c r="M3677">
        <v>1555</v>
      </c>
      <c r="N3677">
        <v>0</v>
      </c>
      <c r="O3677">
        <v>0</v>
      </c>
      <c r="P3677">
        <v>15180</v>
      </c>
      <c r="Q3677">
        <v>0</v>
      </c>
      <c r="R3677">
        <v>32285</v>
      </c>
      <c r="S3677">
        <v>0</v>
      </c>
      <c r="T3677">
        <v>0</v>
      </c>
      <c r="U3677">
        <v>0</v>
      </c>
      <c r="V3677">
        <v>0</v>
      </c>
      <c r="W3677">
        <v>0</v>
      </c>
      <c r="X3677">
        <v>0</v>
      </c>
      <c r="Y3677">
        <v>47</v>
      </c>
      <c r="Z3677">
        <v>29</v>
      </c>
      <c r="AA3677">
        <v>112</v>
      </c>
      <c r="AB3677">
        <v>5</v>
      </c>
      <c r="AC3677">
        <v>82</v>
      </c>
      <c r="AD3677">
        <v>28</v>
      </c>
      <c r="AE3677">
        <v>84</v>
      </c>
      <c r="AF3677">
        <v>8291</v>
      </c>
      <c r="AG3677">
        <v>82285</v>
      </c>
      <c r="AH3677">
        <v>50000</v>
      </c>
      <c r="AI3677">
        <v>0</v>
      </c>
      <c r="AJ3677">
        <v>107</v>
      </c>
      <c r="AK3677" t="s">
        <v>40</v>
      </c>
      <c r="AL3677">
        <v>0</v>
      </c>
      <c r="AM3677">
        <v>0</v>
      </c>
      <c r="AN3677">
        <v>0</v>
      </c>
      <c r="AO3677">
        <v>0</v>
      </c>
      <c r="AP3677">
        <v>0</v>
      </c>
      <c r="AQ3677">
        <v>0</v>
      </c>
      <c r="AR3677">
        <v>0</v>
      </c>
      <c r="AS3677">
        <v>0</v>
      </c>
      <c r="AT3677">
        <v>0</v>
      </c>
      <c r="AU3677">
        <v>0</v>
      </c>
      <c r="AV3677">
        <v>0</v>
      </c>
      <c r="AW3677">
        <v>0</v>
      </c>
      <c r="AX3677">
        <v>0</v>
      </c>
      <c r="AY3677">
        <v>27</v>
      </c>
      <c r="AZ3677">
        <v>47</v>
      </c>
      <c r="BA3677">
        <v>3532</v>
      </c>
    </row>
    <row r="3678" spans="1:53" x14ac:dyDescent="0.4">
      <c r="A3678">
        <v>3722</v>
      </c>
      <c r="B3678" s="1">
        <v>44091</v>
      </c>
      <c r="C3678">
        <v>3</v>
      </c>
      <c r="D3678" s="1">
        <v>44091.748611111114</v>
      </c>
      <c r="E3678" s="1">
        <v>44091.95416666667</v>
      </c>
      <c r="F3678">
        <v>23950</v>
      </c>
      <c r="G3678">
        <v>0</v>
      </c>
      <c r="H3678">
        <v>0</v>
      </c>
      <c r="I3678">
        <v>0</v>
      </c>
      <c r="J3678">
        <v>0</v>
      </c>
      <c r="K3678">
        <v>0</v>
      </c>
      <c r="L3678">
        <v>0</v>
      </c>
      <c r="M3678">
        <v>2395</v>
      </c>
      <c r="N3678">
        <v>0</v>
      </c>
      <c r="O3678">
        <v>0</v>
      </c>
      <c r="P3678">
        <v>-15180</v>
      </c>
      <c r="Q3678">
        <v>0</v>
      </c>
      <c r="R3678">
        <v>11165</v>
      </c>
      <c r="S3678">
        <v>0</v>
      </c>
      <c r="T3678">
        <v>0</v>
      </c>
      <c r="U3678">
        <v>0</v>
      </c>
      <c r="V3678">
        <v>1</v>
      </c>
      <c r="W3678">
        <v>0</v>
      </c>
      <c r="X3678">
        <v>0</v>
      </c>
      <c r="Y3678">
        <v>47</v>
      </c>
      <c r="Z3678">
        <v>28</v>
      </c>
      <c r="AA3678">
        <v>124</v>
      </c>
      <c r="AB3678">
        <v>8</v>
      </c>
      <c r="AC3678">
        <v>112</v>
      </c>
      <c r="AD3678">
        <v>31</v>
      </c>
      <c r="AE3678">
        <v>84</v>
      </c>
      <c r="AF3678">
        <v>8291</v>
      </c>
      <c r="AG3678">
        <v>93450</v>
      </c>
      <c r="AH3678">
        <v>50000</v>
      </c>
      <c r="AI3678">
        <v>0</v>
      </c>
      <c r="AJ3678">
        <v>107</v>
      </c>
      <c r="AK3678" t="s">
        <v>40</v>
      </c>
      <c r="AL3678">
        <v>0</v>
      </c>
      <c r="AM3678">
        <v>0</v>
      </c>
      <c r="AN3678">
        <v>0</v>
      </c>
      <c r="AO3678">
        <v>0</v>
      </c>
      <c r="AP3678">
        <v>0</v>
      </c>
      <c r="AQ3678">
        <v>0</v>
      </c>
      <c r="AR3678">
        <v>0</v>
      </c>
      <c r="AS3678">
        <v>0</v>
      </c>
      <c r="AT3678">
        <v>0</v>
      </c>
      <c r="AU3678">
        <v>0</v>
      </c>
      <c r="AV3678">
        <v>0</v>
      </c>
      <c r="AW3678">
        <v>0</v>
      </c>
      <c r="AX3678">
        <v>0</v>
      </c>
      <c r="AY3678">
        <v>7</v>
      </c>
      <c r="AZ3678">
        <v>11</v>
      </c>
      <c r="BA3678">
        <v>1625</v>
      </c>
    </row>
    <row r="3679" spans="1:53" x14ac:dyDescent="0.4">
      <c r="A3679">
        <v>3723</v>
      </c>
      <c r="B3679" s="1">
        <v>44092</v>
      </c>
      <c r="C3679">
        <v>1</v>
      </c>
      <c r="D3679" s="1">
        <v>44092.291666666664</v>
      </c>
      <c r="E3679" s="1">
        <v>44092.418749999997</v>
      </c>
      <c r="F3679">
        <v>0</v>
      </c>
      <c r="G3679">
        <v>0</v>
      </c>
      <c r="H3679">
        <v>0</v>
      </c>
      <c r="I3679">
        <v>0</v>
      </c>
      <c r="J3679">
        <v>0</v>
      </c>
      <c r="K3679">
        <v>0</v>
      </c>
      <c r="L3679">
        <v>0</v>
      </c>
      <c r="M3679">
        <v>0</v>
      </c>
      <c r="N3679">
        <v>0</v>
      </c>
      <c r="O3679">
        <v>0</v>
      </c>
      <c r="P3679">
        <v>0</v>
      </c>
      <c r="Q3679">
        <v>0</v>
      </c>
      <c r="R3679">
        <v>0</v>
      </c>
      <c r="S3679">
        <v>0</v>
      </c>
      <c r="T3679">
        <v>0</v>
      </c>
      <c r="U3679">
        <v>0</v>
      </c>
      <c r="V3679">
        <v>0</v>
      </c>
      <c r="W3679">
        <v>0</v>
      </c>
      <c r="X3679">
        <v>0</v>
      </c>
      <c r="Y3679">
        <v>31</v>
      </c>
      <c r="Z3679">
        <v>10</v>
      </c>
      <c r="AA3679">
        <v>123</v>
      </c>
      <c r="AB3679">
        <v>8</v>
      </c>
      <c r="AC3679">
        <v>109</v>
      </c>
      <c r="AD3679">
        <v>26</v>
      </c>
      <c r="AE3679">
        <v>80</v>
      </c>
      <c r="AF3679">
        <v>0</v>
      </c>
      <c r="AG3679">
        <v>50000</v>
      </c>
      <c r="AH3679">
        <v>50000</v>
      </c>
      <c r="AI3679">
        <v>0</v>
      </c>
      <c r="AJ3679">
        <v>0</v>
      </c>
      <c r="AK3679" t="s">
        <v>6</v>
      </c>
      <c r="AL3679">
        <v>0</v>
      </c>
      <c r="AM3679">
        <v>0</v>
      </c>
      <c r="AN3679">
        <v>0</v>
      </c>
      <c r="AO3679">
        <v>0</v>
      </c>
      <c r="AP3679">
        <v>0</v>
      </c>
      <c r="AQ3679">
        <v>0</v>
      </c>
      <c r="AR3679">
        <v>0</v>
      </c>
      <c r="AS3679">
        <v>0</v>
      </c>
      <c r="AT3679">
        <v>0</v>
      </c>
      <c r="AU3679">
        <v>0</v>
      </c>
      <c r="AV3679">
        <v>0</v>
      </c>
      <c r="AW3679">
        <v>0</v>
      </c>
      <c r="AX3679">
        <v>0</v>
      </c>
      <c r="AY3679">
        <v>0</v>
      </c>
      <c r="AZ3679">
        <v>0</v>
      </c>
      <c r="BA3679">
        <v>0</v>
      </c>
    </row>
    <row r="3680" spans="1:53" x14ac:dyDescent="0.4">
      <c r="A3680">
        <v>3724</v>
      </c>
      <c r="B3680" s="1">
        <v>44092</v>
      </c>
      <c r="C3680">
        <v>2</v>
      </c>
      <c r="D3680" s="1">
        <v>44092.418749999997</v>
      </c>
      <c r="E3680" s="1">
        <v>44092.738888888889</v>
      </c>
      <c r="F3680">
        <v>14200</v>
      </c>
      <c r="G3680">
        <v>400</v>
      </c>
      <c r="H3680">
        <v>0</v>
      </c>
      <c r="I3680">
        <v>0</v>
      </c>
      <c r="J3680">
        <v>0</v>
      </c>
      <c r="K3680">
        <v>0</v>
      </c>
      <c r="L3680">
        <v>0</v>
      </c>
      <c r="M3680">
        <v>1460</v>
      </c>
      <c r="N3680">
        <v>0</v>
      </c>
      <c r="O3680">
        <v>0</v>
      </c>
      <c r="P3680">
        <v>14960</v>
      </c>
      <c r="Q3680">
        <v>0</v>
      </c>
      <c r="R3680">
        <v>31020</v>
      </c>
      <c r="S3680">
        <v>0</v>
      </c>
      <c r="T3680">
        <v>0</v>
      </c>
      <c r="U3680">
        <v>0</v>
      </c>
      <c r="V3680">
        <v>2</v>
      </c>
      <c r="W3680">
        <v>1</v>
      </c>
      <c r="X3680">
        <v>0</v>
      </c>
      <c r="Y3680">
        <v>33</v>
      </c>
      <c r="Z3680">
        <v>18</v>
      </c>
      <c r="AA3680">
        <v>103</v>
      </c>
      <c r="AB3680">
        <v>6</v>
      </c>
      <c r="AC3680">
        <v>119</v>
      </c>
      <c r="AD3680">
        <v>21</v>
      </c>
      <c r="AE3680">
        <v>90</v>
      </c>
      <c r="AF3680">
        <v>2035</v>
      </c>
      <c r="AG3680">
        <v>81020</v>
      </c>
      <c r="AH3680">
        <v>50000</v>
      </c>
      <c r="AI3680">
        <v>0</v>
      </c>
      <c r="AJ3680">
        <v>107</v>
      </c>
      <c r="AK3680" t="s">
        <v>40</v>
      </c>
      <c r="AL3680">
        <v>0</v>
      </c>
      <c r="AM3680">
        <v>0</v>
      </c>
      <c r="AN3680">
        <v>0</v>
      </c>
      <c r="AO3680">
        <v>0</v>
      </c>
      <c r="AP3680">
        <v>0</v>
      </c>
      <c r="AQ3680">
        <v>0</v>
      </c>
      <c r="AR3680">
        <v>0</v>
      </c>
      <c r="AS3680">
        <v>0</v>
      </c>
      <c r="AT3680">
        <v>0</v>
      </c>
      <c r="AU3680">
        <v>0</v>
      </c>
      <c r="AV3680">
        <v>0</v>
      </c>
      <c r="AW3680">
        <v>0</v>
      </c>
      <c r="AX3680">
        <v>1452</v>
      </c>
      <c r="AY3680">
        <v>23</v>
      </c>
      <c r="AZ3680">
        <v>46</v>
      </c>
      <c r="BA3680">
        <v>2884</v>
      </c>
    </row>
    <row r="3681" spans="1:53" x14ac:dyDescent="0.4">
      <c r="A3681">
        <v>3725</v>
      </c>
      <c r="B3681" s="1">
        <v>44092</v>
      </c>
      <c r="C3681">
        <v>3</v>
      </c>
      <c r="D3681" s="1">
        <v>44092.738888888889</v>
      </c>
      <c r="E3681" s="1">
        <v>44092.95416666667</v>
      </c>
      <c r="F3681">
        <v>29800</v>
      </c>
      <c r="G3681">
        <v>2460</v>
      </c>
      <c r="H3681">
        <v>200</v>
      </c>
      <c r="I3681">
        <v>0</v>
      </c>
      <c r="J3681">
        <v>0</v>
      </c>
      <c r="K3681">
        <v>0</v>
      </c>
      <c r="L3681">
        <v>0</v>
      </c>
      <c r="M3681">
        <v>3246</v>
      </c>
      <c r="N3681">
        <v>0</v>
      </c>
      <c r="O3681">
        <v>0</v>
      </c>
      <c r="P3681">
        <v>-8030</v>
      </c>
      <c r="Q3681">
        <v>0</v>
      </c>
      <c r="R3681">
        <v>27676</v>
      </c>
      <c r="S3681">
        <v>0</v>
      </c>
      <c r="T3681">
        <v>0</v>
      </c>
      <c r="U3681">
        <v>0</v>
      </c>
      <c r="V3681">
        <v>5</v>
      </c>
      <c r="W3681">
        <v>0</v>
      </c>
      <c r="X3681">
        <v>0</v>
      </c>
      <c r="Y3681">
        <v>24</v>
      </c>
      <c r="Z3681">
        <v>15</v>
      </c>
      <c r="AA3681">
        <v>98</v>
      </c>
      <c r="AB3681">
        <v>105</v>
      </c>
      <c r="AC3681">
        <v>126</v>
      </c>
      <c r="AD3681">
        <v>21</v>
      </c>
      <c r="AE3681">
        <v>102</v>
      </c>
      <c r="AF3681">
        <v>10679</v>
      </c>
      <c r="AG3681">
        <v>108696</v>
      </c>
      <c r="AH3681">
        <v>50000</v>
      </c>
      <c r="AI3681">
        <v>0</v>
      </c>
      <c r="AJ3681">
        <v>108</v>
      </c>
      <c r="AK3681" t="s">
        <v>30</v>
      </c>
      <c r="AL3681">
        <v>0</v>
      </c>
      <c r="AM3681">
        <v>0</v>
      </c>
      <c r="AN3681">
        <v>0</v>
      </c>
      <c r="AO3681">
        <v>0</v>
      </c>
      <c r="AP3681">
        <v>0</v>
      </c>
      <c r="AQ3681">
        <v>0</v>
      </c>
      <c r="AR3681">
        <v>0</v>
      </c>
      <c r="AS3681">
        <v>0</v>
      </c>
      <c r="AT3681">
        <v>0</v>
      </c>
      <c r="AU3681">
        <v>0</v>
      </c>
      <c r="AV3681">
        <v>0</v>
      </c>
      <c r="AW3681">
        <v>0</v>
      </c>
      <c r="AX3681">
        <v>10780</v>
      </c>
      <c r="AY3681">
        <v>7</v>
      </c>
      <c r="AZ3681">
        <v>23</v>
      </c>
      <c r="BA3681">
        <v>1403</v>
      </c>
    </row>
    <row r="3682" spans="1:53" x14ac:dyDescent="0.4">
      <c r="A3682">
        <v>3726</v>
      </c>
      <c r="B3682" s="1">
        <v>44093</v>
      </c>
      <c r="C3682">
        <v>1</v>
      </c>
      <c r="D3682" s="1">
        <v>44093.291666666664</v>
      </c>
      <c r="E3682" s="1">
        <v>44093.404166666667</v>
      </c>
      <c r="F3682">
        <v>0</v>
      </c>
      <c r="G3682">
        <v>0</v>
      </c>
      <c r="H3682">
        <v>0</v>
      </c>
      <c r="I3682">
        <v>0</v>
      </c>
      <c r="J3682">
        <v>0</v>
      </c>
      <c r="K3682">
        <v>0</v>
      </c>
      <c r="L3682">
        <v>0</v>
      </c>
      <c r="M3682">
        <v>0</v>
      </c>
      <c r="N3682">
        <v>0</v>
      </c>
      <c r="O3682">
        <v>0</v>
      </c>
      <c r="P3682">
        <v>0</v>
      </c>
      <c r="Q3682">
        <v>0</v>
      </c>
      <c r="R3682">
        <v>0</v>
      </c>
      <c r="S3682">
        <v>0</v>
      </c>
      <c r="T3682">
        <v>0</v>
      </c>
      <c r="U3682">
        <v>0</v>
      </c>
      <c r="V3682">
        <v>0</v>
      </c>
      <c r="W3682">
        <v>0</v>
      </c>
      <c r="X3682">
        <v>0</v>
      </c>
      <c r="Y3682">
        <v>26</v>
      </c>
      <c r="Z3682">
        <v>10</v>
      </c>
      <c r="AA3682">
        <v>126</v>
      </c>
      <c r="AB3682">
        <v>101</v>
      </c>
      <c r="AC3682">
        <v>117</v>
      </c>
      <c r="AD3682">
        <v>18</v>
      </c>
      <c r="AE3682">
        <v>90</v>
      </c>
      <c r="AF3682">
        <v>0</v>
      </c>
      <c r="AG3682">
        <v>50000</v>
      </c>
      <c r="AH3682">
        <v>50000</v>
      </c>
      <c r="AI3682">
        <v>0</v>
      </c>
      <c r="AJ3682">
        <v>0</v>
      </c>
      <c r="AK3682" t="s">
        <v>6</v>
      </c>
      <c r="AL3682">
        <v>0</v>
      </c>
      <c r="AM3682">
        <v>0</v>
      </c>
      <c r="AN3682">
        <v>0</v>
      </c>
      <c r="AO3682">
        <v>0</v>
      </c>
      <c r="AP3682">
        <v>0</v>
      </c>
      <c r="AQ3682">
        <v>0</v>
      </c>
      <c r="AR3682">
        <v>0</v>
      </c>
      <c r="AS3682">
        <v>0</v>
      </c>
      <c r="AT3682">
        <v>0</v>
      </c>
      <c r="AU3682">
        <v>0</v>
      </c>
      <c r="AV3682">
        <v>0</v>
      </c>
      <c r="AW3682">
        <v>0</v>
      </c>
      <c r="AX3682">
        <v>0</v>
      </c>
      <c r="AY3682">
        <v>0</v>
      </c>
      <c r="AZ3682">
        <v>0</v>
      </c>
      <c r="BA3682">
        <v>0</v>
      </c>
    </row>
    <row r="3683" spans="1:53" x14ac:dyDescent="0.4">
      <c r="A3683">
        <v>3727</v>
      </c>
      <c r="B3683" s="1">
        <v>44093</v>
      </c>
      <c r="C3683">
        <v>2</v>
      </c>
      <c r="D3683" s="1">
        <v>44093.404166666667</v>
      </c>
      <c r="E3683" s="1">
        <v>44093.739583333336</v>
      </c>
      <c r="F3683">
        <v>34150</v>
      </c>
      <c r="G3683">
        <v>1940</v>
      </c>
      <c r="H3683">
        <v>200</v>
      </c>
      <c r="I3683">
        <v>0</v>
      </c>
      <c r="J3683">
        <v>100</v>
      </c>
      <c r="K3683">
        <v>0</v>
      </c>
      <c r="L3683">
        <v>0</v>
      </c>
      <c r="M3683">
        <v>3619</v>
      </c>
      <c r="N3683">
        <v>0</v>
      </c>
      <c r="O3683">
        <v>0</v>
      </c>
      <c r="P3683">
        <v>14740</v>
      </c>
      <c r="Q3683">
        <v>0</v>
      </c>
      <c r="R3683">
        <v>54549</v>
      </c>
      <c r="S3683">
        <v>0</v>
      </c>
      <c r="T3683">
        <v>0</v>
      </c>
      <c r="U3683">
        <v>0</v>
      </c>
      <c r="V3683">
        <v>2</v>
      </c>
      <c r="W3683">
        <v>0</v>
      </c>
      <c r="X3683">
        <v>0</v>
      </c>
      <c r="Y3683">
        <v>53</v>
      </c>
      <c r="Z3683">
        <v>17</v>
      </c>
      <c r="AA3683">
        <v>143</v>
      </c>
      <c r="AB3683">
        <v>105</v>
      </c>
      <c r="AC3683">
        <v>77</v>
      </c>
      <c r="AD3683">
        <v>15</v>
      </c>
      <c r="AE3683">
        <v>124</v>
      </c>
      <c r="AF3683">
        <v>2530</v>
      </c>
      <c r="AG3683">
        <v>104549</v>
      </c>
      <c r="AH3683">
        <v>50000</v>
      </c>
      <c r="AI3683">
        <v>0</v>
      </c>
      <c r="AJ3683">
        <v>84</v>
      </c>
      <c r="AK3683" t="s">
        <v>16</v>
      </c>
      <c r="AL3683">
        <v>0</v>
      </c>
      <c r="AM3683">
        <v>0</v>
      </c>
      <c r="AN3683">
        <v>0</v>
      </c>
      <c r="AO3683">
        <v>0</v>
      </c>
      <c r="AP3683">
        <v>0</v>
      </c>
      <c r="AQ3683">
        <v>0</v>
      </c>
      <c r="AR3683">
        <v>0</v>
      </c>
      <c r="AS3683">
        <v>0</v>
      </c>
      <c r="AT3683">
        <v>0</v>
      </c>
      <c r="AU3683">
        <v>0</v>
      </c>
      <c r="AV3683">
        <v>0</v>
      </c>
      <c r="AW3683">
        <v>0</v>
      </c>
      <c r="AX3683">
        <v>968</v>
      </c>
      <c r="AY3683">
        <v>39</v>
      </c>
      <c r="AZ3683">
        <v>81</v>
      </c>
      <c r="BA3683">
        <v>5878</v>
      </c>
    </row>
    <row r="3684" spans="1:53" x14ac:dyDescent="0.4">
      <c r="A3684">
        <v>3728</v>
      </c>
      <c r="B3684" s="1">
        <v>44093</v>
      </c>
      <c r="C3684">
        <v>3</v>
      </c>
      <c r="D3684" s="1">
        <v>44093.739583333336</v>
      </c>
      <c r="E3684" s="1">
        <v>44093.957638888889</v>
      </c>
      <c r="F3684">
        <v>25600</v>
      </c>
      <c r="G3684">
        <v>1720</v>
      </c>
      <c r="H3684">
        <v>0</v>
      </c>
      <c r="I3684">
        <v>0</v>
      </c>
      <c r="J3684">
        <v>0</v>
      </c>
      <c r="K3684">
        <v>0</v>
      </c>
      <c r="L3684">
        <v>0</v>
      </c>
      <c r="M3684">
        <v>2732</v>
      </c>
      <c r="N3684">
        <v>0</v>
      </c>
      <c r="O3684">
        <v>0</v>
      </c>
      <c r="P3684">
        <v>1573</v>
      </c>
      <c r="Q3684">
        <v>0</v>
      </c>
      <c r="R3684">
        <v>31625</v>
      </c>
      <c r="S3684">
        <v>0</v>
      </c>
      <c r="T3684">
        <v>0</v>
      </c>
      <c r="U3684">
        <v>0</v>
      </c>
      <c r="V3684">
        <v>6</v>
      </c>
      <c r="W3684">
        <v>0</v>
      </c>
      <c r="X3684">
        <v>0</v>
      </c>
      <c r="Y3684">
        <v>34</v>
      </c>
      <c r="Z3684">
        <v>16</v>
      </c>
      <c r="AA3684">
        <v>132</v>
      </c>
      <c r="AB3684">
        <v>104</v>
      </c>
      <c r="AC3684">
        <v>77</v>
      </c>
      <c r="AD3684">
        <v>12</v>
      </c>
      <c r="AE3684">
        <v>123</v>
      </c>
      <c r="AF3684">
        <v>14821</v>
      </c>
      <c r="AG3684">
        <v>136174</v>
      </c>
      <c r="AH3684">
        <v>50000</v>
      </c>
      <c r="AI3684">
        <v>0</v>
      </c>
      <c r="AJ3684">
        <v>108</v>
      </c>
      <c r="AK3684" t="s">
        <v>30</v>
      </c>
      <c r="AL3684">
        <v>0</v>
      </c>
      <c r="AM3684">
        <v>0</v>
      </c>
      <c r="AN3684">
        <v>0</v>
      </c>
      <c r="AO3684">
        <v>0</v>
      </c>
      <c r="AP3684">
        <v>0</v>
      </c>
      <c r="AQ3684">
        <v>0</v>
      </c>
      <c r="AR3684">
        <v>0</v>
      </c>
      <c r="AS3684">
        <v>0</v>
      </c>
      <c r="AT3684">
        <v>0</v>
      </c>
      <c r="AU3684">
        <v>0</v>
      </c>
      <c r="AV3684">
        <v>0</v>
      </c>
      <c r="AW3684">
        <v>0</v>
      </c>
      <c r="AX3684">
        <v>35024</v>
      </c>
      <c r="AY3684">
        <v>15</v>
      </c>
      <c r="AZ3684">
        <v>49</v>
      </c>
      <c r="BA3684">
        <v>2138</v>
      </c>
    </row>
    <row r="3685" spans="1:53" x14ac:dyDescent="0.4">
      <c r="A3685">
        <v>3729</v>
      </c>
      <c r="B3685" s="1">
        <v>44094</v>
      </c>
      <c r="C3685">
        <v>1</v>
      </c>
      <c r="D3685" s="1">
        <v>44094.291666666664</v>
      </c>
      <c r="E3685" s="1">
        <v>44094.383333333331</v>
      </c>
      <c r="F3685">
        <v>0</v>
      </c>
      <c r="G3685">
        <v>0</v>
      </c>
      <c r="H3685">
        <v>0</v>
      </c>
      <c r="I3685">
        <v>0</v>
      </c>
      <c r="J3685">
        <v>0</v>
      </c>
      <c r="K3685">
        <v>0</v>
      </c>
      <c r="L3685">
        <v>0</v>
      </c>
      <c r="M3685">
        <v>0</v>
      </c>
      <c r="N3685">
        <v>0</v>
      </c>
      <c r="O3685">
        <v>0</v>
      </c>
      <c r="P3685">
        <v>0</v>
      </c>
      <c r="Q3685">
        <v>0</v>
      </c>
      <c r="R3685">
        <v>0</v>
      </c>
      <c r="S3685">
        <v>0</v>
      </c>
      <c r="T3685">
        <v>0</v>
      </c>
      <c r="U3685">
        <v>0</v>
      </c>
      <c r="V3685">
        <v>0</v>
      </c>
      <c r="W3685">
        <v>0</v>
      </c>
      <c r="X3685">
        <v>0</v>
      </c>
      <c r="Y3685">
        <v>27</v>
      </c>
      <c r="Z3685">
        <v>9</v>
      </c>
      <c r="AA3685">
        <v>122</v>
      </c>
      <c r="AB3685">
        <v>105</v>
      </c>
      <c r="AC3685">
        <v>90</v>
      </c>
      <c r="AD3685">
        <v>6</v>
      </c>
      <c r="AE3685">
        <v>120</v>
      </c>
      <c r="AF3685">
        <v>0</v>
      </c>
      <c r="AG3685">
        <v>50000</v>
      </c>
      <c r="AH3685">
        <v>50000</v>
      </c>
      <c r="AI3685">
        <v>0</v>
      </c>
      <c r="AJ3685">
        <v>0</v>
      </c>
      <c r="AK3685" t="s">
        <v>6</v>
      </c>
      <c r="AL3685">
        <v>0</v>
      </c>
      <c r="AM3685">
        <v>0</v>
      </c>
      <c r="AN3685">
        <v>0</v>
      </c>
      <c r="AO3685">
        <v>0</v>
      </c>
      <c r="AP3685">
        <v>0</v>
      </c>
      <c r="AQ3685">
        <v>0</v>
      </c>
      <c r="AR3685">
        <v>0</v>
      </c>
      <c r="AS3685">
        <v>0</v>
      </c>
      <c r="AT3685">
        <v>0</v>
      </c>
      <c r="AU3685">
        <v>0</v>
      </c>
      <c r="AV3685">
        <v>0</v>
      </c>
      <c r="AW3685">
        <v>0</v>
      </c>
      <c r="AX3685">
        <v>0</v>
      </c>
      <c r="AY3685">
        <v>0</v>
      </c>
      <c r="AZ3685">
        <v>0</v>
      </c>
      <c r="BA3685">
        <v>0</v>
      </c>
    </row>
    <row r="3686" spans="1:53" x14ac:dyDescent="0.4">
      <c r="A3686">
        <v>3730</v>
      </c>
      <c r="B3686" s="1">
        <v>44094</v>
      </c>
      <c r="C3686">
        <v>2</v>
      </c>
      <c r="D3686" s="1">
        <v>44094.383333333331</v>
      </c>
      <c r="E3686" s="1">
        <v>44094.745138888888</v>
      </c>
      <c r="F3686">
        <v>42000</v>
      </c>
      <c r="G3686">
        <v>820</v>
      </c>
      <c r="H3686">
        <v>0</v>
      </c>
      <c r="I3686">
        <v>0</v>
      </c>
      <c r="J3686">
        <v>0</v>
      </c>
      <c r="K3686">
        <v>550</v>
      </c>
      <c r="L3686">
        <v>0</v>
      </c>
      <c r="M3686">
        <v>4337</v>
      </c>
      <c r="N3686">
        <v>0</v>
      </c>
      <c r="O3686">
        <v>0</v>
      </c>
      <c r="P3686">
        <v>17985</v>
      </c>
      <c r="Q3686">
        <v>0</v>
      </c>
      <c r="R3686">
        <v>65692</v>
      </c>
      <c r="S3686">
        <v>0</v>
      </c>
      <c r="T3686">
        <v>0</v>
      </c>
      <c r="U3686">
        <v>0</v>
      </c>
      <c r="V3686">
        <v>4</v>
      </c>
      <c r="W3686">
        <v>0</v>
      </c>
      <c r="X3686">
        <v>0</v>
      </c>
      <c r="Y3686">
        <v>40</v>
      </c>
      <c r="Z3686">
        <v>33</v>
      </c>
      <c r="AA3686">
        <v>121</v>
      </c>
      <c r="AB3686">
        <v>95</v>
      </c>
      <c r="AC3686">
        <v>64</v>
      </c>
      <c r="AD3686">
        <v>2</v>
      </c>
      <c r="AE3686">
        <v>167</v>
      </c>
      <c r="AF3686">
        <v>1430</v>
      </c>
      <c r="AG3686">
        <v>115597</v>
      </c>
      <c r="AH3686">
        <v>50000</v>
      </c>
      <c r="AI3686">
        <v>-95</v>
      </c>
      <c r="AJ3686">
        <v>107</v>
      </c>
      <c r="AK3686" t="s">
        <v>40</v>
      </c>
      <c r="AL3686">
        <v>0</v>
      </c>
      <c r="AM3686">
        <v>0</v>
      </c>
      <c r="AN3686">
        <v>0</v>
      </c>
      <c r="AO3686">
        <v>0</v>
      </c>
      <c r="AP3686">
        <v>0</v>
      </c>
      <c r="AQ3686">
        <v>0</v>
      </c>
      <c r="AR3686">
        <v>0</v>
      </c>
      <c r="AS3686">
        <v>0</v>
      </c>
      <c r="AT3686">
        <v>0</v>
      </c>
      <c r="AU3686">
        <v>0</v>
      </c>
      <c r="AV3686">
        <v>0</v>
      </c>
      <c r="AW3686">
        <v>0</v>
      </c>
      <c r="AX3686">
        <v>0</v>
      </c>
      <c r="AY3686">
        <v>46</v>
      </c>
      <c r="AZ3686">
        <v>100</v>
      </c>
      <c r="BA3686">
        <v>6888</v>
      </c>
    </row>
    <row r="3687" spans="1:53" x14ac:dyDescent="0.4">
      <c r="A3687">
        <v>3731</v>
      </c>
      <c r="B3687" s="1">
        <v>44094</v>
      </c>
      <c r="C3687">
        <v>3</v>
      </c>
      <c r="D3687" s="1">
        <v>44094.745138888888</v>
      </c>
      <c r="E3687" s="1">
        <v>44094.95</v>
      </c>
      <c r="F3687">
        <v>48900</v>
      </c>
      <c r="G3687">
        <v>0</v>
      </c>
      <c r="H3687">
        <v>0</v>
      </c>
      <c r="I3687">
        <v>0</v>
      </c>
      <c r="J3687">
        <v>0</v>
      </c>
      <c r="K3687">
        <v>800</v>
      </c>
      <c r="L3687">
        <v>0</v>
      </c>
      <c r="M3687">
        <v>4970</v>
      </c>
      <c r="N3687">
        <v>0</v>
      </c>
      <c r="O3687">
        <v>0</v>
      </c>
      <c r="P3687">
        <v>-17985</v>
      </c>
      <c r="Q3687">
        <v>0</v>
      </c>
      <c r="R3687">
        <v>36685</v>
      </c>
      <c r="S3687">
        <v>0</v>
      </c>
      <c r="T3687">
        <v>0</v>
      </c>
      <c r="U3687">
        <v>0</v>
      </c>
      <c r="V3687">
        <v>6</v>
      </c>
      <c r="W3687">
        <v>1</v>
      </c>
      <c r="X3687">
        <v>0</v>
      </c>
      <c r="Y3687">
        <v>48</v>
      </c>
      <c r="Z3687">
        <v>32</v>
      </c>
      <c r="AA3687">
        <v>128</v>
      </c>
      <c r="AB3687">
        <v>93</v>
      </c>
      <c r="AC3687">
        <v>66</v>
      </c>
      <c r="AD3687">
        <v>1</v>
      </c>
      <c r="AE3687">
        <v>162</v>
      </c>
      <c r="AF3687">
        <v>5005</v>
      </c>
      <c r="AG3687">
        <v>152282</v>
      </c>
      <c r="AH3687">
        <v>50000</v>
      </c>
      <c r="AI3687">
        <v>-95</v>
      </c>
      <c r="AJ3687">
        <v>108</v>
      </c>
      <c r="AK3687" t="s">
        <v>30</v>
      </c>
      <c r="AL3687">
        <v>0</v>
      </c>
      <c r="AM3687">
        <v>0</v>
      </c>
      <c r="AN3687">
        <v>0</v>
      </c>
      <c r="AO3687">
        <v>0</v>
      </c>
      <c r="AP3687">
        <v>0</v>
      </c>
      <c r="AQ3687">
        <v>0</v>
      </c>
      <c r="AR3687">
        <v>0</v>
      </c>
      <c r="AS3687">
        <v>0</v>
      </c>
      <c r="AT3687">
        <v>0</v>
      </c>
      <c r="AU3687">
        <v>0</v>
      </c>
      <c r="AV3687">
        <v>0</v>
      </c>
      <c r="AW3687">
        <v>0</v>
      </c>
      <c r="AX3687">
        <v>18480</v>
      </c>
      <c r="AY3687">
        <v>17</v>
      </c>
      <c r="AZ3687">
        <v>52</v>
      </c>
      <c r="BA3687">
        <v>2344</v>
      </c>
    </row>
    <row r="3688" spans="1:53" x14ac:dyDescent="0.4">
      <c r="A3688">
        <v>3732</v>
      </c>
      <c r="B3688" s="1">
        <v>44095</v>
      </c>
      <c r="C3688">
        <v>1</v>
      </c>
      <c r="D3688" s="1">
        <v>44095.291666666664</v>
      </c>
      <c r="E3688" s="1">
        <v>44095.378472222219</v>
      </c>
      <c r="F3688">
        <v>0</v>
      </c>
      <c r="G3688">
        <v>0</v>
      </c>
      <c r="H3688">
        <v>0</v>
      </c>
      <c r="I3688">
        <v>0</v>
      </c>
      <c r="J3688">
        <v>0</v>
      </c>
      <c r="K3688">
        <v>0</v>
      </c>
      <c r="L3688">
        <v>0</v>
      </c>
      <c r="M3688">
        <v>0</v>
      </c>
      <c r="N3688">
        <v>0</v>
      </c>
      <c r="O3688">
        <v>0</v>
      </c>
      <c r="P3688">
        <v>0</v>
      </c>
      <c r="Q3688">
        <v>0</v>
      </c>
      <c r="R3688">
        <v>0</v>
      </c>
      <c r="S3688">
        <v>0</v>
      </c>
      <c r="T3688">
        <v>0</v>
      </c>
      <c r="U3688">
        <v>0</v>
      </c>
      <c r="V3688">
        <v>0</v>
      </c>
      <c r="W3688">
        <v>0</v>
      </c>
      <c r="X3688">
        <v>0</v>
      </c>
      <c r="Y3688">
        <v>29</v>
      </c>
      <c r="Z3688">
        <v>10</v>
      </c>
      <c r="AA3688">
        <v>105</v>
      </c>
      <c r="AB3688">
        <v>90</v>
      </c>
      <c r="AC3688">
        <v>79</v>
      </c>
      <c r="AD3688">
        <v>10</v>
      </c>
      <c r="AE3688">
        <v>160</v>
      </c>
      <c r="AF3688">
        <v>0</v>
      </c>
      <c r="AG3688">
        <v>50000</v>
      </c>
      <c r="AH3688">
        <v>50000</v>
      </c>
      <c r="AI3688">
        <v>0</v>
      </c>
      <c r="AJ3688">
        <v>0</v>
      </c>
      <c r="AK3688" t="s">
        <v>6</v>
      </c>
      <c r="AL3688">
        <v>0</v>
      </c>
      <c r="AM3688">
        <v>0</v>
      </c>
      <c r="AN3688">
        <v>0</v>
      </c>
      <c r="AO3688">
        <v>0</v>
      </c>
      <c r="AP3688">
        <v>0</v>
      </c>
      <c r="AQ3688">
        <v>0</v>
      </c>
      <c r="AR3688">
        <v>0</v>
      </c>
      <c r="AS3688">
        <v>0</v>
      </c>
      <c r="AT3688">
        <v>0</v>
      </c>
      <c r="AU3688">
        <v>0</v>
      </c>
      <c r="AV3688">
        <v>0</v>
      </c>
      <c r="AW3688">
        <v>0</v>
      </c>
      <c r="AX3688">
        <v>0</v>
      </c>
      <c r="AY3688">
        <v>0</v>
      </c>
      <c r="AZ3688">
        <v>0</v>
      </c>
      <c r="BA3688">
        <v>0</v>
      </c>
    </row>
    <row r="3689" spans="1:53" x14ac:dyDescent="0.4">
      <c r="A3689">
        <v>3733</v>
      </c>
      <c r="B3689" s="1">
        <v>44095</v>
      </c>
      <c r="C3689">
        <v>2</v>
      </c>
      <c r="D3689" s="1">
        <v>44095.378472222219</v>
      </c>
      <c r="E3689" s="1">
        <v>44095.749305555553</v>
      </c>
      <c r="F3689">
        <v>47500</v>
      </c>
      <c r="G3689">
        <v>4240</v>
      </c>
      <c r="H3689">
        <v>0</v>
      </c>
      <c r="I3689">
        <v>0</v>
      </c>
      <c r="J3689">
        <v>0</v>
      </c>
      <c r="K3689">
        <v>0</v>
      </c>
      <c r="L3689">
        <v>0</v>
      </c>
      <c r="M3689">
        <v>5174</v>
      </c>
      <c r="N3689">
        <v>0</v>
      </c>
      <c r="O3689">
        <v>0</v>
      </c>
      <c r="P3689">
        <v>18755</v>
      </c>
      <c r="Q3689">
        <v>0</v>
      </c>
      <c r="R3689">
        <v>75669</v>
      </c>
      <c r="S3689">
        <v>0</v>
      </c>
      <c r="T3689">
        <v>0</v>
      </c>
      <c r="U3689">
        <v>0</v>
      </c>
      <c r="V3689">
        <v>1</v>
      </c>
      <c r="W3689">
        <v>1</v>
      </c>
      <c r="X3689">
        <v>0</v>
      </c>
      <c r="Y3689">
        <v>77</v>
      </c>
      <c r="Z3689">
        <v>36</v>
      </c>
      <c r="AA3689">
        <v>108</v>
      </c>
      <c r="AB3689">
        <v>85</v>
      </c>
      <c r="AC3689">
        <v>37</v>
      </c>
      <c r="AD3689">
        <v>12</v>
      </c>
      <c r="AE3689">
        <v>189</v>
      </c>
      <c r="AF3689">
        <v>0</v>
      </c>
      <c r="AG3689">
        <v>125669</v>
      </c>
      <c r="AH3689">
        <v>50000</v>
      </c>
      <c r="AI3689">
        <v>0</v>
      </c>
      <c r="AJ3689">
        <v>107</v>
      </c>
      <c r="AK3689" t="s">
        <v>40</v>
      </c>
      <c r="AL3689">
        <v>0</v>
      </c>
      <c r="AM3689">
        <v>0</v>
      </c>
      <c r="AN3689">
        <v>0</v>
      </c>
      <c r="AO3689">
        <v>0</v>
      </c>
      <c r="AP3689">
        <v>0</v>
      </c>
      <c r="AQ3689">
        <v>0</v>
      </c>
      <c r="AR3689">
        <v>0</v>
      </c>
      <c r="AS3689">
        <v>0</v>
      </c>
      <c r="AT3689">
        <v>0</v>
      </c>
      <c r="AU3689">
        <v>0</v>
      </c>
      <c r="AV3689">
        <v>0</v>
      </c>
      <c r="AW3689">
        <v>0</v>
      </c>
      <c r="AX3689">
        <v>3036</v>
      </c>
      <c r="AY3689">
        <v>47</v>
      </c>
      <c r="AZ3689">
        <v>115</v>
      </c>
      <c r="BA3689">
        <v>7506</v>
      </c>
    </row>
    <row r="3690" spans="1:53" x14ac:dyDescent="0.4">
      <c r="A3690">
        <v>3734</v>
      </c>
      <c r="B3690" s="1">
        <v>44096</v>
      </c>
      <c r="C3690">
        <v>1</v>
      </c>
      <c r="D3690" s="1">
        <v>44096.291666666664</v>
      </c>
      <c r="E3690" s="1">
        <v>44096.40347222222</v>
      </c>
      <c r="F3690">
        <v>0</v>
      </c>
      <c r="G3690">
        <v>0</v>
      </c>
      <c r="H3690">
        <v>0</v>
      </c>
      <c r="I3690">
        <v>0</v>
      </c>
      <c r="J3690">
        <v>0</v>
      </c>
      <c r="K3690">
        <v>0</v>
      </c>
      <c r="L3690">
        <v>0</v>
      </c>
      <c r="M3690">
        <v>0</v>
      </c>
      <c r="N3690">
        <v>0</v>
      </c>
      <c r="O3690">
        <v>0</v>
      </c>
      <c r="P3690">
        <v>0</v>
      </c>
      <c r="Q3690">
        <v>0</v>
      </c>
      <c r="R3690">
        <v>0</v>
      </c>
      <c r="S3690">
        <v>0</v>
      </c>
      <c r="T3690">
        <v>0</v>
      </c>
      <c r="U3690">
        <v>0</v>
      </c>
      <c r="V3690">
        <v>0</v>
      </c>
      <c r="W3690">
        <v>0</v>
      </c>
      <c r="X3690">
        <v>0</v>
      </c>
      <c r="Y3690">
        <v>27</v>
      </c>
      <c r="Z3690">
        <v>17</v>
      </c>
      <c r="AA3690">
        <v>97</v>
      </c>
      <c r="AB3690">
        <v>83</v>
      </c>
      <c r="AC3690">
        <v>41</v>
      </c>
      <c r="AD3690">
        <v>11</v>
      </c>
      <c r="AE3690">
        <v>185</v>
      </c>
      <c r="AF3690">
        <v>0</v>
      </c>
      <c r="AG3690">
        <v>50000</v>
      </c>
      <c r="AH3690">
        <v>50000</v>
      </c>
      <c r="AI3690">
        <v>0</v>
      </c>
      <c r="AJ3690">
        <v>0</v>
      </c>
      <c r="AK3690" t="s">
        <v>6</v>
      </c>
      <c r="AL3690">
        <v>0</v>
      </c>
      <c r="AM3690">
        <v>0</v>
      </c>
      <c r="AN3690">
        <v>0</v>
      </c>
      <c r="AO3690">
        <v>0</v>
      </c>
      <c r="AP3690">
        <v>0</v>
      </c>
      <c r="AQ3690">
        <v>0</v>
      </c>
      <c r="AR3690">
        <v>0</v>
      </c>
      <c r="AS3690">
        <v>0</v>
      </c>
      <c r="AT3690">
        <v>0</v>
      </c>
      <c r="AU3690">
        <v>0</v>
      </c>
      <c r="AV3690">
        <v>0</v>
      </c>
      <c r="AW3690">
        <v>0</v>
      </c>
      <c r="AX3690">
        <v>0</v>
      </c>
      <c r="AY3690">
        <v>0</v>
      </c>
      <c r="AZ3690">
        <v>0</v>
      </c>
      <c r="BA3690">
        <v>0</v>
      </c>
    </row>
    <row r="3691" spans="1:53" x14ac:dyDescent="0.4">
      <c r="A3691">
        <v>3735</v>
      </c>
      <c r="B3691" s="1">
        <v>44096</v>
      </c>
      <c r="C3691">
        <v>2</v>
      </c>
      <c r="D3691" s="1">
        <v>44096.40347222222</v>
      </c>
      <c r="E3691" s="1">
        <v>44096.741666666669</v>
      </c>
      <c r="F3691">
        <v>44050</v>
      </c>
      <c r="G3691">
        <v>1360</v>
      </c>
      <c r="H3691">
        <v>0</v>
      </c>
      <c r="I3691">
        <v>0</v>
      </c>
      <c r="J3691">
        <v>0</v>
      </c>
      <c r="K3691">
        <v>550</v>
      </c>
      <c r="L3691">
        <v>0</v>
      </c>
      <c r="M3691">
        <v>4596</v>
      </c>
      <c r="N3691">
        <v>0</v>
      </c>
      <c r="O3691">
        <v>0</v>
      </c>
      <c r="P3691">
        <v>13310</v>
      </c>
      <c r="Q3691">
        <v>0</v>
      </c>
      <c r="R3691">
        <v>63866</v>
      </c>
      <c r="S3691">
        <v>0</v>
      </c>
      <c r="T3691">
        <v>0</v>
      </c>
      <c r="U3691">
        <v>0</v>
      </c>
      <c r="V3691">
        <v>2</v>
      </c>
      <c r="W3691">
        <v>1</v>
      </c>
      <c r="X3691">
        <v>0</v>
      </c>
      <c r="Y3691">
        <v>62</v>
      </c>
      <c r="Z3691">
        <v>35</v>
      </c>
      <c r="AA3691">
        <v>43</v>
      </c>
      <c r="AB3691">
        <v>84</v>
      </c>
      <c r="AC3691">
        <v>55</v>
      </c>
      <c r="AD3691">
        <v>17</v>
      </c>
      <c r="AE3691">
        <v>231</v>
      </c>
      <c r="AF3691">
        <v>0</v>
      </c>
      <c r="AG3691">
        <v>113866</v>
      </c>
      <c r="AH3691">
        <v>50000</v>
      </c>
      <c r="AI3691">
        <v>0</v>
      </c>
      <c r="AJ3691">
        <v>84</v>
      </c>
      <c r="AK3691" t="s">
        <v>16</v>
      </c>
      <c r="AL3691">
        <v>0</v>
      </c>
      <c r="AM3691">
        <v>0</v>
      </c>
      <c r="AN3691">
        <v>0</v>
      </c>
      <c r="AO3691">
        <v>0</v>
      </c>
      <c r="AP3691">
        <v>0</v>
      </c>
      <c r="AQ3691">
        <v>0</v>
      </c>
      <c r="AR3691">
        <v>0</v>
      </c>
      <c r="AS3691">
        <v>0</v>
      </c>
      <c r="AT3691">
        <v>0</v>
      </c>
      <c r="AU3691">
        <v>0</v>
      </c>
      <c r="AV3691">
        <v>0</v>
      </c>
      <c r="AW3691">
        <v>0</v>
      </c>
      <c r="AX3691">
        <v>-3630</v>
      </c>
      <c r="AY3691">
        <v>47</v>
      </c>
      <c r="AZ3691">
        <v>103</v>
      </c>
      <c r="BA3691">
        <v>7048</v>
      </c>
    </row>
    <row r="3692" spans="1:53" x14ac:dyDescent="0.4">
      <c r="A3692">
        <v>3736</v>
      </c>
      <c r="B3692" s="1">
        <v>44097</v>
      </c>
      <c r="C3692">
        <v>1</v>
      </c>
      <c r="D3692" s="1">
        <v>44097.291666666664</v>
      </c>
      <c r="E3692" s="1">
        <v>44097.45208333333</v>
      </c>
      <c r="F3692">
        <v>0</v>
      </c>
      <c r="G3692">
        <v>0</v>
      </c>
      <c r="H3692">
        <v>0</v>
      </c>
      <c r="I3692">
        <v>0</v>
      </c>
      <c r="J3692">
        <v>0</v>
      </c>
      <c r="K3692">
        <v>0</v>
      </c>
      <c r="L3692">
        <v>0</v>
      </c>
      <c r="M3692">
        <v>0</v>
      </c>
      <c r="N3692">
        <v>0</v>
      </c>
      <c r="O3692">
        <v>0</v>
      </c>
      <c r="P3692">
        <v>0</v>
      </c>
      <c r="Q3692">
        <v>0</v>
      </c>
      <c r="R3692">
        <v>0</v>
      </c>
      <c r="S3692">
        <v>0</v>
      </c>
      <c r="T3692">
        <v>0</v>
      </c>
      <c r="U3692">
        <v>0</v>
      </c>
      <c r="V3692">
        <v>0</v>
      </c>
      <c r="W3692">
        <v>0</v>
      </c>
      <c r="X3692">
        <v>0</v>
      </c>
      <c r="Y3692">
        <v>35</v>
      </c>
      <c r="Z3692">
        <v>13</v>
      </c>
      <c r="AA3692">
        <v>37</v>
      </c>
      <c r="AB3692">
        <v>80</v>
      </c>
      <c r="AC3692">
        <v>61</v>
      </c>
      <c r="AD3692">
        <v>12</v>
      </c>
      <c r="AE3692">
        <v>130</v>
      </c>
      <c r="AF3692">
        <v>0</v>
      </c>
      <c r="AG3692">
        <v>50000</v>
      </c>
      <c r="AH3692">
        <v>50000</v>
      </c>
      <c r="AI3692">
        <v>0</v>
      </c>
      <c r="AJ3692">
        <v>0</v>
      </c>
      <c r="AK3692" t="s">
        <v>6</v>
      </c>
      <c r="AL3692">
        <v>0</v>
      </c>
      <c r="AM3692">
        <v>0</v>
      </c>
      <c r="AN3692">
        <v>0</v>
      </c>
      <c r="AO3692">
        <v>0</v>
      </c>
      <c r="AP3692">
        <v>0</v>
      </c>
      <c r="AQ3692">
        <v>0</v>
      </c>
      <c r="AR3692">
        <v>0</v>
      </c>
      <c r="AS3692">
        <v>0</v>
      </c>
      <c r="AT3692">
        <v>0</v>
      </c>
      <c r="AU3692">
        <v>0</v>
      </c>
      <c r="AV3692">
        <v>0</v>
      </c>
      <c r="AW3692">
        <v>0</v>
      </c>
      <c r="AX3692">
        <v>0</v>
      </c>
      <c r="AY3692">
        <v>0</v>
      </c>
      <c r="AZ3692">
        <v>0</v>
      </c>
      <c r="BA3692">
        <v>0</v>
      </c>
    </row>
    <row r="3693" spans="1:53" x14ac:dyDescent="0.4">
      <c r="A3693">
        <v>3737</v>
      </c>
      <c r="B3693" s="1">
        <v>44097</v>
      </c>
      <c r="C3693">
        <v>2</v>
      </c>
      <c r="D3693" s="1">
        <v>44097.45208333333</v>
      </c>
      <c r="E3693" s="1">
        <v>44097.740972222222</v>
      </c>
      <c r="F3693">
        <v>13350</v>
      </c>
      <c r="G3693">
        <v>280</v>
      </c>
      <c r="H3693">
        <v>0</v>
      </c>
      <c r="I3693">
        <v>0</v>
      </c>
      <c r="J3693">
        <v>0</v>
      </c>
      <c r="K3693">
        <v>0</v>
      </c>
      <c r="L3693">
        <v>0</v>
      </c>
      <c r="M3693">
        <v>1363</v>
      </c>
      <c r="N3693">
        <v>0</v>
      </c>
      <c r="O3693">
        <v>0</v>
      </c>
      <c r="P3693">
        <v>5885</v>
      </c>
      <c r="Q3693">
        <v>0</v>
      </c>
      <c r="R3693">
        <v>20878</v>
      </c>
      <c r="S3693">
        <v>0</v>
      </c>
      <c r="T3693">
        <v>0</v>
      </c>
      <c r="U3693">
        <v>0</v>
      </c>
      <c r="V3693">
        <v>2</v>
      </c>
      <c r="W3693">
        <v>0</v>
      </c>
      <c r="X3693">
        <v>0</v>
      </c>
      <c r="Y3693">
        <v>34</v>
      </c>
      <c r="Z3693">
        <v>18</v>
      </c>
      <c r="AA3693">
        <v>35</v>
      </c>
      <c r="AB3693">
        <v>74</v>
      </c>
      <c r="AC3693">
        <v>49</v>
      </c>
      <c r="AD3693">
        <v>9</v>
      </c>
      <c r="AE3693">
        <v>143</v>
      </c>
      <c r="AF3693">
        <v>0</v>
      </c>
      <c r="AG3693">
        <v>70878</v>
      </c>
      <c r="AH3693">
        <v>50000</v>
      </c>
      <c r="AI3693">
        <v>0</v>
      </c>
      <c r="AJ3693">
        <v>84</v>
      </c>
      <c r="AK3693" t="s">
        <v>16</v>
      </c>
      <c r="AL3693">
        <v>0</v>
      </c>
      <c r="AM3693">
        <v>0</v>
      </c>
      <c r="AN3693">
        <v>0</v>
      </c>
      <c r="AO3693">
        <v>0</v>
      </c>
      <c r="AP3693">
        <v>0</v>
      </c>
      <c r="AQ3693">
        <v>0</v>
      </c>
      <c r="AR3693">
        <v>0</v>
      </c>
      <c r="AS3693">
        <v>0</v>
      </c>
      <c r="AT3693">
        <v>0</v>
      </c>
      <c r="AU3693">
        <v>0</v>
      </c>
      <c r="AV3693">
        <v>0</v>
      </c>
      <c r="AW3693">
        <v>0</v>
      </c>
      <c r="AX3693">
        <v>0</v>
      </c>
      <c r="AY3693">
        <v>20</v>
      </c>
      <c r="AZ3693">
        <v>30</v>
      </c>
      <c r="BA3693">
        <v>2889</v>
      </c>
    </row>
    <row r="3694" spans="1:53" x14ac:dyDescent="0.4">
      <c r="A3694">
        <v>3738</v>
      </c>
      <c r="B3694" s="1">
        <v>44097</v>
      </c>
      <c r="C3694">
        <v>3</v>
      </c>
      <c r="D3694" s="1">
        <v>44097.740972222222</v>
      </c>
      <c r="E3694" s="1">
        <v>44097.946527777778</v>
      </c>
      <c r="F3694">
        <v>7275</v>
      </c>
      <c r="G3694">
        <v>280</v>
      </c>
      <c r="H3694">
        <v>0</v>
      </c>
      <c r="I3694">
        <v>0</v>
      </c>
      <c r="J3694">
        <v>0</v>
      </c>
      <c r="K3694">
        <v>0</v>
      </c>
      <c r="L3694">
        <v>0</v>
      </c>
      <c r="M3694">
        <v>755</v>
      </c>
      <c r="N3694">
        <v>0</v>
      </c>
      <c r="O3694">
        <v>0</v>
      </c>
      <c r="P3694">
        <v>-3355</v>
      </c>
      <c r="Q3694">
        <v>0</v>
      </c>
      <c r="R3694">
        <v>4955</v>
      </c>
      <c r="S3694">
        <v>0</v>
      </c>
      <c r="T3694">
        <v>0</v>
      </c>
      <c r="U3694">
        <v>0</v>
      </c>
      <c r="V3694">
        <v>2</v>
      </c>
      <c r="W3694">
        <v>0</v>
      </c>
      <c r="X3694">
        <v>0</v>
      </c>
      <c r="Y3694">
        <v>39</v>
      </c>
      <c r="Z3694">
        <v>17</v>
      </c>
      <c r="AA3694">
        <v>31</v>
      </c>
      <c r="AB3694">
        <v>73</v>
      </c>
      <c r="AC3694">
        <v>49</v>
      </c>
      <c r="AD3694">
        <v>9</v>
      </c>
      <c r="AE3694">
        <v>141</v>
      </c>
      <c r="AF3694">
        <v>907</v>
      </c>
      <c r="AG3694">
        <v>75833</v>
      </c>
      <c r="AH3694">
        <v>50000</v>
      </c>
      <c r="AI3694">
        <v>0</v>
      </c>
      <c r="AJ3694">
        <v>108</v>
      </c>
      <c r="AK3694" t="s">
        <v>30</v>
      </c>
      <c r="AL3694">
        <v>0</v>
      </c>
      <c r="AM3694">
        <v>0</v>
      </c>
      <c r="AN3694">
        <v>0</v>
      </c>
      <c r="AO3694">
        <v>0</v>
      </c>
      <c r="AP3694">
        <v>0</v>
      </c>
      <c r="AQ3694">
        <v>0</v>
      </c>
      <c r="AR3694">
        <v>0</v>
      </c>
      <c r="AS3694">
        <v>0</v>
      </c>
      <c r="AT3694">
        <v>0</v>
      </c>
      <c r="AU3694">
        <v>0</v>
      </c>
      <c r="AV3694">
        <v>0</v>
      </c>
      <c r="AW3694">
        <v>0</v>
      </c>
      <c r="AX3694">
        <v>4334</v>
      </c>
      <c r="AY3694">
        <v>5</v>
      </c>
      <c r="AZ3694">
        <v>6</v>
      </c>
      <c r="BA3694">
        <v>829</v>
      </c>
    </row>
    <row r="3695" spans="1:53" x14ac:dyDescent="0.4">
      <c r="A3695">
        <v>3739</v>
      </c>
      <c r="B3695" s="1">
        <v>44098</v>
      </c>
      <c r="C3695">
        <v>1</v>
      </c>
      <c r="D3695" s="1">
        <v>44098.291666666664</v>
      </c>
      <c r="E3695" s="1">
        <v>44098.444444444445</v>
      </c>
      <c r="F3695">
        <v>0</v>
      </c>
      <c r="G3695">
        <v>0</v>
      </c>
      <c r="H3695">
        <v>0</v>
      </c>
      <c r="I3695">
        <v>0</v>
      </c>
      <c r="J3695">
        <v>0</v>
      </c>
      <c r="K3695">
        <v>0</v>
      </c>
      <c r="L3695">
        <v>0</v>
      </c>
      <c r="M3695">
        <v>0</v>
      </c>
      <c r="N3695">
        <v>0</v>
      </c>
      <c r="O3695">
        <v>0</v>
      </c>
      <c r="P3695">
        <v>0</v>
      </c>
      <c r="Q3695">
        <v>0</v>
      </c>
      <c r="R3695">
        <v>0</v>
      </c>
      <c r="S3695">
        <v>0</v>
      </c>
      <c r="T3695">
        <v>0</v>
      </c>
      <c r="U3695">
        <v>0</v>
      </c>
      <c r="V3695">
        <v>0</v>
      </c>
      <c r="W3695">
        <v>0</v>
      </c>
      <c r="X3695">
        <v>0</v>
      </c>
      <c r="Y3695">
        <v>26</v>
      </c>
      <c r="Z3695">
        <v>10</v>
      </c>
      <c r="AA3695">
        <v>134</v>
      </c>
      <c r="AB3695">
        <v>76</v>
      </c>
      <c r="AC3695">
        <v>166</v>
      </c>
      <c r="AD3695">
        <v>10</v>
      </c>
      <c r="AE3695">
        <v>90</v>
      </c>
      <c r="AF3695">
        <v>0</v>
      </c>
      <c r="AG3695">
        <v>50000</v>
      </c>
      <c r="AH3695">
        <v>50000</v>
      </c>
      <c r="AI3695">
        <v>0</v>
      </c>
      <c r="AJ3695">
        <v>0</v>
      </c>
      <c r="AK3695" t="s">
        <v>6</v>
      </c>
      <c r="AL3695">
        <v>0</v>
      </c>
      <c r="AM3695">
        <v>0</v>
      </c>
      <c r="AN3695">
        <v>0</v>
      </c>
      <c r="AO3695">
        <v>0</v>
      </c>
      <c r="AP3695">
        <v>0</v>
      </c>
      <c r="AQ3695">
        <v>0</v>
      </c>
      <c r="AR3695">
        <v>0</v>
      </c>
      <c r="AS3695">
        <v>0</v>
      </c>
      <c r="AT3695">
        <v>0</v>
      </c>
      <c r="AU3695">
        <v>0</v>
      </c>
      <c r="AV3695">
        <v>0</v>
      </c>
      <c r="AW3695">
        <v>0</v>
      </c>
      <c r="AX3695">
        <v>0</v>
      </c>
      <c r="AY3695">
        <v>0</v>
      </c>
      <c r="AZ3695">
        <v>0</v>
      </c>
      <c r="BA3695">
        <v>0</v>
      </c>
    </row>
    <row r="3696" spans="1:53" x14ac:dyDescent="0.4">
      <c r="A3696">
        <v>3740</v>
      </c>
      <c r="B3696" s="1">
        <v>44098</v>
      </c>
      <c r="C3696">
        <v>2</v>
      </c>
      <c r="D3696" s="1">
        <v>44098.444444444445</v>
      </c>
      <c r="E3696" s="1">
        <v>44098.739583333336</v>
      </c>
      <c r="F3696">
        <v>13550</v>
      </c>
      <c r="G3696">
        <v>0</v>
      </c>
      <c r="H3696">
        <v>0</v>
      </c>
      <c r="I3696">
        <v>0</v>
      </c>
      <c r="J3696">
        <v>0</v>
      </c>
      <c r="K3696">
        <v>0</v>
      </c>
      <c r="L3696">
        <v>0</v>
      </c>
      <c r="M3696">
        <v>1355</v>
      </c>
      <c r="N3696">
        <v>0</v>
      </c>
      <c r="O3696">
        <v>0</v>
      </c>
      <c r="P3696">
        <v>9295</v>
      </c>
      <c r="Q3696">
        <v>0</v>
      </c>
      <c r="R3696">
        <v>24200</v>
      </c>
      <c r="S3696">
        <v>0</v>
      </c>
      <c r="T3696">
        <v>0</v>
      </c>
      <c r="U3696">
        <v>0</v>
      </c>
      <c r="V3696">
        <v>0</v>
      </c>
      <c r="W3696">
        <v>1</v>
      </c>
      <c r="X3696">
        <v>0</v>
      </c>
      <c r="Y3696">
        <v>43</v>
      </c>
      <c r="Z3696">
        <v>11</v>
      </c>
      <c r="AA3696">
        <v>145</v>
      </c>
      <c r="AB3696">
        <v>71</v>
      </c>
      <c r="AC3696">
        <v>167</v>
      </c>
      <c r="AD3696">
        <v>8</v>
      </c>
      <c r="AE3696">
        <v>115</v>
      </c>
      <c r="AF3696">
        <v>825</v>
      </c>
      <c r="AG3696">
        <v>74200</v>
      </c>
      <c r="AH3696">
        <v>50000</v>
      </c>
      <c r="AI3696">
        <v>0</v>
      </c>
      <c r="AJ3696">
        <v>84</v>
      </c>
      <c r="AK3696" t="s">
        <v>16</v>
      </c>
      <c r="AL3696">
        <v>0</v>
      </c>
      <c r="AM3696">
        <v>0</v>
      </c>
      <c r="AN3696">
        <v>0</v>
      </c>
      <c r="AO3696">
        <v>0</v>
      </c>
      <c r="AP3696">
        <v>0</v>
      </c>
      <c r="AQ3696">
        <v>0</v>
      </c>
      <c r="AR3696">
        <v>0</v>
      </c>
      <c r="AS3696">
        <v>0</v>
      </c>
      <c r="AT3696">
        <v>0</v>
      </c>
      <c r="AU3696">
        <v>0</v>
      </c>
      <c r="AV3696">
        <v>0</v>
      </c>
      <c r="AW3696">
        <v>0</v>
      </c>
      <c r="AX3696">
        <v>0</v>
      </c>
      <c r="AY3696">
        <v>22</v>
      </c>
      <c r="AZ3696">
        <v>36</v>
      </c>
      <c r="BA3696">
        <v>3200</v>
      </c>
    </row>
    <row r="3697" spans="1:53" x14ac:dyDescent="0.4">
      <c r="A3697">
        <v>3741</v>
      </c>
      <c r="B3697" s="1">
        <v>44099</v>
      </c>
      <c r="C3697">
        <v>1</v>
      </c>
      <c r="D3697" s="1">
        <v>44099.291666666664</v>
      </c>
      <c r="E3697" s="1">
        <v>44099.416666666664</v>
      </c>
      <c r="F3697">
        <v>0</v>
      </c>
      <c r="G3697">
        <v>0</v>
      </c>
      <c r="H3697">
        <v>0</v>
      </c>
      <c r="I3697">
        <v>0</v>
      </c>
      <c r="J3697">
        <v>0</v>
      </c>
      <c r="K3697">
        <v>0</v>
      </c>
      <c r="L3697">
        <v>0</v>
      </c>
      <c r="M3697">
        <v>0</v>
      </c>
      <c r="N3697">
        <v>0</v>
      </c>
      <c r="O3697">
        <v>0</v>
      </c>
      <c r="P3697">
        <v>0</v>
      </c>
      <c r="Q3697">
        <v>0</v>
      </c>
      <c r="R3697">
        <v>0</v>
      </c>
      <c r="S3697">
        <v>0</v>
      </c>
      <c r="T3697">
        <v>0</v>
      </c>
      <c r="U3697">
        <v>0</v>
      </c>
      <c r="V3697">
        <v>0</v>
      </c>
      <c r="W3697">
        <v>0</v>
      </c>
      <c r="X3697">
        <v>0</v>
      </c>
      <c r="Y3697">
        <v>30</v>
      </c>
      <c r="Z3697">
        <v>8</v>
      </c>
      <c r="AA3697">
        <v>107</v>
      </c>
      <c r="AB3697">
        <v>78</v>
      </c>
      <c r="AC3697">
        <v>122</v>
      </c>
      <c r="AD3697">
        <v>12</v>
      </c>
      <c r="AE3697">
        <v>120</v>
      </c>
      <c r="AF3697">
        <v>0</v>
      </c>
      <c r="AG3697">
        <v>50000</v>
      </c>
      <c r="AH3697">
        <v>50000</v>
      </c>
      <c r="AI3697">
        <v>0</v>
      </c>
      <c r="AJ3697">
        <v>0</v>
      </c>
      <c r="AK3697" t="s">
        <v>6</v>
      </c>
      <c r="AL3697">
        <v>0</v>
      </c>
      <c r="AM3697">
        <v>0</v>
      </c>
      <c r="AN3697">
        <v>0</v>
      </c>
      <c r="AO3697">
        <v>0</v>
      </c>
      <c r="AP3697">
        <v>0</v>
      </c>
      <c r="AQ3697">
        <v>0</v>
      </c>
      <c r="AR3697">
        <v>0</v>
      </c>
      <c r="AS3697">
        <v>0</v>
      </c>
      <c r="AT3697">
        <v>0</v>
      </c>
      <c r="AU3697">
        <v>0</v>
      </c>
      <c r="AV3697">
        <v>0</v>
      </c>
      <c r="AW3697">
        <v>0</v>
      </c>
      <c r="AX3697">
        <v>0</v>
      </c>
      <c r="AY3697">
        <v>0</v>
      </c>
      <c r="AZ3697">
        <v>0</v>
      </c>
      <c r="BA3697">
        <v>0</v>
      </c>
    </row>
    <row r="3698" spans="1:53" x14ac:dyDescent="0.4">
      <c r="A3698">
        <v>3742</v>
      </c>
      <c r="B3698" s="1">
        <v>44099</v>
      </c>
      <c r="C3698">
        <v>2</v>
      </c>
      <c r="D3698" s="1">
        <v>44099.416666666664</v>
      </c>
      <c r="E3698" s="1">
        <v>44099.729861111111</v>
      </c>
      <c r="F3698">
        <v>16800</v>
      </c>
      <c r="G3698">
        <v>280</v>
      </c>
      <c r="H3698">
        <v>30</v>
      </c>
      <c r="I3698">
        <v>0</v>
      </c>
      <c r="J3698">
        <v>0</v>
      </c>
      <c r="K3698">
        <v>0</v>
      </c>
      <c r="L3698">
        <v>0</v>
      </c>
      <c r="M3698">
        <v>1711</v>
      </c>
      <c r="N3698">
        <v>0</v>
      </c>
      <c r="O3698">
        <v>0</v>
      </c>
      <c r="P3698">
        <v>9515</v>
      </c>
      <c r="Q3698">
        <v>0</v>
      </c>
      <c r="R3698">
        <v>28336</v>
      </c>
      <c r="S3698">
        <v>0</v>
      </c>
      <c r="T3698">
        <v>0</v>
      </c>
      <c r="U3698">
        <v>0</v>
      </c>
      <c r="V3698">
        <v>1</v>
      </c>
      <c r="W3698">
        <v>0</v>
      </c>
      <c r="X3698">
        <v>0</v>
      </c>
      <c r="Y3698">
        <v>43</v>
      </c>
      <c r="Z3698">
        <v>20</v>
      </c>
      <c r="AA3698">
        <v>85</v>
      </c>
      <c r="AB3698">
        <v>76</v>
      </c>
      <c r="AC3698">
        <v>120</v>
      </c>
      <c r="AD3698">
        <v>9</v>
      </c>
      <c r="AE3698">
        <v>141</v>
      </c>
      <c r="AF3698">
        <v>1650</v>
      </c>
      <c r="AG3698">
        <v>78336</v>
      </c>
      <c r="AH3698">
        <v>50000</v>
      </c>
      <c r="AI3698">
        <v>0</v>
      </c>
      <c r="AJ3698">
        <v>107</v>
      </c>
      <c r="AK3698" t="s">
        <v>40</v>
      </c>
      <c r="AL3698">
        <v>0</v>
      </c>
      <c r="AM3698">
        <v>0</v>
      </c>
      <c r="AN3698">
        <v>0</v>
      </c>
      <c r="AO3698">
        <v>0</v>
      </c>
      <c r="AP3698">
        <v>0</v>
      </c>
      <c r="AQ3698">
        <v>0</v>
      </c>
      <c r="AR3698">
        <v>0</v>
      </c>
      <c r="AS3698">
        <v>0</v>
      </c>
      <c r="AT3698">
        <v>0</v>
      </c>
      <c r="AU3698">
        <v>0</v>
      </c>
      <c r="AV3698">
        <v>0</v>
      </c>
      <c r="AW3698">
        <v>0</v>
      </c>
      <c r="AX3698">
        <v>924</v>
      </c>
      <c r="AY3698">
        <v>22</v>
      </c>
      <c r="AZ3698">
        <v>43</v>
      </c>
      <c r="BA3698">
        <v>2998</v>
      </c>
    </row>
    <row r="3699" spans="1:53" x14ac:dyDescent="0.4">
      <c r="A3699">
        <v>3743</v>
      </c>
      <c r="B3699" s="1">
        <v>44100</v>
      </c>
      <c r="C3699">
        <v>1</v>
      </c>
      <c r="D3699" s="1">
        <v>44100.291666666664</v>
      </c>
      <c r="E3699" s="1">
        <v>44100.406944444447</v>
      </c>
      <c r="F3699">
        <v>0</v>
      </c>
      <c r="G3699">
        <v>0</v>
      </c>
      <c r="H3699">
        <v>0</v>
      </c>
      <c r="I3699">
        <v>0</v>
      </c>
      <c r="J3699">
        <v>0</v>
      </c>
      <c r="K3699">
        <v>0</v>
      </c>
      <c r="L3699">
        <v>0</v>
      </c>
      <c r="M3699">
        <v>0</v>
      </c>
      <c r="N3699">
        <v>0</v>
      </c>
      <c r="O3699">
        <v>0</v>
      </c>
      <c r="P3699">
        <v>0</v>
      </c>
      <c r="Q3699">
        <v>0</v>
      </c>
      <c r="R3699">
        <v>0</v>
      </c>
      <c r="S3699">
        <v>0</v>
      </c>
      <c r="T3699">
        <v>0</v>
      </c>
      <c r="U3699">
        <v>0</v>
      </c>
      <c r="V3699">
        <v>0</v>
      </c>
      <c r="W3699">
        <v>0</v>
      </c>
      <c r="X3699">
        <v>0</v>
      </c>
      <c r="Y3699">
        <v>32</v>
      </c>
      <c r="Z3699">
        <v>9</v>
      </c>
      <c r="AA3699">
        <v>87</v>
      </c>
      <c r="AB3699">
        <v>72</v>
      </c>
      <c r="AC3699">
        <v>103</v>
      </c>
      <c r="AD3699">
        <v>8</v>
      </c>
      <c r="AE3699">
        <v>130</v>
      </c>
      <c r="AF3699">
        <v>0</v>
      </c>
      <c r="AG3699">
        <v>50000</v>
      </c>
      <c r="AH3699">
        <v>50000</v>
      </c>
      <c r="AI3699">
        <v>0</v>
      </c>
      <c r="AJ3699">
        <v>0</v>
      </c>
      <c r="AK3699" t="s">
        <v>6</v>
      </c>
      <c r="AL3699">
        <v>0</v>
      </c>
      <c r="AM3699">
        <v>0</v>
      </c>
      <c r="AN3699">
        <v>0</v>
      </c>
      <c r="AO3699">
        <v>0</v>
      </c>
      <c r="AP3699">
        <v>0</v>
      </c>
      <c r="AQ3699">
        <v>0</v>
      </c>
      <c r="AR3699">
        <v>0</v>
      </c>
      <c r="AS3699">
        <v>0</v>
      </c>
      <c r="AT3699">
        <v>0</v>
      </c>
      <c r="AU3699">
        <v>0</v>
      </c>
      <c r="AV3699">
        <v>0</v>
      </c>
      <c r="AW3699">
        <v>0</v>
      </c>
      <c r="AX3699">
        <v>0</v>
      </c>
      <c r="AY3699">
        <v>0</v>
      </c>
      <c r="AZ3699">
        <v>0</v>
      </c>
      <c r="BA3699">
        <v>0</v>
      </c>
    </row>
    <row r="3700" spans="1:53" x14ac:dyDescent="0.4">
      <c r="A3700">
        <v>3744</v>
      </c>
      <c r="B3700" s="1">
        <v>44100</v>
      </c>
      <c r="C3700">
        <v>2</v>
      </c>
      <c r="D3700" s="1">
        <v>44100.406944444447</v>
      </c>
      <c r="E3700" s="1">
        <v>44100.740277777775</v>
      </c>
      <c r="F3700">
        <v>38400</v>
      </c>
      <c r="G3700">
        <v>840</v>
      </c>
      <c r="H3700">
        <v>0</v>
      </c>
      <c r="I3700">
        <v>0</v>
      </c>
      <c r="J3700">
        <v>0</v>
      </c>
      <c r="K3700">
        <v>275</v>
      </c>
      <c r="L3700">
        <v>0</v>
      </c>
      <c r="M3700">
        <v>3951</v>
      </c>
      <c r="N3700">
        <v>0</v>
      </c>
      <c r="O3700">
        <v>0</v>
      </c>
      <c r="P3700">
        <v>20488</v>
      </c>
      <c r="Q3700">
        <v>0</v>
      </c>
      <c r="R3700">
        <v>63954</v>
      </c>
      <c r="S3700">
        <v>0</v>
      </c>
      <c r="T3700">
        <v>0</v>
      </c>
      <c r="U3700">
        <v>0</v>
      </c>
      <c r="V3700">
        <v>1</v>
      </c>
      <c r="W3700">
        <v>3</v>
      </c>
      <c r="X3700">
        <v>0</v>
      </c>
      <c r="Y3700">
        <v>60</v>
      </c>
      <c r="Z3700">
        <v>26</v>
      </c>
      <c r="AA3700">
        <v>100</v>
      </c>
      <c r="AB3700">
        <v>64</v>
      </c>
      <c r="AC3700">
        <v>90</v>
      </c>
      <c r="AD3700">
        <v>9</v>
      </c>
      <c r="AE3700">
        <v>159</v>
      </c>
      <c r="AF3700">
        <v>1650</v>
      </c>
      <c r="AG3700">
        <v>113954</v>
      </c>
      <c r="AH3700">
        <v>50000</v>
      </c>
      <c r="AI3700">
        <v>0</v>
      </c>
      <c r="AJ3700">
        <v>84</v>
      </c>
      <c r="AK3700" t="s">
        <v>16</v>
      </c>
      <c r="AL3700">
        <v>0</v>
      </c>
      <c r="AM3700">
        <v>0</v>
      </c>
      <c r="AN3700">
        <v>0</v>
      </c>
      <c r="AO3700">
        <v>0</v>
      </c>
      <c r="AP3700">
        <v>0</v>
      </c>
      <c r="AQ3700">
        <v>0</v>
      </c>
      <c r="AR3700">
        <v>0</v>
      </c>
      <c r="AS3700">
        <v>0</v>
      </c>
      <c r="AT3700">
        <v>0</v>
      </c>
      <c r="AU3700">
        <v>0</v>
      </c>
      <c r="AV3700">
        <v>0</v>
      </c>
      <c r="AW3700">
        <v>0</v>
      </c>
      <c r="AX3700">
        <v>440</v>
      </c>
      <c r="AY3700">
        <v>46</v>
      </c>
      <c r="AZ3700">
        <v>98</v>
      </c>
      <c r="BA3700">
        <v>6995</v>
      </c>
    </row>
    <row r="3701" spans="1:53" x14ac:dyDescent="0.4">
      <c r="A3701">
        <v>3745</v>
      </c>
      <c r="B3701" s="1">
        <v>44101</v>
      </c>
      <c r="C3701">
        <v>1</v>
      </c>
      <c r="D3701" s="1">
        <v>44101.291666666664</v>
      </c>
      <c r="E3701" s="1">
        <v>44101.378472222219</v>
      </c>
      <c r="F3701">
        <v>0</v>
      </c>
      <c r="G3701">
        <v>0</v>
      </c>
      <c r="H3701">
        <v>0</v>
      </c>
      <c r="I3701">
        <v>0</v>
      </c>
      <c r="J3701">
        <v>0</v>
      </c>
      <c r="K3701">
        <v>0</v>
      </c>
      <c r="L3701">
        <v>0</v>
      </c>
      <c r="M3701">
        <v>0</v>
      </c>
      <c r="N3701">
        <v>0</v>
      </c>
      <c r="O3701">
        <v>0</v>
      </c>
      <c r="P3701">
        <v>0</v>
      </c>
      <c r="Q3701">
        <v>0</v>
      </c>
      <c r="R3701">
        <v>0</v>
      </c>
      <c r="S3701">
        <v>0</v>
      </c>
      <c r="T3701">
        <v>0</v>
      </c>
      <c r="U3701">
        <v>0</v>
      </c>
      <c r="V3701">
        <v>0</v>
      </c>
      <c r="W3701">
        <v>0</v>
      </c>
      <c r="X3701">
        <v>0</v>
      </c>
      <c r="Y3701">
        <v>30</v>
      </c>
      <c r="Z3701">
        <v>10</v>
      </c>
      <c r="AA3701">
        <v>109</v>
      </c>
      <c r="AB3701">
        <v>59</v>
      </c>
      <c r="AC3701">
        <v>101</v>
      </c>
      <c r="AD3701">
        <v>8</v>
      </c>
      <c r="AE3701">
        <v>100</v>
      </c>
      <c r="AF3701">
        <v>0</v>
      </c>
      <c r="AG3701">
        <v>50000</v>
      </c>
      <c r="AH3701">
        <v>50000</v>
      </c>
      <c r="AI3701">
        <v>0</v>
      </c>
      <c r="AJ3701">
        <v>0</v>
      </c>
      <c r="AK3701" t="s">
        <v>6</v>
      </c>
      <c r="AL3701">
        <v>0</v>
      </c>
      <c r="AM3701">
        <v>0</v>
      </c>
      <c r="AN3701">
        <v>0</v>
      </c>
      <c r="AO3701">
        <v>0</v>
      </c>
      <c r="AP3701">
        <v>0</v>
      </c>
      <c r="AQ3701">
        <v>0</v>
      </c>
      <c r="AR3701">
        <v>0</v>
      </c>
      <c r="AS3701">
        <v>0</v>
      </c>
      <c r="AT3701">
        <v>0</v>
      </c>
      <c r="AU3701">
        <v>0</v>
      </c>
      <c r="AV3701">
        <v>0</v>
      </c>
      <c r="AW3701">
        <v>0</v>
      </c>
      <c r="AX3701">
        <v>0</v>
      </c>
      <c r="AY3701">
        <v>0</v>
      </c>
      <c r="AZ3701">
        <v>0</v>
      </c>
      <c r="BA3701">
        <v>0</v>
      </c>
    </row>
    <row r="3702" spans="1:53" x14ac:dyDescent="0.4">
      <c r="A3702">
        <v>3746</v>
      </c>
      <c r="B3702" s="1">
        <v>44101</v>
      </c>
      <c r="C3702">
        <v>2</v>
      </c>
      <c r="D3702" s="1">
        <v>44101.378472222219</v>
      </c>
      <c r="E3702" s="1">
        <v>44101.732638888891</v>
      </c>
      <c r="F3702">
        <v>24650</v>
      </c>
      <c r="G3702">
        <v>680</v>
      </c>
      <c r="H3702">
        <v>0</v>
      </c>
      <c r="I3702">
        <v>0</v>
      </c>
      <c r="J3702">
        <v>400</v>
      </c>
      <c r="K3702">
        <v>0</v>
      </c>
      <c r="L3702">
        <v>0</v>
      </c>
      <c r="M3702">
        <v>2493</v>
      </c>
      <c r="N3702">
        <v>0</v>
      </c>
      <c r="O3702">
        <v>0</v>
      </c>
      <c r="P3702">
        <v>23650</v>
      </c>
      <c r="Q3702">
        <v>0</v>
      </c>
      <c r="R3702">
        <v>51073</v>
      </c>
      <c r="S3702">
        <v>0</v>
      </c>
      <c r="T3702">
        <v>0</v>
      </c>
      <c r="U3702">
        <v>0</v>
      </c>
      <c r="V3702">
        <v>1</v>
      </c>
      <c r="W3702">
        <v>0</v>
      </c>
      <c r="X3702">
        <v>0</v>
      </c>
      <c r="Y3702">
        <v>63</v>
      </c>
      <c r="Z3702">
        <v>19</v>
      </c>
      <c r="AA3702">
        <v>111</v>
      </c>
      <c r="AB3702">
        <v>50</v>
      </c>
      <c r="AC3702">
        <v>88</v>
      </c>
      <c r="AD3702">
        <v>21</v>
      </c>
      <c r="AE3702">
        <v>138</v>
      </c>
      <c r="AF3702">
        <v>3850</v>
      </c>
      <c r="AG3702">
        <v>101073</v>
      </c>
      <c r="AH3702">
        <v>50000</v>
      </c>
      <c r="AI3702">
        <v>0</v>
      </c>
      <c r="AJ3702">
        <v>98</v>
      </c>
      <c r="AK3702" t="s">
        <v>35</v>
      </c>
      <c r="AL3702">
        <v>0</v>
      </c>
      <c r="AM3702">
        <v>0</v>
      </c>
      <c r="AN3702">
        <v>0</v>
      </c>
      <c r="AO3702">
        <v>0</v>
      </c>
      <c r="AP3702">
        <v>0</v>
      </c>
      <c r="AQ3702">
        <v>0</v>
      </c>
      <c r="AR3702">
        <v>0</v>
      </c>
      <c r="AS3702">
        <v>0</v>
      </c>
      <c r="AT3702">
        <v>0</v>
      </c>
      <c r="AU3702">
        <v>0</v>
      </c>
      <c r="AV3702">
        <v>0</v>
      </c>
      <c r="AW3702">
        <v>0</v>
      </c>
      <c r="AX3702">
        <v>2409</v>
      </c>
      <c r="AY3702">
        <v>39</v>
      </c>
      <c r="AZ3702">
        <v>73</v>
      </c>
      <c r="BA3702">
        <v>5666</v>
      </c>
    </row>
    <row r="3703" spans="1:53" x14ac:dyDescent="0.4">
      <c r="A3703">
        <v>3747</v>
      </c>
      <c r="B3703" s="1">
        <v>44102</v>
      </c>
      <c r="C3703">
        <v>1</v>
      </c>
      <c r="D3703" s="1">
        <v>44102.291666666664</v>
      </c>
      <c r="E3703" s="1">
        <v>44102.446527777778</v>
      </c>
      <c r="F3703">
        <v>0</v>
      </c>
      <c r="G3703">
        <v>0</v>
      </c>
      <c r="H3703">
        <v>0</v>
      </c>
      <c r="I3703">
        <v>0</v>
      </c>
      <c r="J3703">
        <v>0</v>
      </c>
      <c r="K3703">
        <v>0</v>
      </c>
      <c r="L3703">
        <v>0</v>
      </c>
      <c r="M3703">
        <v>0</v>
      </c>
      <c r="N3703">
        <v>0</v>
      </c>
      <c r="O3703">
        <v>0</v>
      </c>
      <c r="P3703">
        <v>0</v>
      </c>
      <c r="Q3703">
        <v>0</v>
      </c>
      <c r="R3703">
        <v>0</v>
      </c>
      <c r="S3703">
        <v>0</v>
      </c>
      <c r="T3703">
        <v>0</v>
      </c>
      <c r="U3703">
        <v>0</v>
      </c>
      <c r="V3703">
        <v>0</v>
      </c>
      <c r="W3703">
        <v>0</v>
      </c>
      <c r="X3703">
        <v>0</v>
      </c>
      <c r="Y3703">
        <v>31</v>
      </c>
      <c r="Z3703">
        <v>10</v>
      </c>
      <c r="AA3703">
        <v>104</v>
      </c>
      <c r="AB3703">
        <v>48</v>
      </c>
      <c r="AC3703">
        <v>96</v>
      </c>
      <c r="AD3703">
        <v>20</v>
      </c>
      <c r="AE3703">
        <v>140</v>
      </c>
      <c r="AF3703">
        <v>0</v>
      </c>
      <c r="AG3703">
        <v>50000</v>
      </c>
      <c r="AH3703">
        <v>50000</v>
      </c>
      <c r="AI3703">
        <v>0</v>
      </c>
      <c r="AJ3703">
        <v>0</v>
      </c>
      <c r="AK3703" t="s">
        <v>6</v>
      </c>
      <c r="AL3703">
        <v>0</v>
      </c>
      <c r="AM3703">
        <v>0</v>
      </c>
      <c r="AN3703">
        <v>0</v>
      </c>
      <c r="AO3703">
        <v>0</v>
      </c>
      <c r="AP3703">
        <v>0</v>
      </c>
      <c r="AQ3703">
        <v>0</v>
      </c>
      <c r="AR3703">
        <v>0</v>
      </c>
      <c r="AS3703">
        <v>0</v>
      </c>
      <c r="AT3703">
        <v>0</v>
      </c>
      <c r="AU3703">
        <v>0</v>
      </c>
      <c r="AV3703">
        <v>0</v>
      </c>
      <c r="AW3703">
        <v>0</v>
      </c>
      <c r="AX3703">
        <v>0</v>
      </c>
      <c r="AY3703">
        <v>0</v>
      </c>
      <c r="AZ3703">
        <v>0</v>
      </c>
      <c r="BA3703">
        <v>0</v>
      </c>
    </row>
    <row r="3704" spans="1:53" x14ac:dyDescent="0.4">
      <c r="A3704">
        <v>3748</v>
      </c>
      <c r="B3704" s="1">
        <v>44102</v>
      </c>
      <c r="C3704">
        <v>2</v>
      </c>
      <c r="D3704" s="1">
        <v>44102.446527777778</v>
      </c>
      <c r="E3704" s="1">
        <v>44102.738888888889</v>
      </c>
      <c r="F3704">
        <v>13000</v>
      </c>
      <c r="G3704">
        <v>280</v>
      </c>
      <c r="H3704">
        <v>200</v>
      </c>
      <c r="I3704">
        <v>0</v>
      </c>
      <c r="J3704">
        <v>0</v>
      </c>
      <c r="K3704">
        <v>0</v>
      </c>
      <c r="L3704">
        <v>0</v>
      </c>
      <c r="M3704">
        <v>1348</v>
      </c>
      <c r="N3704">
        <v>0</v>
      </c>
      <c r="O3704">
        <v>0</v>
      </c>
      <c r="P3704">
        <v>8415</v>
      </c>
      <c r="Q3704">
        <v>0</v>
      </c>
      <c r="R3704">
        <v>23243</v>
      </c>
      <c r="S3704">
        <v>0</v>
      </c>
      <c r="T3704">
        <v>0</v>
      </c>
      <c r="U3704">
        <v>0</v>
      </c>
      <c r="V3704">
        <v>1</v>
      </c>
      <c r="W3704">
        <v>0</v>
      </c>
      <c r="X3704">
        <v>0</v>
      </c>
      <c r="Y3704">
        <v>31</v>
      </c>
      <c r="Z3704">
        <v>21</v>
      </c>
      <c r="AA3704">
        <v>102</v>
      </c>
      <c r="AB3704">
        <v>46</v>
      </c>
      <c r="AC3704">
        <v>95</v>
      </c>
      <c r="AD3704">
        <v>21</v>
      </c>
      <c r="AE3704">
        <v>139</v>
      </c>
      <c r="AF3704">
        <v>8049</v>
      </c>
      <c r="AG3704">
        <v>73243</v>
      </c>
      <c r="AH3704">
        <v>50000</v>
      </c>
      <c r="AI3704">
        <v>0</v>
      </c>
      <c r="AJ3704">
        <v>84</v>
      </c>
      <c r="AK3704" t="s">
        <v>16</v>
      </c>
      <c r="AL3704">
        <v>0</v>
      </c>
      <c r="AM3704">
        <v>0</v>
      </c>
      <c r="AN3704">
        <v>0</v>
      </c>
      <c r="AO3704">
        <v>0</v>
      </c>
      <c r="AP3704">
        <v>0</v>
      </c>
      <c r="AQ3704">
        <v>0</v>
      </c>
      <c r="AR3704">
        <v>0</v>
      </c>
      <c r="AS3704">
        <v>0</v>
      </c>
      <c r="AT3704">
        <v>0</v>
      </c>
      <c r="AU3704">
        <v>0</v>
      </c>
      <c r="AV3704">
        <v>0</v>
      </c>
      <c r="AW3704">
        <v>0</v>
      </c>
      <c r="AX3704">
        <v>-1210</v>
      </c>
      <c r="AY3704">
        <v>23</v>
      </c>
      <c r="AZ3704">
        <v>33</v>
      </c>
      <c r="BA3704">
        <v>3066</v>
      </c>
    </row>
    <row r="3705" spans="1:53" x14ac:dyDescent="0.4">
      <c r="A3705">
        <v>3749</v>
      </c>
      <c r="B3705" s="1">
        <v>44103</v>
      </c>
      <c r="C3705">
        <v>1</v>
      </c>
      <c r="D3705" s="1">
        <v>44103.291666666664</v>
      </c>
      <c r="E3705" s="1">
        <v>44103.450694444444</v>
      </c>
      <c r="F3705">
        <v>0</v>
      </c>
      <c r="G3705">
        <v>0</v>
      </c>
      <c r="H3705">
        <v>0</v>
      </c>
      <c r="I3705">
        <v>0</v>
      </c>
      <c r="J3705">
        <v>0</v>
      </c>
      <c r="K3705">
        <v>0</v>
      </c>
      <c r="L3705">
        <v>0</v>
      </c>
      <c r="M3705">
        <v>0</v>
      </c>
      <c r="N3705">
        <v>0</v>
      </c>
      <c r="O3705">
        <v>0</v>
      </c>
      <c r="P3705">
        <v>0</v>
      </c>
      <c r="Q3705">
        <v>0</v>
      </c>
      <c r="R3705">
        <v>0</v>
      </c>
      <c r="S3705">
        <v>0</v>
      </c>
      <c r="T3705">
        <v>0</v>
      </c>
      <c r="U3705">
        <v>0</v>
      </c>
      <c r="V3705">
        <v>0</v>
      </c>
      <c r="W3705">
        <v>0</v>
      </c>
      <c r="X3705">
        <v>0</v>
      </c>
      <c r="Y3705">
        <v>31</v>
      </c>
      <c r="Z3705">
        <v>13</v>
      </c>
      <c r="AA3705">
        <v>93</v>
      </c>
      <c r="AB3705">
        <v>42</v>
      </c>
      <c r="AC3705">
        <v>86</v>
      </c>
      <c r="AD3705">
        <v>21</v>
      </c>
      <c r="AE3705">
        <v>135</v>
      </c>
      <c r="AF3705">
        <v>0</v>
      </c>
      <c r="AG3705">
        <v>50000</v>
      </c>
      <c r="AH3705">
        <v>50000</v>
      </c>
      <c r="AI3705">
        <v>0</v>
      </c>
      <c r="AJ3705">
        <v>0</v>
      </c>
      <c r="AK3705" t="s">
        <v>6</v>
      </c>
      <c r="AL3705">
        <v>0</v>
      </c>
      <c r="AM3705">
        <v>0</v>
      </c>
      <c r="AN3705">
        <v>0</v>
      </c>
      <c r="AO3705">
        <v>0</v>
      </c>
      <c r="AP3705">
        <v>0</v>
      </c>
      <c r="AQ3705">
        <v>0</v>
      </c>
      <c r="AR3705">
        <v>0</v>
      </c>
      <c r="AS3705">
        <v>0</v>
      </c>
      <c r="AT3705">
        <v>0</v>
      </c>
      <c r="AU3705">
        <v>0</v>
      </c>
      <c r="AV3705">
        <v>0</v>
      </c>
      <c r="AW3705">
        <v>0</v>
      </c>
      <c r="AX3705">
        <v>0</v>
      </c>
      <c r="AY3705">
        <v>0</v>
      </c>
      <c r="AZ3705">
        <v>0</v>
      </c>
      <c r="BA3705">
        <v>0</v>
      </c>
    </row>
    <row r="3706" spans="1:53" x14ac:dyDescent="0.4">
      <c r="A3706">
        <v>3750</v>
      </c>
      <c r="B3706" s="1">
        <v>44103</v>
      </c>
      <c r="C3706">
        <v>2</v>
      </c>
      <c r="D3706" s="1">
        <v>44103.450694444444</v>
      </c>
      <c r="E3706" s="1">
        <v>44103.736111111109</v>
      </c>
      <c r="F3706">
        <v>13550</v>
      </c>
      <c r="G3706">
        <v>280</v>
      </c>
      <c r="H3706">
        <v>30</v>
      </c>
      <c r="I3706">
        <v>0</v>
      </c>
      <c r="J3706">
        <v>0</v>
      </c>
      <c r="K3706">
        <v>0</v>
      </c>
      <c r="L3706">
        <v>0</v>
      </c>
      <c r="M3706">
        <v>1386</v>
      </c>
      <c r="N3706">
        <v>0</v>
      </c>
      <c r="O3706">
        <v>0</v>
      </c>
      <c r="P3706">
        <v>16775</v>
      </c>
      <c r="Q3706">
        <v>0</v>
      </c>
      <c r="R3706">
        <v>32021</v>
      </c>
      <c r="S3706">
        <v>0</v>
      </c>
      <c r="T3706">
        <v>0</v>
      </c>
      <c r="U3706">
        <v>0</v>
      </c>
      <c r="V3706">
        <v>1</v>
      </c>
      <c r="W3706">
        <v>1</v>
      </c>
      <c r="X3706">
        <v>0</v>
      </c>
      <c r="Y3706">
        <v>44</v>
      </c>
      <c r="Z3706">
        <v>23</v>
      </c>
      <c r="AA3706">
        <v>87</v>
      </c>
      <c r="AB3706">
        <v>35</v>
      </c>
      <c r="AC3706">
        <v>80</v>
      </c>
      <c r="AD3706">
        <v>24</v>
      </c>
      <c r="AE3706">
        <v>151</v>
      </c>
      <c r="AF3706">
        <v>0</v>
      </c>
      <c r="AG3706">
        <v>82021</v>
      </c>
      <c r="AH3706">
        <v>50000</v>
      </c>
      <c r="AI3706">
        <v>0</v>
      </c>
      <c r="AJ3706">
        <v>84</v>
      </c>
      <c r="AK3706" t="s">
        <v>16</v>
      </c>
      <c r="AL3706">
        <v>0</v>
      </c>
      <c r="AM3706">
        <v>0</v>
      </c>
      <c r="AN3706">
        <v>0</v>
      </c>
      <c r="AO3706">
        <v>0</v>
      </c>
      <c r="AP3706">
        <v>0</v>
      </c>
      <c r="AQ3706">
        <v>0</v>
      </c>
      <c r="AR3706">
        <v>0</v>
      </c>
      <c r="AS3706">
        <v>0</v>
      </c>
      <c r="AT3706">
        <v>0</v>
      </c>
      <c r="AU3706">
        <v>0</v>
      </c>
      <c r="AV3706">
        <v>0</v>
      </c>
      <c r="AW3706">
        <v>0</v>
      </c>
      <c r="AX3706">
        <v>594</v>
      </c>
      <c r="AY3706">
        <v>27</v>
      </c>
      <c r="AZ3706">
        <v>48</v>
      </c>
      <c r="BA3706">
        <v>3595</v>
      </c>
    </row>
    <row r="3707" spans="1:53" x14ac:dyDescent="0.4">
      <c r="A3707">
        <v>3751</v>
      </c>
      <c r="B3707" s="1">
        <v>44103</v>
      </c>
      <c r="C3707">
        <v>3</v>
      </c>
      <c r="D3707" s="1">
        <v>44103.736111111109</v>
      </c>
      <c r="E3707" s="1">
        <v>44103.950694444444</v>
      </c>
      <c r="F3707">
        <v>30875</v>
      </c>
      <c r="G3707">
        <v>940</v>
      </c>
      <c r="H3707">
        <v>30</v>
      </c>
      <c r="I3707">
        <v>0</v>
      </c>
      <c r="J3707">
        <v>0</v>
      </c>
      <c r="K3707">
        <v>0</v>
      </c>
      <c r="L3707">
        <v>0</v>
      </c>
      <c r="M3707">
        <v>3185</v>
      </c>
      <c r="N3707">
        <v>0</v>
      </c>
      <c r="O3707">
        <v>0</v>
      </c>
      <c r="P3707">
        <v>-12485</v>
      </c>
      <c r="Q3707">
        <v>0</v>
      </c>
      <c r="R3707">
        <v>22545</v>
      </c>
      <c r="S3707">
        <v>0</v>
      </c>
      <c r="T3707">
        <v>0</v>
      </c>
      <c r="U3707">
        <v>0</v>
      </c>
      <c r="V3707">
        <v>2</v>
      </c>
      <c r="W3707">
        <v>3</v>
      </c>
      <c r="X3707">
        <v>0</v>
      </c>
      <c r="Y3707">
        <v>47</v>
      </c>
      <c r="Z3707">
        <v>20</v>
      </c>
      <c r="AA3707">
        <v>84</v>
      </c>
      <c r="AB3707">
        <v>36</v>
      </c>
      <c r="AC3707">
        <v>88</v>
      </c>
      <c r="AD3707">
        <v>24</v>
      </c>
      <c r="AE3707">
        <v>156</v>
      </c>
      <c r="AF3707">
        <v>1210</v>
      </c>
      <c r="AG3707">
        <v>104566</v>
      </c>
      <c r="AH3707">
        <v>50000</v>
      </c>
      <c r="AI3707">
        <v>0</v>
      </c>
      <c r="AJ3707">
        <v>107</v>
      </c>
      <c r="AK3707" t="s">
        <v>40</v>
      </c>
      <c r="AL3707">
        <v>0</v>
      </c>
      <c r="AM3707">
        <v>0</v>
      </c>
      <c r="AN3707">
        <v>0</v>
      </c>
      <c r="AO3707">
        <v>0</v>
      </c>
      <c r="AP3707">
        <v>0</v>
      </c>
      <c r="AQ3707">
        <v>0</v>
      </c>
      <c r="AR3707">
        <v>0</v>
      </c>
      <c r="AS3707">
        <v>0</v>
      </c>
      <c r="AT3707">
        <v>0</v>
      </c>
      <c r="AU3707">
        <v>0</v>
      </c>
      <c r="AV3707">
        <v>0</v>
      </c>
      <c r="AW3707">
        <v>0</v>
      </c>
      <c r="AX3707">
        <v>13783</v>
      </c>
      <c r="AY3707">
        <v>8</v>
      </c>
      <c r="AZ3707">
        <v>27</v>
      </c>
      <c r="BA3707">
        <v>1723</v>
      </c>
    </row>
    <row r="3708" spans="1:53" x14ac:dyDescent="0.4">
      <c r="A3708">
        <v>3752</v>
      </c>
      <c r="B3708" s="1">
        <v>44104</v>
      </c>
      <c r="C3708">
        <v>1</v>
      </c>
      <c r="D3708" s="1">
        <v>44104.291666666664</v>
      </c>
      <c r="E3708" s="1">
        <v>44104.440972222219</v>
      </c>
      <c r="F3708">
        <v>0</v>
      </c>
      <c r="G3708">
        <v>0</v>
      </c>
      <c r="H3708">
        <v>0</v>
      </c>
      <c r="I3708">
        <v>0</v>
      </c>
      <c r="J3708">
        <v>0</v>
      </c>
      <c r="K3708">
        <v>0</v>
      </c>
      <c r="L3708">
        <v>0</v>
      </c>
      <c r="M3708">
        <v>0</v>
      </c>
      <c r="N3708">
        <v>0</v>
      </c>
      <c r="O3708">
        <v>0</v>
      </c>
      <c r="P3708">
        <v>0</v>
      </c>
      <c r="Q3708">
        <v>0</v>
      </c>
      <c r="R3708">
        <v>0</v>
      </c>
      <c r="S3708">
        <v>0</v>
      </c>
      <c r="T3708">
        <v>0</v>
      </c>
      <c r="U3708">
        <v>0</v>
      </c>
      <c r="V3708">
        <v>0</v>
      </c>
      <c r="W3708">
        <v>0</v>
      </c>
      <c r="X3708">
        <v>0</v>
      </c>
      <c r="Y3708">
        <v>32</v>
      </c>
      <c r="Z3708">
        <v>13</v>
      </c>
      <c r="AA3708">
        <v>84</v>
      </c>
      <c r="AB3708">
        <v>39</v>
      </c>
      <c r="AC3708">
        <v>88</v>
      </c>
      <c r="AD3708">
        <v>24</v>
      </c>
      <c r="AE3708">
        <v>150</v>
      </c>
      <c r="AF3708">
        <v>0</v>
      </c>
      <c r="AG3708">
        <v>50000</v>
      </c>
      <c r="AH3708">
        <v>50000</v>
      </c>
      <c r="AI3708">
        <v>0</v>
      </c>
      <c r="AJ3708">
        <v>0</v>
      </c>
      <c r="AK3708" t="s">
        <v>6</v>
      </c>
      <c r="AL3708">
        <v>0</v>
      </c>
      <c r="AM3708">
        <v>0</v>
      </c>
      <c r="AN3708">
        <v>0</v>
      </c>
      <c r="AO3708">
        <v>0</v>
      </c>
      <c r="AP3708">
        <v>0</v>
      </c>
      <c r="AQ3708">
        <v>0</v>
      </c>
      <c r="AR3708">
        <v>0</v>
      </c>
      <c r="AS3708">
        <v>0</v>
      </c>
      <c r="AT3708">
        <v>0</v>
      </c>
      <c r="AU3708">
        <v>0</v>
      </c>
      <c r="AV3708">
        <v>0</v>
      </c>
      <c r="AW3708">
        <v>0</v>
      </c>
      <c r="AX3708">
        <v>0</v>
      </c>
      <c r="AY3708">
        <v>0</v>
      </c>
      <c r="AZ3708">
        <v>0</v>
      </c>
      <c r="BA3708">
        <v>0</v>
      </c>
    </row>
    <row r="3709" spans="1:53" x14ac:dyDescent="0.4">
      <c r="A3709">
        <v>3753</v>
      </c>
      <c r="B3709" s="1">
        <v>44104</v>
      </c>
      <c r="C3709">
        <v>2</v>
      </c>
      <c r="D3709" s="1">
        <v>44104.440972222219</v>
      </c>
      <c r="E3709" s="1">
        <v>44104.739583333336</v>
      </c>
      <c r="F3709">
        <v>14750</v>
      </c>
      <c r="G3709">
        <v>960</v>
      </c>
      <c r="H3709">
        <v>200</v>
      </c>
      <c r="I3709">
        <v>0</v>
      </c>
      <c r="J3709">
        <v>0</v>
      </c>
      <c r="K3709">
        <v>0</v>
      </c>
      <c r="L3709">
        <v>0</v>
      </c>
      <c r="M3709">
        <v>1591</v>
      </c>
      <c r="N3709">
        <v>0</v>
      </c>
      <c r="O3709">
        <v>0</v>
      </c>
      <c r="P3709">
        <v>11715</v>
      </c>
      <c r="Q3709">
        <v>0</v>
      </c>
      <c r="R3709">
        <v>29216</v>
      </c>
      <c r="S3709">
        <v>0</v>
      </c>
      <c r="T3709">
        <v>0</v>
      </c>
      <c r="U3709">
        <v>0</v>
      </c>
      <c r="V3709">
        <v>2</v>
      </c>
      <c r="W3709">
        <v>2</v>
      </c>
      <c r="X3709">
        <v>0</v>
      </c>
      <c r="Y3709">
        <v>32</v>
      </c>
      <c r="Z3709">
        <v>18</v>
      </c>
      <c r="AA3709">
        <v>55</v>
      </c>
      <c r="AB3709">
        <v>32</v>
      </c>
      <c r="AC3709">
        <v>84</v>
      </c>
      <c r="AD3709">
        <v>21</v>
      </c>
      <c r="AE3709">
        <v>171</v>
      </c>
      <c r="AF3709">
        <v>0</v>
      </c>
      <c r="AG3709">
        <v>79216</v>
      </c>
      <c r="AH3709">
        <v>50000</v>
      </c>
      <c r="AI3709">
        <v>0</v>
      </c>
      <c r="AJ3709">
        <v>84</v>
      </c>
      <c r="AK3709" t="s">
        <v>16</v>
      </c>
      <c r="AL3709">
        <v>0</v>
      </c>
      <c r="AM3709">
        <v>0</v>
      </c>
      <c r="AN3709">
        <v>0</v>
      </c>
      <c r="AO3709">
        <v>0</v>
      </c>
      <c r="AP3709">
        <v>0</v>
      </c>
      <c r="AQ3709">
        <v>0</v>
      </c>
      <c r="AR3709">
        <v>0</v>
      </c>
      <c r="AS3709">
        <v>0</v>
      </c>
      <c r="AT3709">
        <v>0</v>
      </c>
      <c r="AU3709">
        <v>0</v>
      </c>
      <c r="AV3709">
        <v>0</v>
      </c>
      <c r="AW3709">
        <v>0</v>
      </c>
      <c r="AX3709">
        <v>0</v>
      </c>
      <c r="AY3709">
        <v>21</v>
      </c>
      <c r="AZ3709">
        <v>44</v>
      </c>
      <c r="BA3709">
        <v>2612</v>
      </c>
    </row>
    <row r="3710" spans="1:53" x14ac:dyDescent="0.4">
      <c r="A3710">
        <v>3754</v>
      </c>
      <c r="B3710" s="1">
        <v>44105</v>
      </c>
      <c r="C3710">
        <v>1</v>
      </c>
      <c r="D3710" s="1">
        <v>44105.291666666664</v>
      </c>
      <c r="E3710" s="1">
        <v>44105.426388888889</v>
      </c>
      <c r="F3710">
        <v>0</v>
      </c>
      <c r="G3710">
        <v>0</v>
      </c>
      <c r="H3710">
        <v>0</v>
      </c>
      <c r="I3710">
        <v>0</v>
      </c>
      <c r="J3710">
        <v>0</v>
      </c>
      <c r="K3710">
        <v>0</v>
      </c>
      <c r="L3710">
        <v>0</v>
      </c>
      <c r="M3710">
        <v>0</v>
      </c>
      <c r="N3710">
        <v>0</v>
      </c>
      <c r="O3710">
        <v>0</v>
      </c>
      <c r="P3710">
        <v>0</v>
      </c>
      <c r="Q3710">
        <v>0</v>
      </c>
      <c r="R3710">
        <v>0</v>
      </c>
      <c r="S3710">
        <v>0</v>
      </c>
      <c r="T3710">
        <v>0</v>
      </c>
      <c r="U3710">
        <v>0</v>
      </c>
      <c r="V3710">
        <v>0</v>
      </c>
      <c r="W3710">
        <v>0</v>
      </c>
      <c r="X3710">
        <v>0</v>
      </c>
      <c r="Y3710">
        <v>33</v>
      </c>
      <c r="Z3710">
        <v>12</v>
      </c>
      <c r="AA3710">
        <v>80</v>
      </c>
      <c r="AB3710">
        <v>35</v>
      </c>
      <c r="AC3710">
        <v>101</v>
      </c>
      <c r="AD3710">
        <v>21</v>
      </c>
      <c r="AE3710">
        <v>135</v>
      </c>
      <c r="AF3710">
        <v>0</v>
      </c>
      <c r="AG3710">
        <v>50000</v>
      </c>
      <c r="AH3710">
        <v>50000</v>
      </c>
      <c r="AI3710">
        <v>0</v>
      </c>
      <c r="AJ3710">
        <v>0</v>
      </c>
      <c r="AK3710" t="s">
        <v>6</v>
      </c>
      <c r="AL3710">
        <v>0</v>
      </c>
      <c r="AM3710">
        <v>0</v>
      </c>
      <c r="AN3710">
        <v>0</v>
      </c>
      <c r="AO3710">
        <v>0</v>
      </c>
      <c r="AP3710">
        <v>0</v>
      </c>
      <c r="AQ3710">
        <v>0</v>
      </c>
      <c r="AR3710">
        <v>0</v>
      </c>
      <c r="AS3710">
        <v>0</v>
      </c>
      <c r="AT3710">
        <v>0</v>
      </c>
      <c r="AU3710">
        <v>0</v>
      </c>
      <c r="AV3710">
        <v>0</v>
      </c>
      <c r="AW3710">
        <v>0</v>
      </c>
      <c r="AX3710">
        <v>0</v>
      </c>
      <c r="AY3710">
        <v>0</v>
      </c>
      <c r="AZ3710">
        <v>0</v>
      </c>
      <c r="BA3710">
        <v>0</v>
      </c>
    </row>
    <row r="3711" spans="1:53" x14ac:dyDescent="0.4">
      <c r="A3711">
        <v>3755</v>
      </c>
      <c r="B3711" s="1">
        <v>44105</v>
      </c>
      <c r="C3711">
        <v>2</v>
      </c>
      <c r="D3711" s="1">
        <v>44105.426388888889</v>
      </c>
      <c r="E3711" s="1">
        <v>44105.748611111114</v>
      </c>
      <c r="F3711">
        <v>17800</v>
      </c>
      <c r="G3711">
        <v>560</v>
      </c>
      <c r="H3711">
        <v>0</v>
      </c>
      <c r="I3711">
        <v>0</v>
      </c>
      <c r="J3711">
        <v>0</v>
      </c>
      <c r="K3711">
        <v>0</v>
      </c>
      <c r="L3711">
        <v>0</v>
      </c>
      <c r="M3711">
        <v>1836</v>
      </c>
      <c r="N3711">
        <v>0</v>
      </c>
      <c r="O3711">
        <v>0</v>
      </c>
      <c r="P3711">
        <v>9163</v>
      </c>
      <c r="Q3711">
        <v>0</v>
      </c>
      <c r="R3711">
        <v>29359</v>
      </c>
      <c r="S3711">
        <v>0</v>
      </c>
      <c r="T3711">
        <v>0</v>
      </c>
      <c r="U3711">
        <v>0</v>
      </c>
      <c r="V3711">
        <v>0</v>
      </c>
      <c r="W3711">
        <v>2</v>
      </c>
      <c r="X3711">
        <v>0</v>
      </c>
      <c r="Y3711">
        <v>49</v>
      </c>
      <c r="Z3711">
        <v>19</v>
      </c>
      <c r="AA3711">
        <v>47</v>
      </c>
      <c r="AB3711">
        <v>30</v>
      </c>
      <c r="AC3711">
        <v>90</v>
      </c>
      <c r="AD3711">
        <v>26</v>
      </c>
      <c r="AE3711">
        <v>164</v>
      </c>
      <c r="AF3711">
        <v>3465</v>
      </c>
      <c r="AG3711">
        <v>79359</v>
      </c>
      <c r="AH3711">
        <v>50000</v>
      </c>
      <c r="AI3711">
        <v>0</v>
      </c>
      <c r="AJ3711">
        <v>84</v>
      </c>
      <c r="AK3711" t="s">
        <v>16</v>
      </c>
      <c r="AL3711">
        <v>0</v>
      </c>
      <c r="AM3711">
        <v>0</v>
      </c>
      <c r="AN3711">
        <v>0</v>
      </c>
      <c r="AO3711">
        <v>0</v>
      </c>
      <c r="AP3711">
        <v>0</v>
      </c>
      <c r="AQ3711">
        <v>0</v>
      </c>
      <c r="AR3711">
        <v>0</v>
      </c>
      <c r="AS3711">
        <v>0</v>
      </c>
      <c r="AT3711">
        <v>0</v>
      </c>
      <c r="AU3711">
        <v>0</v>
      </c>
      <c r="AV3711">
        <v>0</v>
      </c>
      <c r="AW3711">
        <v>0</v>
      </c>
      <c r="AX3711">
        <v>55</v>
      </c>
      <c r="AY3711">
        <v>27</v>
      </c>
      <c r="AZ3711">
        <v>43</v>
      </c>
      <c r="BA3711">
        <v>3777</v>
      </c>
    </row>
    <row r="3712" spans="1:53" x14ac:dyDescent="0.4">
      <c r="A3712">
        <v>3756</v>
      </c>
      <c r="B3712" s="1">
        <v>44106</v>
      </c>
      <c r="C3712">
        <v>1</v>
      </c>
      <c r="D3712" s="1">
        <v>44106.291666666664</v>
      </c>
      <c r="E3712" s="1">
        <v>44106.445833333331</v>
      </c>
      <c r="F3712">
        <v>0</v>
      </c>
      <c r="G3712">
        <v>0</v>
      </c>
      <c r="H3712">
        <v>0</v>
      </c>
      <c r="I3712">
        <v>0</v>
      </c>
      <c r="J3712">
        <v>0</v>
      </c>
      <c r="K3712">
        <v>0</v>
      </c>
      <c r="L3712">
        <v>0</v>
      </c>
      <c r="M3712">
        <v>0</v>
      </c>
      <c r="N3712">
        <v>0</v>
      </c>
      <c r="O3712">
        <v>0</v>
      </c>
      <c r="P3712">
        <v>0</v>
      </c>
      <c r="Q3712">
        <v>0</v>
      </c>
      <c r="R3712">
        <v>0</v>
      </c>
      <c r="S3712">
        <v>0</v>
      </c>
      <c r="T3712">
        <v>0</v>
      </c>
      <c r="U3712">
        <v>0</v>
      </c>
      <c r="V3712">
        <v>0</v>
      </c>
      <c r="W3712">
        <v>0</v>
      </c>
      <c r="X3712">
        <v>0</v>
      </c>
      <c r="Y3712">
        <v>30</v>
      </c>
      <c r="Z3712">
        <v>10</v>
      </c>
      <c r="AA3712">
        <v>97</v>
      </c>
      <c r="AB3712">
        <v>75</v>
      </c>
      <c r="AC3712">
        <v>132</v>
      </c>
      <c r="AD3712">
        <v>26</v>
      </c>
      <c r="AE3712">
        <v>100</v>
      </c>
      <c r="AF3712">
        <v>0</v>
      </c>
      <c r="AG3712">
        <v>50000</v>
      </c>
      <c r="AH3712">
        <v>50000</v>
      </c>
      <c r="AI3712">
        <v>0</v>
      </c>
      <c r="AJ3712">
        <v>0</v>
      </c>
      <c r="AK3712" t="s">
        <v>6</v>
      </c>
      <c r="AL3712">
        <v>0</v>
      </c>
      <c r="AM3712">
        <v>0</v>
      </c>
      <c r="AN3712">
        <v>0</v>
      </c>
      <c r="AO3712">
        <v>0</v>
      </c>
      <c r="AP3712">
        <v>0</v>
      </c>
      <c r="AQ3712">
        <v>0</v>
      </c>
      <c r="AR3712">
        <v>0</v>
      </c>
      <c r="AS3712">
        <v>0</v>
      </c>
      <c r="AT3712">
        <v>0</v>
      </c>
      <c r="AU3712">
        <v>0</v>
      </c>
      <c r="AV3712">
        <v>0</v>
      </c>
      <c r="AW3712">
        <v>0</v>
      </c>
      <c r="AX3712">
        <v>0</v>
      </c>
      <c r="AY3712">
        <v>0</v>
      </c>
      <c r="AZ3712">
        <v>0</v>
      </c>
      <c r="BA3712">
        <v>0</v>
      </c>
    </row>
    <row r="3713" spans="1:53" x14ac:dyDescent="0.4">
      <c r="A3713">
        <v>3757</v>
      </c>
      <c r="B3713" s="1">
        <v>44106</v>
      </c>
      <c r="C3713">
        <v>2</v>
      </c>
      <c r="D3713" s="1">
        <v>44106.445833333331</v>
      </c>
      <c r="E3713" s="1">
        <v>44106.744444444441</v>
      </c>
      <c r="F3713">
        <v>21550</v>
      </c>
      <c r="G3713">
        <v>0</v>
      </c>
      <c r="H3713">
        <v>230</v>
      </c>
      <c r="I3713">
        <v>0</v>
      </c>
      <c r="J3713">
        <v>100</v>
      </c>
      <c r="K3713">
        <v>0</v>
      </c>
      <c r="L3713">
        <v>0</v>
      </c>
      <c r="M3713">
        <v>2168</v>
      </c>
      <c r="N3713">
        <v>0</v>
      </c>
      <c r="O3713">
        <v>0</v>
      </c>
      <c r="P3713">
        <v>19415</v>
      </c>
      <c r="Q3713">
        <v>0</v>
      </c>
      <c r="R3713">
        <v>43263</v>
      </c>
      <c r="S3713">
        <v>0</v>
      </c>
      <c r="T3713">
        <v>0</v>
      </c>
      <c r="U3713">
        <v>0</v>
      </c>
      <c r="V3713">
        <v>1</v>
      </c>
      <c r="W3713">
        <v>0</v>
      </c>
      <c r="X3713">
        <v>0</v>
      </c>
      <c r="Y3713">
        <v>55</v>
      </c>
      <c r="Z3713">
        <v>24</v>
      </c>
      <c r="AA3713">
        <v>88</v>
      </c>
      <c r="AB3713">
        <v>67</v>
      </c>
      <c r="AC3713">
        <v>143</v>
      </c>
      <c r="AD3713">
        <v>23</v>
      </c>
      <c r="AE3713">
        <v>148</v>
      </c>
      <c r="AF3713">
        <v>2420</v>
      </c>
      <c r="AG3713">
        <v>93263</v>
      </c>
      <c r="AH3713">
        <v>50000</v>
      </c>
      <c r="AI3713">
        <v>0</v>
      </c>
      <c r="AJ3713">
        <v>84</v>
      </c>
      <c r="AK3713" t="s">
        <v>16</v>
      </c>
      <c r="AL3713">
        <v>0</v>
      </c>
      <c r="AM3713">
        <v>0</v>
      </c>
      <c r="AN3713">
        <v>0</v>
      </c>
      <c r="AO3713">
        <v>0</v>
      </c>
      <c r="AP3713">
        <v>0</v>
      </c>
      <c r="AQ3713">
        <v>0</v>
      </c>
      <c r="AR3713">
        <v>0</v>
      </c>
      <c r="AS3713">
        <v>0</v>
      </c>
      <c r="AT3713">
        <v>0</v>
      </c>
      <c r="AU3713">
        <v>0</v>
      </c>
      <c r="AV3713">
        <v>0</v>
      </c>
      <c r="AW3713">
        <v>0</v>
      </c>
      <c r="AX3713">
        <v>-2420</v>
      </c>
      <c r="AY3713">
        <v>36</v>
      </c>
      <c r="AZ3713">
        <v>68</v>
      </c>
      <c r="BA3713">
        <v>4603</v>
      </c>
    </row>
    <row r="3714" spans="1:53" x14ac:dyDescent="0.4">
      <c r="A3714">
        <v>3758</v>
      </c>
      <c r="B3714" s="1">
        <v>44107</v>
      </c>
      <c r="C3714">
        <v>1</v>
      </c>
      <c r="D3714" s="1">
        <v>44107.291666666664</v>
      </c>
      <c r="E3714" s="1">
        <v>44107.4</v>
      </c>
      <c r="F3714">
        <v>0</v>
      </c>
      <c r="G3714">
        <v>0</v>
      </c>
      <c r="H3714">
        <v>0</v>
      </c>
      <c r="I3714">
        <v>0</v>
      </c>
      <c r="J3714">
        <v>0</v>
      </c>
      <c r="K3714">
        <v>0</v>
      </c>
      <c r="L3714">
        <v>0</v>
      </c>
      <c r="M3714">
        <v>0</v>
      </c>
      <c r="N3714">
        <v>0</v>
      </c>
      <c r="O3714">
        <v>0</v>
      </c>
      <c r="P3714">
        <v>0</v>
      </c>
      <c r="Q3714">
        <v>0</v>
      </c>
      <c r="R3714">
        <v>0</v>
      </c>
      <c r="S3714">
        <v>0</v>
      </c>
      <c r="T3714">
        <v>0</v>
      </c>
      <c r="U3714">
        <v>0</v>
      </c>
      <c r="V3714">
        <v>0</v>
      </c>
      <c r="W3714">
        <v>0</v>
      </c>
      <c r="X3714">
        <v>0</v>
      </c>
      <c r="Y3714">
        <v>31</v>
      </c>
      <c r="Z3714">
        <v>11</v>
      </c>
      <c r="AA3714">
        <v>87</v>
      </c>
      <c r="AB3714">
        <v>65</v>
      </c>
      <c r="AC3714">
        <v>131</v>
      </c>
      <c r="AD3714">
        <v>21</v>
      </c>
      <c r="AE3714">
        <v>135</v>
      </c>
      <c r="AF3714">
        <v>0</v>
      </c>
      <c r="AG3714">
        <v>50000</v>
      </c>
      <c r="AH3714">
        <v>50000</v>
      </c>
      <c r="AI3714">
        <v>0</v>
      </c>
      <c r="AJ3714">
        <v>0</v>
      </c>
      <c r="AK3714" t="s">
        <v>6</v>
      </c>
      <c r="AL3714">
        <v>0</v>
      </c>
      <c r="AM3714">
        <v>0</v>
      </c>
      <c r="AN3714">
        <v>0</v>
      </c>
      <c r="AO3714">
        <v>0</v>
      </c>
      <c r="AP3714">
        <v>0</v>
      </c>
      <c r="AQ3714">
        <v>0</v>
      </c>
      <c r="AR3714">
        <v>0</v>
      </c>
      <c r="AS3714">
        <v>0</v>
      </c>
      <c r="AT3714">
        <v>0</v>
      </c>
      <c r="AU3714">
        <v>0</v>
      </c>
      <c r="AV3714">
        <v>0</v>
      </c>
      <c r="AW3714">
        <v>0</v>
      </c>
      <c r="AX3714">
        <v>0</v>
      </c>
      <c r="AY3714">
        <v>0</v>
      </c>
      <c r="AZ3714">
        <v>0</v>
      </c>
      <c r="BA3714">
        <v>0</v>
      </c>
    </row>
    <row r="3715" spans="1:53" x14ac:dyDescent="0.4">
      <c r="A3715">
        <v>3759</v>
      </c>
      <c r="B3715" s="1">
        <v>44107</v>
      </c>
      <c r="C3715">
        <v>2</v>
      </c>
      <c r="D3715" s="1">
        <v>44107.4</v>
      </c>
      <c r="E3715" s="1">
        <v>44107.747916666667</v>
      </c>
      <c r="F3715">
        <v>37850</v>
      </c>
      <c r="G3715">
        <v>1920</v>
      </c>
      <c r="H3715">
        <v>260</v>
      </c>
      <c r="I3715">
        <v>0</v>
      </c>
      <c r="J3715">
        <v>0</v>
      </c>
      <c r="K3715">
        <v>0</v>
      </c>
      <c r="L3715">
        <v>0</v>
      </c>
      <c r="M3715">
        <v>4003</v>
      </c>
      <c r="N3715">
        <v>0</v>
      </c>
      <c r="O3715">
        <v>0</v>
      </c>
      <c r="P3715">
        <v>15730</v>
      </c>
      <c r="Q3715">
        <v>0</v>
      </c>
      <c r="R3715">
        <v>59763</v>
      </c>
      <c r="S3715">
        <v>0</v>
      </c>
      <c r="T3715">
        <v>0</v>
      </c>
      <c r="U3715">
        <v>0</v>
      </c>
      <c r="V3715">
        <v>1</v>
      </c>
      <c r="W3715">
        <v>1</v>
      </c>
      <c r="X3715">
        <v>0</v>
      </c>
      <c r="Y3715">
        <v>65</v>
      </c>
      <c r="Z3715">
        <v>23</v>
      </c>
      <c r="AA3715">
        <v>116</v>
      </c>
      <c r="AB3715">
        <v>67</v>
      </c>
      <c r="AC3715">
        <v>158</v>
      </c>
      <c r="AD3715">
        <v>32</v>
      </c>
      <c r="AE3715">
        <v>143</v>
      </c>
      <c r="AF3715">
        <v>1430</v>
      </c>
      <c r="AG3715">
        <v>109763</v>
      </c>
      <c r="AH3715">
        <v>50000</v>
      </c>
      <c r="AI3715">
        <v>0</v>
      </c>
      <c r="AJ3715">
        <v>84</v>
      </c>
      <c r="AK3715" t="s">
        <v>16</v>
      </c>
      <c r="AL3715">
        <v>0</v>
      </c>
      <c r="AM3715">
        <v>0</v>
      </c>
      <c r="AN3715">
        <v>0</v>
      </c>
      <c r="AO3715">
        <v>0</v>
      </c>
      <c r="AP3715">
        <v>0</v>
      </c>
      <c r="AQ3715">
        <v>0</v>
      </c>
      <c r="AR3715">
        <v>0</v>
      </c>
      <c r="AS3715">
        <v>0</v>
      </c>
      <c r="AT3715">
        <v>0</v>
      </c>
      <c r="AU3715">
        <v>0</v>
      </c>
      <c r="AV3715">
        <v>0</v>
      </c>
      <c r="AW3715">
        <v>0</v>
      </c>
      <c r="AX3715">
        <v>902</v>
      </c>
      <c r="AY3715">
        <v>44</v>
      </c>
      <c r="AZ3715">
        <v>90</v>
      </c>
      <c r="BA3715">
        <v>6943</v>
      </c>
    </row>
    <row r="3716" spans="1:53" x14ac:dyDescent="0.4">
      <c r="A3716">
        <v>3760</v>
      </c>
      <c r="B3716" s="1">
        <v>44108</v>
      </c>
      <c r="C3716">
        <v>1</v>
      </c>
      <c r="D3716" s="1">
        <v>44108.291666666664</v>
      </c>
      <c r="E3716" s="1">
        <v>44108.402083333334</v>
      </c>
      <c r="F3716">
        <v>0</v>
      </c>
      <c r="G3716">
        <v>0</v>
      </c>
      <c r="H3716">
        <v>0</v>
      </c>
      <c r="I3716">
        <v>0</v>
      </c>
      <c r="J3716">
        <v>0</v>
      </c>
      <c r="K3716">
        <v>0</v>
      </c>
      <c r="L3716">
        <v>0</v>
      </c>
      <c r="M3716">
        <v>0</v>
      </c>
      <c r="N3716">
        <v>0</v>
      </c>
      <c r="O3716">
        <v>0</v>
      </c>
      <c r="P3716">
        <v>0</v>
      </c>
      <c r="Q3716">
        <v>0</v>
      </c>
      <c r="R3716">
        <v>0</v>
      </c>
      <c r="S3716">
        <v>0</v>
      </c>
      <c r="T3716">
        <v>0</v>
      </c>
      <c r="U3716">
        <v>0</v>
      </c>
      <c r="V3716">
        <v>0</v>
      </c>
      <c r="W3716">
        <v>0</v>
      </c>
      <c r="X3716">
        <v>0</v>
      </c>
      <c r="Y3716">
        <v>30</v>
      </c>
      <c r="Z3716">
        <v>7</v>
      </c>
      <c r="AA3716">
        <v>116</v>
      </c>
      <c r="AB3716">
        <v>61</v>
      </c>
      <c r="AC3716">
        <v>156</v>
      </c>
      <c r="AD3716">
        <v>32</v>
      </c>
      <c r="AE3716">
        <v>130</v>
      </c>
      <c r="AF3716">
        <v>0</v>
      </c>
      <c r="AG3716">
        <v>50000</v>
      </c>
      <c r="AH3716">
        <v>50000</v>
      </c>
      <c r="AI3716">
        <v>0</v>
      </c>
      <c r="AJ3716">
        <v>0</v>
      </c>
      <c r="AK3716" t="s">
        <v>6</v>
      </c>
      <c r="AL3716">
        <v>0</v>
      </c>
      <c r="AM3716">
        <v>0</v>
      </c>
      <c r="AN3716">
        <v>0</v>
      </c>
      <c r="AO3716">
        <v>0</v>
      </c>
      <c r="AP3716">
        <v>0</v>
      </c>
      <c r="AQ3716">
        <v>0</v>
      </c>
      <c r="AR3716">
        <v>0</v>
      </c>
      <c r="AS3716">
        <v>0</v>
      </c>
      <c r="AT3716">
        <v>0</v>
      </c>
      <c r="AU3716">
        <v>0</v>
      </c>
      <c r="AV3716">
        <v>0</v>
      </c>
      <c r="AW3716">
        <v>0</v>
      </c>
      <c r="AX3716">
        <v>0</v>
      </c>
      <c r="AY3716">
        <v>0</v>
      </c>
      <c r="AZ3716">
        <v>0</v>
      </c>
      <c r="BA3716">
        <v>0</v>
      </c>
    </row>
    <row r="3717" spans="1:53" x14ac:dyDescent="0.4">
      <c r="A3717">
        <v>3761</v>
      </c>
      <c r="B3717" s="1">
        <v>44108</v>
      </c>
      <c r="C3717">
        <v>2</v>
      </c>
      <c r="D3717" s="1">
        <v>44108.402083333334</v>
      </c>
      <c r="E3717" s="1">
        <v>44108.740972222222</v>
      </c>
      <c r="F3717">
        <v>44250</v>
      </c>
      <c r="G3717">
        <v>3160</v>
      </c>
      <c r="H3717">
        <v>230</v>
      </c>
      <c r="I3717">
        <v>0</v>
      </c>
      <c r="J3717">
        <v>0</v>
      </c>
      <c r="K3717">
        <v>550</v>
      </c>
      <c r="L3717">
        <v>0</v>
      </c>
      <c r="M3717">
        <v>4819</v>
      </c>
      <c r="N3717">
        <v>0</v>
      </c>
      <c r="O3717">
        <v>0</v>
      </c>
      <c r="P3717">
        <v>15565</v>
      </c>
      <c r="Q3717">
        <v>0</v>
      </c>
      <c r="R3717">
        <v>68574</v>
      </c>
      <c r="S3717">
        <v>0</v>
      </c>
      <c r="T3717">
        <v>0</v>
      </c>
      <c r="U3717">
        <v>0</v>
      </c>
      <c r="V3717">
        <v>4</v>
      </c>
      <c r="W3717">
        <v>3</v>
      </c>
      <c r="X3717">
        <v>0</v>
      </c>
      <c r="Y3717">
        <v>35</v>
      </c>
      <c r="Z3717">
        <v>29</v>
      </c>
      <c r="AA3717">
        <v>90</v>
      </c>
      <c r="AB3717">
        <v>47</v>
      </c>
      <c r="AC3717">
        <v>120</v>
      </c>
      <c r="AD3717">
        <v>33</v>
      </c>
      <c r="AE3717">
        <v>149</v>
      </c>
      <c r="AF3717">
        <v>1210</v>
      </c>
      <c r="AG3717">
        <v>118574</v>
      </c>
      <c r="AH3717">
        <v>50000</v>
      </c>
      <c r="AI3717">
        <v>0</v>
      </c>
      <c r="AJ3717">
        <v>84</v>
      </c>
      <c r="AK3717" t="s">
        <v>16</v>
      </c>
      <c r="AL3717">
        <v>0</v>
      </c>
      <c r="AM3717">
        <v>0</v>
      </c>
      <c r="AN3717">
        <v>0</v>
      </c>
      <c r="AO3717">
        <v>0</v>
      </c>
      <c r="AP3717">
        <v>0</v>
      </c>
      <c r="AQ3717">
        <v>0</v>
      </c>
      <c r="AR3717">
        <v>0</v>
      </c>
      <c r="AS3717">
        <v>0</v>
      </c>
      <c r="AT3717">
        <v>0</v>
      </c>
      <c r="AU3717">
        <v>0</v>
      </c>
      <c r="AV3717">
        <v>0</v>
      </c>
      <c r="AW3717">
        <v>0</v>
      </c>
      <c r="AX3717">
        <v>594</v>
      </c>
      <c r="AY3717">
        <v>49</v>
      </c>
      <c r="AZ3717">
        <v>105</v>
      </c>
      <c r="BA3717">
        <v>7333</v>
      </c>
    </row>
    <row r="3718" spans="1:53" x14ac:dyDescent="0.4">
      <c r="A3718">
        <v>3762</v>
      </c>
      <c r="B3718" s="1">
        <v>44108</v>
      </c>
      <c r="C3718">
        <v>3</v>
      </c>
      <c r="D3718" s="1">
        <v>44108.740972222222</v>
      </c>
      <c r="E3718" s="1">
        <v>44108.947222222225</v>
      </c>
      <c r="F3718">
        <v>17450</v>
      </c>
      <c r="G3718">
        <v>940</v>
      </c>
      <c r="H3718">
        <v>0</v>
      </c>
      <c r="I3718">
        <v>0</v>
      </c>
      <c r="J3718">
        <v>440</v>
      </c>
      <c r="K3718">
        <v>0</v>
      </c>
      <c r="L3718">
        <v>0</v>
      </c>
      <c r="M3718">
        <v>1795</v>
      </c>
      <c r="N3718">
        <v>0</v>
      </c>
      <c r="O3718">
        <v>0</v>
      </c>
      <c r="P3718">
        <v>-15565</v>
      </c>
      <c r="Q3718">
        <v>0</v>
      </c>
      <c r="R3718">
        <v>4180</v>
      </c>
      <c r="S3718">
        <v>0</v>
      </c>
      <c r="T3718">
        <v>0</v>
      </c>
      <c r="U3718">
        <v>0</v>
      </c>
      <c r="V3718">
        <v>4</v>
      </c>
      <c r="W3718">
        <v>4</v>
      </c>
      <c r="X3718">
        <v>0</v>
      </c>
      <c r="Y3718">
        <v>34</v>
      </c>
      <c r="Z3718">
        <v>29</v>
      </c>
      <c r="AA3718">
        <v>90</v>
      </c>
      <c r="AB3718">
        <v>49</v>
      </c>
      <c r="AC3718">
        <v>128</v>
      </c>
      <c r="AD3718">
        <v>33</v>
      </c>
      <c r="AE3718">
        <v>149</v>
      </c>
      <c r="AF3718">
        <v>1210</v>
      </c>
      <c r="AG3718">
        <v>122754</v>
      </c>
      <c r="AH3718">
        <v>50000</v>
      </c>
      <c r="AI3718">
        <v>0</v>
      </c>
      <c r="AJ3718">
        <v>108</v>
      </c>
      <c r="AK3718" t="s">
        <v>30</v>
      </c>
      <c r="AL3718">
        <v>0</v>
      </c>
      <c r="AM3718">
        <v>0</v>
      </c>
      <c r="AN3718">
        <v>0</v>
      </c>
      <c r="AO3718">
        <v>0</v>
      </c>
      <c r="AP3718">
        <v>0</v>
      </c>
      <c r="AQ3718">
        <v>0</v>
      </c>
      <c r="AR3718">
        <v>0</v>
      </c>
      <c r="AS3718">
        <v>0</v>
      </c>
      <c r="AT3718">
        <v>0</v>
      </c>
      <c r="AU3718">
        <v>0</v>
      </c>
      <c r="AV3718">
        <v>0</v>
      </c>
      <c r="AW3718">
        <v>0</v>
      </c>
      <c r="AX3718">
        <v>4620</v>
      </c>
      <c r="AY3718">
        <v>4</v>
      </c>
      <c r="AZ3718">
        <v>10</v>
      </c>
      <c r="BA3718">
        <v>1431</v>
      </c>
    </row>
    <row r="3719" spans="1:53" x14ac:dyDescent="0.4">
      <c r="A3719">
        <v>3763</v>
      </c>
      <c r="B3719" s="1">
        <v>44109</v>
      </c>
      <c r="C3719">
        <v>1</v>
      </c>
      <c r="D3719" s="1">
        <v>44109.291666666664</v>
      </c>
      <c r="E3719" s="1">
        <v>44109.416666666664</v>
      </c>
      <c r="F3719">
        <v>0</v>
      </c>
      <c r="G3719">
        <v>0</v>
      </c>
      <c r="H3719">
        <v>0</v>
      </c>
      <c r="I3719">
        <v>0</v>
      </c>
      <c r="J3719">
        <v>0</v>
      </c>
      <c r="K3719">
        <v>0</v>
      </c>
      <c r="L3719">
        <v>0</v>
      </c>
      <c r="M3719">
        <v>0</v>
      </c>
      <c r="N3719">
        <v>0</v>
      </c>
      <c r="O3719">
        <v>0</v>
      </c>
      <c r="P3719">
        <v>0</v>
      </c>
      <c r="Q3719">
        <v>0</v>
      </c>
      <c r="R3719">
        <v>0</v>
      </c>
      <c r="S3719">
        <v>0</v>
      </c>
      <c r="T3719">
        <v>0</v>
      </c>
      <c r="U3719">
        <v>0</v>
      </c>
      <c r="V3719">
        <v>0</v>
      </c>
      <c r="W3719">
        <v>0</v>
      </c>
      <c r="X3719">
        <v>0</v>
      </c>
      <c r="Y3719">
        <v>33</v>
      </c>
      <c r="Z3719">
        <v>9</v>
      </c>
      <c r="AA3719">
        <v>85</v>
      </c>
      <c r="AB3719">
        <v>49</v>
      </c>
      <c r="AC3719">
        <v>126</v>
      </c>
      <c r="AD3719">
        <v>32</v>
      </c>
      <c r="AE3719">
        <v>100</v>
      </c>
      <c r="AF3719">
        <v>0</v>
      </c>
      <c r="AG3719">
        <v>49970</v>
      </c>
      <c r="AH3719">
        <v>50000</v>
      </c>
      <c r="AI3719">
        <v>-30</v>
      </c>
      <c r="AJ3719">
        <v>0</v>
      </c>
      <c r="AK3719" t="s">
        <v>6</v>
      </c>
      <c r="AL3719">
        <v>0</v>
      </c>
      <c r="AM3719">
        <v>0</v>
      </c>
      <c r="AN3719">
        <v>0</v>
      </c>
      <c r="AO3719">
        <v>0</v>
      </c>
      <c r="AP3719">
        <v>0</v>
      </c>
      <c r="AQ3719">
        <v>0</v>
      </c>
      <c r="AR3719">
        <v>0</v>
      </c>
      <c r="AS3719">
        <v>0</v>
      </c>
      <c r="AT3719">
        <v>0</v>
      </c>
      <c r="AU3719">
        <v>0</v>
      </c>
      <c r="AV3719">
        <v>0</v>
      </c>
      <c r="AW3719">
        <v>0</v>
      </c>
      <c r="AX3719">
        <v>0</v>
      </c>
      <c r="AY3719">
        <v>0</v>
      </c>
      <c r="AZ3719">
        <v>0</v>
      </c>
      <c r="BA3719">
        <v>0</v>
      </c>
    </row>
    <row r="3720" spans="1:53" x14ac:dyDescent="0.4">
      <c r="A3720">
        <v>3764</v>
      </c>
      <c r="B3720" s="1">
        <v>44109</v>
      </c>
      <c r="C3720">
        <v>2</v>
      </c>
      <c r="D3720" s="1">
        <v>44109.416666666664</v>
      </c>
      <c r="E3720" s="1">
        <v>44109.732638888891</v>
      </c>
      <c r="F3720">
        <v>13850</v>
      </c>
      <c r="G3720">
        <v>0</v>
      </c>
      <c r="H3720">
        <v>0</v>
      </c>
      <c r="I3720">
        <v>0</v>
      </c>
      <c r="J3720">
        <v>100</v>
      </c>
      <c r="K3720">
        <v>0</v>
      </c>
      <c r="L3720">
        <v>0</v>
      </c>
      <c r="M3720">
        <v>1375</v>
      </c>
      <c r="N3720">
        <v>0</v>
      </c>
      <c r="O3720">
        <v>0</v>
      </c>
      <c r="P3720">
        <v>16500</v>
      </c>
      <c r="Q3720">
        <v>0</v>
      </c>
      <c r="R3720">
        <v>31625</v>
      </c>
      <c r="S3720">
        <v>0</v>
      </c>
      <c r="T3720">
        <v>0</v>
      </c>
      <c r="U3720">
        <v>0</v>
      </c>
      <c r="V3720">
        <v>0</v>
      </c>
      <c r="W3720">
        <v>1</v>
      </c>
      <c r="X3720">
        <v>0</v>
      </c>
      <c r="Y3720">
        <v>52</v>
      </c>
      <c r="Z3720">
        <v>23</v>
      </c>
      <c r="AA3720">
        <v>91</v>
      </c>
      <c r="AB3720">
        <v>49</v>
      </c>
      <c r="AC3720">
        <v>125</v>
      </c>
      <c r="AD3720">
        <v>34</v>
      </c>
      <c r="AE3720">
        <v>125</v>
      </c>
      <c r="AF3720">
        <v>0</v>
      </c>
      <c r="AG3720">
        <v>81595</v>
      </c>
      <c r="AH3720">
        <v>50000</v>
      </c>
      <c r="AI3720">
        <v>-30</v>
      </c>
      <c r="AJ3720">
        <v>107</v>
      </c>
      <c r="AK3720" t="s">
        <v>40</v>
      </c>
      <c r="AL3720">
        <v>0</v>
      </c>
      <c r="AM3720">
        <v>0</v>
      </c>
      <c r="AN3720">
        <v>0</v>
      </c>
      <c r="AO3720">
        <v>0</v>
      </c>
      <c r="AP3720">
        <v>0</v>
      </c>
      <c r="AQ3720">
        <v>0</v>
      </c>
      <c r="AR3720">
        <v>0</v>
      </c>
      <c r="AS3720">
        <v>0</v>
      </c>
      <c r="AT3720">
        <v>0</v>
      </c>
      <c r="AU3720">
        <v>0</v>
      </c>
      <c r="AV3720">
        <v>0</v>
      </c>
      <c r="AW3720">
        <v>0</v>
      </c>
      <c r="AX3720">
        <v>0</v>
      </c>
      <c r="AY3720">
        <v>28</v>
      </c>
      <c r="AZ3720">
        <v>49</v>
      </c>
      <c r="BA3720">
        <v>3599</v>
      </c>
    </row>
    <row r="3721" spans="1:53" x14ac:dyDescent="0.4">
      <c r="A3721">
        <v>3765</v>
      </c>
      <c r="B3721" s="1">
        <v>44110</v>
      </c>
      <c r="C3721">
        <v>1</v>
      </c>
      <c r="D3721" s="1">
        <v>44110.291666666664</v>
      </c>
      <c r="E3721" s="1">
        <v>44110.447222222225</v>
      </c>
      <c r="F3721">
        <v>0</v>
      </c>
      <c r="G3721">
        <v>0</v>
      </c>
      <c r="H3721">
        <v>0</v>
      </c>
      <c r="I3721">
        <v>0</v>
      </c>
      <c r="J3721">
        <v>0</v>
      </c>
      <c r="K3721">
        <v>0</v>
      </c>
      <c r="L3721">
        <v>0</v>
      </c>
      <c r="M3721">
        <v>0</v>
      </c>
      <c r="N3721">
        <v>0</v>
      </c>
      <c r="O3721">
        <v>0</v>
      </c>
      <c r="P3721">
        <v>0</v>
      </c>
      <c r="Q3721">
        <v>0</v>
      </c>
      <c r="R3721">
        <v>0</v>
      </c>
      <c r="S3721">
        <v>0</v>
      </c>
      <c r="T3721">
        <v>0</v>
      </c>
      <c r="U3721">
        <v>0</v>
      </c>
      <c r="V3721">
        <v>0</v>
      </c>
      <c r="W3721">
        <v>0</v>
      </c>
      <c r="X3721">
        <v>0</v>
      </c>
      <c r="Y3721">
        <v>31</v>
      </c>
      <c r="Z3721">
        <v>13</v>
      </c>
      <c r="AA3721">
        <v>87</v>
      </c>
      <c r="AB3721">
        <v>47</v>
      </c>
      <c r="AC3721">
        <v>116</v>
      </c>
      <c r="AD3721">
        <v>33</v>
      </c>
      <c r="AE3721">
        <v>125</v>
      </c>
      <c r="AF3721">
        <v>0</v>
      </c>
      <c r="AG3721">
        <v>50000</v>
      </c>
      <c r="AH3721">
        <v>50000</v>
      </c>
      <c r="AI3721">
        <v>0</v>
      </c>
      <c r="AJ3721">
        <v>0</v>
      </c>
      <c r="AK3721" t="s">
        <v>6</v>
      </c>
      <c r="AL3721">
        <v>0</v>
      </c>
      <c r="AM3721">
        <v>0</v>
      </c>
      <c r="AN3721">
        <v>0</v>
      </c>
      <c r="AO3721">
        <v>0</v>
      </c>
      <c r="AP3721">
        <v>0</v>
      </c>
      <c r="AQ3721">
        <v>0</v>
      </c>
      <c r="AR3721">
        <v>0</v>
      </c>
      <c r="AS3721">
        <v>0</v>
      </c>
      <c r="AT3721">
        <v>0</v>
      </c>
      <c r="AU3721">
        <v>0</v>
      </c>
      <c r="AV3721">
        <v>0</v>
      </c>
      <c r="AW3721">
        <v>0</v>
      </c>
      <c r="AX3721">
        <v>0</v>
      </c>
      <c r="AY3721">
        <v>0</v>
      </c>
      <c r="AZ3721">
        <v>0</v>
      </c>
      <c r="BA3721">
        <v>0</v>
      </c>
    </row>
    <row r="3722" spans="1:53" x14ac:dyDescent="0.4">
      <c r="A3722">
        <v>3766</v>
      </c>
      <c r="B3722" s="1">
        <v>44110</v>
      </c>
      <c r="C3722">
        <v>2</v>
      </c>
      <c r="D3722" s="1">
        <v>44110.447222222225</v>
      </c>
      <c r="E3722" s="1">
        <v>44110.743055555555</v>
      </c>
      <c r="F3722">
        <v>14750</v>
      </c>
      <c r="G3722">
        <v>1180</v>
      </c>
      <c r="H3722">
        <v>30</v>
      </c>
      <c r="I3722">
        <v>0</v>
      </c>
      <c r="J3722">
        <v>0</v>
      </c>
      <c r="K3722">
        <v>0</v>
      </c>
      <c r="L3722">
        <v>0</v>
      </c>
      <c r="M3722">
        <v>1596</v>
      </c>
      <c r="N3722">
        <v>0</v>
      </c>
      <c r="O3722">
        <v>0</v>
      </c>
      <c r="P3722">
        <v>14740</v>
      </c>
      <c r="Q3722">
        <v>0</v>
      </c>
      <c r="R3722">
        <v>32296</v>
      </c>
      <c r="S3722">
        <v>0</v>
      </c>
      <c r="T3722">
        <v>0</v>
      </c>
      <c r="U3722">
        <v>0</v>
      </c>
      <c r="V3722">
        <v>2</v>
      </c>
      <c r="W3722">
        <v>5</v>
      </c>
      <c r="X3722">
        <v>0</v>
      </c>
      <c r="Y3722">
        <v>19</v>
      </c>
      <c r="Z3722">
        <v>12</v>
      </c>
      <c r="AA3722">
        <v>88</v>
      </c>
      <c r="AB3722">
        <v>42</v>
      </c>
      <c r="AC3722">
        <v>111</v>
      </c>
      <c r="AD3722">
        <v>32</v>
      </c>
      <c r="AE3722">
        <v>126</v>
      </c>
      <c r="AF3722">
        <v>0</v>
      </c>
      <c r="AG3722">
        <v>82296</v>
      </c>
      <c r="AH3722">
        <v>50000</v>
      </c>
      <c r="AI3722">
        <v>0</v>
      </c>
      <c r="AJ3722">
        <v>84</v>
      </c>
      <c r="AK3722" t="s">
        <v>16</v>
      </c>
      <c r="AL3722">
        <v>0</v>
      </c>
      <c r="AM3722">
        <v>0</v>
      </c>
      <c r="AN3722">
        <v>0</v>
      </c>
      <c r="AO3722">
        <v>0</v>
      </c>
      <c r="AP3722">
        <v>0</v>
      </c>
      <c r="AQ3722">
        <v>0</v>
      </c>
      <c r="AR3722">
        <v>0</v>
      </c>
      <c r="AS3722">
        <v>0</v>
      </c>
      <c r="AT3722">
        <v>0</v>
      </c>
      <c r="AU3722">
        <v>0</v>
      </c>
      <c r="AV3722">
        <v>0</v>
      </c>
      <c r="AW3722">
        <v>0</v>
      </c>
      <c r="AX3722">
        <v>0</v>
      </c>
      <c r="AY3722">
        <v>23</v>
      </c>
      <c r="AZ3722">
        <v>49</v>
      </c>
      <c r="BA3722">
        <v>3271</v>
      </c>
    </row>
    <row r="3723" spans="1:53" x14ac:dyDescent="0.4">
      <c r="A3723">
        <v>3767</v>
      </c>
      <c r="B3723" s="1">
        <v>44110</v>
      </c>
      <c r="C3723">
        <v>3</v>
      </c>
      <c r="D3723" s="1">
        <v>44110.743055555555</v>
      </c>
      <c r="E3723" s="1">
        <v>44110.949305555558</v>
      </c>
      <c r="F3723">
        <v>17850</v>
      </c>
      <c r="G3723">
        <v>0</v>
      </c>
      <c r="H3723">
        <v>0</v>
      </c>
      <c r="I3723">
        <v>0</v>
      </c>
      <c r="J3723">
        <v>0</v>
      </c>
      <c r="K3723">
        <v>0</v>
      </c>
      <c r="L3723">
        <v>0</v>
      </c>
      <c r="M3723">
        <v>1785</v>
      </c>
      <c r="N3723">
        <v>0</v>
      </c>
      <c r="O3723">
        <v>0</v>
      </c>
      <c r="P3723">
        <v>-14740</v>
      </c>
      <c r="Q3723">
        <v>0</v>
      </c>
      <c r="R3723">
        <v>4895</v>
      </c>
      <c r="S3723">
        <v>0</v>
      </c>
      <c r="T3723">
        <v>0</v>
      </c>
      <c r="U3723">
        <v>0</v>
      </c>
      <c r="V3723">
        <v>1</v>
      </c>
      <c r="W3723">
        <v>7</v>
      </c>
      <c r="X3723">
        <v>0</v>
      </c>
      <c r="Y3723">
        <v>22</v>
      </c>
      <c r="Z3723">
        <v>14</v>
      </c>
      <c r="AA3723">
        <v>90</v>
      </c>
      <c r="AB3723">
        <v>42</v>
      </c>
      <c r="AC3723">
        <v>109</v>
      </c>
      <c r="AD3723">
        <v>33</v>
      </c>
      <c r="AE3723">
        <v>126</v>
      </c>
      <c r="AF3723">
        <v>710</v>
      </c>
      <c r="AG3723">
        <v>87191</v>
      </c>
      <c r="AH3723">
        <v>50000</v>
      </c>
      <c r="AI3723">
        <v>0</v>
      </c>
      <c r="AJ3723">
        <v>98</v>
      </c>
      <c r="AK3723" t="s">
        <v>35</v>
      </c>
      <c r="AL3723">
        <v>0</v>
      </c>
      <c r="AM3723">
        <v>0</v>
      </c>
      <c r="AN3723">
        <v>0</v>
      </c>
      <c r="AO3723">
        <v>0</v>
      </c>
      <c r="AP3723">
        <v>0</v>
      </c>
      <c r="AQ3723">
        <v>0</v>
      </c>
      <c r="AR3723">
        <v>0</v>
      </c>
      <c r="AS3723">
        <v>0</v>
      </c>
      <c r="AT3723">
        <v>0</v>
      </c>
      <c r="AU3723">
        <v>0</v>
      </c>
      <c r="AV3723">
        <v>0</v>
      </c>
      <c r="AW3723">
        <v>0</v>
      </c>
      <c r="AX3723">
        <v>6732</v>
      </c>
      <c r="AY3723">
        <v>5</v>
      </c>
      <c r="AZ3723">
        <v>12</v>
      </c>
      <c r="BA3723">
        <v>1006</v>
      </c>
    </row>
    <row r="3724" spans="1:53" x14ac:dyDescent="0.4">
      <c r="A3724">
        <v>3768</v>
      </c>
      <c r="B3724" s="1">
        <v>44111</v>
      </c>
      <c r="C3724">
        <v>1</v>
      </c>
      <c r="D3724" s="1">
        <v>44111.291666666664</v>
      </c>
      <c r="E3724" s="1">
        <v>44111.420138888891</v>
      </c>
      <c r="F3724">
        <v>0</v>
      </c>
      <c r="G3724">
        <v>0</v>
      </c>
      <c r="H3724">
        <v>0</v>
      </c>
      <c r="I3724">
        <v>0</v>
      </c>
      <c r="J3724">
        <v>0</v>
      </c>
      <c r="K3724">
        <v>0</v>
      </c>
      <c r="L3724">
        <v>0</v>
      </c>
      <c r="M3724">
        <v>0</v>
      </c>
      <c r="N3724">
        <v>0</v>
      </c>
      <c r="O3724">
        <v>0</v>
      </c>
      <c r="P3724">
        <v>0</v>
      </c>
      <c r="Q3724">
        <v>0</v>
      </c>
      <c r="R3724">
        <v>0</v>
      </c>
      <c r="S3724">
        <v>0</v>
      </c>
      <c r="T3724">
        <v>0</v>
      </c>
      <c r="U3724">
        <v>0</v>
      </c>
      <c r="V3724">
        <v>0</v>
      </c>
      <c r="W3724">
        <v>1</v>
      </c>
      <c r="X3724">
        <v>0</v>
      </c>
      <c r="Y3724">
        <v>32</v>
      </c>
      <c r="Z3724">
        <v>4</v>
      </c>
      <c r="AA3724">
        <v>77</v>
      </c>
      <c r="AB3724">
        <v>40</v>
      </c>
      <c r="AC3724">
        <v>103</v>
      </c>
      <c r="AD3724">
        <v>30</v>
      </c>
      <c r="AE3724">
        <v>120</v>
      </c>
      <c r="AF3724">
        <v>0</v>
      </c>
      <c r="AG3724">
        <v>50000</v>
      </c>
      <c r="AH3724">
        <v>50000</v>
      </c>
      <c r="AI3724">
        <v>0</v>
      </c>
      <c r="AJ3724">
        <v>0</v>
      </c>
      <c r="AK3724" t="s">
        <v>6</v>
      </c>
      <c r="AL3724">
        <v>0</v>
      </c>
      <c r="AM3724">
        <v>0</v>
      </c>
      <c r="AN3724">
        <v>0</v>
      </c>
      <c r="AO3724">
        <v>0</v>
      </c>
      <c r="AP3724">
        <v>0</v>
      </c>
      <c r="AQ3724">
        <v>0</v>
      </c>
      <c r="AR3724">
        <v>0</v>
      </c>
      <c r="AS3724">
        <v>0</v>
      </c>
      <c r="AT3724">
        <v>0</v>
      </c>
      <c r="AU3724">
        <v>0</v>
      </c>
      <c r="AV3724">
        <v>0</v>
      </c>
      <c r="AW3724">
        <v>0</v>
      </c>
      <c r="AX3724">
        <v>0</v>
      </c>
      <c r="AY3724">
        <v>0</v>
      </c>
      <c r="AZ3724">
        <v>0</v>
      </c>
      <c r="BA3724">
        <v>0</v>
      </c>
    </row>
    <row r="3725" spans="1:53" x14ac:dyDescent="0.4">
      <c r="A3725">
        <v>3769</v>
      </c>
      <c r="B3725" s="1">
        <v>44111</v>
      </c>
      <c r="C3725">
        <v>2</v>
      </c>
      <c r="D3725" s="1">
        <v>44111.420138888891</v>
      </c>
      <c r="E3725" s="1">
        <v>44111.744444444441</v>
      </c>
      <c r="F3725">
        <v>26150</v>
      </c>
      <c r="G3725">
        <v>1220</v>
      </c>
      <c r="H3725">
        <v>0</v>
      </c>
      <c r="I3725">
        <v>0</v>
      </c>
      <c r="J3725">
        <v>0</v>
      </c>
      <c r="K3725">
        <v>0</v>
      </c>
      <c r="L3725">
        <v>0</v>
      </c>
      <c r="M3725">
        <v>2737</v>
      </c>
      <c r="N3725">
        <v>0</v>
      </c>
      <c r="O3725">
        <v>0</v>
      </c>
      <c r="P3725">
        <v>14575</v>
      </c>
      <c r="Q3725">
        <v>0</v>
      </c>
      <c r="R3725">
        <v>44682</v>
      </c>
      <c r="S3725">
        <v>0</v>
      </c>
      <c r="T3725">
        <v>0</v>
      </c>
      <c r="U3725">
        <v>0</v>
      </c>
      <c r="V3725">
        <v>5</v>
      </c>
      <c r="W3725">
        <v>2</v>
      </c>
      <c r="X3725">
        <v>0</v>
      </c>
      <c r="Y3725">
        <v>16</v>
      </c>
      <c r="Z3725">
        <v>19</v>
      </c>
      <c r="AA3725">
        <v>52</v>
      </c>
      <c r="AB3725">
        <v>36</v>
      </c>
      <c r="AC3725">
        <v>105</v>
      </c>
      <c r="AD3725">
        <v>27</v>
      </c>
      <c r="AE3725">
        <v>172</v>
      </c>
      <c r="AF3725">
        <v>825</v>
      </c>
      <c r="AG3725">
        <v>94682</v>
      </c>
      <c r="AH3725">
        <v>50000</v>
      </c>
      <c r="AI3725">
        <v>0</v>
      </c>
      <c r="AJ3725">
        <v>107</v>
      </c>
      <c r="AK3725" t="s">
        <v>40</v>
      </c>
      <c r="AL3725">
        <v>0</v>
      </c>
      <c r="AM3725">
        <v>0</v>
      </c>
      <c r="AN3725">
        <v>0</v>
      </c>
      <c r="AO3725">
        <v>0</v>
      </c>
      <c r="AP3725">
        <v>0</v>
      </c>
      <c r="AQ3725">
        <v>0</v>
      </c>
      <c r="AR3725">
        <v>0</v>
      </c>
      <c r="AS3725">
        <v>0</v>
      </c>
      <c r="AT3725">
        <v>0</v>
      </c>
      <c r="AU3725">
        <v>0</v>
      </c>
      <c r="AV3725">
        <v>0</v>
      </c>
      <c r="AW3725">
        <v>0</v>
      </c>
      <c r="AX3725">
        <v>-176</v>
      </c>
      <c r="AY3725">
        <v>33</v>
      </c>
      <c r="AZ3725">
        <v>63</v>
      </c>
      <c r="BA3725">
        <v>5094</v>
      </c>
    </row>
    <row r="3726" spans="1:53" x14ac:dyDescent="0.4">
      <c r="A3726">
        <v>3770</v>
      </c>
      <c r="B3726" s="1">
        <v>44112</v>
      </c>
      <c r="C3726">
        <v>1</v>
      </c>
      <c r="D3726" s="1">
        <v>44112.291666666664</v>
      </c>
      <c r="E3726" s="1">
        <v>44112.455555555556</v>
      </c>
      <c r="F3726">
        <v>0</v>
      </c>
      <c r="G3726">
        <v>0</v>
      </c>
      <c r="H3726">
        <v>0</v>
      </c>
      <c r="I3726">
        <v>0</v>
      </c>
      <c r="J3726">
        <v>0</v>
      </c>
      <c r="K3726">
        <v>0</v>
      </c>
      <c r="L3726">
        <v>0</v>
      </c>
      <c r="M3726">
        <v>0</v>
      </c>
      <c r="N3726">
        <v>0</v>
      </c>
      <c r="O3726">
        <v>0</v>
      </c>
      <c r="P3726">
        <v>0</v>
      </c>
      <c r="Q3726">
        <v>0</v>
      </c>
      <c r="R3726">
        <v>0</v>
      </c>
      <c r="S3726">
        <v>0</v>
      </c>
      <c r="T3726">
        <v>0</v>
      </c>
      <c r="U3726">
        <v>0</v>
      </c>
      <c r="V3726">
        <v>0</v>
      </c>
      <c r="W3726">
        <v>2</v>
      </c>
      <c r="X3726">
        <v>0</v>
      </c>
      <c r="Y3726">
        <v>25</v>
      </c>
      <c r="Z3726">
        <v>12</v>
      </c>
      <c r="AA3726">
        <v>55</v>
      </c>
      <c r="AB3726">
        <v>40</v>
      </c>
      <c r="AC3726">
        <v>123</v>
      </c>
      <c r="AD3726">
        <v>31</v>
      </c>
      <c r="AE3726">
        <v>115</v>
      </c>
      <c r="AF3726">
        <v>0</v>
      </c>
      <c r="AG3726">
        <v>50000</v>
      </c>
      <c r="AH3726">
        <v>50000</v>
      </c>
      <c r="AI3726">
        <v>0</v>
      </c>
      <c r="AJ3726">
        <v>0</v>
      </c>
      <c r="AK3726" t="s">
        <v>6</v>
      </c>
      <c r="AL3726">
        <v>0</v>
      </c>
      <c r="AM3726">
        <v>0</v>
      </c>
      <c r="AN3726">
        <v>0</v>
      </c>
      <c r="AO3726">
        <v>0</v>
      </c>
      <c r="AP3726">
        <v>0</v>
      </c>
      <c r="AQ3726">
        <v>0</v>
      </c>
      <c r="AR3726">
        <v>0</v>
      </c>
      <c r="AS3726">
        <v>0</v>
      </c>
      <c r="AT3726">
        <v>0</v>
      </c>
      <c r="AU3726">
        <v>0</v>
      </c>
      <c r="AV3726">
        <v>0</v>
      </c>
      <c r="AW3726">
        <v>0</v>
      </c>
      <c r="AX3726">
        <v>0</v>
      </c>
      <c r="AY3726">
        <v>0</v>
      </c>
      <c r="AZ3726">
        <v>0</v>
      </c>
      <c r="BA3726">
        <v>0</v>
      </c>
    </row>
    <row r="3727" spans="1:53" x14ac:dyDescent="0.4">
      <c r="A3727">
        <v>3771</v>
      </c>
      <c r="B3727" s="1">
        <v>44112</v>
      </c>
      <c r="C3727">
        <v>2</v>
      </c>
      <c r="D3727" s="1">
        <v>44112.455555555556</v>
      </c>
      <c r="E3727" s="1">
        <v>44112.744444444441</v>
      </c>
      <c r="F3727">
        <v>17700</v>
      </c>
      <c r="G3727">
        <v>1380</v>
      </c>
      <c r="H3727">
        <v>60</v>
      </c>
      <c r="I3727">
        <v>0</v>
      </c>
      <c r="J3727">
        <v>0</v>
      </c>
      <c r="K3727">
        <v>0</v>
      </c>
      <c r="L3727">
        <v>0</v>
      </c>
      <c r="M3727">
        <v>1914</v>
      </c>
      <c r="N3727">
        <v>0</v>
      </c>
      <c r="O3727">
        <v>0</v>
      </c>
      <c r="P3727">
        <v>4455</v>
      </c>
      <c r="Q3727">
        <v>0</v>
      </c>
      <c r="R3727">
        <v>25509</v>
      </c>
      <c r="S3727">
        <v>0</v>
      </c>
      <c r="T3727">
        <v>0</v>
      </c>
      <c r="U3727">
        <v>0</v>
      </c>
      <c r="V3727">
        <v>3</v>
      </c>
      <c r="W3727">
        <v>1</v>
      </c>
      <c r="X3727">
        <v>0</v>
      </c>
      <c r="Y3727">
        <v>21</v>
      </c>
      <c r="Z3727">
        <v>19</v>
      </c>
      <c r="AA3727">
        <v>64</v>
      </c>
      <c r="AB3727">
        <v>41</v>
      </c>
      <c r="AC3727">
        <v>128</v>
      </c>
      <c r="AD3727">
        <v>31</v>
      </c>
      <c r="AE3727">
        <v>124</v>
      </c>
      <c r="AF3727">
        <v>0</v>
      </c>
      <c r="AG3727">
        <v>75509</v>
      </c>
      <c r="AH3727">
        <v>50000</v>
      </c>
      <c r="AI3727">
        <v>0</v>
      </c>
      <c r="AJ3727">
        <v>84</v>
      </c>
      <c r="AK3727" t="s">
        <v>16</v>
      </c>
      <c r="AL3727">
        <v>0</v>
      </c>
      <c r="AM3727">
        <v>0</v>
      </c>
      <c r="AN3727">
        <v>0</v>
      </c>
      <c r="AO3727">
        <v>0</v>
      </c>
      <c r="AP3727">
        <v>0</v>
      </c>
      <c r="AQ3727">
        <v>0</v>
      </c>
      <c r="AR3727">
        <v>0</v>
      </c>
      <c r="AS3727">
        <v>0</v>
      </c>
      <c r="AT3727">
        <v>0</v>
      </c>
      <c r="AU3727">
        <v>0</v>
      </c>
      <c r="AV3727">
        <v>0</v>
      </c>
      <c r="AW3727">
        <v>0</v>
      </c>
      <c r="AX3727">
        <v>0</v>
      </c>
      <c r="AY3727">
        <v>21</v>
      </c>
      <c r="AZ3727">
        <v>37</v>
      </c>
      <c r="BA3727">
        <v>3182</v>
      </c>
    </row>
    <row r="3728" spans="1:53" x14ac:dyDescent="0.4">
      <c r="A3728">
        <v>3772</v>
      </c>
      <c r="B3728" s="1">
        <v>44112</v>
      </c>
      <c r="C3728">
        <v>3</v>
      </c>
      <c r="D3728" s="1">
        <v>44112.744444444441</v>
      </c>
      <c r="E3728" s="1">
        <v>44112.950694444444</v>
      </c>
      <c r="F3728">
        <v>10775</v>
      </c>
      <c r="G3728">
        <v>0</v>
      </c>
      <c r="H3728">
        <v>0</v>
      </c>
      <c r="I3728">
        <v>0</v>
      </c>
      <c r="J3728">
        <v>320</v>
      </c>
      <c r="K3728">
        <v>0</v>
      </c>
      <c r="L3728">
        <v>0</v>
      </c>
      <c r="M3728">
        <v>1045</v>
      </c>
      <c r="N3728">
        <v>0</v>
      </c>
      <c r="O3728">
        <v>0</v>
      </c>
      <c r="P3728">
        <v>-4455</v>
      </c>
      <c r="Q3728">
        <v>0</v>
      </c>
      <c r="R3728">
        <v>7045</v>
      </c>
      <c r="S3728">
        <v>0</v>
      </c>
      <c r="T3728">
        <v>0</v>
      </c>
      <c r="U3728">
        <v>0</v>
      </c>
      <c r="V3728">
        <v>3</v>
      </c>
      <c r="W3728">
        <v>1</v>
      </c>
      <c r="X3728">
        <v>0</v>
      </c>
      <c r="Y3728">
        <v>28</v>
      </c>
      <c r="Z3728">
        <v>20</v>
      </c>
      <c r="AA3728">
        <v>59</v>
      </c>
      <c r="AB3728">
        <v>42</v>
      </c>
      <c r="AC3728">
        <v>128</v>
      </c>
      <c r="AD3728">
        <v>31</v>
      </c>
      <c r="AE3728">
        <v>119</v>
      </c>
      <c r="AF3728">
        <v>0</v>
      </c>
      <c r="AG3728">
        <v>82554</v>
      </c>
      <c r="AH3728">
        <v>50000</v>
      </c>
      <c r="AI3728">
        <v>0</v>
      </c>
      <c r="AJ3728">
        <v>98</v>
      </c>
      <c r="AK3728" t="s">
        <v>35</v>
      </c>
      <c r="AL3728">
        <v>0</v>
      </c>
      <c r="AM3728">
        <v>0</v>
      </c>
      <c r="AN3728">
        <v>0</v>
      </c>
      <c r="AO3728">
        <v>0</v>
      </c>
      <c r="AP3728">
        <v>0</v>
      </c>
      <c r="AQ3728">
        <v>0</v>
      </c>
      <c r="AR3728">
        <v>0</v>
      </c>
      <c r="AS3728">
        <v>0</v>
      </c>
      <c r="AT3728">
        <v>0</v>
      </c>
      <c r="AU3728">
        <v>0</v>
      </c>
      <c r="AV3728">
        <v>0</v>
      </c>
      <c r="AW3728">
        <v>0</v>
      </c>
      <c r="AX3728">
        <v>7920</v>
      </c>
      <c r="AY3728">
        <v>5</v>
      </c>
      <c r="AZ3728">
        <v>15</v>
      </c>
      <c r="BA3728">
        <v>896</v>
      </c>
    </row>
    <row r="3729" spans="1:53" x14ac:dyDescent="0.4">
      <c r="A3729">
        <v>3773</v>
      </c>
      <c r="B3729" s="1">
        <v>44113</v>
      </c>
      <c r="C3729">
        <v>1</v>
      </c>
      <c r="D3729" s="1">
        <v>44113.291666666664</v>
      </c>
      <c r="E3729" s="1">
        <v>44113.411111111112</v>
      </c>
      <c r="F3729">
        <v>0</v>
      </c>
      <c r="G3729">
        <v>0</v>
      </c>
      <c r="H3729">
        <v>0</v>
      </c>
      <c r="I3729">
        <v>0</v>
      </c>
      <c r="J3729">
        <v>0</v>
      </c>
      <c r="K3729">
        <v>0</v>
      </c>
      <c r="L3729">
        <v>0</v>
      </c>
      <c r="M3729">
        <v>0</v>
      </c>
      <c r="N3729">
        <v>0</v>
      </c>
      <c r="O3729">
        <v>0</v>
      </c>
      <c r="P3729">
        <v>0</v>
      </c>
      <c r="Q3729">
        <v>0</v>
      </c>
      <c r="R3729">
        <v>0</v>
      </c>
      <c r="S3729">
        <v>0</v>
      </c>
      <c r="T3729">
        <v>0</v>
      </c>
      <c r="U3729">
        <v>0</v>
      </c>
      <c r="V3729">
        <v>0</v>
      </c>
      <c r="W3729">
        <v>0</v>
      </c>
      <c r="X3729">
        <v>0</v>
      </c>
      <c r="Y3729">
        <v>31</v>
      </c>
      <c r="Z3729">
        <v>12</v>
      </c>
      <c r="AA3729">
        <v>70</v>
      </c>
      <c r="AB3729">
        <v>90</v>
      </c>
      <c r="AC3729">
        <v>122</v>
      </c>
      <c r="AD3729">
        <v>31</v>
      </c>
      <c r="AE3729">
        <v>125</v>
      </c>
      <c r="AF3729">
        <v>0</v>
      </c>
      <c r="AG3729">
        <v>50000</v>
      </c>
      <c r="AH3729">
        <v>50000</v>
      </c>
      <c r="AI3729">
        <v>0</v>
      </c>
      <c r="AJ3729">
        <v>0</v>
      </c>
      <c r="AK3729" t="s">
        <v>6</v>
      </c>
      <c r="AL3729">
        <v>0</v>
      </c>
      <c r="AM3729">
        <v>0</v>
      </c>
      <c r="AN3729">
        <v>0</v>
      </c>
      <c r="AO3729">
        <v>0</v>
      </c>
      <c r="AP3729">
        <v>0</v>
      </c>
      <c r="AQ3729">
        <v>0</v>
      </c>
      <c r="AR3729">
        <v>0</v>
      </c>
      <c r="AS3729">
        <v>0</v>
      </c>
      <c r="AT3729">
        <v>0</v>
      </c>
      <c r="AU3729">
        <v>0</v>
      </c>
      <c r="AV3729">
        <v>0</v>
      </c>
      <c r="AW3729">
        <v>0</v>
      </c>
      <c r="AX3729">
        <v>0</v>
      </c>
      <c r="AY3729">
        <v>0</v>
      </c>
      <c r="AZ3729">
        <v>0</v>
      </c>
      <c r="BA3729">
        <v>0</v>
      </c>
    </row>
    <row r="3730" spans="1:53" x14ac:dyDescent="0.4">
      <c r="A3730">
        <v>3774</v>
      </c>
      <c r="B3730" s="1">
        <v>44113</v>
      </c>
      <c r="C3730">
        <v>2</v>
      </c>
      <c r="D3730" s="1">
        <v>44113.411111111112</v>
      </c>
      <c r="E3730" s="1">
        <v>44113.736805555556</v>
      </c>
      <c r="F3730">
        <v>23000</v>
      </c>
      <c r="G3730">
        <v>660</v>
      </c>
      <c r="H3730">
        <v>0</v>
      </c>
      <c r="I3730">
        <v>0</v>
      </c>
      <c r="J3730">
        <v>0</v>
      </c>
      <c r="K3730">
        <v>0</v>
      </c>
      <c r="L3730">
        <v>0</v>
      </c>
      <c r="M3730">
        <v>2366</v>
      </c>
      <c r="N3730">
        <v>0</v>
      </c>
      <c r="O3730">
        <v>0</v>
      </c>
      <c r="P3730">
        <v>19580</v>
      </c>
      <c r="Q3730">
        <v>0</v>
      </c>
      <c r="R3730">
        <v>45606</v>
      </c>
      <c r="S3730">
        <v>0</v>
      </c>
      <c r="T3730">
        <v>0</v>
      </c>
      <c r="U3730">
        <v>0</v>
      </c>
      <c r="V3730">
        <v>2</v>
      </c>
      <c r="W3730">
        <v>0</v>
      </c>
      <c r="X3730">
        <v>0</v>
      </c>
      <c r="Y3730">
        <v>52</v>
      </c>
      <c r="Z3730">
        <v>16</v>
      </c>
      <c r="AA3730">
        <v>30</v>
      </c>
      <c r="AB3730">
        <v>84</v>
      </c>
      <c r="AC3730">
        <v>118</v>
      </c>
      <c r="AD3730">
        <v>39</v>
      </c>
      <c r="AE3730">
        <v>156</v>
      </c>
      <c r="AF3730">
        <v>6875</v>
      </c>
      <c r="AG3730">
        <v>95606</v>
      </c>
      <c r="AH3730">
        <v>50000</v>
      </c>
      <c r="AI3730">
        <v>0</v>
      </c>
      <c r="AJ3730">
        <v>107</v>
      </c>
      <c r="AK3730" t="s">
        <v>40</v>
      </c>
      <c r="AL3730">
        <v>0</v>
      </c>
      <c r="AM3730">
        <v>0</v>
      </c>
      <c r="AN3730">
        <v>0</v>
      </c>
      <c r="AO3730">
        <v>0</v>
      </c>
      <c r="AP3730">
        <v>0</v>
      </c>
      <c r="AQ3730">
        <v>0</v>
      </c>
      <c r="AR3730">
        <v>0</v>
      </c>
      <c r="AS3730">
        <v>0</v>
      </c>
      <c r="AT3730">
        <v>0</v>
      </c>
      <c r="AU3730">
        <v>0</v>
      </c>
      <c r="AV3730">
        <v>0</v>
      </c>
      <c r="AW3730">
        <v>0</v>
      </c>
      <c r="AX3730">
        <v>1034</v>
      </c>
      <c r="AY3730">
        <v>31</v>
      </c>
      <c r="AZ3730">
        <v>68</v>
      </c>
      <c r="BA3730">
        <v>4300</v>
      </c>
    </row>
    <row r="3731" spans="1:53" x14ac:dyDescent="0.4">
      <c r="A3731">
        <v>3775</v>
      </c>
      <c r="B3731" s="1">
        <v>44113</v>
      </c>
      <c r="C3731">
        <v>3</v>
      </c>
      <c r="D3731" s="1">
        <v>44113.736805555556</v>
      </c>
      <c r="E3731" s="1">
        <v>44113.964583333334</v>
      </c>
      <c r="F3731">
        <v>53450</v>
      </c>
      <c r="G3731">
        <v>3200</v>
      </c>
      <c r="H3731">
        <v>0</v>
      </c>
      <c r="I3731">
        <v>0</v>
      </c>
      <c r="J3731">
        <v>0</v>
      </c>
      <c r="K3731">
        <v>0</v>
      </c>
      <c r="L3731">
        <v>0</v>
      </c>
      <c r="M3731">
        <v>5665</v>
      </c>
      <c r="N3731">
        <v>0</v>
      </c>
      <c r="O3731">
        <v>0</v>
      </c>
      <c r="P3731">
        <v>-19580</v>
      </c>
      <c r="Q3731">
        <v>0</v>
      </c>
      <c r="R3731">
        <v>42735</v>
      </c>
      <c r="S3731">
        <v>0</v>
      </c>
      <c r="T3731">
        <v>0</v>
      </c>
      <c r="U3731">
        <v>0</v>
      </c>
      <c r="V3731">
        <v>6</v>
      </c>
      <c r="W3731">
        <v>0</v>
      </c>
      <c r="X3731">
        <v>0</v>
      </c>
      <c r="Y3731">
        <v>55</v>
      </c>
      <c r="Z3731">
        <v>13</v>
      </c>
      <c r="AA3731">
        <v>29</v>
      </c>
      <c r="AB3731">
        <v>82</v>
      </c>
      <c r="AC3731">
        <v>119</v>
      </c>
      <c r="AD3731">
        <v>37</v>
      </c>
      <c r="AE3731">
        <v>161</v>
      </c>
      <c r="AF3731">
        <v>8305</v>
      </c>
      <c r="AG3731">
        <v>138341</v>
      </c>
      <c r="AH3731">
        <v>50000</v>
      </c>
      <c r="AI3731">
        <v>0</v>
      </c>
      <c r="AJ3731">
        <v>98</v>
      </c>
      <c r="AK3731" t="s">
        <v>35</v>
      </c>
      <c r="AL3731">
        <v>0</v>
      </c>
      <c r="AM3731">
        <v>0</v>
      </c>
      <c r="AN3731">
        <v>0</v>
      </c>
      <c r="AO3731">
        <v>0</v>
      </c>
      <c r="AP3731">
        <v>0</v>
      </c>
      <c r="AQ3731">
        <v>0</v>
      </c>
      <c r="AR3731">
        <v>0</v>
      </c>
      <c r="AS3731">
        <v>0</v>
      </c>
      <c r="AT3731">
        <v>0</v>
      </c>
      <c r="AU3731">
        <v>0</v>
      </c>
      <c r="AV3731">
        <v>0</v>
      </c>
      <c r="AW3731">
        <v>0</v>
      </c>
      <c r="AX3731">
        <v>6583</v>
      </c>
      <c r="AY3731">
        <v>10</v>
      </c>
      <c r="AZ3731">
        <v>32</v>
      </c>
      <c r="BA3731">
        <v>1952</v>
      </c>
    </row>
    <row r="3732" spans="1:53" x14ac:dyDescent="0.4">
      <c r="A3732">
        <v>3776</v>
      </c>
      <c r="B3732" s="1">
        <v>44114</v>
      </c>
      <c r="C3732">
        <v>1</v>
      </c>
      <c r="D3732" s="1">
        <v>44114.291666666664</v>
      </c>
      <c r="E3732" s="1">
        <v>44114.400000000001</v>
      </c>
      <c r="F3732">
        <v>0</v>
      </c>
      <c r="G3732">
        <v>0</v>
      </c>
      <c r="H3732">
        <v>0</v>
      </c>
      <c r="I3732">
        <v>0</v>
      </c>
      <c r="J3732">
        <v>0</v>
      </c>
      <c r="K3732">
        <v>0</v>
      </c>
      <c r="L3732">
        <v>0</v>
      </c>
      <c r="M3732">
        <v>0</v>
      </c>
      <c r="N3732">
        <v>0</v>
      </c>
      <c r="O3732">
        <v>0</v>
      </c>
      <c r="P3732">
        <v>0</v>
      </c>
      <c r="Q3732">
        <v>0</v>
      </c>
      <c r="R3732">
        <v>0</v>
      </c>
      <c r="S3732">
        <v>0</v>
      </c>
      <c r="T3732">
        <v>0</v>
      </c>
      <c r="U3732">
        <v>0</v>
      </c>
      <c r="V3732">
        <v>0</v>
      </c>
      <c r="W3732">
        <v>0</v>
      </c>
      <c r="X3732">
        <v>0</v>
      </c>
      <c r="Y3732">
        <v>34</v>
      </c>
      <c r="Z3732">
        <v>13</v>
      </c>
      <c r="AA3732">
        <v>42</v>
      </c>
      <c r="AB3732">
        <v>77</v>
      </c>
      <c r="AC3732">
        <v>116</v>
      </c>
      <c r="AD3732">
        <v>38</v>
      </c>
      <c r="AE3732">
        <v>100</v>
      </c>
      <c r="AF3732">
        <v>0</v>
      </c>
      <c r="AG3732">
        <v>50000</v>
      </c>
      <c r="AH3732">
        <v>50000</v>
      </c>
      <c r="AI3732">
        <v>0</v>
      </c>
      <c r="AJ3732">
        <v>0</v>
      </c>
      <c r="AK3732" t="s">
        <v>6</v>
      </c>
      <c r="AL3732">
        <v>0</v>
      </c>
      <c r="AM3732">
        <v>0</v>
      </c>
      <c r="AN3732">
        <v>0</v>
      </c>
      <c r="AO3732">
        <v>0</v>
      </c>
      <c r="AP3732">
        <v>0</v>
      </c>
      <c r="AQ3732">
        <v>0</v>
      </c>
      <c r="AR3732">
        <v>0</v>
      </c>
      <c r="AS3732">
        <v>0</v>
      </c>
      <c r="AT3732">
        <v>0</v>
      </c>
      <c r="AU3732">
        <v>0</v>
      </c>
      <c r="AV3732">
        <v>0</v>
      </c>
      <c r="AW3732">
        <v>0</v>
      </c>
      <c r="AX3732">
        <v>0</v>
      </c>
      <c r="AY3732">
        <v>0</v>
      </c>
      <c r="AZ3732">
        <v>0</v>
      </c>
      <c r="BA3732">
        <v>0</v>
      </c>
    </row>
    <row r="3733" spans="1:53" x14ac:dyDescent="0.4">
      <c r="A3733">
        <v>3777</v>
      </c>
      <c r="B3733" s="1">
        <v>44114</v>
      </c>
      <c r="C3733">
        <v>2</v>
      </c>
      <c r="D3733" s="1">
        <v>44114.400000000001</v>
      </c>
      <c r="E3733" s="1">
        <v>44114.739583333336</v>
      </c>
      <c r="F3733">
        <v>33550</v>
      </c>
      <c r="G3733">
        <v>2440</v>
      </c>
      <c r="H3733">
        <v>30</v>
      </c>
      <c r="I3733">
        <v>0</v>
      </c>
      <c r="J3733">
        <v>100</v>
      </c>
      <c r="K3733">
        <v>275</v>
      </c>
      <c r="L3733">
        <v>0</v>
      </c>
      <c r="M3733">
        <v>3620</v>
      </c>
      <c r="N3733">
        <v>0</v>
      </c>
      <c r="O3733">
        <v>0</v>
      </c>
      <c r="P3733">
        <v>14135</v>
      </c>
      <c r="Q3733">
        <v>0</v>
      </c>
      <c r="R3733">
        <v>53950</v>
      </c>
      <c r="S3733">
        <v>0</v>
      </c>
      <c r="T3733">
        <v>0</v>
      </c>
      <c r="U3733">
        <v>0</v>
      </c>
      <c r="V3733">
        <v>0</v>
      </c>
      <c r="W3733">
        <v>3</v>
      </c>
      <c r="X3733">
        <v>0</v>
      </c>
      <c r="Y3733">
        <v>64</v>
      </c>
      <c r="Z3733">
        <v>33</v>
      </c>
      <c r="AA3733">
        <v>23</v>
      </c>
      <c r="AB3733">
        <v>68</v>
      </c>
      <c r="AC3733">
        <v>116</v>
      </c>
      <c r="AD3733">
        <v>49</v>
      </c>
      <c r="AE3733">
        <v>135</v>
      </c>
      <c r="AF3733">
        <v>1210</v>
      </c>
      <c r="AG3733">
        <v>103950</v>
      </c>
      <c r="AH3733">
        <v>50000</v>
      </c>
      <c r="AI3733">
        <v>0</v>
      </c>
      <c r="AJ3733">
        <v>84</v>
      </c>
      <c r="AK3733" t="s">
        <v>16</v>
      </c>
      <c r="AL3733">
        <v>0</v>
      </c>
      <c r="AM3733">
        <v>0</v>
      </c>
      <c r="AN3733">
        <v>0</v>
      </c>
      <c r="AO3733">
        <v>0</v>
      </c>
      <c r="AP3733">
        <v>0</v>
      </c>
      <c r="AQ3733">
        <v>0</v>
      </c>
      <c r="AR3733">
        <v>0</v>
      </c>
      <c r="AS3733">
        <v>0</v>
      </c>
      <c r="AT3733">
        <v>0</v>
      </c>
      <c r="AU3733">
        <v>0</v>
      </c>
      <c r="AV3733">
        <v>0</v>
      </c>
      <c r="AW3733">
        <v>0</v>
      </c>
      <c r="AX3733">
        <v>594</v>
      </c>
      <c r="AY3733">
        <v>37</v>
      </c>
      <c r="AZ3733">
        <v>83</v>
      </c>
      <c r="BA3733">
        <v>5820</v>
      </c>
    </row>
    <row r="3734" spans="1:53" x14ac:dyDescent="0.4">
      <c r="A3734">
        <v>3778</v>
      </c>
      <c r="B3734" s="1">
        <v>44114</v>
      </c>
      <c r="C3734">
        <v>3</v>
      </c>
      <c r="D3734" s="1">
        <v>44114.739583333336</v>
      </c>
      <c r="E3734" s="1">
        <v>44114.964583333334</v>
      </c>
      <c r="F3734">
        <v>47825</v>
      </c>
      <c r="G3734">
        <v>1500</v>
      </c>
      <c r="H3734">
        <v>0</v>
      </c>
      <c r="I3734">
        <v>0</v>
      </c>
      <c r="J3734">
        <v>0</v>
      </c>
      <c r="K3734">
        <v>0</v>
      </c>
      <c r="L3734">
        <v>0</v>
      </c>
      <c r="M3734">
        <v>4932</v>
      </c>
      <c r="N3734">
        <v>0</v>
      </c>
      <c r="O3734">
        <v>0</v>
      </c>
      <c r="P3734">
        <v>-14135</v>
      </c>
      <c r="Q3734">
        <v>0</v>
      </c>
      <c r="R3734">
        <v>40122</v>
      </c>
      <c r="S3734">
        <v>0</v>
      </c>
      <c r="T3734">
        <v>0</v>
      </c>
      <c r="U3734">
        <v>0</v>
      </c>
      <c r="V3734">
        <v>0</v>
      </c>
      <c r="W3734">
        <v>9</v>
      </c>
      <c r="X3734">
        <v>0</v>
      </c>
      <c r="Y3734">
        <v>70</v>
      </c>
      <c r="Z3734">
        <v>36</v>
      </c>
      <c r="AA3734">
        <v>35</v>
      </c>
      <c r="AB3734">
        <v>68</v>
      </c>
      <c r="AC3734">
        <v>114</v>
      </c>
      <c r="AD3734">
        <v>49</v>
      </c>
      <c r="AE3734">
        <v>147</v>
      </c>
      <c r="AF3734">
        <v>2640</v>
      </c>
      <c r="AG3734">
        <v>144072</v>
      </c>
      <c r="AH3734">
        <v>50000</v>
      </c>
      <c r="AI3734">
        <v>0</v>
      </c>
      <c r="AJ3734">
        <v>108</v>
      </c>
      <c r="AK3734" t="s">
        <v>30</v>
      </c>
      <c r="AL3734">
        <v>0</v>
      </c>
      <c r="AM3734">
        <v>0</v>
      </c>
      <c r="AN3734">
        <v>0</v>
      </c>
      <c r="AO3734">
        <v>0</v>
      </c>
      <c r="AP3734">
        <v>0</v>
      </c>
      <c r="AQ3734">
        <v>0</v>
      </c>
      <c r="AR3734">
        <v>0</v>
      </c>
      <c r="AS3734">
        <v>0</v>
      </c>
      <c r="AT3734">
        <v>0</v>
      </c>
      <c r="AU3734">
        <v>0</v>
      </c>
      <c r="AV3734">
        <v>0</v>
      </c>
      <c r="AW3734">
        <v>0</v>
      </c>
      <c r="AX3734">
        <v>47223</v>
      </c>
      <c r="AY3734">
        <v>18</v>
      </c>
      <c r="AZ3734">
        <v>51</v>
      </c>
      <c r="BA3734">
        <v>2825</v>
      </c>
    </row>
    <row r="3735" spans="1:53" x14ac:dyDescent="0.4">
      <c r="A3735">
        <v>3779</v>
      </c>
      <c r="B3735" s="1">
        <v>44115</v>
      </c>
      <c r="C3735">
        <v>1</v>
      </c>
      <c r="D3735" s="1">
        <v>44115.291666666664</v>
      </c>
      <c r="E3735" s="1">
        <v>44115.372916666667</v>
      </c>
      <c r="F3735">
        <v>0</v>
      </c>
      <c r="G3735">
        <v>0</v>
      </c>
      <c r="H3735">
        <v>0</v>
      </c>
      <c r="I3735">
        <v>0</v>
      </c>
      <c r="J3735">
        <v>0</v>
      </c>
      <c r="K3735">
        <v>0</v>
      </c>
      <c r="L3735">
        <v>0</v>
      </c>
      <c r="M3735">
        <v>0</v>
      </c>
      <c r="N3735">
        <v>0</v>
      </c>
      <c r="O3735">
        <v>0</v>
      </c>
      <c r="P3735">
        <v>0</v>
      </c>
      <c r="Q3735">
        <v>0</v>
      </c>
      <c r="R3735">
        <v>0</v>
      </c>
      <c r="S3735">
        <v>0</v>
      </c>
      <c r="T3735">
        <v>0</v>
      </c>
      <c r="U3735">
        <v>0</v>
      </c>
      <c r="V3735">
        <v>0</v>
      </c>
      <c r="W3735">
        <v>0</v>
      </c>
      <c r="X3735">
        <v>0</v>
      </c>
      <c r="Y3735">
        <v>30</v>
      </c>
      <c r="Z3735">
        <v>14</v>
      </c>
      <c r="AA3735">
        <v>79</v>
      </c>
      <c r="AB3735">
        <v>67</v>
      </c>
      <c r="AC3735">
        <v>137</v>
      </c>
      <c r="AD3735">
        <v>49</v>
      </c>
      <c r="AE3735">
        <v>135</v>
      </c>
      <c r="AF3735">
        <v>0</v>
      </c>
      <c r="AG3735">
        <v>50000</v>
      </c>
      <c r="AH3735">
        <v>50000</v>
      </c>
      <c r="AI3735">
        <v>0</v>
      </c>
      <c r="AJ3735">
        <v>0</v>
      </c>
      <c r="AK3735" t="s">
        <v>6</v>
      </c>
      <c r="AL3735">
        <v>0</v>
      </c>
      <c r="AM3735">
        <v>0</v>
      </c>
      <c r="AN3735">
        <v>0</v>
      </c>
      <c r="AO3735">
        <v>0</v>
      </c>
      <c r="AP3735">
        <v>0</v>
      </c>
      <c r="AQ3735">
        <v>0</v>
      </c>
      <c r="AR3735">
        <v>0</v>
      </c>
      <c r="AS3735">
        <v>0</v>
      </c>
      <c r="AT3735">
        <v>0</v>
      </c>
      <c r="AU3735">
        <v>0</v>
      </c>
      <c r="AV3735">
        <v>0</v>
      </c>
      <c r="AW3735">
        <v>0</v>
      </c>
      <c r="AX3735">
        <v>0</v>
      </c>
      <c r="AY3735">
        <v>0</v>
      </c>
      <c r="AZ3735">
        <v>0</v>
      </c>
      <c r="BA3735">
        <v>0</v>
      </c>
    </row>
    <row r="3736" spans="1:53" x14ac:dyDescent="0.4">
      <c r="A3736">
        <v>3780</v>
      </c>
      <c r="B3736" s="1">
        <v>44115</v>
      </c>
      <c r="C3736">
        <v>2</v>
      </c>
      <c r="D3736" s="1">
        <v>44115.372916666667</v>
      </c>
      <c r="E3736" s="1">
        <v>44115.745138888888</v>
      </c>
      <c r="F3736">
        <v>45850</v>
      </c>
      <c r="G3736">
        <v>1940</v>
      </c>
      <c r="H3736">
        <v>200</v>
      </c>
      <c r="I3736">
        <v>0</v>
      </c>
      <c r="J3736">
        <v>300</v>
      </c>
      <c r="K3736">
        <v>0</v>
      </c>
      <c r="L3736">
        <v>0</v>
      </c>
      <c r="M3736">
        <v>4769</v>
      </c>
      <c r="N3736">
        <v>0</v>
      </c>
      <c r="O3736">
        <v>0</v>
      </c>
      <c r="P3736">
        <v>18865</v>
      </c>
      <c r="Q3736">
        <v>0</v>
      </c>
      <c r="R3736">
        <v>71324</v>
      </c>
      <c r="S3736">
        <v>0</v>
      </c>
      <c r="T3736">
        <v>0</v>
      </c>
      <c r="U3736">
        <v>0</v>
      </c>
      <c r="V3736">
        <v>1</v>
      </c>
      <c r="W3736">
        <v>0</v>
      </c>
      <c r="X3736">
        <v>0</v>
      </c>
      <c r="Y3736">
        <v>73</v>
      </c>
      <c r="Z3736">
        <v>37</v>
      </c>
      <c r="AA3736">
        <v>134</v>
      </c>
      <c r="AB3736">
        <v>57</v>
      </c>
      <c r="AC3736">
        <v>107</v>
      </c>
      <c r="AD3736">
        <v>58</v>
      </c>
      <c r="AE3736">
        <v>179</v>
      </c>
      <c r="AF3736">
        <v>2035</v>
      </c>
      <c r="AG3736">
        <v>121324</v>
      </c>
      <c r="AH3736">
        <v>50000</v>
      </c>
      <c r="AI3736">
        <v>0</v>
      </c>
      <c r="AJ3736">
        <v>98</v>
      </c>
      <c r="AK3736" t="s">
        <v>35</v>
      </c>
      <c r="AL3736">
        <v>0</v>
      </c>
      <c r="AM3736">
        <v>0</v>
      </c>
      <c r="AN3736">
        <v>0</v>
      </c>
      <c r="AO3736">
        <v>0</v>
      </c>
      <c r="AP3736">
        <v>0</v>
      </c>
      <c r="AQ3736">
        <v>0</v>
      </c>
      <c r="AR3736">
        <v>0</v>
      </c>
      <c r="AS3736">
        <v>0</v>
      </c>
      <c r="AT3736">
        <v>0</v>
      </c>
      <c r="AU3736">
        <v>0</v>
      </c>
      <c r="AV3736">
        <v>0</v>
      </c>
      <c r="AW3736">
        <v>0</v>
      </c>
      <c r="AX3736">
        <v>924</v>
      </c>
      <c r="AY3736">
        <v>49</v>
      </c>
      <c r="AZ3736">
        <v>112</v>
      </c>
      <c r="BA3736">
        <v>7434</v>
      </c>
    </row>
    <row r="3737" spans="1:53" x14ac:dyDescent="0.4">
      <c r="A3737">
        <v>3781</v>
      </c>
      <c r="B3737" s="1">
        <v>44116</v>
      </c>
      <c r="C3737">
        <v>1</v>
      </c>
      <c r="D3737" s="1">
        <v>44116.291666666664</v>
      </c>
      <c r="E3737" s="1">
        <v>44116.449305555558</v>
      </c>
      <c r="F3737">
        <v>0</v>
      </c>
      <c r="G3737">
        <v>0</v>
      </c>
      <c r="H3737">
        <v>0</v>
      </c>
      <c r="I3737">
        <v>0</v>
      </c>
      <c r="J3737">
        <v>0</v>
      </c>
      <c r="K3737">
        <v>0</v>
      </c>
      <c r="L3737">
        <v>0</v>
      </c>
      <c r="M3737">
        <v>0</v>
      </c>
      <c r="N3737">
        <v>0</v>
      </c>
      <c r="O3737">
        <v>0</v>
      </c>
      <c r="P3737">
        <v>0</v>
      </c>
      <c r="Q3737">
        <v>0</v>
      </c>
      <c r="R3737">
        <v>0</v>
      </c>
      <c r="S3737">
        <v>0</v>
      </c>
      <c r="T3737">
        <v>0</v>
      </c>
      <c r="U3737">
        <v>0</v>
      </c>
      <c r="V3737">
        <v>0</v>
      </c>
      <c r="W3737">
        <v>0</v>
      </c>
      <c r="X3737">
        <v>0</v>
      </c>
      <c r="Y3737">
        <v>30</v>
      </c>
      <c r="Z3737">
        <v>8</v>
      </c>
      <c r="AA3737">
        <v>118</v>
      </c>
      <c r="AB3737">
        <v>60</v>
      </c>
      <c r="AC3737">
        <v>78</v>
      </c>
      <c r="AD3737">
        <v>55</v>
      </c>
      <c r="AE3737">
        <v>145</v>
      </c>
      <c r="AF3737">
        <v>0</v>
      </c>
      <c r="AG3737">
        <v>50000</v>
      </c>
      <c r="AH3737">
        <v>50000</v>
      </c>
      <c r="AI3737">
        <v>0</v>
      </c>
      <c r="AJ3737">
        <v>0</v>
      </c>
      <c r="AK3737" t="s">
        <v>6</v>
      </c>
      <c r="AL3737">
        <v>0</v>
      </c>
      <c r="AM3737">
        <v>0</v>
      </c>
      <c r="AN3737">
        <v>0</v>
      </c>
      <c r="AO3737">
        <v>0</v>
      </c>
      <c r="AP3737">
        <v>0</v>
      </c>
      <c r="AQ3737">
        <v>0</v>
      </c>
      <c r="AR3737">
        <v>0</v>
      </c>
      <c r="AS3737">
        <v>0</v>
      </c>
      <c r="AT3737">
        <v>0</v>
      </c>
      <c r="AU3737">
        <v>0</v>
      </c>
      <c r="AV3737">
        <v>0</v>
      </c>
      <c r="AW3737">
        <v>0</v>
      </c>
      <c r="AX3737">
        <v>0</v>
      </c>
      <c r="AY3737">
        <v>0</v>
      </c>
      <c r="AZ3737">
        <v>0</v>
      </c>
      <c r="BA3737">
        <v>0</v>
      </c>
    </row>
    <row r="3738" spans="1:53" x14ac:dyDescent="0.4">
      <c r="A3738">
        <v>3782</v>
      </c>
      <c r="B3738" s="1">
        <v>44116</v>
      </c>
      <c r="C3738">
        <v>2</v>
      </c>
      <c r="D3738" s="1">
        <v>44116.449305555558</v>
      </c>
      <c r="E3738" s="1">
        <v>44116.748611111114</v>
      </c>
      <c r="F3738">
        <v>13500</v>
      </c>
      <c r="G3738">
        <v>660</v>
      </c>
      <c r="H3738">
        <v>200</v>
      </c>
      <c r="I3738">
        <v>0</v>
      </c>
      <c r="J3738">
        <v>0</v>
      </c>
      <c r="K3738">
        <v>0</v>
      </c>
      <c r="L3738">
        <v>0</v>
      </c>
      <c r="M3738">
        <v>1436</v>
      </c>
      <c r="N3738">
        <v>0</v>
      </c>
      <c r="O3738">
        <v>0</v>
      </c>
      <c r="P3738">
        <v>14520</v>
      </c>
      <c r="Q3738">
        <v>0</v>
      </c>
      <c r="R3738">
        <v>30316</v>
      </c>
      <c r="S3738">
        <v>0</v>
      </c>
      <c r="T3738">
        <v>0</v>
      </c>
      <c r="U3738">
        <v>0</v>
      </c>
      <c r="V3738">
        <v>0</v>
      </c>
      <c r="W3738">
        <v>0</v>
      </c>
      <c r="X3738">
        <v>0</v>
      </c>
      <c r="Y3738">
        <v>54</v>
      </c>
      <c r="Z3738">
        <v>14</v>
      </c>
      <c r="AA3738">
        <v>122</v>
      </c>
      <c r="AB3738">
        <v>55</v>
      </c>
      <c r="AC3738">
        <v>78</v>
      </c>
      <c r="AD3738">
        <v>61</v>
      </c>
      <c r="AE3738">
        <v>150</v>
      </c>
      <c r="AF3738">
        <v>3131</v>
      </c>
      <c r="AG3738">
        <v>80316</v>
      </c>
      <c r="AH3738">
        <v>50000</v>
      </c>
      <c r="AI3738">
        <v>0</v>
      </c>
      <c r="AJ3738">
        <v>107</v>
      </c>
      <c r="AK3738" t="s">
        <v>40</v>
      </c>
      <c r="AL3738">
        <v>0</v>
      </c>
      <c r="AM3738">
        <v>0</v>
      </c>
      <c r="AN3738">
        <v>0</v>
      </c>
      <c r="AO3738">
        <v>0</v>
      </c>
      <c r="AP3738">
        <v>0</v>
      </c>
      <c r="AQ3738">
        <v>0</v>
      </c>
      <c r="AR3738">
        <v>0</v>
      </c>
      <c r="AS3738">
        <v>0</v>
      </c>
      <c r="AT3738">
        <v>0</v>
      </c>
      <c r="AU3738">
        <v>0</v>
      </c>
      <c r="AV3738">
        <v>0</v>
      </c>
      <c r="AW3738">
        <v>0</v>
      </c>
      <c r="AX3738">
        <v>594</v>
      </c>
      <c r="AY3738">
        <v>25</v>
      </c>
      <c r="AZ3738">
        <v>46</v>
      </c>
      <c r="BA3738">
        <v>2857</v>
      </c>
    </row>
    <row r="3739" spans="1:53" x14ac:dyDescent="0.4">
      <c r="A3739">
        <v>3783</v>
      </c>
      <c r="B3739" s="1">
        <v>44117</v>
      </c>
      <c r="C3739">
        <v>1</v>
      </c>
      <c r="D3739" s="1">
        <v>44117.291666666664</v>
      </c>
      <c r="E3739" s="1">
        <v>44117.442361111112</v>
      </c>
      <c r="F3739">
        <v>0</v>
      </c>
      <c r="G3739">
        <v>0</v>
      </c>
      <c r="H3739">
        <v>0</v>
      </c>
      <c r="I3739">
        <v>0</v>
      </c>
      <c r="J3739">
        <v>0</v>
      </c>
      <c r="K3739">
        <v>0</v>
      </c>
      <c r="L3739">
        <v>0</v>
      </c>
      <c r="M3739">
        <v>0</v>
      </c>
      <c r="N3739">
        <v>0</v>
      </c>
      <c r="O3739">
        <v>0</v>
      </c>
      <c r="P3739">
        <v>0</v>
      </c>
      <c r="Q3739">
        <v>0</v>
      </c>
      <c r="R3739">
        <v>0</v>
      </c>
      <c r="S3739">
        <v>0</v>
      </c>
      <c r="T3739">
        <v>0</v>
      </c>
      <c r="U3739">
        <v>0</v>
      </c>
      <c r="V3739">
        <v>0</v>
      </c>
      <c r="W3739">
        <v>0</v>
      </c>
      <c r="X3739">
        <v>0</v>
      </c>
      <c r="Y3739">
        <v>25</v>
      </c>
      <c r="Z3739">
        <v>16</v>
      </c>
      <c r="AA3739">
        <v>134</v>
      </c>
      <c r="AB3739">
        <v>50</v>
      </c>
      <c r="AC3739">
        <v>63</v>
      </c>
      <c r="AD3739">
        <v>64</v>
      </c>
      <c r="AE3739">
        <v>150</v>
      </c>
      <c r="AF3739">
        <v>0</v>
      </c>
      <c r="AG3739">
        <v>50000</v>
      </c>
      <c r="AH3739">
        <v>50000</v>
      </c>
      <c r="AI3739">
        <v>0</v>
      </c>
      <c r="AJ3739">
        <v>0</v>
      </c>
      <c r="AK3739" t="s">
        <v>6</v>
      </c>
      <c r="AL3739">
        <v>0</v>
      </c>
      <c r="AM3739">
        <v>0</v>
      </c>
      <c r="AN3739">
        <v>0</v>
      </c>
      <c r="AO3739">
        <v>0</v>
      </c>
      <c r="AP3739">
        <v>0</v>
      </c>
      <c r="AQ3739">
        <v>0</v>
      </c>
      <c r="AR3739">
        <v>0</v>
      </c>
      <c r="AS3739">
        <v>0</v>
      </c>
      <c r="AT3739">
        <v>0</v>
      </c>
      <c r="AU3739">
        <v>0</v>
      </c>
      <c r="AV3739">
        <v>0</v>
      </c>
      <c r="AW3739">
        <v>0</v>
      </c>
      <c r="AX3739">
        <v>0</v>
      </c>
      <c r="AY3739">
        <v>0</v>
      </c>
      <c r="AZ3739">
        <v>0</v>
      </c>
      <c r="BA3739">
        <v>0</v>
      </c>
    </row>
    <row r="3740" spans="1:53" x14ac:dyDescent="0.4">
      <c r="A3740">
        <v>3784</v>
      </c>
      <c r="B3740" s="1">
        <v>44117</v>
      </c>
      <c r="C3740">
        <v>2</v>
      </c>
      <c r="D3740" s="1">
        <v>44117.442361111112</v>
      </c>
      <c r="E3740" s="1">
        <v>44117.742361111108</v>
      </c>
      <c r="F3740">
        <v>9600</v>
      </c>
      <c r="G3740">
        <v>940</v>
      </c>
      <c r="H3740">
        <v>0</v>
      </c>
      <c r="I3740">
        <v>0</v>
      </c>
      <c r="J3740">
        <v>0</v>
      </c>
      <c r="K3740">
        <v>550</v>
      </c>
      <c r="L3740">
        <v>0</v>
      </c>
      <c r="M3740">
        <v>1109</v>
      </c>
      <c r="N3740">
        <v>0</v>
      </c>
      <c r="O3740">
        <v>0</v>
      </c>
      <c r="P3740">
        <v>9735</v>
      </c>
      <c r="Q3740">
        <v>0</v>
      </c>
      <c r="R3740">
        <v>21934</v>
      </c>
      <c r="S3740">
        <v>0</v>
      </c>
      <c r="T3740">
        <v>0</v>
      </c>
      <c r="U3740">
        <v>0</v>
      </c>
      <c r="V3740">
        <v>1</v>
      </c>
      <c r="W3740">
        <v>1</v>
      </c>
      <c r="X3740">
        <v>0</v>
      </c>
      <c r="Y3740">
        <v>29</v>
      </c>
      <c r="Z3740">
        <v>24</v>
      </c>
      <c r="AA3740">
        <v>133</v>
      </c>
      <c r="AB3740">
        <v>37</v>
      </c>
      <c r="AC3740">
        <v>36</v>
      </c>
      <c r="AD3740">
        <v>55</v>
      </c>
      <c r="AE3740">
        <v>149</v>
      </c>
      <c r="AF3740">
        <v>0</v>
      </c>
      <c r="AG3740">
        <v>71934</v>
      </c>
      <c r="AH3740">
        <v>50000</v>
      </c>
      <c r="AI3740">
        <v>0</v>
      </c>
      <c r="AJ3740">
        <v>84</v>
      </c>
      <c r="AK3740" t="s">
        <v>16</v>
      </c>
      <c r="AL3740">
        <v>0</v>
      </c>
      <c r="AM3740">
        <v>0</v>
      </c>
      <c r="AN3740">
        <v>0</v>
      </c>
      <c r="AO3740">
        <v>0</v>
      </c>
      <c r="AP3740">
        <v>0</v>
      </c>
      <c r="AQ3740">
        <v>0</v>
      </c>
      <c r="AR3740">
        <v>0</v>
      </c>
      <c r="AS3740">
        <v>0</v>
      </c>
      <c r="AT3740">
        <v>0</v>
      </c>
      <c r="AU3740">
        <v>0</v>
      </c>
      <c r="AV3740">
        <v>0</v>
      </c>
      <c r="AW3740">
        <v>0</v>
      </c>
      <c r="AX3740">
        <v>0</v>
      </c>
      <c r="AY3740">
        <v>19</v>
      </c>
      <c r="AZ3740">
        <v>33</v>
      </c>
      <c r="BA3740">
        <v>2507</v>
      </c>
    </row>
    <row r="3741" spans="1:53" x14ac:dyDescent="0.4">
      <c r="A3741">
        <v>3785</v>
      </c>
      <c r="B3741" s="1">
        <v>44118</v>
      </c>
      <c r="C3741">
        <v>1</v>
      </c>
      <c r="D3741" s="1">
        <v>44118.291666666664</v>
      </c>
      <c r="E3741" s="1">
        <v>44118.413888888892</v>
      </c>
      <c r="F3741">
        <v>0</v>
      </c>
      <c r="G3741">
        <v>0</v>
      </c>
      <c r="H3741">
        <v>0</v>
      </c>
      <c r="I3741">
        <v>0</v>
      </c>
      <c r="J3741">
        <v>0</v>
      </c>
      <c r="K3741">
        <v>0</v>
      </c>
      <c r="L3741">
        <v>0</v>
      </c>
      <c r="M3741">
        <v>0</v>
      </c>
      <c r="N3741">
        <v>0</v>
      </c>
      <c r="O3741">
        <v>0</v>
      </c>
      <c r="P3741">
        <v>0</v>
      </c>
      <c r="Q3741">
        <v>0</v>
      </c>
      <c r="R3741">
        <v>0</v>
      </c>
      <c r="S3741">
        <v>0</v>
      </c>
      <c r="T3741">
        <v>0</v>
      </c>
      <c r="U3741">
        <v>0</v>
      </c>
      <c r="V3741">
        <v>0</v>
      </c>
      <c r="W3741">
        <v>1</v>
      </c>
      <c r="X3741">
        <v>0</v>
      </c>
      <c r="Y3741">
        <v>20</v>
      </c>
      <c r="Z3741">
        <v>19</v>
      </c>
      <c r="AA3741">
        <v>129</v>
      </c>
      <c r="AB3741">
        <v>38</v>
      </c>
      <c r="AC3741">
        <v>28</v>
      </c>
      <c r="AD3741">
        <v>55</v>
      </c>
      <c r="AE3741">
        <v>145</v>
      </c>
      <c r="AF3741">
        <v>0</v>
      </c>
      <c r="AG3741">
        <v>50000</v>
      </c>
      <c r="AH3741">
        <v>50000</v>
      </c>
      <c r="AI3741">
        <v>0</v>
      </c>
      <c r="AJ3741">
        <v>0</v>
      </c>
      <c r="AK3741" t="s">
        <v>6</v>
      </c>
      <c r="AL3741">
        <v>0</v>
      </c>
      <c r="AM3741">
        <v>0</v>
      </c>
      <c r="AN3741">
        <v>0</v>
      </c>
      <c r="AO3741">
        <v>0</v>
      </c>
      <c r="AP3741">
        <v>0</v>
      </c>
      <c r="AQ3741">
        <v>0</v>
      </c>
      <c r="AR3741">
        <v>0</v>
      </c>
      <c r="AS3741">
        <v>0</v>
      </c>
      <c r="AT3741">
        <v>0</v>
      </c>
      <c r="AU3741">
        <v>0</v>
      </c>
      <c r="AV3741">
        <v>0</v>
      </c>
      <c r="AW3741">
        <v>0</v>
      </c>
      <c r="AX3741">
        <v>0</v>
      </c>
      <c r="AY3741">
        <v>0</v>
      </c>
      <c r="AZ3741">
        <v>0</v>
      </c>
      <c r="BA3741">
        <v>0</v>
      </c>
    </row>
    <row r="3742" spans="1:53" x14ac:dyDescent="0.4">
      <c r="A3742">
        <v>3786</v>
      </c>
      <c r="B3742" s="1">
        <v>44118</v>
      </c>
      <c r="C3742">
        <v>2</v>
      </c>
      <c r="D3742" s="1">
        <v>44118.413888888892</v>
      </c>
      <c r="E3742" s="1">
        <v>44118.73333333333</v>
      </c>
      <c r="F3742">
        <v>14550</v>
      </c>
      <c r="G3742">
        <v>0</v>
      </c>
      <c r="H3742">
        <v>0</v>
      </c>
      <c r="I3742">
        <v>0</v>
      </c>
      <c r="J3742">
        <v>0</v>
      </c>
      <c r="K3742">
        <v>0</v>
      </c>
      <c r="L3742">
        <v>0</v>
      </c>
      <c r="M3742">
        <v>1455</v>
      </c>
      <c r="N3742">
        <v>0</v>
      </c>
      <c r="O3742">
        <v>0</v>
      </c>
      <c r="P3742">
        <v>5060</v>
      </c>
      <c r="Q3742">
        <v>0</v>
      </c>
      <c r="R3742">
        <v>21065</v>
      </c>
      <c r="S3742">
        <v>0</v>
      </c>
      <c r="T3742">
        <v>0</v>
      </c>
      <c r="U3742">
        <v>0</v>
      </c>
      <c r="V3742">
        <v>0</v>
      </c>
      <c r="W3742">
        <v>2</v>
      </c>
      <c r="X3742">
        <v>0</v>
      </c>
      <c r="Y3742">
        <v>37</v>
      </c>
      <c r="Z3742">
        <v>20</v>
      </c>
      <c r="AA3742">
        <v>113</v>
      </c>
      <c r="AB3742">
        <v>39</v>
      </c>
      <c r="AC3742">
        <v>35</v>
      </c>
      <c r="AD3742">
        <v>64</v>
      </c>
      <c r="AE3742">
        <v>145</v>
      </c>
      <c r="AF3742">
        <v>0</v>
      </c>
      <c r="AG3742">
        <v>71065</v>
      </c>
      <c r="AH3742">
        <v>50000</v>
      </c>
      <c r="AI3742">
        <v>0</v>
      </c>
      <c r="AJ3742">
        <v>107</v>
      </c>
      <c r="AK3742" t="s">
        <v>40</v>
      </c>
      <c r="AL3742">
        <v>0</v>
      </c>
      <c r="AM3742">
        <v>0</v>
      </c>
      <c r="AN3742">
        <v>0</v>
      </c>
      <c r="AO3742">
        <v>0</v>
      </c>
      <c r="AP3742">
        <v>0</v>
      </c>
      <c r="AQ3742">
        <v>0</v>
      </c>
      <c r="AR3742">
        <v>0</v>
      </c>
      <c r="AS3742">
        <v>0</v>
      </c>
      <c r="AT3742">
        <v>0</v>
      </c>
      <c r="AU3742">
        <v>0</v>
      </c>
      <c r="AV3742">
        <v>0</v>
      </c>
      <c r="AW3742">
        <v>0</v>
      </c>
      <c r="AX3742">
        <v>0</v>
      </c>
      <c r="AY3742">
        <v>15</v>
      </c>
      <c r="AZ3742">
        <v>28</v>
      </c>
      <c r="BA3742">
        <v>2617</v>
      </c>
    </row>
    <row r="3743" spans="1:53" x14ac:dyDescent="0.4">
      <c r="A3743">
        <v>3787</v>
      </c>
      <c r="B3743" s="1">
        <v>44119</v>
      </c>
      <c r="C3743">
        <v>1</v>
      </c>
      <c r="D3743" s="1">
        <v>44119.291666666664</v>
      </c>
      <c r="E3743" s="1">
        <v>44119.447222222225</v>
      </c>
      <c r="F3743">
        <v>0</v>
      </c>
      <c r="G3743">
        <v>0</v>
      </c>
      <c r="H3743">
        <v>0</v>
      </c>
      <c r="I3743">
        <v>0</v>
      </c>
      <c r="J3743">
        <v>0</v>
      </c>
      <c r="K3743">
        <v>0</v>
      </c>
      <c r="L3743">
        <v>0</v>
      </c>
      <c r="M3743">
        <v>0</v>
      </c>
      <c r="N3743">
        <v>0</v>
      </c>
      <c r="O3743">
        <v>0</v>
      </c>
      <c r="P3743">
        <v>0</v>
      </c>
      <c r="Q3743">
        <v>0</v>
      </c>
      <c r="R3743">
        <v>0</v>
      </c>
      <c r="S3743">
        <v>0</v>
      </c>
      <c r="T3743">
        <v>0</v>
      </c>
      <c r="U3743">
        <v>0</v>
      </c>
      <c r="V3743">
        <v>0</v>
      </c>
      <c r="W3743">
        <v>0</v>
      </c>
      <c r="X3743">
        <v>0</v>
      </c>
      <c r="Y3743">
        <v>30</v>
      </c>
      <c r="Z3743">
        <v>8</v>
      </c>
      <c r="AA3743">
        <v>129</v>
      </c>
      <c r="AB3743">
        <v>39</v>
      </c>
      <c r="AC3743">
        <v>98</v>
      </c>
      <c r="AD3743">
        <v>14</v>
      </c>
      <c r="AE3743">
        <v>100</v>
      </c>
      <c r="AF3743">
        <v>0</v>
      </c>
      <c r="AG3743">
        <v>50000</v>
      </c>
      <c r="AH3743">
        <v>50000</v>
      </c>
      <c r="AI3743">
        <v>0</v>
      </c>
      <c r="AJ3743">
        <v>0</v>
      </c>
      <c r="AK3743" t="s">
        <v>6</v>
      </c>
      <c r="AL3743">
        <v>0</v>
      </c>
      <c r="AM3743">
        <v>0</v>
      </c>
      <c r="AN3743">
        <v>0</v>
      </c>
      <c r="AO3743">
        <v>0</v>
      </c>
      <c r="AP3743">
        <v>0</v>
      </c>
      <c r="AQ3743">
        <v>0</v>
      </c>
      <c r="AR3743">
        <v>0</v>
      </c>
      <c r="AS3743">
        <v>0</v>
      </c>
      <c r="AT3743">
        <v>0</v>
      </c>
      <c r="AU3743">
        <v>0</v>
      </c>
      <c r="AV3743">
        <v>0</v>
      </c>
      <c r="AW3743">
        <v>0</v>
      </c>
      <c r="AX3743">
        <v>0</v>
      </c>
      <c r="AY3743">
        <v>0</v>
      </c>
      <c r="AZ3743">
        <v>0</v>
      </c>
      <c r="BA3743">
        <v>0</v>
      </c>
    </row>
    <row r="3744" spans="1:53" x14ac:dyDescent="0.4">
      <c r="A3744">
        <v>3788</v>
      </c>
      <c r="B3744" s="1">
        <v>44119</v>
      </c>
      <c r="C3744">
        <v>2</v>
      </c>
      <c r="D3744" s="1">
        <v>44119.447222222225</v>
      </c>
      <c r="E3744" s="1">
        <v>44119.742361111108</v>
      </c>
      <c r="F3744">
        <v>10000</v>
      </c>
      <c r="G3744">
        <v>0</v>
      </c>
      <c r="H3744">
        <v>0</v>
      </c>
      <c r="I3744">
        <v>0</v>
      </c>
      <c r="J3744">
        <v>0</v>
      </c>
      <c r="K3744">
        <v>0</v>
      </c>
      <c r="L3744">
        <v>0</v>
      </c>
      <c r="M3744">
        <v>1000</v>
      </c>
      <c r="N3744">
        <v>0</v>
      </c>
      <c r="O3744">
        <v>0</v>
      </c>
      <c r="P3744">
        <v>9735</v>
      </c>
      <c r="Q3744">
        <v>0</v>
      </c>
      <c r="R3744">
        <v>20735</v>
      </c>
      <c r="S3744">
        <v>0</v>
      </c>
      <c r="T3744">
        <v>0</v>
      </c>
      <c r="U3744">
        <v>0</v>
      </c>
      <c r="V3744">
        <v>1</v>
      </c>
      <c r="W3744">
        <v>0</v>
      </c>
      <c r="X3744">
        <v>0</v>
      </c>
      <c r="Y3744">
        <v>36</v>
      </c>
      <c r="Z3744">
        <v>14</v>
      </c>
      <c r="AA3744">
        <v>147</v>
      </c>
      <c r="AB3744">
        <v>35</v>
      </c>
      <c r="AC3744">
        <v>107</v>
      </c>
      <c r="AD3744">
        <v>21</v>
      </c>
      <c r="AE3744">
        <v>110</v>
      </c>
      <c r="AF3744">
        <v>0</v>
      </c>
      <c r="AG3744">
        <v>70735</v>
      </c>
      <c r="AH3744">
        <v>50000</v>
      </c>
      <c r="AI3744">
        <v>0</v>
      </c>
      <c r="AJ3744">
        <v>84</v>
      </c>
      <c r="AK3744" t="s">
        <v>16</v>
      </c>
      <c r="AL3744">
        <v>0</v>
      </c>
      <c r="AM3744">
        <v>0</v>
      </c>
      <c r="AN3744">
        <v>0</v>
      </c>
      <c r="AO3744">
        <v>0</v>
      </c>
      <c r="AP3744">
        <v>0</v>
      </c>
      <c r="AQ3744">
        <v>0</v>
      </c>
      <c r="AR3744">
        <v>0</v>
      </c>
      <c r="AS3744">
        <v>0</v>
      </c>
      <c r="AT3744">
        <v>0</v>
      </c>
      <c r="AU3744">
        <v>0</v>
      </c>
      <c r="AV3744">
        <v>0</v>
      </c>
      <c r="AW3744">
        <v>0</v>
      </c>
      <c r="AX3744">
        <v>-825</v>
      </c>
      <c r="AY3744">
        <v>19</v>
      </c>
      <c r="AZ3744">
        <v>29</v>
      </c>
      <c r="BA3744">
        <v>2373</v>
      </c>
    </row>
    <row r="3745" spans="1:53" x14ac:dyDescent="0.4">
      <c r="A3745">
        <v>3789</v>
      </c>
      <c r="B3745" s="1">
        <v>44120</v>
      </c>
      <c r="C3745">
        <v>1</v>
      </c>
      <c r="D3745" s="1">
        <v>44120.291666666664</v>
      </c>
      <c r="E3745" s="1">
        <v>44120.411805555559</v>
      </c>
      <c r="F3745">
        <v>0</v>
      </c>
      <c r="G3745">
        <v>0</v>
      </c>
      <c r="H3745">
        <v>0</v>
      </c>
      <c r="I3745">
        <v>0</v>
      </c>
      <c r="J3745">
        <v>0</v>
      </c>
      <c r="K3745">
        <v>0</v>
      </c>
      <c r="L3745">
        <v>0</v>
      </c>
      <c r="M3745">
        <v>0</v>
      </c>
      <c r="N3745">
        <v>0</v>
      </c>
      <c r="O3745">
        <v>0</v>
      </c>
      <c r="P3745">
        <v>0</v>
      </c>
      <c r="Q3745">
        <v>0</v>
      </c>
      <c r="R3745">
        <v>0</v>
      </c>
      <c r="S3745">
        <v>0</v>
      </c>
      <c r="T3745">
        <v>0</v>
      </c>
      <c r="U3745">
        <v>0</v>
      </c>
      <c r="V3745">
        <v>0</v>
      </c>
      <c r="W3745">
        <v>0</v>
      </c>
      <c r="X3745">
        <v>0</v>
      </c>
      <c r="Y3745">
        <v>31</v>
      </c>
      <c r="Z3745">
        <v>10</v>
      </c>
      <c r="AA3745">
        <v>110</v>
      </c>
      <c r="AB3745">
        <v>34</v>
      </c>
      <c r="AC3745">
        <v>110</v>
      </c>
      <c r="AD3745">
        <v>18</v>
      </c>
      <c r="AE3745">
        <v>110</v>
      </c>
      <c r="AF3745">
        <v>0</v>
      </c>
      <c r="AG3745">
        <v>50000</v>
      </c>
      <c r="AH3745">
        <v>50000</v>
      </c>
      <c r="AI3745">
        <v>0</v>
      </c>
      <c r="AJ3745">
        <v>0</v>
      </c>
      <c r="AK3745" t="s">
        <v>6</v>
      </c>
      <c r="AL3745">
        <v>0</v>
      </c>
      <c r="AM3745">
        <v>0</v>
      </c>
      <c r="AN3745">
        <v>0</v>
      </c>
      <c r="AO3745">
        <v>0</v>
      </c>
      <c r="AP3745">
        <v>0</v>
      </c>
      <c r="AQ3745">
        <v>0</v>
      </c>
      <c r="AR3745">
        <v>0</v>
      </c>
      <c r="AS3745">
        <v>0</v>
      </c>
      <c r="AT3745">
        <v>0</v>
      </c>
      <c r="AU3745">
        <v>0</v>
      </c>
      <c r="AV3745">
        <v>0</v>
      </c>
      <c r="AW3745">
        <v>0</v>
      </c>
      <c r="AX3745">
        <v>0</v>
      </c>
      <c r="AY3745">
        <v>0</v>
      </c>
      <c r="AZ3745">
        <v>0</v>
      </c>
      <c r="BA3745">
        <v>0</v>
      </c>
    </row>
    <row r="3746" spans="1:53" x14ac:dyDescent="0.4">
      <c r="A3746">
        <v>3790</v>
      </c>
      <c r="B3746" s="1">
        <v>44120</v>
      </c>
      <c r="C3746">
        <v>2</v>
      </c>
      <c r="D3746" s="1">
        <v>44120.411805555559</v>
      </c>
      <c r="E3746" s="1">
        <v>44120.743750000001</v>
      </c>
      <c r="F3746">
        <v>26400</v>
      </c>
      <c r="G3746">
        <v>1480</v>
      </c>
      <c r="H3746">
        <v>0</v>
      </c>
      <c r="I3746">
        <v>0</v>
      </c>
      <c r="J3746">
        <v>0</v>
      </c>
      <c r="K3746">
        <v>0</v>
      </c>
      <c r="L3746">
        <v>0</v>
      </c>
      <c r="M3746">
        <v>2788</v>
      </c>
      <c r="N3746">
        <v>0</v>
      </c>
      <c r="O3746">
        <v>0</v>
      </c>
      <c r="P3746">
        <v>15840</v>
      </c>
      <c r="Q3746">
        <v>0</v>
      </c>
      <c r="R3746">
        <v>46508</v>
      </c>
      <c r="S3746">
        <v>0</v>
      </c>
      <c r="T3746">
        <v>0</v>
      </c>
      <c r="U3746">
        <v>0</v>
      </c>
      <c r="V3746">
        <v>0</v>
      </c>
      <c r="W3746">
        <v>2</v>
      </c>
      <c r="X3746">
        <v>0</v>
      </c>
      <c r="Y3746">
        <v>65</v>
      </c>
      <c r="Z3746">
        <v>19</v>
      </c>
      <c r="AA3746">
        <v>82</v>
      </c>
      <c r="AB3746">
        <v>22</v>
      </c>
      <c r="AC3746">
        <v>103</v>
      </c>
      <c r="AD3746">
        <v>21</v>
      </c>
      <c r="AE3746">
        <v>143</v>
      </c>
      <c r="AF3746">
        <v>1430</v>
      </c>
      <c r="AG3746">
        <v>96508</v>
      </c>
      <c r="AH3746">
        <v>50000</v>
      </c>
      <c r="AI3746">
        <v>0</v>
      </c>
      <c r="AJ3746">
        <v>84</v>
      </c>
      <c r="AK3746" t="s">
        <v>16</v>
      </c>
      <c r="AL3746">
        <v>0</v>
      </c>
      <c r="AM3746">
        <v>0</v>
      </c>
      <c r="AN3746">
        <v>0</v>
      </c>
      <c r="AO3746">
        <v>0</v>
      </c>
      <c r="AP3746">
        <v>0</v>
      </c>
      <c r="AQ3746">
        <v>0</v>
      </c>
      <c r="AR3746">
        <v>0</v>
      </c>
      <c r="AS3746">
        <v>0</v>
      </c>
      <c r="AT3746">
        <v>0</v>
      </c>
      <c r="AU3746">
        <v>0</v>
      </c>
      <c r="AV3746">
        <v>0</v>
      </c>
      <c r="AW3746">
        <v>0</v>
      </c>
      <c r="AX3746">
        <v>0</v>
      </c>
      <c r="AY3746">
        <v>40</v>
      </c>
      <c r="AZ3746">
        <v>68</v>
      </c>
      <c r="BA3746">
        <v>5363</v>
      </c>
    </row>
    <row r="3747" spans="1:53" x14ac:dyDescent="0.4">
      <c r="A3747">
        <v>3791</v>
      </c>
      <c r="B3747" s="1">
        <v>44120</v>
      </c>
      <c r="C3747">
        <v>3</v>
      </c>
      <c r="D3747" s="1">
        <v>44120.743750000001</v>
      </c>
      <c r="E3747" s="1">
        <v>44120.958333333336</v>
      </c>
      <c r="F3747">
        <v>29775</v>
      </c>
      <c r="G3747">
        <v>700</v>
      </c>
      <c r="H3747">
        <v>30</v>
      </c>
      <c r="I3747">
        <v>0</v>
      </c>
      <c r="J3747">
        <v>0</v>
      </c>
      <c r="K3747">
        <v>0</v>
      </c>
      <c r="L3747">
        <v>0</v>
      </c>
      <c r="M3747">
        <v>3051</v>
      </c>
      <c r="N3747">
        <v>0</v>
      </c>
      <c r="O3747">
        <v>0</v>
      </c>
      <c r="P3747">
        <v>-15840</v>
      </c>
      <c r="Q3747">
        <v>0</v>
      </c>
      <c r="R3747">
        <v>17716</v>
      </c>
      <c r="S3747">
        <v>0</v>
      </c>
      <c r="T3747">
        <v>0</v>
      </c>
      <c r="U3747">
        <v>0</v>
      </c>
      <c r="V3747">
        <v>3</v>
      </c>
      <c r="W3747">
        <v>1</v>
      </c>
      <c r="X3747">
        <v>0</v>
      </c>
      <c r="Y3747">
        <v>58</v>
      </c>
      <c r="Z3747">
        <v>18</v>
      </c>
      <c r="AA3747">
        <v>84</v>
      </c>
      <c r="AB3747">
        <v>21</v>
      </c>
      <c r="AC3747">
        <v>110</v>
      </c>
      <c r="AD3747">
        <v>20</v>
      </c>
      <c r="AE3747">
        <v>144</v>
      </c>
      <c r="AF3747">
        <v>1430</v>
      </c>
      <c r="AG3747">
        <v>114224</v>
      </c>
      <c r="AH3747">
        <v>50000</v>
      </c>
      <c r="AI3747">
        <v>0</v>
      </c>
      <c r="AJ3747">
        <v>109</v>
      </c>
      <c r="AK3747" t="s">
        <v>29</v>
      </c>
      <c r="AL3747">
        <v>0</v>
      </c>
      <c r="AM3747">
        <v>0</v>
      </c>
      <c r="AN3747">
        <v>0</v>
      </c>
      <c r="AO3747">
        <v>0</v>
      </c>
      <c r="AP3747">
        <v>0</v>
      </c>
      <c r="AQ3747">
        <v>0</v>
      </c>
      <c r="AR3747">
        <v>0</v>
      </c>
      <c r="AS3747">
        <v>0</v>
      </c>
      <c r="AT3747">
        <v>0</v>
      </c>
      <c r="AU3747">
        <v>0</v>
      </c>
      <c r="AV3747">
        <v>0</v>
      </c>
      <c r="AW3747">
        <v>0</v>
      </c>
      <c r="AX3747">
        <v>14300</v>
      </c>
      <c r="AY3747">
        <v>14</v>
      </c>
      <c r="AZ3747">
        <v>29</v>
      </c>
      <c r="BA3747">
        <v>2143</v>
      </c>
    </row>
    <row r="3748" spans="1:53" x14ac:dyDescent="0.4">
      <c r="A3748">
        <v>3792</v>
      </c>
      <c r="B3748" s="1">
        <v>44121</v>
      </c>
      <c r="C3748">
        <v>1</v>
      </c>
      <c r="D3748" s="1">
        <v>44121.291666666664</v>
      </c>
      <c r="E3748" s="1">
        <v>44121.402083333334</v>
      </c>
      <c r="F3748">
        <v>0</v>
      </c>
      <c r="G3748">
        <v>0</v>
      </c>
      <c r="H3748">
        <v>0</v>
      </c>
      <c r="I3748">
        <v>0</v>
      </c>
      <c r="J3748">
        <v>0</v>
      </c>
      <c r="K3748">
        <v>0</v>
      </c>
      <c r="L3748">
        <v>0</v>
      </c>
      <c r="M3748">
        <v>0</v>
      </c>
      <c r="N3748">
        <v>0</v>
      </c>
      <c r="O3748">
        <v>0</v>
      </c>
      <c r="P3748">
        <v>0</v>
      </c>
      <c r="Q3748">
        <v>0</v>
      </c>
      <c r="R3748">
        <v>0</v>
      </c>
      <c r="S3748">
        <v>0</v>
      </c>
      <c r="T3748">
        <v>0</v>
      </c>
      <c r="U3748">
        <v>0</v>
      </c>
      <c r="V3748">
        <v>0</v>
      </c>
      <c r="W3748">
        <v>0</v>
      </c>
      <c r="X3748">
        <v>0</v>
      </c>
      <c r="Y3748">
        <v>30</v>
      </c>
      <c r="Z3748">
        <v>8</v>
      </c>
      <c r="AA3748">
        <v>105</v>
      </c>
      <c r="AB3748">
        <v>73</v>
      </c>
      <c r="AC3748">
        <v>160</v>
      </c>
      <c r="AD3748">
        <v>21</v>
      </c>
      <c r="AE3748">
        <v>145</v>
      </c>
      <c r="AF3748">
        <v>0</v>
      </c>
      <c r="AG3748">
        <v>50000</v>
      </c>
      <c r="AH3748">
        <v>50000</v>
      </c>
      <c r="AI3748">
        <v>0</v>
      </c>
      <c r="AJ3748">
        <v>0</v>
      </c>
      <c r="AK3748" t="s">
        <v>6</v>
      </c>
      <c r="AL3748">
        <v>0</v>
      </c>
      <c r="AM3748">
        <v>0</v>
      </c>
      <c r="AN3748">
        <v>0</v>
      </c>
      <c r="AO3748">
        <v>0</v>
      </c>
      <c r="AP3748">
        <v>0</v>
      </c>
      <c r="AQ3748">
        <v>0</v>
      </c>
      <c r="AR3748">
        <v>0</v>
      </c>
      <c r="AS3748">
        <v>0</v>
      </c>
      <c r="AT3748">
        <v>0</v>
      </c>
      <c r="AU3748">
        <v>0</v>
      </c>
      <c r="AV3748">
        <v>0</v>
      </c>
      <c r="AW3748">
        <v>0</v>
      </c>
      <c r="AX3748">
        <v>0</v>
      </c>
      <c r="AY3748">
        <v>0</v>
      </c>
      <c r="AZ3748">
        <v>0</v>
      </c>
      <c r="BA3748">
        <v>0</v>
      </c>
    </row>
    <row r="3749" spans="1:53" x14ac:dyDescent="0.4">
      <c r="A3749">
        <v>3793</v>
      </c>
      <c r="B3749" s="1">
        <v>44121</v>
      </c>
      <c r="C3749">
        <v>2</v>
      </c>
      <c r="D3749" s="1">
        <v>44121.402083333334</v>
      </c>
      <c r="E3749" s="1">
        <v>44121.738194444442</v>
      </c>
      <c r="F3749">
        <v>42100</v>
      </c>
      <c r="G3749">
        <v>3540</v>
      </c>
      <c r="H3749">
        <v>200</v>
      </c>
      <c r="I3749">
        <v>0</v>
      </c>
      <c r="J3749">
        <v>100</v>
      </c>
      <c r="K3749">
        <v>0</v>
      </c>
      <c r="L3749">
        <v>0</v>
      </c>
      <c r="M3749">
        <v>4574</v>
      </c>
      <c r="N3749">
        <v>0</v>
      </c>
      <c r="O3749">
        <v>0</v>
      </c>
      <c r="P3749">
        <v>17765</v>
      </c>
      <c r="Q3749">
        <v>0</v>
      </c>
      <c r="R3749">
        <v>68079</v>
      </c>
      <c r="S3749">
        <v>0</v>
      </c>
      <c r="T3749">
        <v>0</v>
      </c>
      <c r="U3749">
        <v>0</v>
      </c>
      <c r="V3749">
        <v>0</v>
      </c>
      <c r="W3749">
        <v>0</v>
      </c>
      <c r="X3749">
        <v>0</v>
      </c>
      <c r="Y3749">
        <v>87</v>
      </c>
      <c r="Z3749">
        <v>33</v>
      </c>
      <c r="AA3749">
        <v>76</v>
      </c>
      <c r="AB3749">
        <v>77</v>
      </c>
      <c r="AC3749">
        <v>164</v>
      </c>
      <c r="AD3749">
        <v>20</v>
      </c>
      <c r="AE3749">
        <v>179</v>
      </c>
      <c r="AF3749">
        <v>1210</v>
      </c>
      <c r="AG3749">
        <v>118079</v>
      </c>
      <c r="AH3749">
        <v>50000</v>
      </c>
      <c r="AI3749">
        <v>0</v>
      </c>
      <c r="AJ3749">
        <v>98</v>
      </c>
      <c r="AK3749" t="s">
        <v>35</v>
      </c>
      <c r="AL3749">
        <v>0</v>
      </c>
      <c r="AM3749">
        <v>0</v>
      </c>
      <c r="AN3749">
        <v>0</v>
      </c>
      <c r="AO3749">
        <v>0</v>
      </c>
      <c r="AP3749">
        <v>0</v>
      </c>
      <c r="AQ3749">
        <v>0</v>
      </c>
      <c r="AR3749">
        <v>0</v>
      </c>
      <c r="AS3749">
        <v>0</v>
      </c>
      <c r="AT3749">
        <v>0</v>
      </c>
      <c r="AU3749">
        <v>0</v>
      </c>
      <c r="AV3749">
        <v>0</v>
      </c>
      <c r="AW3749">
        <v>0</v>
      </c>
      <c r="AX3749">
        <v>0</v>
      </c>
      <c r="AY3749">
        <v>49</v>
      </c>
      <c r="AZ3749">
        <v>103</v>
      </c>
      <c r="BA3749">
        <v>7053</v>
      </c>
    </row>
    <row r="3750" spans="1:53" x14ac:dyDescent="0.4">
      <c r="A3750">
        <v>3794</v>
      </c>
      <c r="B3750" s="1">
        <v>44122</v>
      </c>
      <c r="C3750">
        <v>1</v>
      </c>
      <c r="D3750" s="1">
        <v>44122.291666666664</v>
      </c>
      <c r="E3750" s="1">
        <v>44122.406944444447</v>
      </c>
      <c r="F3750">
        <v>0</v>
      </c>
      <c r="G3750">
        <v>0</v>
      </c>
      <c r="H3750">
        <v>0</v>
      </c>
      <c r="I3750">
        <v>0</v>
      </c>
      <c r="J3750">
        <v>0</v>
      </c>
      <c r="K3750">
        <v>0</v>
      </c>
      <c r="L3750">
        <v>0</v>
      </c>
      <c r="M3750">
        <v>0</v>
      </c>
      <c r="N3750">
        <v>0</v>
      </c>
      <c r="O3750">
        <v>0</v>
      </c>
      <c r="P3750">
        <v>0</v>
      </c>
      <c r="Q3750">
        <v>0</v>
      </c>
      <c r="R3750">
        <v>0</v>
      </c>
      <c r="S3750">
        <v>0</v>
      </c>
      <c r="T3750">
        <v>0</v>
      </c>
      <c r="U3750">
        <v>0</v>
      </c>
      <c r="V3750">
        <v>0</v>
      </c>
      <c r="W3750">
        <v>0</v>
      </c>
      <c r="X3750">
        <v>0</v>
      </c>
      <c r="Y3750">
        <v>32</v>
      </c>
      <c r="Z3750">
        <v>9</v>
      </c>
      <c r="AA3750">
        <v>81</v>
      </c>
      <c r="AB3750">
        <v>70</v>
      </c>
      <c r="AC3750">
        <v>167</v>
      </c>
      <c r="AD3750">
        <v>21</v>
      </c>
      <c r="AE3750">
        <v>125</v>
      </c>
      <c r="AF3750">
        <v>0</v>
      </c>
      <c r="AG3750">
        <v>50000</v>
      </c>
      <c r="AH3750">
        <v>50000</v>
      </c>
      <c r="AI3750">
        <v>0</v>
      </c>
      <c r="AJ3750">
        <v>0</v>
      </c>
      <c r="AK3750" t="s">
        <v>6</v>
      </c>
      <c r="AL3750">
        <v>0</v>
      </c>
      <c r="AM3750">
        <v>0</v>
      </c>
      <c r="AN3750">
        <v>0</v>
      </c>
      <c r="AO3750">
        <v>0</v>
      </c>
      <c r="AP3750">
        <v>0</v>
      </c>
      <c r="AQ3750">
        <v>0</v>
      </c>
      <c r="AR3750">
        <v>0</v>
      </c>
      <c r="AS3750">
        <v>0</v>
      </c>
      <c r="AT3750">
        <v>0</v>
      </c>
      <c r="AU3750">
        <v>0</v>
      </c>
      <c r="AV3750">
        <v>0</v>
      </c>
      <c r="AW3750">
        <v>0</v>
      </c>
      <c r="AX3750">
        <v>0</v>
      </c>
      <c r="AY3750">
        <v>0</v>
      </c>
      <c r="AZ3750">
        <v>0</v>
      </c>
      <c r="BA3750">
        <v>0</v>
      </c>
    </row>
    <row r="3751" spans="1:53" x14ac:dyDescent="0.4">
      <c r="A3751">
        <v>3795</v>
      </c>
      <c r="B3751" s="1">
        <v>44122</v>
      </c>
      <c r="C3751">
        <v>2</v>
      </c>
      <c r="D3751" s="1">
        <v>44122.406944444447</v>
      </c>
      <c r="E3751" s="1">
        <v>44122.755555555559</v>
      </c>
      <c r="F3751">
        <v>48800</v>
      </c>
      <c r="G3751">
        <v>1640</v>
      </c>
      <c r="H3751">
        <v>0</v>
      </c>
      <c r="I3751">
        <v>0</v>
      </c>
      <c r="J3751">
        <v>300</v>
      </c>
      <c r="K3751">
        <v>0</v>
      </c>
      <c r="L3751">
        <v>0</v>
      </c>
      <c r="M3751">
        <v>5014</v>
      </c>
      <c r="N3751">
        <v>0</v>
      </c>
      <c r="O3751">
        <v>0</v>
      </c>
      <c r="P3751">
        <v>15125</v>
      </c>
      <c r="Q3751">
        <v>0</v>
      </c>
      <c r="R3751">
        <v>70279</v>
      </c>
      <c r="S3751">
        <v>0</v>
      </c>
      <c r="T3751">
        <v>0</v>
      </c>
      <c r="U3751">
        <v>0</v>
      </c>
      <c r="V3751">
        <v>3</v>
      </c>
      <c r="W3751">
        <v>0</v>
      </c>
      <c r="X3751">
        <v>0</v>
      </c>
      <c r="Y3751">
        <v>52</v>
      </c>
      <c r="Z3751">
        <v>28</v>
      </c>
      <c r="AA3751">
        <v>106</v>
      </c>
      <c r="AB3751">
        <v>64</v>
      </c>
      <c r="AC3751">
        <v>167</v>
      </c>
      <c r="AD3751">
        <v>34</v>
      </c>
      <c r="AE3751">
        <v>169</v>
      </c>
      <c r="AF3751">
        <v>8470</v>
      </c>
      <c r="AG3751">
        <v>120279</v>
      </c>
      <c r="AH3751">
        <v>50000</v>
      </c>
      <c r="AI3751">
        <v>0</v>
      </c>
      <c r="AJ3751">
        <v>109</v>
      </c>
      <c r="AK3751" t="s">
        <v>29</v>
      </c>
      <c r="AL3751">
        <v>0</v>
      </c>
      <c r="AM3751">
        <v>0</v>
      </c>
      <c r="AN3751">
        <v>0</v>
      </c>
      <c r="AO3751">
        <v>0</v>
      </c>
      <c r="AP3751">
        <v>0</v>
      </c>
      <c r="AQ3751">
        <v>0</v>
      </c>
      <c r="AR3751">
        <v>0</v>
      </c>
      <c r="AS3751">
        <v>0</v>
      </c>
      <c r="AT3751">
        <v>0</v>
      </c>
      <c r="AU3751">
        <v>0</v>
      </c>
      <c r="AV3751">
        <v>0</v>
      </c>
      <c r="AW3751">
        <v>0</v>
      </c>
      <c r="AX3751">
        <v>-770</v>
      </c>
      <c r="AY3751">
        <v>48</v>
      </c>
      <c r="AZ3751">
        <v>112</v>
      </c>
      <c r="BA3751">
        <v>7133</v>
      </c>
    </row>
    <row r="3752" spans="1:53" x14ac:dyDescent="0.4">
      <c r="A3752">
        <v>3796</v>
      </c>
      <c r="B3752" s="1">
        <v>44122</v>
      </c>
      <c r="C3752">
        <v>3</v>
      </c>
      <c r="D3752" s="1">
        <v>44122.755555555559</v>
      </c>
      <c r="E3752" s="1">
        <v>44122.957638888889</v>
      </c>
      <c r="F3752">
        <v>51750</v>
      </c>
      <c r="G3752">
        <v>3010</v>
      </c>
      <c r="H3752">
        <v>0</v>
      </c>
      <c r="I3752">
        <v>0</v>
      </c>
      <c r="J3752">
        <v>0</v>
      </c>
      <c r="K3752">
        <v>0</v>
      </c>
      <c r="L3752">
        <v>0</v>
      </c>
      <c r="M3752">
        <v>5476</v>
      </c>
      <c r="N3752">
        <v>0</v>
      </c>
      <c r="O3752">
        <v>0</v>
      </c>
      <c r="P3752">
        <v>-10725</v>
      </c>
      <c r="Q3752">
        <v>0</v>
      </c>
      <c r="R3752">
        <v>49511</v>
      </c>
      <c r="S3752">
        <v>0</v>
      </c>
      <c r="T3752">
        <v>0</v>
      </c>
      <c r="U3752">
        <v>0</v>
      </c>
      <c r="V3752">
        <v>6</v>
      </c>
      <c r="W3752">
        <v>0</v>
      </c>
      <c r="X3752">
        <v>0</v>
      </c>
      <c r="Y3752">
        <v>66</v>
      </c>
      <c r="Z3752">
        <v>28</v>
      </c>
      <c r="AA3752">
        <v>115</v>
      </c>
      <c r="AB3752">
        <v>67</v>
      </c>
      <c r="AC3752">
        <v>172</v>
      </c>
      <c r="AD3752">
        <v>37</v>
      </c>
      <c r="AE3752">
        <v>165</v>
      </c>
      <c r="AF3752">
        <v>12870</v>
      </c>
      <c r="AG3752">
        <v>169790</v>
      </c>
      <c r="AH3752">
        <v>50000</v>
      </c>
      <c r="AI3752">
        <v>0</v>
      </c>
      <c r="AJ3752">
        <v>108</v>
      </c>
      <c r="AK3752" t="s">
        <v>30</v>
      </c>
      <c r="AL3752">
        <v>0</v>
      </c>
      <c r="AM3752">
        <v>0</v>
      </c>
      <c r="AN3752">
        <v>0</v>
      </c>
      <c r="AO3752">
        <v>0</v>
      </c>
      <c r="AP3752">
        <v>0</v>
      </c>
      <c r="AQ3752">
        <v>0</v>
      </c>
      <c r="AR3752">
        <v>0</v>
      </c>
      <c r="AS3752">
        <v>0</v>
      </c>
      <c r="AT3752">
        <v>0</v>
      </c>
      <c r="AU3752">
        <v>0</v>
      </c>
      <c r="AV3752">
        <v>0</v>
      </c>
      <c r="AW3752">
        <v>0</v>
      </c>
      <c r="AX3752">
        <v>1210</v>
      </c>
      <c r="AY3752">
        <v>15</v>
      </c>
      <c r="AZ3752">
        <v>38</v>
      </c>
      <c r="BA3752">
        <v>2378</v>
      </c>
    </row>
    <row r="3753" spans="1:53" x14ac:dyDescent="0.4">
      <c r="A3753">
        <v>3797</v>
      </c>
      <c r="B3753" s="1">
        <v>44123</v>
      </c>
      <c r="C3753">
        <v>1</v>
      </c>
      <c r="D3753" s="1">
        <v>44123.291666666664</v>
      </c>
      <c r="E3753" s="1">
        <v>44123.415277777778</v>
      </c>
      <c r="F3753">
        <v>0</v>
      </c>
      <c r="G3753">
        <v>0</v>
      </c>
      <c r="H3753">
        <v>0</v>
      </c>
      <c r="I3753">
        <v>0</v>
      </c>
      <c r="J3753">
        <v>0</v>
      </c>
      <c r="K3753">
        <v>0</v>
      </c>
      <c r="L3753">
        <v>0</v>
      </c>
      <c r="M3753">
        <v>0</v>
      </c>
      <c r="N3753">
        <v>0</v>
      </c>
      <c r="O3753">
        <v>0</v>
      </c>
      <c r="P3753">
        <v>0</v>
      </c>
      <c r="Q3753">
        <v>0</v>
      </c>
      <c r="R3753">
        <v>0</v>
      </c>
      <c r="S3753">
        <v>0</v>
      </c>
      <c r="T3753">
        <v>0</v>
      </c>
      <c r="U3753">
        <v>0</v>
      </c>
      <c r="V3753">
        <v>0</v>
      </c>
      <c r="W3753">
        <v>0</v>
      </c>
      <c r="X3753">
        <v>0</v>
      </c>
      <c r="Y3753">
        <v>30</v>
      </c>
      <c r="Z3753">
        <v>7</v>
      </c>
      <c r="AA3753">
        <v>116</v>
      </c>
      <c r="AB3753">
        <v>69</v>
      </c>
      <c r="AC3753">
        <v>115</v>
      </c>
      <c r="AD3753">
        <v>37</v>
      </c>
      <c r="AE3753">
        <v>115</v>
      </c>
      <c r="AF3753">
        <v>0</v>
      </c>
      <c r="AG3753">
        <v>50000</v>
      </c>
      <c r="AH3753">
        <v>50000</v>
      </c>
      <c r="AI3753">
        <v>0</v>
      </c>
      <c r="AJ3753">
        <v>0</v>
      </c>
      <c r="AK3753" t="s">
        <v>6</v>
      </c>
      <c r="AL3753">
        <v>0</v>
      </c>
      <c r="AM3753">
        <v>0</v>
      </c>
      <c r="AN3753">
        <v>0</v>
      </c>
      <c r="AO3753">
        <v>0</v>
      </c>
      <c r="AP3753">
        <v>0</v>
      </c>
      <c r="AQ3753">
        <v>0</v>
      </c>
      <c r="AR3753">
        <v>0</v>
      </c>
      <c r="AS3753">
        <v>0</v>
      </c>
      <c r="AT3753">
        <v>0</v>
      </c>
      <c r="AU3753">
        <v>0</v>
      </c>
      <c r="AV3753">
        <v>0</v>
      </c>
      <c r="AW3753">
        <v>0</v>
      </c>
      <c r="AX3753">
        <v>0</v>
      </c>
      <c r="AY3753">
        <v>0</v>
      </c>
      <c r="AZ3753">
        <v>0</v>
      </c>
      <c r="BA3753">
        <v>0</v>
      </c>
    </row>
    <row r="3754" spans="1:53" x14ac:dyDescent="0.4">
      <c r="A3754">
        <v>3798</v>
      </c>
      <c r="B3754" s="1">
        <v>44123</v>
      </c>
      <c r="C3754">
        <v>2</v>
      </c>
      <c r="D3754" s="1">
        <v>44123.415277777778</v>
      </c>
      <c r="E3754" s="1">
        <v>44123.74722222222</v>
      </c>
      <c r="F3754">
        <v>6650</v>
      </c>
      <c r="G3754">
        <v>280</v>
      </c>
      <c r="H3754">
        <v>0</v>
      </c>
      <c r="I3754">
        <v>0</v>
      </c>
      <c r="J3754">
        <v>0</v>
      </c>
      <c r="K3754">
        <v>0</v>
      </c>
      <c r="L3754">
        <v>0</v>
      </c>
      <c r="M3754">
        <v>693</v>
      </c>
      <c r="N3754">
        <v>0</v>
      </c>
      <c r="O3754">
        <v>0</v>
      </c>
      <c r="P3754">
        <v>25630</v>
      </c>
      <c r="Q3754">
        <v>0</v>
      </c>
      <c r="R3754">
        <v>33253</v>
      </c>
      <c r="S3754">
        <v>0</v>
      </c>
      <c r="T3754">
        <v>0</v>
      </c>
      <c r="U3754">
        <v>0</v>
      </c>
      <c r="V3754">
        <v>1</v>
      </c>
      <c r="W3754">
        <v>2</v>
      </c>
      <c r="X3754">
        <v>0</v>
      </c>
      <c r="Y3754">
        <v>37</v>
      </c>
      <c r="Z3754">
        <v>24</v>
      </c>
      <c r="AA3754">
        <v>99</v>
      </c>
      <c r="AB3754">
        <v>61</v>
      </c>
      <c r="AC3754">
        <v>96</v>
      </c>
      <c r="AD3754">
        <v>42</v>
      </c>
      <c r="AE3754">
        <v>133</v>
      </c>
      <c r="AF3754">
        <v>0</v>
      </c>
      <c r="AG3754">
        <v>83253</v>
      </c>
      <c r="AH3754">
        <v>50000</v>
      </c>
      <c r="AI3754">
        <v>0</v>
      </c>
      <c r="AJ3754">
        <v>84</v>
      </c>
      <c r="AK3754" t="s">
        <v>16</v>
      </c>
      <c r="AL3754">
        <v>0</v>
      </c>
      <c r="AM3754">
        <v>0</v>
      </c>
      <c r="AN3754">
        <v>0</v>
      </c>
      <c r="AO3754">
        <v>0</v>
      </c>
      <c r="AP3754">
        <v>0</v>
      </c>
      <c r="AQ3754">
        <v>0</v>
      </c>
      <c r="AR3754">
        <v>0</v>
      </c>
      <c r="AS3754">
        <v>0</v>
      </c>
      <c r="AT3754">
        <v>0</v>
      </c>
      <c r="AU3754">
        <v>0</v>
      </c>
      <c r="AV3754">
        <v>0</v>
      </c>
      <c r="AW3754">
        <v>0</v>
      </c>
      <c r="AX3754">
        <v>1034</v>
      </c>
      <c r="AY3754">
        <v>24</v>
      </c>
      <c r="AZ3754">
        <v>49</v>
      </c>
      <c r="BA3754">
        <v>2269</v>
      </c>
    </row>
    <row r="3755" spans="1:53" x14ac:dyDescent="0.4">
      <c r="A3755">
        <v>3799</v>
      </c>
      <c r="B3755" s="1">
        <v>44124</v>
      </c>
      <c r="C3755">
        <v>1</v>
      </c>
      <c r="D3755" s="1">
        <v>44124.291666666664</v>
      </c>
      <c r="E3755" s="1">
        <v>44124.438194444447</v>
      </c>
      <c r="F3755">
        <v>0</v>
      </c>
      <c r="G3755">
        <v>0</v>
      </c>
      <c r="H3755">
        <v>0</v>
      </c>
      <c r="I3755">
        <v>0</v>
      </c>
      <c r="J3755">
        <v>0</v>
      </c>
      <c r="K3755">
        <v>0</v>
      </c>
      <c r="L3755">
        <v>0</v>
      </c>
      <c r="M3755">
        <v>0</v>
      </c>
      <c r="N3755">
        <v>0</v>
      </c>
      <c r="O3755">
        <v>0</v>
      </c>
      <c r="P3755">
        <v>0</v>
      </c>
      <c r="Q3755">
        <v>0</v>
      </c>
      <c r="R3755">
        <v>0</v>
      </c>
      <c r="S3755">
        <v>0</v>
      </c>
      <c r="T3755">
        <v>0</v>
      </c>
      <c r="U3755">
        <v>0</v>
      </c>
      <c r="V3755">
        <v>0</v>
      </c>
      <c r="W3755">
        <v>0</v>
      </c>
      <c r="X3755">
        <v>0</v>
      </c>
      <c r="Y3755">
        <v>28</v>
      </c>
      <c r="Z3755">
        <v>13</v>
      </c>
      <c r="AA3755">
        <v>113</v>
      </c>
      <c r="AB3755">
        <v>57</v>
      </c>
      <c r="AC3755">
        <v>103</v>
      </c>
      <c r="AD3755">
        <v>38</v>
      </c>
      <c r="AE3755">
        <v>130</v>
      </c>
      <c r="AF3755">
        <v>0</v>
      </c>
      <c r="AG3755">
        <v>50000</v>
      </c>
      <c r="AH3755">
        <v>50000</v>
      </c>
      <c r="AI3755">
        <v>0</v>
      </c>
      <c r="AJ3755">
        <v>0</v>
      </c>
      <c r="AK3755" t="s">
        <v>6</v>
      </c>
      <c r="AL3755">
        <v>0</v>
      </c>
      <c r="AM3755">
        <v>0</v>
      </c>
      <c r="AN3755">
        <v>0</v>
      </c>
      <c r="AO3755">
        <v>0</v>
      </c>
      <c r="AP3755">
        <v>0</v>
      </c>
      <c r="AQ3755">
        <v>0</v>
      </c>
      <c r="AR3755">
        <v>0</v>
      </c>
      <c r="AS3755">
        <v>0</v>
      </c>
      <c r="AT3755">
        <v>0</v>
      </c>
      <c r="AU3755">
        <v>0</v>
      </c>
      <c r="AV3755">
        <v>0</v>
      </c>
      <c r="AW3755">
        <v>0</v>
      </c>
      <c r="AX3755">
        <v>0</v>
      </c>
      <c r="AY3755">
        <v>0</v>
      </c>
      <c r="AZ3755">
        <v>0</v>
      </c>
      <c r="BA3755">
        <v>0</v>
      </c>
    </row>
    <row r="3756" spans="1:53" x14ac:dyDescent="0.4">
      <c r="A3756">
        <v>3800</v>
      </c>
      <c r="B3756" s="1">
        <v>44124</v>
      </c>
      <c r="C3756">
        <v>2</v>
      </c>
      <c r="D3756" s="1">
        <v>44124.438194444447</v>
      </c>
      <c r="E3756" s="1">
        <v>44124.743750000001</v>
      </c>
      <c r="F3756">
        <v>10000</v>
      </c>
      <c r="G3756">
        <v>1800</v>
      </c>
      <c r="H3756">
        <v>0</v>
      </c>
      <c r="I3756">
        <v>0</v>
      </c>
      <c r="J3756">
        <v>0</v>
      </c>
      <c r="K3756">
        <v>0</v>
      </c>
      <c r="L3756">
        <v>0</v>
      </c>
      <c r="M3756">
        <v>1180</v>
      </c>
      <c r="N3756">
        <v>0</v>
      </c>
      <c r="O3756">
        <v>0</v>
      </c>
      <c r="P3756">
        <v>9075</v>
      </c>
      <c r="Q3756">
        <v>0</v>
      </c>
      <c r="R3756">
        <v>22055</v>
      </c>
      <c r="S3756">
        <v>0</v>
      </c>
      <c r="T3756">
        <v>0</v>
      </c>
      <c r="U3756">
        <v>0</v>
      </c>
      <c r="V3756">
        <v>2</v>
      </c>
      <c r="W3756">
        <v>1</v>
      </c>
      <c r="X3756">
        <v>0</v>
      </c>
      <c r="Y3756">
        <v>26</v>
      </c>
      <c r="Z3756">
        <v>13</v>
      </c>
      <c r="AA3756">
        <v>107</v>
      </c>
      <c r="AB3756">
        <v>51</v>
      </c>
      <c r="AC3756">
        <v>100</v>
      </c>
      <c r="AD3756">
        <v>35</v>
      </c>
      <c r="AE3756">
        <v>130</v>
      </c>
      <c r="AF3756">
        <v>0</v>
      </c>
      <c r="AG3756">
        <v>72055</v>
      </c>
      <c r="AH3756">
        <v>50000</v>
      </c>
      <c r="AI3756">
        <v>0</v>
      </c>
      <c r="AJ3756">
        <v>84</v>
      </c>
      <c r="AK3756" t="s">
        <v>16</v>
      </c>
      <c r="AL3756">
        <v>0</v>
      </c>
      <c r="AM3756">
        <v>0</v>
      </c>
      <c r="AN3756">
        <v>0</v>
      </c>
      <c r="AO3756">
        <v>0</v>
      </c>
      <c r="AP3756">
        <v>0</v>
      </c>
      <c r="AQ3756">
        <v>0</v>
      </c>
      <c r="AR3756">
        <v>0</v>
      </c>
      <c r="AS3756">
        <v>0</v>
      </c>
      <c r="AT3756">
        <v>0</v>
      </c>
      <c r="AU3756">
        <v>0</v>
      </c>
      <c r="AV3756">
        <v>0</v>
      </c>
      <c r="AW3756">
        <v>0</v>
      </c>
      <c r="AX3756">
        <v>0</v>
      </c>
      <c r="AY3756">
        <v>14</v>
      </c>
      <c r="AZ3756">
        <v>29</v>
      </c>
      <c r="BA3756">
        <v>1909</v>
      </c>
    </row>
    <row r="3757" spans="1:53" x14ac:dyDescent="0.4">
      <c r="A3757">
        <v>3801</v>
      </c>
      <c r="B3757" s="1">
        <v>44125</v>
      </c>
      <c r="C3757">
        <v>1</v>
      </c>
      <c r="D3757" s="1">
        <v>44125.291666666664</v>
      </c>
      <c r="E3757" s="1">
        <v>44125.416666666664</v>
      </c>
      <c r="F3757">
        <v>0</v>
      </c>
      <c r="G3757">
        <v>0</v>
      </c>
      <c r="H3757">
        <v>0</v>
      </c>
      <c r="I3757">
        <v>0</v>
      </c>
      <c r="J3757">
        <v>0</v>
      </c>
      <c r="K3757">
        <v>0</v>
      </c>
      <c r="L3757">
        <v>0</v>
      </c>
      <c r="M3757">
        <v>0</v>
      </c>
      <c r="N3757">
        <v>0</v>
      </c>
      <c r="O3757">
        <v>0</v>
      </c>
      <c r="P3757">
        <v>0</v>
      </c>
      <c r="Q3757">
        <v>0</v>
      </c>
      <c r="R3757">
        <v>0</v>
      </c>
      <c r="S3757">
        <v>0</v>
      </c>
      <c r="T3757">
        <v>0</v>
      </c>
      <c r="U3757">
        <v>0</v>
      </c>
      <c r="V3757">
        <v>0</v>
      </c>
      <c r="W3757">
        <v>0</v>
      </c>
      <c r="X3757">
        <v>0</v>
      </c>
      <c r="Y3757">
        <v>33</v>
      </c>
      <c r="Z3757">
        <v>5</v>
      </c>
      <c r="AA3757">
        <v>105</v>
      </c>
      <c r="AB3757">
        <v>54</v>
      </c>
      <c r="AC3757">
        <v>100</v>
      </c>
      <c r="AD3757">
        <v>34</v>
      </c>
      <c r="AE3757">
        <v>130</v>
      </c>
      <c r="AF3757">
        <v>0</v>
      </c>
      <c r="AG3757">
        <v>50000</v>
      </c>
      <c r="AH3757">
        <v>50000</v>
      </c>
      <c r="AI3757">
        <v>0</v>
      </c>
      <c r="AJ3757">
        <v>0</v>
      </c>
      <c r="AK3757" t="s">
        <v>6</v>
      </c>
      <c r="AL3757">
        <v>0</v>
      </c>
      <c r="AM3757">
        <v>0</v>
      </c>
      <c r="AN3757">
        <v>0</v>
      </c>
      <c r="AO3757">
        <v>0</v>
      </c>
      <c r="AP3757">
        <v>0</v>
      </c>
      <c r="AQ3757">
        <v>0</v>
      </c>
      <c r="AR3757">
        <v>0</v>
      </c>
      <c r="AS3757">
        <v>0</v>
      </c>
      <c r="AT3757">
        <v>0</v>
      </c>
      <c r="AU3757">
        <v>0</v>
      </c>
      <c r="AV3757">
        <v>0</v>
      </c>
      <c r="AW3757">
        <v>0</v>
      </c>
      <c r="AX3757">
        <v>0</v>
      </c>
      <c r="AY3757">
        <v>0</v>
      </c>
      <c r="AZ3757">
        <v>0</v>
      </c>
      <c r="BA3757">
        <v>0</v>
      </c>
    </row>
    <row r="3758" spans="1:53" x14ac:dyDescent="0.4">
      <c r="A3758">
        <v>3802</v>
      </c>
      <c r="B3758" s="1">
        <v>44125</v>
      </c>
      <c r="C3758">
        <v>2</v>
      </c>
      <c r="D3758" s="1">
        <v>44125.416666666664</v>
      </c>
      <c r="E3758" s="1">
        <v>44125.73333333333</v>
      </c>
      <c r="F3758">
        <v>11450</v>
      </c>
      <c r="G3758">
        <v>400</v>
      </c>
      <c r="H3758">
        <v>0</v>
      </c>
      <c r="I3758">
        <v>0</v>
      </c>
      <c r="J3758">
        <v>0</v>
      </c>
      <c r="K3758">
        <v>0</v>
      </c>
      <c r="L3758">
        <v>0</v>
      </c>
      <c r="M3758">
        <v>1185</v>
      </c>
      <c r="N3758">
        <v>0</v>
      </c>
      <c r="O3758">
        <v>0</v>
      </c>
      <c r="P3758">
        <v>16225</v>
      </c>
      <c r="Q3758">
        <v>0</v>
      </c>
      <c r="R3758">
        <v>29260</v>
      </c>
      <c r="S3758">
        <v>0</v>
      </c>
      <c r="T3758">
        <v>0</v>
      </c>
      <c r="U3758">
        <v>0</v>
      </c>
      <c r="V3758">
        <v>2</v>
      </c>
      <c r="W3758">
        <v>0</v>
      </c>
      <c r="X3758">
        <v>0</v>
      </c>
      <c r="Y3758">
        <v>41</v>
      </c>
      <c r="Z3758">
        <v>10</v>
      </c>
      <c r="AA3758">
        <v>88</v>
      </c>
      <c r="AB3758">
        <v>50</v>
      </c>
      <c r="AC3758">
        <v>100</v>
      </c>
      <c r="AD3758">
        <v>42</v>
      </c>
      <c r="AE3758">
        <v>145</v>
      </c>
      <c r="AF3758">
        <v>605</v>
      </c>
      <c r="AG3758">
        <v>79260</v>
      </c>
      <c r="AH3758">
        <v>50000</v>
      </c>
      <c r="AI3758">
        <v>0</v>
      </c>
      <c r="AJ3758">
        <v>107</v>
      </c>
      <c r="AK3758" t="s">
        <v>40</v>
      </c>
      <c r="AL3758">
        <v>0</v>
      </c>
      <c r="AM3758">
        <v>0</v>
      </c>
      <c r="AN3758">
        <v>0</v>
      </c>
      <c r="AO3758">
        <v>0</v>
      </c>
      <c r="AP3758">
        <v>0</v>
      </c>
      <c r="AQ3758">
        <v>0</v>
      </c>
      <c r="AR3758">
        <v>0</v>
      </c>
      <c r="AS3758">
        <v>0</v>
      </c>
      <c r="AT3758">
        <v>0</v>
      </c>
      <c r="AU3758">
        <v>0</v>
      </c>
      <c r="AV3758">
        <v>0</v>
      </c>
      <c r="AW3758">
        <v>0</v>
      </c>
      <c r="AX3758">
        <v>0</v>
      </c>
      <c r="AY3758">
        <v>26</v>
      </c>
      <c r="AZ3758">
        <v>44</v>
      </c>
      <c r="BA3758">
        <v>3562</v>
      </c>
    </row>
    <row r="3759" spans="1:53" x14ac:dyDescent="0.4">
      <c r="A3759">
        <v>3803</v>
      </c>
      <c r="B3759" s="1">
        <v>44126</v>
      </c>
      <c r="C3759">
        <v>1</v>
      </c>
      <c r="D3759" s="1">
        <v>44126.291666666664</v>
      </c>
      <c r="E3759" s="1">
        <v>44126.436111111114</v>
      </c>
      <c r="F3759">
        <v>0</v>
      </c>
      <c r="G3759">
        <v>0</v>
      </c>
      <c r="H3759">
        <v>0</v>
      </c>
      <c r="I3759">
        <v>0</v>
      </c>
      <c r="J3759">
        <v>0</v>
      </c>
      <c r="K3759">
        <v>0</v>
      </c>
      <c r="L3759">
        <v>0</v>
      </c>
      <c r="M3759">
        <v>0</v>
      </c>
      <c r="N3759">
        <v>0</v>
      </c>
      <c r="O3759">
        <v>0</v>
      </c>
      <c r="P3759">
        <v>0</v>
      </c>
      <c r="Q3759">
        <v>0</v>
      </c>
      <c r="R3759">
        <v>0</v>
      </c>
      <c r="S3759">
        <v>0</v>
      </c>
      <c r="T3759">
        <v>0</v>
      </c>
      <c r="U3759">
        <v>0</v>
      </c>
      <c r="V3759">
        <v>0</v>
      </c>
      <c r="W3759">
        <v>0</v>
      </c>
      <c r="X3759">
        <v>0</v>
      </c>
      <c r="Y3759">
        <v>32</v>
      </c>
      <c r="Z3759">
        <v>7</v>
      </c>
      <c r="AA3759">
        <v>102</v>
      </c>
      <c r="AB3759">
        <v>57</v>
      </c>
      <c r="AC3759">
        <v>112</v>
      </c>
      <c r="AD3759">
        <v>45</v>
      </c>
      <c r="AE3759">
        <v>105</v>
      </c>
      <c r="AF3759">
        <v>0</v>
      </c>
      <c r="AG3759">
        <v>50000</v>
      </c>
      <c r="AH3759">
        <v>50000</v>
      </c>
      <c r="AI3759">
        <v>0</v>
      </c>
      <c r="AJ3759">
        <v>0</v>
      </c>
      <c r="AK3759" t="s">
        <v>6</v>
      </c>
      <c r="AL3759">
        <v>0</v>
      </c>
      <c r="AM3759">
        <v>0</v>
      </c>
      <c r="AN3759">
        <v>0</v>
      </c>
      <c r="AO3759">
        <v>0</v>
      </c>
      <c r="AP3759">
        <v>0</v>
      </c>
      <c r="AQ3759">
        <v>0</v>
      </c>
      <c r="AR3759">
        <v>0</v>
      </c>
      <c r="AS3759">
        <v>0</v>
      </c>
      <c r="AT3759">
        <v>0</v>
      </c>
      <c r="AU3759">
        <v>0</v>
      </c>
      <c r="AV3759">
        <v>0</v>
      </c>
      <c r="AW3759">
        <v>0</v>
      </c>
      <c r="AX3759">
        <v>0</v>
      </c>
      <c r="AY3759">
        <v>0</v>
      </c>
      <c r="AZ3759">
        <v>0</v>
      </c>
      <c r="BA3759">
        <v>0</v>
      </c>
    </row>
    <row r="3760" spans="1:53" x14ac:dyDescent="0.4">
      <c r="A3760">
        <v>3804</v>
      </c>
      <c r="B3760" s="1">
        <v>44126</v>
      </c>
      <c r="C3760">
        <v>2</v>
      </c>
      <c r="D3760" s="1">
        <v>44126.436111111114</v>
      </c>
      <c r="E3760" s="1">
        <v>44126.745138888888</v>
      </c>
      <c r="F3760">
        <v>11550</v>
      </c>
      <c r="G3760">
        <v>0</v>
      </c>
      <c r="H3760">
        <v>200</v>
      </c>
      <c r="I3760">
        <v>0</v>
      </c>
      <c r="J3760">
        <v>0</v>
      </c>
      <c r="K3760">
        <v>0</v>
      </c>
      <c r="L3760">
        <v>0</v>
      </c>
      <c r="M3760">
        <v>1175</v>
      </c>
      <c r="N3760">
        <v>0</v>
      </c>
      <c r="O3760">
        <v>0</v>
      </c>
      <c r="P3760">
        <v>17435</v>
      </c>
      <c r="Q3760">
        <v>0</v>
      </c>
      <c r="R3760">
        <v>30360</v>
      </c>
      <c r="S3760">
        <v>0</v>
      </c>
      <c r="T3760">
        <v>0</v>
      </c>
      <c r="U3760">
        <v>0</v>
      </c>
      <c r="V3760">
        <v>1</v>
      </c>
      <c r="W3760">
        <v>0</v>
      </c>
      <c r="X3760">
        <v>0</v>
      </c>
      <c r="Y3760">
        <v>51</v>
      </c>
      <c r="Z3760">
        <v>15</v>
      </c>
      <c r="AA3760">
        <v>79</v>
      </c>
      <c r="AB3760">
        <v>50</v>
      </c>
      <c r="AC3760">
        <v>109</v>
      </c>
      <c r="AD3760">
        <v>50</v>
      </c>
      <c r="AE3760">
        <v>120</v>
      </c>
      <c r="AF3760">
        <v>0</v>
      </c>
      <c r="AG3760">
        <v>80360</v>
      </c>
      <c r="AH3760">
        <v>50000</v>
      </c>
      <c r="AI3760">
        <v>0</v>
      </c>
      <c r="AJ3760">
        <v>84</v>
      </c>
      <c r="AK3760" t="s">
        <v>16</v>
      </c>
      <c r="AL3760">
        <v>0</v>
      </c>
      <c r="AM3760">
        <v>0</v>
      </c>
      <c r="AN3760">
        <v>0</v>
      </c>
      <c r="AO3760">
        <v>0</v>
      </c>
      <c r="AP3760">
        <v>0</v>
      </c>
      <c r="AQ3760">
        <v>0</v>
      </c>
      <c r="AR3760">
        <v>0</v>
      </c>
      <c r="AS3760">
        <v>0</v>
      </c>
      <c r="AT3760">
        <v>0</v>
      </c>
      <c r="AU3760">
        <v>0</v>
      </c>
      <c r="AV3760">
        <v>0</v>
      </c>
      <c r="AW3760">
        <v>0</v>
      </c>
      <c r="AX3760">
        <v>1034</v>
      </c>
      <c r="AY3760">
        <v>27</v>
      </c>
      <c r="AZ3760">
        <v>44</v>
      </c>
      <c r="BA3760">
        <v>3383</v>
      </c>
    </row>
    <row r="3761" spans="1:53" x14ac:dyDescent="0.4">
      <c r="A3761">
        <v>3805</v>
      </c>
      <c r="B3761" s="1">
        <v>44126</v>
      </c>
      <c r="C3761">
        <v>3</v>
      </c>
      <c r="D3761" s="1">
        <v>44126.745138888888</v>
      </c>
      <c r="E3761" s="1">
        <v>44126.958333333336</v>
      </c>
      <c r="F3761">
        <v>20950</v>
      </c>
      <c r="G3761">
        <v>1220</v>
      </c>
      <c r="H3761">
        <v>0</v>
      </c>
      <c r="I3761">
        <v>0</v>
      </c>
      <c r="J3761">
        <v>0</v>
      </c>
      <c r="K3761">
        <v>0</v>
      </c>
      <c r="L3761">
        <v>0</v>
      </c>
      <c r="M3761">
        <v>2217</v>
      </c>
      <c r="N3761">
        <v>0</v>
      </c>
      <c r="O3761">
        <v>0</v>
      </c>
      <c r="P3761">
        <v>-13035</v>
      </c>
      <c r="Q3761">
        <v>0</v>
      </c>
      <c r="R3761">
        <v>11352</v>
      </c>
      <c r="S3761">
        <v>0</v>
      </c>
      <c r="T3761">
        <v>0</v>
      </c>
      <c r="U3761">
        <v>0</v>
      </c>
      <c r="V3761">
        <v>1</v>
      </c>
      <c r="W3761">
        <v>1</v>
      </c>
      <c r="X3761">
        <v>0</v>
      </c>
      <c r="Y3761">
        <v>54</v>
      </c>
      <c r="Z3761">
        <v>16</v>
      </c>
      <c r="AA3761">
        <v>83</v>
      </c>
      <c r="AB3761">
        <v>51</v>
      </c>
      <c r="AC3761">
        <v>120</v>
      </c>
      <c r="AD3761">
        <v>50</v>
      </c>
      <c r="AE3761">
        <v>124</v>
      </c>
      <c r="AF3761">
        <v>2288</v>
      </c>
      <c r="AG3761">
        <v>91712</v>
      </c>
      <c r="AH3761">
        <v>50000</v>
      </c>
      <c r="AI3761">
        <v>0</v>
      </c>
      <c r="AJ3761">
        <v>109</v>
      </c>
      <c r="AK3761" t="s">
        <v>29</v>
      </c>
      <c r="AL3761">
        <v>0</v>
      </c>
      <c r="AM3761">
        <v>0</v>
      </c>
      <c r="AN3761">
        <v>0</v>
      </c>
      <c r="AO3761">
        <v>0</v>
      </c>
      <c r="AP3761">
        <v>0</v>
      </c>
      <c r="AQ3761">
        <v>0</v>
      </c>
      <c r="AR3761">
        <v>0</v>
      </c>
      <c r="AS3761">
        <v>0</v>
      </c>
      <c r="AT3761">
        <v>0</v>
      </c>
      <c r="AU3761">
        <v>0</v>
      </c>
      <c r="AV3761">
        <v>0</v>
      </c>
      <c r="AW3761">
        <v>0</v>
      </c>
      <c r="AX3761">
        <v>-1980</v>
      </c>
      <c r="AY3761">
        <v>6</v>
      </c>
      <c r="AZ3761">
        <v>13</v>
      </c>
      <c r="BA3761">
        <v>1272</v>
      </c>
    </row>
    <row r="3762" spans="1:53" x14ac:dyDescent="0.4">
      <c r="A3762">
        <v>3806</v>
      </c>
      <c r="B3762" s="1">
        <v>44127</v>
      </c>
      <c r="C3762">
        <v>1</v>
      </c>
      <c r="D3762" s="1">
        <v>44127.291666666664</v>
      </c>
      <c r="E3762" s="1">
        <v>44127.418055555558</v>
      </c>
      <c r="F3762">
        <v>0</v>
      </c>
      <c r="G3762">
        <v>0</v>
      </c>
      <c r="H3762">
        <v>0</v>
      </c>
      <c r="I3762">
        <v>0</v>
      </c>
      <c r="J3762">
        <v>0</v>
      </c>
      <c r="K3762">
        <v>0</v>
      </c>
      <c r="L3762">
        <v>0</v>
      </c>
      <c r="M3762">
        <v>0</v>
      </c>
      <c r="N3762">
        <v>0</v>
      </c>
      <c r="O3762">
        <v>0</v>
      </c>
      <c r="P3762">
        <v>0</v>
      </c>
      <c r="Q3762">
        <v>0</v>
      </c>
      <c r="R3762">
        <v>0</v>
      </c>
      <c r="S3762">
        <v>0</v>
      </c>
      <c r="T3762">
        <v>0</v>
      </c>
      <c r="U3762">
        <v>0</v>
      </c>
      <c r="V3762">
        <v>0</v>
      </c>
      <c r="W3762">
        <v>0</v>
      </c>
      <c r="X3762">
        <v>0</v>
      </c>
      <c r="Y3762">
        <v>31</v>
      </c>
      <c r="Z3762">
        <v>11</v>
      </c>
      <c r="AA3762">
        <v>91</v>
      </c>
      <c r="AB3762">
        <v>53</v>
      </c>
      <c r="AC3762">
        <v>120</v>
      </c>
      <c r="AD3762">
        <v>49</v>
      </c>
      <c r="AE3762">
        <v>120</v>
      </c>
      <c r="AF3762">
        <v>0</v>
      </c>
      <c r="AG3762">
        <v>49815</v>
      </c>
      <c r="AH3762">
        <v>50000</v>
      </c>
      <c r="AI3762">
        <v>-185</v>
      </c>
      <c r="AJ3762">
        <v>0</v>
      </c>
      <c r="AK3762" t="s">
        <v>6</v>
      </c>
      <c r="AL3762">
        <v>0</v>
      </c>
      <c r="AM3762">
        <v>0</v>
      </c>
      <c r="AN3762">
        <v>0</v>
      </c>
      <c r="AO3762">
        <v>0</v>
      </c>
      <c r="AP3762">
        <v>0</v>
      </c>
      <c r="AQ3762">
        <v>0</v>
      </c>
      <c r="AR3762">
        <v>0</v>
      </c>
      <c r="AS3762">
        <v>0</v>
      </c>
      <c r="AT3762">
        <v>0</v>
      </c>
      <c r="AU3762">
        <v>0</v>
      </c>
      <c r="AV3762">
        <v>0</v>
      </c>
      <c r="AW3762">
        <v>0</v>
      </c>
      <c r="AX3762">
        <v>0</v>
      </c>
      <c r="AY3762">
        <v>0</v>
      </c>
      <c r="AZ3762">
        <v>0</v>
      </c>
      <c r="BA3762">
        <v>0</v>
      </c>
    </row>
    <row r="3763" spans="1:53" x14ac:dyDescent="0.4">
      <c r="A3763">
        <v>3807</v>
      </c>
      <c r="B3763" s="1">
        <v>44127</v>
      </c>
      <c r="C3763">
        <v>2</v>
      </c>
      <c r="D3763" s="1">
        <v>44127.418055555558</v>
      </c>
      <c r="E3763" s="1">
        <v>44127.734722222223</v>
      </c>
      <c r="F3763">
        <v>5200</v>
      </c>
      <c r="G3763">
        <v>0</v>
      </c>
      <c r="H3763">
        <v>30</v>
      </c>
      <c r="I3763">
        <v>0</v>
      </c>
      <c r="J3763">
        <v>0</v>
      </c>
      <c r="K3763">
        <v>0</v>
      </c>
      <c r="L3763">
        <v>0</v>
      </c>
      <c r="M3763">
        <v>523</v>
      </c>
      <c r="N3763">
        <v>0</v>
      </c>
      <c r="O3763">
        <v>0</v>
      </c>
      <c r="P3763">
        <v>19470</v>
      </c>
      <c r="Q3763">
        <v>0</v>
      </c>
      <c r="R3763">
        <v>25223</v>
      </c>
      <c r="S3763">
        <v>0</v>
      </c>
      <c r="T3763">
        <v>0</v>
      </c>
      <c r="U3763">
        <v>0</v>
      </c>
      <c r="V3763">
        <v>1</v>
      </c>
      <c r="W3763">
        <v>0</v>
      </c>
      <c r="X3763">
        <v>0</v>
      </c>
      <c r="Y3763">
        <v>43</v>
      </c>
      <c r="Z3763">
        <v>18</v>
      </c>
      <c r="AA3763">
        <v>75</v>
      </c>
      <c r="AB3763">
        <v>51</v>
      </c>
      <c r="AC3763">
        <v>95</v>
      </c>
      <c r="AD3763">
        <v>49</v>
      </c>
      <c r="AE3763">
        <v>143</v>
      </c>
      <c r="AF3763">
        <v>1650</v>
      </c>
      <c r="AG3763">
        <v>75038</v>
      </c>
      <c r="AH3763">
        <v>50000</v>
      </c>
      <c r="AI3763">
        <v>-185</v>
      </c>
      <c r="AJ3763">
        <v>98</v>
      </c>
      <c r="AK3763" t="s">
        <v>35</v>
      </c>
      <c r="AL3763">
        <v>0</v>
      </c>
      <c r="AM3763">
        <v>0</v>
      </c>
      <c r="AN3763">
        <v>0</v>
      </c>
      <c r="AO3763">
        <v>0</v>
      </c>
      <c r="AP3763">
        <v>0</v>
      </c>
      <c r="AQ3763">
        <v>0</v>
      </c>
      <c r="AR3763">
        <v>0</v>
      </c>
      <c r="AS3763">
        <v>0</v>
      </c>
      <c r="AT3763">
        <v>0</v>
      </c>
      <c r="AU3763">
        <v>0</v>
      </c>
      <c r="AV3763">
        <v>0</v>
      </c>
      <c r="AW3763">
        <v>0</v>
      </c>
      <c r="AX3763">
        <v>-825</v>
      </c>
      <c r="AY3763">
        <v>23</v>
      </c>
      <c r="AZ3763">
        <v>38</v>
      </c>
      <c r="BA3763">
        <v>2219</v>
      </c>
    </row>
    <row r="3764" spans="1:53" x14ac:dyDescent="0.4">
      <c r="A3764">
        <v>3808</v>
      </c>
      <c r="B3764" s="1">
        <v>44127</v>
      </c>
      <c r="C3764">
        <v>3</v>
      </c>
      <c r="D3764" s="1">
        <v>44127.734722222223</v>
      </c>
      <c r="E3764" s="1">
        <v>44127.952777777777</v>
      </c>
      <c r="F3764">
        <v>36500</v>
      </c>
      <c r="G3764">
        <v>5640</v>
      </c>
      <c r="H3764">
        <v>0</v>
      </c>
      <c r="I3764">
        <v>0</v>
      </c>
      <c r="J3764">
        <v>0</v>
      </c>
      <c r="K3764">
        <v>0</v>
      </c>
      <c r="L3764">
        <v>0</v>
      </c>
      <c r="M3764">
        <v>4214</v>
      </c>
      <c r="N3764">
        <v>0</v>
      </c>
      <c r="O3764">
        <v>0</v>
      </c>
      <c r="P3764">
        <v>-19470</v>
      </c>
      <c r="Q3764">
        <v>0</v>
      </c>
      <c r="R3764">
        <v>26884</v>
      </c>
      <c r="S3764">
        <v>0</v>
      </c>
      <c r="T3764">
        <v>0</v>
      </c>
      <c r="U3764">
        <v>0</v>
      </c>
      <c r="V3764">
        <v>4</v>
      </c>
      <c r="W3764">
        <v>0</v>
      </c>
      <c r="X3764">
        <v>0</v>
      </c>
      <c r="Y3764">
        <v>39</v>
      </c>
      <c r="Z3764">
        <v>19</v>
      </c>
      <c r="AA3764">
        <v>78</v>
      </c>
      <c r="AB3764">
        <v>54</v>
      </c>
      <c r="AC3764">
        <v>105</v>
      </c>
      <c r="AD3764">
        <v>52</v>
      </c>
      <c r="AE3764">
        <v>147</v>
      </c>
      <c r="AF3764">
        <v>1650</v>
      </c>
      <c r="AG3764">
        <v>102107</v>
      </c>
      <c r="AH3764">
        <v>50000</v>
      </c>
      <c r="AI3764">
        <v>0</v>
      </c>
      <c r="AJ3764">
        <v>108</v>
      </c>
      <c r="AK3764" t="s">
        <v>30</v>
      </c>
      <c r="AL3764">
        <v>0</v>
      </c>
      <c r="AM3764">
        <v>0</v>
      </c>
      <c r="AN3764">
        <v>0</v>
      </c>
      <c r="AO3764">
        <v>0</v>
      </c>
      <c r="AP3764">
        <v>0</v>
      </c>
      <c r="AQ3764">
        <v>0</v>
      </c>
      <c r="AR3764">
        <v>0</v>
      </c>
      <c r="AS3764">
        <v>0</v>
      </c>
      <c r="AT3764">
        <v>0</v>
      </c>
      <c r="AU3764">
        <v>0</v>
      </c>
      <c r="AV3764">
        <v>0</v>
      </c>
      <c r="AW3764">
        <v>0</v>
      </c>
      <c r="AX3764">
        <v>18057</v>
      </c>
      <c r="AY3764">
        <v>15</v>
      </c>
      <c r="AZ3764">
        <v>39</v>
      </c>
      <c r="BA3764">
        <v>2630</v>
      </c>
    </row>
    <row r="3765" spans="1:53" x14ac:dyDescent="0.4">
      <c r="A3765">
        <v>3809</v>
      </c>
      <c r="B3765" s="1">
        <v>44128</v>
      </c>
      <c r="C3765">
        <v>1</v>
      </c>
      <c r="D3765" s="1">
        <v>44128.291666666664</v>
      </c>
      <c r="E3765" s="1">
        <v>44128.406944444447</v>
      </c>
      <c r="F3765">
        <v>0</v>
      </c>
      <c r="G3765">
        <v>0</v>
      </c>
      <c r="H3765">
        <v>0</v>
      </c>
      <c r="I3765">
        <v>0</v>
      </c>
      <c r="J3765">
        <v>0</v>
      </c>
      <c r="K3765">
        <v>0</v>
      </c>
      <c r="L3765">
        <v>0</v>
      </c>
      <c r="M3765">
        <v>0</v>
      </c>
      <c r="N3765">
        <v>0</v>
      </c>
      <c r="O3765">
        <v>0</v>
      </c>
      <c r="P3765">
        <v>0</v>
      </c>
      <c r="Q3765">
        <v>0</v>
      </c>
      <c r="R3765">
        <v>0</v>
      </c>
      <c r="S3765">
        <v>0</v>
      </c>
      <c r="T3765">
        <v>0</v>
      </c>
      <c r="U3765">
        <v>0</v>
      </c>
      <c r="V3765">
        <v>0</v>
      </c>
      <c r="W3765">
        <v>0</v>
      </c>
      <c r="X3765">
        <v>0</v>
      </c>
      <c r="Y3765">
        <v>32</v>
      </c>
      <c r="Z3765">
        <v>11</v>
      </c>
      <c r="AA3765">
        <v>85</v>
      </c>
      <c r="AB3765">
        <v>53</v>
      </c>
      <c r="AC3765">
        <v>108</v>
      </c>
      <c r="AD3765">
        <v>54</v>
      </c>
      <c r="AE3765">
        <v>100</v>
      </c>
      <c r="AF3765">
        <v>0</v>
      </c>
      <c r="AG3765">
        <v>50100</v>
      </c>
      <c r="AH3765">
        <v>50000</v>
      </c>
      <c r="AI3765">
        <v>100</v>
      </c>
      <c r="AJ3765">
        <v>0</v>
      </c>
      <c r="AK3765" t="s">
        <v>6</v>
      </c>
      <c r="AL3765">
        <v>0</v>
      </c>
      <c r="AM3765">
        <v>0</v>
      </c>
      <c r="AN3765">
        <v>0</v>
      </c>
      <c r="AO3765">
        <v>0</v>
      </c>
      <c r="AP3765">
        <v>0</v>
      </c>
      <c r="AQ3765">
        <v>0</v>
      </c>
      <c r="AR3765">
        <v>0</v>
      </c>
      <c r="AS3765">
        <v>0</v>
      </c>
      <c r="AT3765">
        <v>0</v>
      </c>
      <c r="AU3765">
        <v>0</v>
      </c>
      <c r="AV3765">
        <v>0</v>
      </c>
      <c r="AW3765">
        <v>0</v>
      </c>
      <c r="AX3765">
        <v>0</v>
      </c>
      <c r="AY3765">
        <v>0</v>
      </c>
      <c r="AZ3765">
        <v>0</v>
      </c>
      <c r="BA3765">
        <v>0</v>
      </c>
    </row>
    <row r="3766" spans="1:53" x14ac:dyDescent="0.4">
      <c r="A3766">
        <v>3810</v>
      </c>
      <c r="B3766" s="1">
        <v>44128</v>
      </c>
      <c r="C3766">
        <v>2</v>
      </c>
      <c r="D3766" s="1">
        <v>44128.406944444447</v>
      </c>
      <c r="E3766" s="1">
        <v>44128.741666666669</v>
      </c>
      <c r="F3766">
        <v>38450</v>
      </c>
      <c r="G3766">
        <v>1220</v>
      </c>
      <c r="H3766">
        <v>400</v>
      </c>
      <c r="I3766">
        <v>0</v>
      </c>
      <c r="J3766">
        <v>0</v>
      </c>
      <c r="K3766">
        <v>0</v>
      </c>
      <c r="L3766">
        <v>0</v>
      </c>
      <c r="M3766">
        <v>4007</v>
      </c>
      <c r="N3766">
        <v>0</v>
      </c>
      <c r="O3766">
        <v>0</v>
      </c>
      <c r="P3766">
        <v>15950</v>
      </c>
      <c r="Q3766">
        <v>0</v>
      </c>
      <c r="R3766">
        <v>60027</v>
      </c>
      <c r="S3766">
        <v>0</v>
      </c>
      <c r="T3766">
        <v>0</v>
      </c>
      <c r="U3766">
        <v>0</v>
      </c>
      <c r="V3766">
        <v>1</v>
      </c>
      <c r="W3766">
        <v>2</v>
      </c>
      <c r="X3766">
        <v>0</v>
      </c>
      <c r="Y3766">
        <v>69</v>
      </c>
      <c r="Z3766">
        <v>25</v>
      </c>
      <c r="AA3766">
        <v>95</v>
      </c>
      <c r="AB3766">
        <v>42</v>
      </c>
      <c r="AC3766">
        <v>92</v>
      </c>
      <c r="AD3766">
        <v>53</v>
      </c>
      <c r="AE3766">
        <v>137</v>
      </c>
      <c r="AF3766">
        <v>605</v>
      </c>
      <c r="AG3766">
        <v>115027</v>
      </c>
      <c r="AH3766">
        <v>50000</v>
      </c>
      <c r="AI3766">
        <v>5000</v>
      </c>
      <c r="AJ3766">
        <v>84</v>
      </c>
      <c r="AK3766" t="s">
        <v>16</v>
      </c>
      <c r="AL3766">
        <v>0</v>
      </c>
      <c r="AM3766">
        <v>0</v>
      </c>
      <c r="AN3766">
        <v>0</v>
      </c>
      <c r="AO3766">
        <v>0</v>
      </c>
      <c r="AP3766">
        <v>0</v>
      </c>
      <c r="AQ3766">
        <v>0</v>
      </c>
      <c r="AR3766">
        <v>0</v>
      </c>
      <c r="AS3766">
        <v>0</v>
      </c>
      <c r="AT3766">
        <v>0</v>
      </c>
      <c r="AU3766">
        <v>0</v>
      </c>
      <c r="AV3766">
        <v>0</v>
      </c>
      <c r="AW3766">
        <v>0</v>
      </c>
      <c r="AX3766">
        <v>0</v>
      </c>
      <c r="AY3766">
        <v>49</v>
      </c>
      <c r="AZ3766">
        <v>94</v>
      </c>
      <c r="BA3766">
        <v>7026</v>
      </c>
    </row>
    <row r="3767" spans="1:53" x14ac:dyDescent="0.4">
      <c r="A3767">
        <v>3811</v>
      </c>
      <c r="B3767" s="1">
        <v>44129</v>
      </c>
      <c r="C3767">
        <v>1</v>
      </c>
      <c r="D3767" s="1">
        <v>44129.291666666664</v>
      </c>
      <c r="E3767" s="1">
        <v>44129.393750000003</v>
      </c>
      <c r="F3767">
        <v>0</v>
      </c>
      <c r="G3767">
        <v>0</v>
      </c>
      <c r="H3767">
        <v>0</v>
      </c>
      <c r="I3767">
        <v>0</v>
      </c>
      <c r="J3767">
        <v>0</v>
      </c>
      <c r="K3767">
        <v>0</v>
      </c>
      <c r="L3767">
        <v>0</v>
      </c>
      <c r="M3767">
        <v>0</v>
      </c>
      <c r="N3767">
        <v>0</v>
      </c>
      <c r="O3767">
        <v>0</v>
      </c>
      <c r="P3767">
        <v>0</v>
      </c>
      <c r="Q3767">
        <v>0</v>
      </c>
      <c r="R3767">
        <v>0</v>
      </c>
      <c r="S3767">
        <v>0</v>
      </c>
      <c r="T3767">
        <v>0</v>
      </c>
      <c r="U3767">
        <v>0</v>
      </c>
      <c r="V3767">
        <v>0</v>
      </c>
      <c r="W3767">
        <v>0</v>
      </c>
      <c r="X3767">
        <v>0</v>
      </c>
      <c r="Y3767">
        <v>35</v>
      </c>
      <c r="Z3767">
        <v>11</v>
      </c>
      <c r="AA3767">
        <v>60</v>
      </c>
      <c r="AB3767">
        <v>41</v>
      </c>
      <c r="AC3767">
        <v>104</v>
      </c>
      <c r="AD3767">
        <v>54</v>
      </c>
      <c r="AE3767">
        <v>140</v>
      </c>
      <c r="AF3767">
        <v>0</v>
      </c>
      <c r="AG3767">
        <v>50000</v>
      </c>
      <c r="AH3767">
        <v>50000</v>
      </c>
      <c r="AI3767">
        <v>0</v>
      </c>
      <c r="AJ3767">
        <v>0</v>
      </c>
      <c r="AK3767" t="s">
        <v>6</v>
      </c>
      <c r="AL3767">
        <v>0</v>
      </c>
      <c r="AM3767">
        <v>0</v>
      </c>
      <c r="AN3767">
        <v>0</v>
      </c>
      <c r="AO3767">
        <v>0</v>
      </c>
      <c r="AP3767">
        <v>0</v>
      </c>
      <c r="AQ3767">
        <v>0</v>
      </c>
      <c r="AR3767">
        <v>0</v>
      </c>
      <c r="AS3767">
        <v>0</v>
      </c>
      <c r="AT3767">
        <v>0</v>
      </c>
      <c r="AU3767">
        <v>0</v>
      </c>
      <c r="AV3767">
        <v>0</v>
      </c>
      <c r="AW3767">
        <v>0</v>
      </c>
      <c r="AX3767">
        <v>0</v>
      </c>
      <c r="AY3767">
        <v>0</v>
      </c>
      <c r="AZ3767">
        <v>0</v>
      </c>
      <c r="BA3767">
        <v>0</v>
      </c>
    </row>
    <row r="3768" spans="1:53" x14ac:dyDescent="0.4">
      <c r="A3768">
        <v>3812</v>
      </c>
      <c r="B3768" s="1">
        <v>44129</v>
      </c>
      <c r="C3768">
        <v>2</v>
      </c>
      <c r="D3768" s="1">
        <v>44129.393750000003</v>
      </c>
      <c r="E3768" s="1">
        <v>44129.743055555555</v>
      </c>
      <c r="F3768">
        <v>44200</v>
      </c>
      <c r="G3768">
        <v>540</v>
      </c>
      <c r="H3768">
        <v>0</v>
      </c>
      <c r="I3768">
        <v>0</v>
      </c>
      <c r="J3768">
        <v>0</v>
      </c>
      <c r="K3768">
        <v>1375</v>
      </c>
      <c r="L3768">
        <v>0</v>
      </c>
      <c r="M3768">
        <v>4611</v>
      </c>
      <c r="N3768">
        <v>0</v>
      </c>
      <c r="O3768">
        <v>0</v>
      </c>
      <c r="P3768">
        <v>16335</v>
      </c>
      <c r="Q3768">
        <v>0</v>
      </c>
      <c r="R3768">
        <v>67061</v>
      </c>
      <c r="S3768">
        <v>0</v>
      </c>
      <c r="T3768">
        <v>0</v>
      </c>
      <c r="U3768">
        <v>0</v>
      </c>
      <c r="V3768">
        <v>3</v>
      </c>
      <c r="W3768">
        <v>1</v>
      </c>
      <c r="X3768">
        <v>0</v>
      </c>
      <c r="Y3768">
        <v>53</v>
      </c>
      <c r="Z3768">
        <v>40</v>
      </c>
      <c r="AA3768">
        <v>65</v>
      </c>
      <c r="AB3768">
        <v>27</v>
      </c>
      <c r="AC3768">
        <v>75</v>
      </c>
      <c r="AD3768">
        <v>56</v>
      </c>
      <c r="AE3768">
        <v>181</v>
      </c>
      <c r="AF3768">
        <v>0</v>
      </c>
      <c r="AG3768">
        <v>117061</v>
      </c>
      <c r="AH3768">
        <v>50000</v>
      </c>
      <c r="AI3768">
        <v>0</v>
      </c>
      <c r="AJ3768">
        <v>107</v>
      </c>
      <c r="AK3768" t="s">
        <v>40</v>
      </c>
      <c r="AL3768">
        <v>0</v>
      </c>
      <c r="AM3768">
        <v>0</v>
      </c>
      <c r="AN3768">
        <v>0</v>
      </c>
      <c r="AO3768">
        <v>0</v>
      </c>
      <c r="AP3768">
        <v>0</v>
      </c>
      <c r="AQ3768">
        <v>0</v>
      </c>
      <c r="AR3768">
        <v>0</v>
      </c>
      <c r="AS3768">
        <v>0</v>
      </c>
      <c r="AT3768">
        <v>0</v>
      </c>
      <c r="AU3768">
        <v>0</v>
      </c>
      <c r="AV3768">
        <v>0</v>
      </c>
      <c r="AW3768">
        <v>0</v>
      </c>
      <c r="AX3768">
        <v>2156</v>
      </c>
      <c r="AY3768">
        <v>45</v>
      </c>
      <c r="AZ3768">
        <v>110</v>
      </c>
      <c r="BA3768">
        <v>6804</v>
      </c>
    </row>
    <row r="3769" spans="1:53" x14ac:dyDescent="0.4">
      <c r="A3769">
        <v>3813</v>
      </c>
      <c r="B3769" s="1">
        <v>44129</v>
      </c>
      <c r="C3769">
        <v>3</v>
      </c>
      <c r="D3769" s="1">
        <v>44129.743055555555</v>
      </c>
      <c r="E3769" s="1">
        <v>44129.947916666664</v>
      </c>
      <c r="F3769">
        <v>25350</v>
      </c>
      <c r="G3769">
        <v>3810</v>
      </c>
      <c r="H3769">
        <v>0</v>
      </c>
      <c r="I3769">
        <v>0</v>
      </c>
      <c r="J3769">
        <v>560</v>
      </c>
      <c r="K3769">
        <v>800</v>
      </c>
      <c r="L3769">
        <v>0</v>
      </c>
      <c r="M3769">
        <v>2940</v>
      </c>
      <c r="N3769">
        <v>0</v>
      </c>
      <c r="O3769">
        <v>0</v>
      </c>
      <c r="P3769">
        <v>-14619</v>
      </c>
      <c r="Q3769">
        <v>0</v>
      </c>
      <c r="R3769">
        <v>17721</v>
      </c>
      <c r="S3769">
        <v>0</v>
      </c>
      <c r="T3769">
        <v>0</v>
      </c>
      <c r="U3769">
        <v>0</v>
      </c>
      <c r="V3769">
        <v>3</v>
      </c>
      <c r="W3769">
        <v>2</v>
      </c>
      <c r="X3769">
        <v>0</v>
      </c>
      <c r="Y3769">
        <v>63</v>
      </c>
      <c r="Z3769">
        <v>42</v>
      </c>
      <c r="AA3769">
        <v>66</v>
      </c>
      <c r="AB3769">
        <v>26</v>
      </c>
      <c r="AC3769">
        <v>71</v>
      </c>
      <c r="AD3769">
        <v>56</v>
      </c>
      <c r="AE3769">
        <v>176</v>
      </c>
      <c r="AF3769">
        <v>1716</v>
      </c>
      <c r="AG3769">
        <v>134782</v>
      </c>
      <c r="AH3769">
        <v>50000</v>
      </c>
      <c r="AI3769">
        <v>0</v>
      </c>
      <c r="AJ3769">
        <v>98</v>
      </c>
      <c r="AK3769" t="s">
        <v>35</v>
      </c>
      <c r="AL3769">
        <v>0</v>
      </c>
      <c r="AM3769">
        <v>0</v>
      </c>
      <c r="AN3769">
        <v>0</v>
      </c>
      <c r="AO3769">
        <v>0</v>
      </c>
      <c r="AP3769">
        <v>0</v>
      </c>
      <c r="AQ3769">
        <v>0</v>
      </c>
      <c r="AR3769">
        <v>0</v>
      </c>
      <c r="AS3769">
        <v>0</v>
      </c>
      <c r="AT3769">
        <v>0</v>
      </c>
      <c r="AU3769">
        <v>0</v>
      </c>
      <c r="AV3769">
        <v>0</v>
      </c>
      <c r="AW3769">
        <v>0</v>
      </c>
      <c r="AX3769">
        <v>6644</v>
      </c>
      <c r="AY3769">
        <v>9</v>
      </c>
      <c r="AZ3769">
        <v>20</v>
      </c>
      <c r="BA3769">
        <v>1572</v>
      </c>
    </row>
    <row r="3770" spans="1:53" x14ac:dyDescent="0.4">
      <c r="A3770">
        <v>3814</v>
      </c>
      <c r="B3770" s="1">
        <v>44130</v>
      </c>
      <c r="C3770">
        <v>1</v>
      </c>
      <c r="D3770" s="1">
        <v>44130.291666666664</v>
      </c>
      <c r="E3770" s="1">
        <v>44130.436805555553</v>
      </c>
      <c r="F3770">
        <v>0</v>
      </c>
      <c r="G3770">
        <v>0</v>
      </c>
      <c r="H3770">
        <v>0</v>
      </c>
      <c r="I3770">
        <v>0</v>
      </c>
      <c r="J3770">
        <v>0</v>
      </c>
      <c r="K3770">
        <v>0</v>
      </c>
      <c r="L3770">
        <v>0</v>
      </c>
      <c r="M3770">
        <v>0</v>
      </c>
      <c r="N3770">
        <v>0</v>
      </c>
      <c r="O3770">
        <v>0</v>
      </c>
      <c r="P3770">
        <v>0</v>
      </c>
      <c r="Q3770">
        <v>0</v>
      </c>
      <c r="R3770">
        <v>0</v>
      </c>
      <c r="S3770">
        <v>0</v>
      </c>
      <c r="T3770">
        <v>0</v>
      </c>
      <c r="U3770">
        <v>0</v>
      </c>
      <c r="V3770">
        <v>0</v>
      </c>
      <c r="W3770">
        <v>0</v>
      </c>
      <c r="X3770">
        <v>0</v>
      </c>
      <c r="Y3770">
        <v>31</v>
      </c>
      <c r="Z3770">
        <v>10</v>
      </c>
      <c r="AA3770">
        <v>87</v>
      </c>
      <c r="AB3770">
        <v>74</v>
      </c>
      <c r="AC3770">
        <v>120</v>
      </c>
      <c r="AD3770">
        <v>56</v>
      </c>
      <c r="AE3770">
        <v>120</v>
      </c>
      <c r="AF3770">
        <v>0</v>
      </c>
      <c r="AG3770">
        <v>50000</v>
      </c>
      <c r="AH3770">
        <v>50000</v>
      </c>
      <c r="AI3770">
        <v>0</v>
      </c>
      <c r="AJ3770">
        <v>0</v>
      </c>
      <c r="AK3770" t="s">
        <v>6</v>
      </c>
      <c r="AL3770">
        <v>0</v>
      </c>
      <c r="AM3770">
        <v>0</v>
      </c>
      <c r="AN3770">
        <v>0</v>
      </c>
      <c r="AO3770">
        <v>0</v>
      </c>
      <c r="AP3770">
        <v>0</v>
      </c>
      <c r="AQ3770">
        <v>0</v>
      </c>
      <c r="AR3770">
        <v>0</v>
      </c>
      <c r="AS3770">
        <v>0</v>
      </c>
      <c r="AT3770">
        <v>0</v>
      </c>
      <c r="AU3770">
        <v>0</v>
      </c>
      <c r="AV3770">
        <v>0</v>
      </c>
      <c r="AW3770">
        <v>0</v>
      </c>
      <c r="AX3770">
        <v>0</v>
      </c>
      <c r="AY3770">
        <v>0</v>
      </c>
      <c r="AZ3770">
        <v>0</v>
      </c>
      <c r="BA3770">
        <v>0</v>
      </c>
    </row>
    <row r="3771" spans="1:53" x14ac:dyDescent="0.4">
      <c r="A3771">
        <v>3815</v>
      </c>
      <c r="B3771" s="1">
        <v>44130</v>
      </c>
      <c r="C3771">
        <v>2</v>
      </c>
      <c r="D3771" s="1">
        <v>44130.436805555553</v>
      </c>
      <c r="E3771" s="1">
        <v>44130.745138888888</v>
      </c>
      <c r="F3771">
        <v>25850</v>
      </c>
      <c r="G3771">
        <v>2320</v>
      </c>
      <c r="H3771">
        <v>30</v>
      </c>
      <c r="I3771">
        <v>0</v>
      </c>
      <c r="J3771">
        <v>0</v>
      </c>
      <c r="K3771">
        <v>0</v>
      </c>
      <c r="L3771">
        <v>0</v>
      </c>
      <c r="M3771">
        <v>2820</v>
      </c>
      <c r="N3771">
        <v>0</v>
      </c>
      <c r="O3771">
        <v>0</v>
      </c>
      <c r="P3771">
        <v>11110</v>
      </c>
      <c r="Q3771">
        <v>0</v>
      </c>
      <c r="R3771">
        <v>42130</v>
      </c>
      <c r="S3771">
        <v>0</v>
      </c>
      <c r="T3771">
        <v>0</v>
      </c>
      <c r="U3771">
        <v>0</v>
      </c>
      <c r="V3771">
        <v>1</v>
      </c>
      <c r="W3771">
        <v>2</v>
      </c>
      <c r="X3771">
        <v>0</v>
      </c>
      <c r="Y3771">
        <v>39</v>
      </c>
      <c r="Z3771">
        <v>24</v>
      </c>
      <c r="AA3771">
        <v>95</v>
      </c>
      <c r="AB3771">
        <v>71</v>
      </c>
      <c r="AC3771">
        <v>110</v>
      </c>
      <c r="AD3771">
        <v>59</v>
      </c>
      <c r="AE3771">
        <v>133</v>
      </c>
      <c r="AF3771">
        <v>6552</v>
      </c>
      <c r="AG3771">
        <v>92130</v>
      </c>
      <c r="AH3771">
        <v>50000</v>
      </c>
      <c r="AI3771">
        <v>0</v>
      </c>
      <c r="AJ3771">
        <v>84</v>
      </c>
      <c r="AK3771" t="s">
        <v>16</v>
      </c>
      <c r="AL3771">
        <v>0</v>
      </c>
      <c r="AM3771">
        <v>0</v>
      </c>
      <c r="AN3771">
        <v>0</v>
      </c>
      <c r="AO3771">
        <v>0</v>
      </c>
      <c r="AP3771">
        <v>0</v>
      </c>
      <c r="AQ3771">
        <v>0</v>
      </c>
      <c r="AR3771">
        <v>0</v>
      </c>
      <c r="AS3771">
        <v>0</v>
      </c>
      <c r="AT3771">
        <v>0</v>
      </c>
      <c r="AU3771">
        <v>0</v>
      </c>
      <c r="AV3771">
        <v>0</v>
      </c>
      <c r="AW3771">
        <v>0</v>
      </c>
      <c r="AX3771">
        <v>605</v>
      </c>
      <c r="AY3771">
        <v>34</v>
      </c>
      <c r="AZ3771">
        <v>63</v>
      </c>
      <c r="BA3771">
        <v>4723</v>
      </c>
    </row>
    <row r="3772" spans="1:53" x14ac:dyDescent="0.4">
      <c r="A3772">
        <v>3816</v>
      </c>
      <c r="B3772" s="1">
        <v>44131</v>
      </c>
      <c r="C3772">
        <v>1</v>
      </c>
      <c r="D3772" s="1">
        <v>44131.291666666664</v>
      </c>
      <c r="E3772" s="1">
        <v>44131.438194444447</v>
      </c>
      <c r="F3772">
        <v>0</v>
      </c>
      <c r="G3772">
        <v>0</v>
      </c>
      <c r="H3772">
        <v>0</v>
      </c>
      <c r="I3772">
        <v>0</v>
      </c>
      <c r="J3772">
        <v>0</v>
      </c>
      <c r="K3772">
        <v>0</v>
      </c>
      <c r="L3772">
        <v>0</v>
      </c>
      <c r="M3772">
        <v>0</v>
      </c>
      <c r="N3772">
        <v>0</v>
      </c>
      <c r="O3772">
        <v>0</v>
      </c>
      <c r="P3772">
        <v>0</v>
      </c>
      <c r="Q3772">
        <v>0</v>
      </c>
      <c r="R3772">
        <v>0</v>
      </c>
      <c r="S3772">
        <v>0</v>
      </c>
      <c r="T3772">
        <v>0</v>
      </c>
      <c r="U3772">
        <v>0</v>
      </c>
      <c r="V3772">
        <v>0</v>
      </c>
      <c r="W3772">
        <v>0</v>
      </c>
      <c r="X3772">
        <v>0</v>
      </c>
      <c r="Y3772">
        <v>30</v>
      </c>
      <c r="Z3772">
        <v>11</v>
      </c>
      <c r="AA3772">
        <v>96</v>
      </c>
      <c r="AB3772">
        <v>68</v>
      </c>
      <c r="AC3772">
        <v>107</v>
      </c>
      <c r="AD3772">
        <v>61</v>
      </c>
      <c r="AE3772">
        <v>125</v>
      </c>
      <c r="AF3772">
        <v>0</v>
      </c>
      <c r="AG3772">
        <v>50000</v>
      </c>
      <c r="AH3772">
        <v>50000</v>
      </c>
      <c r="AI3772">
        <v>0</v>
      </c>
      <c r="AJ3772">
        <v>0</v>
      </c>
      <c r="AK3772" t="s">
        <v>6</v>
      </c>
      <c r="AL3772">
        <v>0</v>
      </c>
      <c r="AM3772">
        <v>0</v>
      </c>
      <c r="AN3772">
        <v>0</v>
      </c>
      <c r="AO3772">
        <v>0</v>
      </c>
      <c r="AP3772">
        <v>0</v>
      </c>
      <c r="AQ3772">
        <v>0</v>
      </c>
      <c r="AR3772">
        <v>0</v>
      </c>
      <c r="AS3772">
        <v>0</v>
      </c>
      <c r="AT3772">
        <v>0</v>
      </c>
      <c r="AU3772">
        <v>0</v>
      </c>
      <c r="AV3772">
        <v>0</v>
      </c>
      <c r="AW3772">
        <v>0</v>
      </c>
      <c r="AX3772">
        <v>0</v>
      </c>
      <c r="AY3772">
        <v>0</v>
      </c>
      <c r="AZ3772">
        <v>0</v>
      </c>
      <c r="BA3772">
        <v>0</v>
      </c>
    </row>
    <row r="3773" spans="1:53" x14ac:dyDescent="0.4">
      <c r="A3773">
        <v>3817</v>
      </c>
      <c r="B3773" s="1">
        <v>44131</v>
      </c>
      <c r="C3773">
        <v>2</v>
      </c>
      <c r="D3773" s="1">
        <v>44131.438194444447</v>
      </c>
      <c r="E3773" s="1">
        <v>44131.740972222222</v>
      </c>
      <c r="F3773">
        <v>8550</v>
      </c>
      <c r="G3773">
        <v>0</v>
      </c>
      <c r="H3773">
        <v>200</v>
      </c>
      <c r="I3773">
        <v>0</v>
      </c>
      <c r="J3773">
        <v>0</v>
      </c>
      <c r="K3773">
        <v>0</v>
      </c>
      <c r="L3773">
        <v>0</v>
      </c>
      <c r="M3773">
        <v>875</v>
      </c>
      <c r="N3773">
        <v>0</v>
      </c>
      <c r="O3773">
        <v>0</v>
      </c>
      <c r="P3773">
        <v>8910</v>
      </c>
      <c r="Q3773">
        <v>0</v>
      </c>
      <c r="R3773">
        <v>18535</v>
      </c>
      <c r="S3773">
        <v>0</v>
      </c>
      <c r="T3773">
        <v>0</v>
      </c>
      <c r="U3773">
        <v>0</v>
      </c>
      <c r="V3773">
        <v>1</v>
      </c>
      <c r="W3773">
        <v>0</v>
      </c>
      <c r="X3773">
        <v>0</v>
      </c>
      <c r="Y3773">
        <v>37</v>
      </c>
      <c r="Z3773">
        <v>14</v>
      </c>
      <c r="AA3773">
        <v>96</v>
      </c>
      <c r="AB3773">
        <v>65</v>
      </c>
      <c r="AC3773">
        <v>122</v>
      </c>
      <c r="AD3773">
        <v>66</v>
      </c>
      <c r="AE3773">
        <v>135</v>
      </c>
      <c r="AF3773">
        <v>0</v>
      </c>
      <c r="AG3773">
        <v>68535</v>
      </c>
      <c r="AH3773">
        <v>50000</v>
      </c>
      <c r="AI3773">
        <v>0</v>
      </c>
      <c r="AJ3773">
        <v>84</v>
      </c>
      <c r="AK3773" t="s">
        <v>16</v>
      </c>
      <c r="AL3773">
        <v>0</v>
      </c>
      <c r="AM3773">
        <v>0</v>
      </c>
      <c r="AN3773">
        <v>0</v>
      </c>
      <c r="AO3773">
        <v>0</v>
      </c>
      <c r="AP3773">
        <v>0</v>
      </c>
      <c r="AQ3773">
        <v>0</v>
      </c>
      <c r="AR3773">
        <v>0</v>
      </c>
      <c r="AS3773">
        <v>0</v>
      </c>
      <c r="AT3773">
        <v>0</v>
      </c>
      <c r="AU3773">
        <v>0</v>
      </c>
      <c r="AV3773">
        <v>0</v>
      </c>
      <c r="AW3773">
        <v>0</v>
      </c>
      <c r="AX3773">
        <v>0</v>
      </c>
      <c r="AY3773">
        <v>17</v>
      </c>
      <c r="AZ3773">
        <v>27</v>
      </c>
      <c r="BA3773">
        <v>2297</v>
      </c>
    </row>
    <row r="3774" spans="1:53" x14ac:dyDescent="0.4">
      <c r="A3774">
        <v>3818</v>
      </c>
      <c r="B3774" s="1">
        <v>44132</v>
      </c>
      <c r="C3774">
        <v>1</v>
      </c>
      <c r="D3774" s="1">
        <v>44132.291666666664</v>
      </c>
      <c r="E3774" s="1">
        <v>44132.428472222222</v>
      </c>
      <c r="F3774">
        <v>0</v>
      </c>
      <c r="G3774">
        <v>0</v>
      </c>
      <c r="H3774">
        <v>0</v>
      </c>
      <c r="I3774">
        <v>0</v>
      </c>
      <c r="J3774">
        <v>0</v>
      </c>
      <c r="K3774">
        <v>0</v>
      </c>
      <c r="L3774">
        <v>0</v>
      </c>
      <c r="M3774">
        <v>0</v>
      </c>
      <c r="N3774">
        <v>0</v>
      </c>
      <c r="O3774">
        <v>0</v>
      </c>
      <c r="P3774">
        <v>0</v>
      </c>
      <c r="Q3774">
        <v>0</v>
      </c>
      <c r="R3774">
        <v>0</v>
      </c>
      <c r="S3774">
        <v>0</v>
      </c>
      <c r="T3774">
        <v>0</v>
      </c>
      <c r="U3774">
        <v>0</v>
      </c>
      <c r="V3774">
        <v>0</v>
      </c>
      <c r="W3774">
        <v>0</v>
      </c>
      <c r="X3774">
        <v>0</v>
      </c>
      <c r="Y3774">
        <v>28</v>
      </c>
      <c r="Z3774">
        <v>14</v>
      </c>
      <c r="AA3774">
        <v>100</v>
      </c>
      <c r="AB3774">
        <v>66</v>
      </c>
      <c r="AC3774">
        <v>123</v>
      </c>
      <c r="AD3774">
        <v>65</v>
      </c>
      <c r="AE3774">
        <v>145</v>
      </c>
      <c r="AF3774">
        <v>0</v>
      </c>
      <c r="AG3774">
        <v>50000</v>
      </c>
      <c r="AH3774">
        <v>50000</v>
      </c>
      <c r="AI3774">
        <v>0</v>
      </c>
      <c r="AJ3774">
        <v>0</v>
      </c>
      <c r="AK3774" t="s">
        <v>6</v>
      </c>
      <c r="AL3774">
        <v>0</v>
      </c>
      <c r="AM3774">
        <v>0</v>
      </c>
      <c r="AN3774">
        <v>0</v>
      </c>
      <c r="AO3774">
        <v>0</v>
      </c>
      <c r="AP3774">
        <v>0</v>
      </c>
      <c r="AQ3774">
        <v>0</v>
      </c>
      <c r="AR3774">
        <v>0</v>
      </c>
      <c r="AS3774">
        <v>0</v>
      </c>
      <c r="AT3774">
        <v>0</v>
      </c>
      <c r="AU3774">
        <v>0</v>
      </c>
      <c r="AV3774">
        <v>0</v>
      </c>
      <c r="AW3774">
        <v>0</v>
      </c>
      <c r="AX3774">
        <v>0</v>
      </c>
      <c r="AY3774">
        <v>0</v>
      </c>
      <c r="AZ3774">
        <v>0</v>
      </c>
      <c r="BA3774">
        <v>0</v>
      </c>
    </row>
    <row r="3775" spans="1:53" x14ac:dyDescent="0.4">
      <c r="A3775">
        <v>3819</v>
      </c>
      <c r="B3775" s="1">
        <v>44132</v>
      </c>
      <c r="C3775">
        <v>2</v>
      </c>
      <c r="D3775" s="1">
        <v>44132.428472222222</v>
      </c>
      <c r="E3775" s="1">
        <v>44132.740277777775</v>
      </c>
      <c r="F3775">
        <v>16450</v>
      </c>
      <c r="G3775">
        <v>0</v>
      </c>
      <c r="H3775">
        <v>0</v>
      </c>
      <c r="I3775">
        <v>0</v>
      </c>
      <c r="J3775">
        <v>0</v>
      </c>
      <c r="K3775">
        <v>0</v>
      </c>
      <c r="L3775">
        <v>0</v>
      </c>
      <c r="M3775">
        <v>1645</v>
      </c>
      <c r="N3775">
        <v>0</v>
      </c>
      <c r="O3775">
        <v>0</v>
      </c>
      <c r="P3775">
        <v>6875</v>
      </c>
      <c r="Q3775">
        <v>0</v>
      </c>
      <c r="R3775">
        <v>24970</v>
      </c>
      <c r="S3775">
        <v>0</v>
      </c>
      <c r="T3775">
        <v>0</v>
      </c>
      <c r="U3775">
        <v>0</v>
      </c>
      <c r="V3775">
        <v>0</v>
      </c>
      <c r="W3775">
        <v>1</v>
      </c>
      <c r="X3775">
        <v>0</v>
      </c>
      <c r="Y3775">
        <v>48</v>
      </c>
      <c r="Z3775">
        <v>18</v>
      </c>
      <c r="AA3775">
        <v>84</v>
      </c>
      <c r="AB3775">
        <v>59</v>
      </c>
      <c r="AC3775">
        <v>113</v>
      </c>
      <c r="AD3775">
        <v>66</v>
      </c>
      <c r="AE3775">
        <v>160</v>
      </c>
      <c r="AF3775">
        <v>0</v>
      </c>
      <c r="AG3775">
        <v>74970</v>
      </c>
      <c r="AH3775">
        <v>50000</v>
      </c>
      <c r="AI3775">
        <v>0</v>
      </c>
      <c r="AJ3775">
        <v>107</v>
      </c>
      <c r="AK3775" t="s">
        <v>40</v>
      </c>
      <c r="AL3775">
        <v>0</v>
      </c>
      <c r="AM3775">
        <v>0</v>
      </c>
      <c r="AN3775">
        <v>0</v>
      </c>
      <c r="AO3775">
        <v>0</v>
      </c>
      <c r="AP3775">
        <v>0</v>
      </c>
      <c r="AQ3775">
        <v>0</v>
      </c>
      <c r="AR3775">
        <v>0</v>
      </c>
      <c r="AS3775">
        <v>0</v>
      </c>
      <c r="AT3775">
        <v>0</v>
      </c>
      <c r="AU3775">
        <v>0</v>
      </c>
      <c r="AV3775">
        <v>0</v>
      </c>
      <c r="AW3775">
        <v>0</v>
      </c>
      <c r="AX3775">
        <v>308</v>
      </c>
      <c r="AY3775">
        <v>23</v>
      </c>
      <c r="AZ3775">
        <v>38</v>
      </c>
      <c r="BA3775">
        <v>3198</v>
      </c>
    </row>
    <row r="3776" spans="1:53" x14ac:dyDescent="0.4">
      <c r="A3776">
        <v>3820</v>
      </c>
      <c r="B3776" s="1">
        <v>44132</v>
      </c>
      <c r="C3776">
        <v>3</v>
      </c>
      <c r="D3776" s="1">
        <v>44132.740277777775</v>
      </c>
      <c r="E3776" s="1">
        <v>44132.947916666664</v>
      </c>
      <c r="F3776">
        <v>17675</v>
      </c>
      <c r="G3776">
        <v>560</v>
      </c>
      <c r="H3776">
        <v>0</v>
      </c>
      <c r="I3776">
        <v>0</v>
      </c>
      <c r="J3776">
        <v>0</v>
      </c>
      <c r="K3776">
        <v>0</v>
      </c>
      <c r="L3776">
        <v>0</v>
      </c>
      <c r="M3776">
        <v>1823</v>
      </c>
      <c r="N3776">
        <v>0</v>
      </c>
      <c r="O3776">
        <v>0</v>
      </c>
      <c r="P3776">
        <v>-6875</v>
      </c>
      <c r="Q3776">
        <v>0</v>
      </c>
      <c r="R3776">
        <v>13183</v>
      </c>
      <c r="S3776">
        <v>0</v>
      </c>
      <c r="T3776">
        <v>0</v>
      </c>
      <c r="U3776">
        <v>0</v>
      </c>
      <c r="V3776">
        <v>1</v>
      </c>
      <c r="W3776">
        <v>1</v>
      </c>
      <c r="X3776">
        <v>0</v>
      </c>
      <c r="Y3776">
        <v>51</v>
      </c>
      <c r="Z3776">
        <v>18</v>
      </c>
      <c r="AA3776">
        <v>87</v>
      </c>
      <c r="AB3776">
        <v>57</v>
      </c>
      <c r="AC3776">
        <v>112</v>
      </c>
      <c r="AD3776">
        <v>66</v>
      </c>
      <c r="AE3776">
        <v>113</v>
      </c>
      <c r="AF3776">
        <v>0</v>
      </c>
      <c r="AG3776">
        <v>88113</v>
      </c>
      <c r="AH3776">
        <v>50000</v>
      </c>
      <c r="AI3776">
        <v>-40</v>
      </c>
      <c r="AJ3776">
        <v>108</v>
      </c>
      <c r="AK3776" t="s">
        <v>30</v>
      </c>
      <c r="AL3776">
        <v>0</v>
      </c>
      <c r="AM3776">
        <v>0</v>
      </c>
      <c r="AN3776">
        <v>0</v>
      </c>
      <c r="AO3776">
        <v>0</v>
      </c>
      <c r="AP3776">
        <v>0</v>
      </c>
      <c r="AQ3776">
        <v>0</v>
      </c>
      <c r="AR3776">
        <v>0</v>
      </c>
      <c r="AS3776">
        <v>0</v>
      </c>
      <c r="AT3776">
        <v>0</v>
      </c>
      <c r="AU3776">
        <v>0</v>
      </c>
      <c r="AV3776">
        <v>0</v>
      </c>
      <c r="AW3776">
        <v>0</v>
      </c>
      <c r="AX3776">
        <v>1210</v>
      </c>
      <c r="AY3776">
        <v>8</v>
      </c>
      <c r="AZ3776">
        <v>17</v>
      </c>
      <c r="BA3776">
        <v>1088</v>
      </c>
    </row>
    <row r="3777" spans="1:53" x14ac:dyDescent="0.4">
      <c r="A3777">
        <v>3821</v>
      </c>
      <c r="B3777" s="1">
        <v>44132</v>
      </c>
      <c r="C3777">
        <v>4</v>
      </c>
      <c r="D3777" s="1">
        <v>44132.947916666664</v>
      </c>
      <c r="E3777" s="1">
        <v>44132.949305555558</v>
      </c>
      <c r="F3777">
        <v>1100</v>
      </c>
      <c r="G3777">
        <v>0</v>
      </c>
      <c r="H3777">
        <v>0</v>
      </c>
      <c r="I3777">
        <v>0</v>
      </c>
      <c r="J3777">
        <v>0</v>
      </c>
      <c r="K3777">
        <v>0</v>
      </c>
      <c r="L3777">
        <v>0</v>
      </c>
      <c r="M3777">
        <v>110</v>
      </c>
      <c r="N3777">
        <v>0</v>
      </c>
      <c r="O3777">
        <v>0</v>
      </c>
      <c r="P3777">
        <v>0</v>
      </c>
      <c r="Q3777">
        <v>0</v>
      </c>
      <c r="R3777">
        <v>1210</v>
      </c>
      <c r="S3777">
        <v>0</v>
      </c>
      <c r="T3777">
        <v>0</v>
      </c>
      <c r="U3777">
        <v>0</v>
      </c>
      <c r="V3777">
        <v>1</v>
      </c>
      <c r="W3777">
        <v>1</v>
      </c>
      <c r="X3777">
        <v>0</v>
      </c>
      <c r="Y3777">
        <v>51</v>
      </c>
      <c r="Z3777">
        <v>18</v>
      </c>
      <c r="AA3777">
        <v>87</v>
      </c>
      <c r="AB3777">
        <v>57</v>
      </c>
      <c r="AC3777">
        <v>112</v>
      </c>
      <c r="AD3777">
        <v>66</v>
      </c>
      <c r="AE3777">
        <v>153</v>
      </c>
      <c r="AF3777">
        <v>1210</v>
      </c>
      <c r="AG3777">
        <v>89363</v>
      </c>
      <c r="AH3777">
        <v>50000</v>
      </c>
      <c r="AI3777">
        <v>0</v>
      </c>
      <c r="AJ3777">
        <v>98</v>
      </c>
      <c r="AK3777" t="s">
        <v>35</v>
      </c>
      <c r="AL3777">
        <v>0</v>
      </c>
      <c r="AM3777">
        <v>0</v>
      </c>
      <c r="AN3777">
        <v>0</v>
      </c>
      <c r="AO3777">
        <v>0</v>
      </c>
      <c r="AP3777">
        <v>0</v>
      </c>
      <c r="AQ3777">
        <v>0</v>
      </c>
      <c r="AR3777">
        <v>0</v>
      </c>
      <c r="AS3777">
        <v>0</v>
      </c>
      <c r="AT3777">
        <v>0</v>
      </c>
      <c r="AU3777">
        <v>0</v>
      </c>
      <c r="AV3777">
        <v>0</v>
      </c>
      <c r="AW3777">
        <v>0</v>
      </c>
      <c r="AX3777">
        <v>0</v>
      </c>
      <c r="AY3777">
        <v>0</v>
      </c>
      <c r="AZ3777">
        <v>0</v>
      </c>
      <c r="BA3777">
        <v>3</v>
      </c>
    </row>
    <row r="3778" spans="1:53" x14ac:dyDescent="0.4">
      <c r="A3778">
        <v>3822</v>
      </c>
      <c r="B3778" s="1">
        <v>44133</v>
      </c>
      <c r="C3778">
        <v>1</v>
      </c>
      <c r="D3778" s="1">
        <v>44133.291666666664</v>
      </c>
      <c r="E3778" s="1">
        <v>44133.413888888892</v>
      </c>
      <c r="F3778">
        <v>0</v>
      </c>
      <c r="G3778">
        <v>0</v>
      </c>
      <c r="H3778">
        <v>0</v>
      </c>
      <c r="I3778">
        <v>0</v>
      </c>
      <c r="J3778">
        <v>0</v>
      </c>
      <c r="K3778">
        <v>0</v>
      </c>
      <c r="L3778">
        <v>0</v>
      </c>
      <c r="M3778">
        <v>0</v>
      </c>
      <c r="N3778">
        <v>0</v>
      </c>
      <c r="O3778">
        <v>0</v>
      </c>
      <c r="P3778">
        <v>0</v>
      </c>
      <c r="Q3778">
        <v>0</v>
      </c>
      <c r="R3778">
        <v>0</v>
      </c>
      <c r="S3778">
        <v>0</v>
      </c>
      <c r="T3778">
        <v>0</v>
      </c>
      <c r="U3778">
        <v>0</v>
      </c>
      <c r="V3778">
        <v>0</v>
      </c>
      <c r="W3778">
        <v>0</v>
      </c>
      <c r="X3778">
        <v>0</v>
      </c>
      <c r="Y3778">
        <v>31</v>
      </c>
      <c r="Z3778">
        <v>11</v>
      </c>
      <c r="AA3778">
        <v>90</v>
      </c>
      <c r="AB3778">
        <v>58</v>
      </c>
      <c r="AC3778">
        <v>117</v>
      </c>
      <c r="AD3778">
        <v>65</v>
      </c>
      <c r="AE3778">
        <v>105</v>
      </c>
      <c r="AF3778">
        <v>0</v>
      </c>
      <c r="AG3778">
        <v>50000</v>
      </c>
      <c r="AH3778">
        <v>50000</v>
      </c>
      <c r="AI3778">
        <v>0</v>
      </c>
      <c r="AJ3778">
        <v>0</v>
      </c>
      <c r="AK3778" t="s">
        <v>6</v>
      </c>
      <c r="AL3778">
        <v>0</v>
      </c>
      <c r="AM3778">
        <v>0</v>
      </c>
      <c r="AN3778">
        <v>0</v>
      </c>
      <c r="AO3778">
        <v>0</v>
      </c>
      <c r="AP3778">
        <v>0</v>
      </c>
      <c r="AQ3778">
        <v>0</v>
      </c>
      <c r="AR3778">
        <v>0</v>
      </c>
      <c r="AS3778">
        <v>0</v>
      </c>
      <c r="AT3778">
        <v>0</v>
      </c>
      <c r="AU3778">
        <v>0</v>
      </c>
      <c r="AV3778">
        <v>0</v>
      </c>
      <c r="AW3778">
        <v>0</v>
      </c>
      <c r="AX3778">
        <v>0</v>
      </c>
      <c r="AY3778">
        <v>0</v>
      </c>
      <c r="AZ3778">
        <v>0</v>
      </c>
      <c r="BA3778">
        <v>0</v>
      </c>
    </row>
    <row r="3779" spans="1:53" x14ac:dyDescent="0.4">
      <c r="A3779">
        <v>3823</v>
      </c>
      <c r="B3779" s="1">
        <v>44133</v>
      </c>
      <c r="C3779">
        <v>2</v>
      </c>
      <c r="D3779" s="1">
        <v>44133.413888888892</v>
      </c>
      <c r="E3779" s="1">
        <v>44133.746527777781</v>
      </c>
      <c r="F3779">
        <v>6300</v>
      </c>
      <c r="G3779">
        <v>0</v>
      </c>
      <c r="H3779">
        <v>0</v>
      </c>
      <c r="I3779">
        <v>0</v>
      </c>
      <c r="J3779">
        <v>0</v>
      </c>
      <c r="K3779">
        <v>0</v>
      </c>
      <c r="L3779">
        <v>0</v>
      </c>
      <c r="M3779">
        <v>630</v>
      </c>
      <c r="N3779">
        <v>0</v>
      </c>
      <c r="O3779">
        <v>0</v>
      </c>
      <c r="P3779">
        <v>7315</v>
      </c>
      <c r="Q3779">
        <v>0</v>
      </c>
      <c r="R3779">
        <v>14245</v>
      </c>
      <c r="S3779">
        <v>0</v>
      </c>
      <c r="T3779">
        <v>0</v>
      </c>
      <c r="U3779">
        <v>0</v>
      </c>
      <c r="V3779">
        <v>0</v>
      </c>
      <c r="W3779">
        <v>0</v>
      </c>
      <c r="X3779">
        <v>0</v>
      </c>
      <c r="Y3779">
        <v>45</v>
      </c>
      <c r="Z3779">
        <v>12</v>
      </c>
      <c r="AA3779">
        <v>86</v>
      </c>
      <c r="AB3779">
        <v>60</v>
      </c>
      <c r="AC3779">
        <v>120</v>
      </c>
      <c r="AD3779">
        <v>68</v>
      </c>
      <c r="AE3779">
        <v>105</v>
      </c>
      <c r="AF3779">
        <v>0</v>
      </c>
      <c r="AG3779">
        <v>64245</v>
      </c>
      <c r="AH3779">
        <v>50000</v>
      </c>
      <c r="AI3779">
        <v>0</v>
      </c>
      <c r="AJ3779">
        <v>105</v>
      </c>
      <c r="AL3779">
        <v>0</v>
      </c>
      <c r="AM3779">
        <v>0</v>
      </c>
      <c r="AN3779">
        <v>0</v>
      </c>
      <c r="AO3779">
        <v>0</v>
      </c>
      <c r="AP3779">
        <v>0</v>
      </c>
      <c r="AQ3779">
        <v>0</v>
      </c>
      <c r="AR3779">
        <v>0</v>
      </c>
      <c r="AS3779">
        <v>0</v>
      </c>
      <c r="AT3779">
        <v>0</v>
      </c>
      <c r="AU3779">
        <v>0</v>
      </c>
      <c r="AV3779">
        <v>0</v>
      </c>
      <c r="AW3779">
        <v>0</v>
      </c>
      <c r="AX3779">
        <v>440</v>
      </c>
      <c r="AY3779">
        <v>13</v>
      </c>
      <c r="AZ3779">
        <v>19</v>
      </c>
      <c r="BA3779">
        <v>1807</v>
      </c>
    </row>
    <row r="3780" spans="1:53" x14ac:dyDescent="0.4">
      <c r="A3780">
        <v>3824</v>
      </c>
      <c r="B3780" s="1">
        <v>44133</v>
      </c>
      <c r="C3780">
        <v>3</v>
      </c>
      <c r="D3780" s="1">
        <v>44133.746527777781</v>
      </c>
      <c r="E3780" s="1">
        <v>44133.969444444447</v>
      </c>
      <c r="F3780">
        <v>10700</v>
      </c>
      <c r="G3780">
        <v>1480</v>
      </c>
      <c r="H3780">
        <v>30</v>
      </c>
      <c r="I3780">
        <v>0</v>
      </c>
      <c r="J3780">
        <v>0</v>
      </c>
      <c r="K3780">
        <v>0</v>
      </c>
      <c r="L3780">
        <v>0</v>
      </c>
      <c r="M3780">
        <v>1221</v>
      </c>
      <c r="N3780">
        <v>0</v>
      </c>
      <c r="O3780">
        <v>0</v>
      </c>
      <c r="P3780">
        <v>11517</v>
      </c>
      <c r="Q3780">
        <v>0</v>
      </c>
      <c r="R3780">
        <v>24948</v>
      </c>
      <c r="S3780">
        <v>0</v>
      </c>
      <c r="T3780">
        <v>0</v>
      </c>
      <c r="U3780">
        <v>0</v>
      </c>
      <c r="V3780">
        <v>2</v>
      </c>
      <c r="W3780">
        <v>2</v>
      </c>
      <c r="X3780">
        <v>0</v>
      </c>
      <c r="Y3780">
        <v>36</v>
      </c>
      <c r="Z3780">
        <v>16</v>
      </c>
      <c r="AA3780">
        <v>84</v>
      </c>
      <c r="AB3780">
        <v>57</v>
      </c>
      <c r="AC3780">
        <v>113</v>
      </c>
      <c r="AD3780">
        <v>63</v>
      </c>
      <c r="AE3780">
        <v>100</v>
      </c>
      <c r="AF3780">
        <v>2398</v>
      </c>
      <c r="AG3780">
        <v>89193</v>
      </c>
      <c r="AH3780">
        <v>50000</v>
      </c>
      <c r="AI3780">
        <v>0</v>
      </c>
      <c r="AJ3780">
        <v>108</v>
      </c>
      <c r="AK3780" t="s">
        <v>30</v>
      </c>
      <c r="AL3780">
        <v>0</v>
      </c>
      <c r="AM3780">
        <v>0</v>
      </c>
      <c r="AN3780">
        <v>0</v>
      </c>
      <c r="AO3780">
        <v>0</v>
      </c>
      <c r="AP3780">
        <v>0</v>
      </c>
      <c r="AQ3780">
        <v>0</v>
      </c>
      <c r="AR3780">
        <v>0</v>
      </c>
      <c r="AS3780">
        <v>0</v>
      </c>
      <c r="AT3780">
        <v>0</v>
      </c>
      <c r="AU3780">
        <v>0</v>
      </c>
      <c r="AV3780">
        <v>0</v>
      </c>
      <c r="AW3780">
        <v>0</v>
      </c>
      <c r="AX3780">
        <v>-2222</v>
      </c>
      <c r="AY3780">
        <v>8</v>
      </c>
      <c r="AZ3780">
        <v>17</v>
      </c>
      <c r="BA3780">
        <v>1401</v>
      </c>
    </row>
    <row r="3781" spans="1:53" x14ac:dyDescent="0.4">
      <c r="A3781">
        <v>3825</v>
      </c>
      <c r="B3781" s="1">
        <v>44134</v>
      </c>
      <c r="C3781">
        <v>1</v>
      </c>
      <c r="D3781" s="1">
        <v>44134.291666666664</v>
      </c>
      <c r="E3781" s="1">
        <v>44134.421527777777</v>
      </c>
      <c r="F3781">
        <v>0</v>
      </c>
      <c r="G3781">
        <v>0</v>
      </c>
      <c r="H3781">
        <v>0</v>
      </c>
      <c r="I3781">
        <v>0</v>
      </c>
      <c r="J3781">
        <v>0</v>
      </c>
      <c r="K3781">
        <v>0</v>
      </c>
      <c r="L3781">
        <v>0</v>
      </c>
      <c r="M3781">
        <v>0</v>
      </c>
      <c r="N3781">
        <v>0</v>
      </c>
      <c r="O3781">
        <v>0</v>
      </c>
      <c r="P3781">
        <v>0</v>
      </c>
      <c r="Q3781">
        <v>0</v>
      </c>
      <c r="R3781">
        <v>0</v>
      </c>
      <c r="S3781">
        <v>0</v>
      </c>
      <c r="T3781">
        <v>0</v>
      </c>
      <c r="U3781">
        <v>0</v>
      </c>
      <c r="V3781">
        <v>0</v>
      </c>
      <c r="W3781">
        <v>0</v>
      </c>
      <c r="X3781">
        <v>0</v>
      </c>
      <c r="Y3781">
        <v>34</v>
      </c>
      <c r="Z3781">
        <v>9</v>
      </c>
      <c r="AA3781">
        <v>73</v>
      </c>
      <c r="AB3781">
        <v>57</v>
      </c>
      <c r="AC3781">
        <v>94</v>
      </c>
      <c r="AD3781">
        <v>63</v>
      </c>
      <c r="AE3781">
        <v>95</v>
      </c>
      <c r="AF3781">
        <v>0</v>
      </c>
      <c r="AG3781">
        <v>50000</v>
      </c>
      <c r="AH3781">
        <v>50000</v>
      </c>
      <c r="AI3781">
        <v>0</v>
      </c>
      <c r="AJ3781">
        <v>0</v>
      </c>
      <c r="AK3781" t="s">
        <v>6</v>
      </c>
      <c r="AL3781">
        <v>0</v>
      </c>
      <c r="AM3781">
        <v>0</v>
      </c>
      <c r="AN3781">
        <v>0</v>
      </c>
      <c r="AO3781">
        <v>0</v>
      </c>
      <c r="AP3781">
        <v>0</v>
      </c>
      <c r="AQ3781">
        <v>0</v>
      </c>
      <c r="AR3781">
        <v>0</v>
      </c>
      <c r="AS3781">
        <v>0</v>
      </c>
      <c r="AT3781">
        <v>0</v>
      </c>
      <c r="AU3781">
        <v>0</v>
      </c>
      <c r="AV3781">
        <v>0</v>
      </c>
      <c r="AW3781">
        <v>0</v>
      </c>
      <c r="AX3781">
        <v>0</v>
      </c>
      <c r="AY3781">
        <v>0</v>
      </c>
      <c r="AZ3781">
        <v>0</v>
      </c>
      <c r="BA3781">
        <v>0</v>
      </c>
    </row>
    <row r="3782" spans="1:53" x14ac:dyDescent="0.4">
      <c r="A3782">
        <v>3826</v>
      </c>
      <c r="B3782" s="1">
        <v>44134</v>
      </c>
      <c r="C3782">
        <v>2</v>
      </c>
      <c r="D3782" s="1">
        <v>44134.421527777777</v>
      </c>
      <c r="E3782" s="1">
        <v>44134.73333333333</v>
      </c>
      <c r="F3782">
        <v>8500</v>
      </c>
      <c r="G3782">
        <v>0</v>
      </c>
      <c r="H3782">
        <v>200</v>
      </c>
      <c r="I3782">
        <v>0</v>
      </c>
      <c r="J3782">
        <v>0</v>
      </c>
      <c r="K3782">
        <v>0</v>
      </c>
      <c r="L3782">
        <v>0</v>
      </c>
      <c r="M3782">
        <v>870</v>
      </c>
      <c r="N3782">
        <v>0</v>
      </c>
      <c r="O3782">
        <v>0</v>
      </c>
      <c r="P3782">
        <v>13805</v>
      </c>
      <c r="Q3782">
        <v>0</v>
      </c>
      <c r="R3782">
        <v>23375</v>
      </c>
      <c r="S3782">
        <v>0</v>
      </c>
      <c r="T3782">
        <v>0</v>
      </c>
      <c r="U3782">
        <v>0</v>
      </c>
      <c r="V3782">
        <v>1</v>
      </c>
      <c r="W3782">
        <v>0</v>
      </c>
      <c r="X3782">
        <v>0</v>
      </c>
      <c r="Y3782">
        <v>44</v>
      </c>
      <c r="Z3782">
        <v>12</v>
      </c>
      <c r="AA3782">
        <v>71</v>
      </c>
      <c r="AB3782">
        <v>55</v>
      </c>
      <c r="AC3782">
        <v>105</v>
      </c>
      <c r="AD3782">
        <v>67</v>
      </c>
      <c r="AE3782">
        <v>105</v>
      </c>
      <c r="AF3782">
        <v>2035</v>
      </c>
      <c r="AG3782">
        <v>73375</v>
      </c>
      <c r="AH3782">
        <v>50000</v>
      </c>
      <c r="AI3782">
        <v>0</v>
      </c>
      <c r="AJ3782">
        <v>107</v>
      </c>
      <c r="AK3782" t="s">
        <v>40</v>
      </c>
      <c r="AL3782">
        <v>0</v>
      </c>
      <c r="AM3782">
        <v>0</v>
      </c>
      <c r="AN3782">
        <v>0</v>
      </c>
      <c r="AO3782">
        <v>0</v>
      </c>
      <c r="AP3782">
        <v>0</v>
      </c>
      <c r="AQ3782">
        <v>0</v>
      </c>
      <c r="AR3782">
        <v>0</v>
      </c>
      <c r="AS3782">
        <v>0</v>
      </c>
      <c r="AT3782">
        <v>0</v>
      </c>
      <c r="AU3782">
        <v>0</v>
      </c>
      <c r="AV3782">
        <v>0</v>
      </c>
      <c r="AW3782">
        <v>0</v>
      </c>
      <c r="AX3782">
        <v>-1650</v>
      </c>
      <c r="AY3782">
        <v>21</v>
      </c>
      <c r="AZ3782">
        <v>35</v>
      </c>
      <c r="BA3782">
        <v>2435</v>
      </c>
    </row>
    <row r="3783" spans="1:53" x14ac:dyDescent="0.4">
      <c r="A3783">
        <v>3827</v>
      </c>
      <c r="B3783" s="1">
        <v>44135</v>
      </c>
      <c r="C3783">
        <v>1</v>
      </c>
      <c r="D3783" s="1">
        <v>44135.291666666664</v>
      </c>
      <c r="E3783" s="1">
        <v>44135.386111111111</v>
      </c>
      <c r="F3783">
        <v>0</v>
      </c>
      <c r="G3783">
        <v>0</v>
      </c>
      <c r="H3783">
        <v>0</v>
      </c>
      <c r="I3783">
        <v>0</v>
      </c>
      <c r="J3783">
        <v>0</v>
      </c>
      <c r="K3783">
        <v>0</v>
      </c>
      <c r="L3783">
        <v>0</v>
      </c>
      <c r="M3783">
        <v>0</v>
      </c>
      <c r="N3783">
        <v>0</v>
      </c>
      <c r="O3783">
        <v>0</v>
      </c>
      <c r="P3783">
        <v>0</v>
      </c>
      <c r="Q3783">
        <v>0</v>
      </c>
      <c r="R3783">
        <v>0</v>
      </c>
      <c r="S3783">
        <v>0</v>
      </c>
      <c r="T3783">
        <v>0</v>
      </c>
      <c r="U3783">
        <v>0</v>
      </c>
      <c r="V3783">
        <v>0</v>
      </c>
      <c r="W3783">
        <v>0</v>
      </c>
      <c r="X3783">
        <v>0</v>
      </c>
      <c r="Y3783">
        <v>34</v>
      </c>
      <c r="Z3783">
        <v>11</v>
      </c>
      <c r="AA3783">
        <v>68</v>
      </c>
      <c r="AB3783">
        <v>49</v>
      </c>
      <c r="AC3783">
        <v>83</v>
      </c>
      <c r="AD3783">
        <v>65</v>
      </c>
      <c r="AE3783">
        <v>95</v>
      </c>
      <c r="AF3783">
        <v>0</v>
      </c>
      <c r="AG3783">
        <v>50000</v>
      </c>
      <c r="AH3783">
        <v>50000</v>
      </c>
      <c r="AI3783">
        <v>0</v>
      </c>
      <c r="AJ3783">
        <v>0</v>
      </c>
      <c r="AK3783" t="s">
        <v>6</v>
      </c>
      <c r="AL3783">
        <v>0</v>
      </c>
      <c r="AM3783">
        <v>0</v>
      </c>
      <c r="AN3783">
        <v>0</v>
      </c>
      <c r="AO3783">
        <v>0</v>
      </c>
      <c r="AP3783">
        <v>0</v>
      </c>
      <c r="AQ3783">
        <v>0</v>
      </c>
      <c r="AR3783">
        <v>0</v>
      </c>
      <c r="AS3783">
        <v>0</v>
      </c>
      <c r="AT3783">
        <v>0</v>
      </c>
      <c r="AU3783">
        <v>0</v>
      </c>
      <c r="AV3783">
        <v>0</v>
      </c>
      <c r="AW3783">
        <v>0</v>
      </c>
      <c r="AX3783">
        <v>0</v>
      </c>
      <c r="AY3783">
        <v>0</v>
      </c>
      <c r="AZ3783">
        <v>0</v>
      </c>
      <c r="BA3783">
        <v>0</v>
      </c>
    </row>
    <row r="3784" spans="1:53" x14ac:dyDescent="0.4">
      <c r="A3784">
        <v>3828</v>
      </c>
      <c r="B3784" s="1">
        <v>44135</v>
      </c>
      <c r="C3784">
        <v>2</v>
      </c>
      <c r="D3784" s="1">
        <v>44135.386111111111</v>
      </c>
      <c r="E3784" s="1">
        <v>44135.739583333336</v>
      </c>
      <c r="F3784">
        <v>27150</v>
      </c>
      <c r="G3784">
        <v>1660</v>
      </c>
      <c r="H3784">
        <v>200</v>
      </c>
      <c r="I3784">
        <v>0</v>
      </c>
      <c r="J3784">
        <v>0</v>
      </c>
      <c r="K3784">
        <v>0</v>
      </c>
      <c r="L3784">
        <v>0</v>
      </c>
      <c r="M3784">
        <v>2901</v>
      </c>
      <c r="N3784">
        <v>0</v>
      </c>
      <c r="O3784">
        <v>0</v>
      </c>
      <c r="P3784">
        <v>13420</v>
      </c>
      <c r="Q3784">
        <v>0</v>
      </c>
      <c r="R3784">
        <v>45331</v>
      </c>
      <c r="S3784">
        <v>0</v>
      </c>
      <c r="T3784">
        <v>0</v>
      </c>
      <c r="U3784">
        <v>0</v>
      </c>
      <c r="V3784">
        <v>0</v>
      </c>
      <c r="W3784">
        <v>2</v>
      </c>
      <c r="X3784">
        <v>0</v>
      </c>
      <c r="Y3784">
        <v>69</v>
      </c>
      <c r="Z3784">
        <v>24</v>
      </c>
      <c r="AA3784">
        <v>13</v>
      </c>
      <c r="AB3784">
        <v>40</v>
      </c>
      <c r="AC3784">
        <v>60</v>
      </c>
      <c r="AD3784">
        <v>60</v>
      </c>
      <c r="AE3784">
        <v>131</v>
      </c>
      <c r="AF3784">
        <v>0</v>
      </c>
      <c r="AG3784">
        <v>95331</v>
      </c>
      <c r="AH3784">
        <v>50000</v>
      </c>
      <c r="AI3784">
        <v>0</v>
      </c>
      <c r="AJ3784">
        <v>84</v>
      </c>
      <c r="AK3784" t="s">
        <v>16</v>
      </c>
      <c r="AL3784">
        <v>0</v>
      </c>
      <c r="AM3784">
        <v>0</v>
      </c>
      <c r="AN3784">
        <v>0</v>
      </c>
      <c r="AO3784">
        <v>0</v>
      </c>
      <c r="AP3784">
        <v>0</v>
      </c>
      <c r="AQ3784">
        <v>0</v>
      </c>
      <c r="AR3784">
        <v>0</v>
      </c>
      <c r="AS3784">
        <v>0</v>
      </c>
      <c r="AT3784">
        <v>0</v>
      </c>
      <c r="AU3784">
        <v>0</v>
      </c>
      <c r="AV3784">
        <v>0</v>
      </c>
      <c r="AW3784">
        <v>0</v>
      </c>
      <c r="AX3784">
        <v>-1210</v>
      </c>
      <c r="AY3784">
        <v>31</v>
      </c>
      <c r="AZ3784">
        <v>67</v>
      </c>
      <c r="BA3784">
        <v>4536</v>
      </c>
    </row>
    <row r="3785" spans="1:53" x14ac:dyDescent="0.4">
      <c r="A3785">
        <v>3829</v>
      </c>
      <c r="B3785" s="1">
        <v>44135</v>
      </c>
      <c r="C3785">
        <v>3</v>
      </c>
      <c r="D3785" s="1">
        <v>44135.739583333336</v>
      </c>
      <c r="E3785" s="1">
        <v>44135.951388888891</v>
      </c>
      <c r="F3785">
        <v>52150</v>
      </c>
      <c r="G3785">
        <v>4440</v>
      </c>
      <c r="H3785">
        <v>0</v>
      </c>
      <c r="I3785">
        <v>0</v>
      </c>
      <c r="J3785">
        <v>0</v>
      </c>
      <c r="K3785">
        <v>0</v>
      </c>
      <c r="L3785">
        <v>0</v>
      </c>
      <c r="M3785">
        <v>5659</v>
      </c>
      <c r="N3785">
        <v>0</v>
      </c>
      <c r="O3785">
        <v>0</v>
      </c>
      <c r="P3785">
        <v>-13420</v>
      </c>
      <c r="Q3785">
        <v>0</v>
      </c>
      <c r="R3785">
        <v>48829</v>
      </c>
      <c r="S3785">
        <v>0</v>
      </c>
      <c r="T3785">
        <v>0</v>
      </c>
      <c r="U3785">
        <v>0</v>
      </c>
      <c r="V3785">
        <v>1</v>
      </c>
      <c r="W3785">
        <v>5</v>
      </c>
      <c r="X3785">
        <v>0</v>
      </c>
      <c r="Y3785">
        <v>75</v>
      </c>
      <c r="Z3785">
        <v>24</v>
      </c>
      <c r="AA3785">
        <v>157</v>
      </c>
      <c r="AB3785">
        <v>100</v>
      </c>
      <c r="AC3785">
        <v>105</v>
      </c>
      <c r="AD3785">
        <v>56</v>
      </c>
      <c r="AE3785">
        <v>130</v>
      </c>
      <c r="AF3785">
        <v>0</v>
      </c>
      <c r="AG3785">
        <v>144160</v>
      </c>
      <c r="AH3785">
        <v>50000</v>
      </c>
      <c r="AI3785">
        <v>0</v>
      </c>
      <c r="AJ3785">
        <v>108</v>
      </c>
      <c r="AK3785" t="s">
        <v>30</v>
      </c>
      <c r="AL3785">
        <v>0</v>
      </c>
      <c r="AM3785">
        <v>0</v>
      </c>
      <c r="AN3785">
        <v>0</v>
      </c>
      <c r="AO3785">
        <v>0</v>
      </c>
      <c r="AP3785">
        <v>0</v>
      </c>
      <c r="AQ3785">
        <v>0</v>
      </c>
      <c r="AR3785">
        <v>0</v>
      </c>
      <c r="AS3785">
        <v>0</v>
      </c>
      <c r="AT3785">
        <v>0</v>
      </c>
      <c r="AU3785">
        <v>0</v>
      </c>
      <c r="AV3785">
        <v>0</v>
      </c>
      <c r="AW3785">
        <v>0</v>
      </c>
      <c r="AX3785">
        <v>24365</v>
      </c>
      <c r="AY3785">
        <v>18</v>
      </c>
      <c r="AZ3785">
        <v>44</v>
      </c>
      <c r="BA3785">
        <v>2413</v>
      </c>
    </row>
    <row r="3786" spans="1:53" x14ac:dyDescent="0.4">
      <c r="A3786">
        <v>3830</v>
      </c>
      <c r="B3786" s="1">
        <v>44136</v>
      </c>
      <c r="C3786">
        <v>1</v>
      </c>
      <c r="D3786" s="1">
        <v>44136.291666666664</v>
      </c>
      <c r="E3786" s="1">
        <v>44136.399305555555</v>
      </c>
      <c r="F3786">
        <v>0</v>
      </c>
      <c r="G3786">
        <v>0</v>
      </c>
      <c r="H3786">
        <v>0</v>
      </c>
      <c r="I3786">
        <v>0</v>
      </c>
      <c r="J3786">
        <v>0</v>
      </c>
      <c r="K3786">
        <v>0</v>
      </c>
      <c r="L3786">
        <v>0</v>
      </c>
      <c r="M3786">
        <v>0</v>
      </c>
      <c r="N3786">
        <v>0</v>
      </c>
      <c r="O3786">
        <v>0</v>
      </c>
      <c r="P3786">
        <v>0</v>
      </c>
      <c r="Q3786">
        <v>0</v>
      </c>
      <c r="R3786">
        <v>0</v>
      </c>
      <c r="S3786">
        <v>0</v>
      </c>
      <c r="T3786">
        <v>0</v>
      </c>
      <c r="U3786">
        <v>0</v>
      </c>
      <c r="V3786">
        <v>0</v>
      </c>
      <c r="W3786">
        <v>0</v>
      </c>
      <c r="X3786">
        <v>0</v>
      </c>
      <c r="Y3786">
        <v>31</v>
      </c>
      <c r="Z3786">
        <v>8</v>
      </c>
      <c r="AA3786">
        <v>110</v>
      </c>
      <c r="AB3786">
        <v>51</v>
      </c>
      <c r="AC3786">
        <v>104</v>
      </c>
      <c r="AD3786">
        <v>56</v>
      </c>
      <c r="AE3786">
        <v>130</v>
      </c>
      <c r="AF3786">
        <v>0</v>
      </c>
      <c r="AG3786">
        <v>50000</v>
      </c>
      <c r="AH3786">
        <v>50000</v>
      </c>
      <c r="AI3786">
        <v>0</v>
      </c>
      <c r="AJ3786">
        <v>0</v>
      </c>
      <c r="AK3786" t="s">
        <v>6</v>
      </c>
      <c r="AL3786">
        <v>0</v>
      </c>
      <c r="AM3786">
        <v>0</v>
      </c>
      <c r="AN3786">
        <v>0</v>
      </c>
      <c r="AO3786">
        <v>0</v>
      </c>
      <c r="AP3786">
        <v>0</v>
      </c>
      <c r="AQ3786">
        <v>0</v>
      </c>
      <c r="AR3786">
        <v>0</v>
      </c>
      <c r="AS3786">
        <v>0</v>
      </c>
      <c r="AT3786">
        <v>0</v>
      </c>
      <c r="AU3786">
        <v>0</v>
      </c>
      <c r="AV3786">
        <v>0</v>
      </c>
      <c r="AW3786">
        <v>0</v>
      </c>
      <c r="AX3786">
        <v>0</v>
      </c>
      <c r="AY3786">
        <v>0</v>
      </c>
      <c r="AZ3786">
        <v>0</v>
      </c>
      <c r="BA3786">
        <v>0</v>
      </c>
    </row>
    <row r="3787" spans="1:53" x14ac:dyDescent="0.4">
      <c r="A3787">
        <v>3831</v>
      </c>
      <c r="B3787" s="1">
        <v>44136</v>
      </c>
      <c r="C3787">
        <v>2</v>
      </c>
      <c r="D3787" s="1">
        <v>44136.399305555555</v>
      </c>
      <c r="E3787" s="1">
        <v>44136.746527777781</v>
      </c>
      <c r="F3787">
        <v>38600</v>
      </c>
      <c r="G3787">
        <v>2460</v>
      </c>
      <c r="H3787">
        <v>0</v>
      </c>
      <c r="I3787">
        <v>0</v>
      </c>
      <c r="J3787">
        <v>0</v>
      </c>
      <c r="K3787">
        <v>275</v>
      </c>
      <c r="L3787">
        <v>0</v>
      </c>
      <c r="M3787">
        <v>4133</v>
      </c>
      <c r="N3787">
        <v>0</v>
      </c>
      <c r="O3787">
        <v>0</v>
      </c>
      <c r="P3787">
        <v>21175</v>
      </c>
      <c r="Q3787">
        <v>0</v>
      </c>
      <c r="R3787">
        <v>66643</v>
      </c>
      <c r="S3787">
        <v>0</v>
      </c>
      <c r="T3787">
        <v>0</v>
      </c>
      <c r="U3787">
        <v>0</v>
      </c>
      <c r="V3787">
        <v>2</v>
      </c>
      <c r="W3787">
        <v>1</v>
      </c>
      <c r="X3787">
        <v>0</v>
      </c>
      <c r="Y3787">
        <v>56</v>
      </c>
      <c r="Z3787">
        <v>20</v>
      </c>
      <c r="AA3787">
        <v>133</v>
      </c>
      <c r="AB3787">
        <v>35</v>
      </c>
      <c r="AC3787">
        <v>77</v>
      </c>
      <c r="AD3787">
        <v>66</v>
      </c>
      <c r="AE3787">
        <v>165</v>
      </c>
      <c r="AF3787">
        <v>9328</v>
      </c>
      <c r="AG3787">
        <v>116643</v>
      </c>
      <c r="AH3787">
        <v>50000</v>
      </c>
      <c r="AI3787">
        <v>0</v>
      </c>
      <c r="AJ3787">
        <v>98</v>
      </c>
      <c r="AK3787" t="s">
        <v>35</v>
      </c>
      <c r="AL3787">
        <v>0</v>
      </c>
      <c r="AM3787">
        <v>0</v>
      </c>
      <c r="AN3787">
        <v>0</v>
      </c>
      <c r="AO3787">
        <v>0</v>
      </c>
      <c r="AP3787">
        <v>0</v>
      </c>
      <c r="AQ3787">
        <v>0</v>
      </c>
      <c r="AR3787">
        <v>0</v>
      </c>
      <c r="AS3787">
        <v>0</v>
      </c>
      <c r="AT3787">
        <v>0</v>
      </c>
      <c r="AU3787">
        <v>0</v>
      </c>
      <c r="AV3787">
        <v>0</v>
      </c>
      <c r="AW3787">
        <v>0</v>
      </c>
      <c r="AX3787">
        <v>957</v>
      </c>
      <c r="AY3787">
        <v>47</v>
      </c>
      <c r="AZ3787">
        <v>100</v>
      </c>
      <c r="BA3787">
        <v>7182</v>
      </c>
    </row>
    <row r="3788" spans="1:53" x14ac:dyDescent="0.4">
      <c r="A3788">
        <v>3832</v>
      </c>
      <c r="B3788" s="1">
        <v>44136</v>
      </c>
      <c r="C3788">
        <v>3</v>
      </c>
      <c r="D3788" s="1">
        <v>44136.746527777781</v>
      </c>
      <c r="E3788" s="1">
        <v>44136.959027777775</v>
      </c>
      <c r="F3788">
        <v>25100</v>
      </c>
      <c r="G3788">
        <v>1620</v>
      </c>
      <c r="H3788">
        <v>0</v>
      </c>
      <c r="I3788">
        <v>0</v>
      </c>
      <c r="J3788">
        <v>550</v>
      </c>
      <c r="K3788">
        <v>0</v>
      </c>
      <c r="L3788">
        <v>0</v>
      </c>
      <c r="M3788">
        <v>2617</v>
      </c>
      <c r="N3788">
        <v>0</v>
      </c>
      <c r="O3788">
        <v>0</v>
      </c>
      <c r="P3788">
        <v>-15235</v>
      </c>
      <c r="Q3788">
        <v>0</v>
      </c>
      <c r="R3788">
        <v>13552</v>
      </c>
      <c r="S3788">
        <v>0</v>
      </c>
      <c r="T3788">
        <v>0</v>
      </c>
      <c r="U3788">
        <v>0</v>
      </c>
      <c r="V3788">
        <v>3</v>
      </c>
      <c r="W3788">
        <v>1</v>
      </c>
      <c r="X3788">
        <v>0</v>
      </c>
      <c r="Y3788">
        <v>60</v>
      </c>
      <c r="Z3788">
        <v>20</v>
      </c>
      <c r="AA3788">
        <v>129</v>
      </c>
      <c r="AB3788">
        <v>34</v>
      </c>
      <c r="AC3788">
        <v>77</v>
      </c>
      <c r="AD3788">
        <v>65</v>
      </c>
      <c r="AE3788">
        <v>172</v>
      </c>
      <c r="AF3788">
        <v>9328</v>
      </c>
      <c r="AG3788">
        <v>130195</v>
      </c>
      <c r="AH3788">
        <v>50000</v>
      </c>
      <c r="AI3788">
        <v>0</v>
      </c>
      <c r="AJ3788">
        <v>108</v>
      </c>
      <c r="AK3788" t="s">
        <v>30</v>
      </c>
      <c r="AL3788">
        <v>0</v>
      </c>
      <c r="AM3788">
        <v>0</v>
      </c>
      <c r="AN3788">
        <v>0</v>
      </c>
      <c r="AO3788">
        <v>0</v>
      </c>
      <c r="AP3788">
        <v>0</v>
      </c>
      <c r="AQ3788">
        <v>0</v>
      </c>
      <c r="AR3788">
        <v>0</v>
      </c>
      <c r="AS3788">
        <v>0</v>
      </c>
      <c r="AT3788">
        <v>0</v>
      </c>
      <c r="AU3788">
        <v>0</v>
      </c>
      <c r="AV3788">
        <v>0</v>
      </c>
      <c r="AW3788">
        <v>0</v>
      </c>
      <c r="AX3788">
        <v>2530</v>
      </c>
      <c r="AY3788">
        <v>7</v>
      </c>
      <c r="AZ3788">
        <v>14</v>
      </c>
      <c r="BA3788">
        <v>1775</v>
      </c>
    </row>
    <row r="3789" spans="1:53" x14ac:dyDescent="0.4">
      <c r="A3789">
        <v>3833</v>
      </c>
      <c r="B3789" s="1">
        <v>44137</v>
      </c>
      <c r="C3789">
        <v>1</v>
      </c>
      <c r="D3789" s="1">
        <v>44137.291666666664</v>
      </c>
      <c r="E3789" s="1">
        <v>44137.441666666666</v>
      </c>
      <c r="F3789">
        <v>0</v>
      </c>
      <c r="G3789">
        <v>0</v>
      </c>
      <c r="H3789">
        <v>0</v>
      </c>
      <c r="I3789">
        <v>0</v>
      </c>
      <c r="J3789">
        <v>0</v>
      </c>
      <c r="K3789">
        <v>0</v>
      </c>
      <c r="L3789">
        <v>0</v>
      </c>
      <c r="M3789">
        <v>0</v>
      </c>
      <c r="N3789">
        <v>0</v>
      </c>
      <c r="O3789">
        <v>0</v>
      </c>
      <c r="P3789">
        <v>0</v>
      </c>
      <c r="Q3789">
        <v>0</v>
      </c>
      <c r="R3789">
        <v>0</v>
      </c>
      <c r="S3789">
        <v>0</v>
      </c>
      <c r="T3789">
        <v>0</v>
      </c>
      <c r="U3789">
        <v>0</v>
      </c>
      <c r="V3789">
        <v>0</v>
      </c>
      <c r="W3789">
        <v>0</v>
      </c>
      <c r="X3789">
        <v>0</v>
      </c>
      <c r="Y3789">
        <v>30</v>
      </c>
      <c r="Z3789">
        <v>8</v>
      </c>
      <c r="AA3789">
        <v>132</v>
      </c>
      <c r="AB3789">
        <v>30</v>
      </c>
      <c r="AC3789">
        <v>86</v>
      </c>
      <c r="AD3789">
        <v>64</v>
      </c>
      <c r="AE3789">
        <v>120</v>
      </c>
      <c r="AF3789">
        <v>0</v>
      </c>
      <c r="AG3789">
        <v>50000</v>
      </c>
      <c r="AH3789">
        <v>50000</v>
      </c>
      <c r="AI3789">
        <v>0</v>
      </c>
      <c r="AJ3789">
        <v>0</v>
      </c>
      <c r="AK3789" t="s">
        <v>6</v>
      </c>
      <c r="AL3789">
        <v>0</v>
      </c>
      <c r="AM3789">
        <v>0</v>
      </c>
      <c r="AN3789">
        <v>0</v>
      </c>
      <c r="AO3789">
        <v>0</v>
      </c>
      <c r="AP3789">
        <v>0</v>
      </c>
      <c r="AQ3789">
        <v>0</v>
      </c>
      <c r="AR3789">
        <v>0</v>
      </c>
      <c r="AS3789">
        <v>0</v>
      </c>
      <c r="AT3789">
        <v>0</v>
      </c>
      <c r="AU3789">
        <v>0</v>
      </c>
      <c r="AV3789">
        <v>0</v>
      </c>
      <c r="AW3789">
        <v>0</v>
      </c>
      <c r="AX3789">
        <v>0</v>
      </c>
      <c r="AY3789">
        <v>0</v>
      </c>
      <c r="AZ3789">
        <v>0</v>
      </c>
      <c r="BA3789">
        <v>0</v>
      </c>
    </row>
    <row r="3790" spans="1:53" x14ac:dyDescent="0.4">
      <c r="A3790">
        <v>3834</v>
      </c>
      <c r="B3790" s="1">
        <v>44137</v>
      </c>
      <c r="C3790">
        <v>2</v>
      </c>
      <c r="D3790" s="1">
        <v>44137.441666666666</v>
      </c>
      <c r="E3790" s="1">
        <v>44137.742361111108</v>
      </c>
      <c r="F3790">
        <v>14050</v>
      </c>
      <c r="G3790">
        <v>540</v>
      </c>
      <c r="H3790">
        <v>230</v>
      </c>
      <c r="I3790">
        <v>0</v>
      </c>
      <c r="J3790">
        <v>0</v>
      </c>
      <c r="K3790">
        <v>0</v>
      </c>
      <c r="L3790">
        <v>0</v>
      </c>
      <c r="M3790">
        <v>1482</v>
      </c>
      <c r="N3790">
        <v>0</v>
      </c>
      <c r="O3790">
        <v>0</v>
      </c>
      <c r="P3790">
        <v>11935</v>
      </c>
      <c r="Q3790">
        <v>0</v>
      </c>
      <c r="R3790">
        <v>28237</v>
      </c>
      <c r="S3790">
        <v>0</v>
      </c>
      <c r="T3790">
        <v>0</v>
      </c>
      <c r="U3790">
        <v>0</v>
      </c>
      <c r="V3790">
        <v>3</v>
      </c>
      <c r="W3790">
        <v>0</v>
      </c>
      <c r="X3790">
        <v>0</v>
      </c>
      <c r="Y3790">
        <v>24</v>
      </c>
      <c r="Z3790">
        <v>15</v>
      </c>
      <c r="AA3790">
        <v>132</v>
      </c>
      <c r="AB3790">
        <v>30</v>
      </c>
      <c r="AC3790">
        <v>96</v>
      </c>
      <c r="AD3790">
        <v>71</v>
      </c>
      <c r="AE3790">
        <v>117</v>
      </c>
      <c r="AF3790">
        <v>605</v>
      </c>
      <c r="AG3790">
        <v>78237</v>
      </c>
      <c r="AH3790">
        <v>50000</v>
      </c>
      <c r="AI3790">
        <v>0</v>
      </c>
      <c r="AJ3790">
        <v>84</v>
      </c>
      <c r="AK3790" t="s">
        <v>16</v>
      </c>
      <c r="AL3790">
        <v>0</v>
      </c>
      <c r="AM3790">
        <v>0</v>
      </c>
      <c r="AN3790">
        <v>0</v>
      </c>
      <c r="AO3790">
        <v>0</v>
      </c>
      <c r="AP3790">
        <v>0</v>
      </c>
      <c r="AQ3790">
        <v>0</v>
      </c>
      <c r="AR3790">
        <v>0</v>
      </c>
      <c r="AS3790">
        <v>0</v>
      </c>
      <c r="AT3790">
        <v>0</v>
      </c>
      <c r="AU3790">
        <v>0</v>
      </c>
      <c r="AV3790">
        <v>0</v>
      </c>
      <c r="AW3790">
        <v>0</v>
      </c>
      <c r="AX3790">
        <v>-1826</v>
      </c>
      <c r="AY3790">
        <v>22</v>
      </c>
      <c r="AZ3790">
        <v>42</v>
      </c>
      <c r="BA3790">
        <v>2459</v>
      </c>
    </row>
    <row r="3791" spans="1:53" x14ac:dyDescent="0.4">
      <c r="A3791">
        <v>3835</v>
      </c>
      <c r="B3791" s="1">
        <v>44137</v>
      </c>
      <c r="C3791">
        <v>3</v>
      </c>
      <c r="D3791" s="1">
        <v>44137.742361111108</v>
      </c>
      <c r="E3791" s="1">
        <v>44137.95416666667</v>
      </c>
      <c r="F3791">
        <v>14550</v>
      </c>
      <c r="G3791">
        <v>540</v>
      </c>
      <c r="H3791">
        <v>0</v>
      </c>
      <c r="I3791">
        <v>0</v>
      </c>
      <c r="J3791">
        <v>0</v>
      </c>
      <c r="K3791">
        <v>0</v>
      </c>
      <c r="L3791">
        <v>0</v>
      </c>
      <c r="M3791">
        <v>1509</v>
      </c>
      <c r="N3791">
        <v>0</v>
      </c>
      <c r="O3791">
        <v>0</v>
      </c>
      <c r="P3791">
        <v>-11935</v>
      </c>
      <c r="Q3791">
        <v>0</v>
      </c>
      <c r="R3791">
        <v>4664</v>
      </c>
      <c r="S3791">
        <v>0</v>
      </c>
      <c r="T3791">
        <v>0</v>
      </c>
      <c r="U3791">
        <v>0</v>
      </c>
      <c r="V3791">
        <v>2</v>
      </c>
      <c r="W3791">
        <v>0</v>
      </c>
      <c r="X3791">
        <v>0</v>
      </c>
      <c r="Y3791">
        <v>34</v>
      </c>
      <c r="Z3791">
        <v>15</v>
      </c>
      <c r="AA3791">
        <v>136</v>
      </c>
      <c r="AB3791">
        <v>30</v>
      </c>
      <c r="AC3791">
        <v>94</v>
      </c>
      <c r="AD3791">
        <v>70</v>
      </c>
      <c r="AE3791">
        <v>121</v>
      </c>
      <c r="AF3791">
        <v>4890</v>
      </c>
      <c r="AG3791">
        <v>82901</v>
      </c>
      <c r="AH3791">
        <v>50000</v>
      </c>
      <c r="AI3791">
        <v>0</v>
      </c>
      <c r="AJ3791">
        <v>107</v>
      </c>
      <c r="AK3791" t="s">
        <v>40</v>
      </c>
      <c r="AL3791">
        <v>0</v>
      </c>
      <c r="AM3791">
        <v>0</v>
      </c>
      <c r="AN3791">
        <v>0</v>
      </c>
      <c r="AO3791">
        <v>0</v>
      </c>
      <c r="AP3791">
        <v>0</v>
      </c>
      <c r="AQ3791">
        <v>0</v>
      </c>
      <c r="AR3791">
        <v>0</v>
      </c>
      <c r="AS3791">
        <v>0</v>
      </c>
      <c r="AT3791">
        <v>0</v>
      </c>
      <c r="AU3791">
        <v>0</v>
      </c>
      <c r="AV3791">
        <v>0</v>
      </c>
      <c r="AW3791">
        <v>0</v>
      </c>
      <c r="AX3791">
        <v>16335</v>
      </c>
      <c r="AY3791">
        <v>7</v>
      </c>
      <c r="AZ3791">
        <v>15</v>
      </c>
      <c r="BA3791">
        <v>1831</v>
      </c>
    </row>
    <row r="3792" spans="1:53" x14ac:dyDescent="0.4">
      <c r="A3792">
        <v>3836</v>
      </c>
      <c r="B3792" s="1">
        <v>44138</v>
      </c>
      <c r="C3792">
        <v>1</v>
      </c>
      <c r="D3792" s="1">
        <v>44138.291666666664</v>
      </c>
      <c r="E3792" s="1">
        <v>44138.400694444441</v>
      </c>
      <c r="F3792">
        <v>0</v>
      </c>
      <c r="G3792">
        <v>0</v>
      </c>
      <c r="H3792">
        <v>0</v>
      </c>
      <c r="I3792">
        <v>0</v>
      </c>
      <c r="J3792">
        <v>0</v>
      </c>
      <c r="K3792">
        <v>0</v>
      </c>
      <c r="L3792">
        <v>0</v>
      </c>
      <c r="M3792">
        <v>0</v>
      </c>
      <c r="N3792">
        <v>0</v>
      </c>
      <c r="O3792">
        <v>0</v>
      </c>
      <c r="P3792">
        <v>0</v>
      </c>
      <c r="Q3792">
        <v>0</v>
      </c>
      <c r="R3792">
        <v>0</v>
      </c>
      <c r="S3792">
        <v>0</v>
      </c>
      <c r="T3792">
        <v>0</v>
      </c>
      <c r="U3792">
        <v>0</v>
      </c>
      <c r="V3792">
        <v>0</v>
      </c>
      <c r="W3792">
        <v>0</v>
      </c>
      <c r="X3792">
        <v>0</v>
      </c>
      <c r="Y3792">
        <v>25</v>
      </c>
      <c r="Z3792">
        <v>15</v>
      </c>
      <c r="AA3792">
        <v>144</v>
      </c>
      <c r="AB3792">
        <v>32</v>
      </c>
      <c r="AC3792">
        <v>103</v>
      </c>
      <c r="AD3792">
        <v>70</v>
      </c>
      <c r="AE3792">
        <v>120</v>
      </c>
      <c r="AF3792">
        <v>0</v>
      </c>
      <c r="AG3792">
        <v>50000</v>
      </c>
      <c r="AH3792">
        <v>50000</v>
      </c>
      <c r="AI3792">
        <v>0</v>
      </c>
      <c r="AJ3792">
        <v>0</v>
      </c>
      <c r="AK3792" t="s">
        <v>6</v>
      </c>
      <c r="AL3792">
        <v>0</v>
      </c>
      <c r="AM3792">
        <v>0</v>
      </c>
      <c r="AN3792">
        <v>0</v>
      </c>
      <c r="AO3792">
        <v>0</v>
      </c>
      <c r="AP3792">
        <v>0</v>
      </c>
      <c r="AQ3792">
        <v>0</v>
      </c>
      <c r="AR3792">
        <v>0</v>
      </c>
      <c r="AS3792">
        <v>0</v>
      </c>
      <c r="AT3792">
        <v>0</v>
      </c>
      <c r="AU3792">
        <v>0</v>
      </c>
      <c r="AV3792">
        <v>0</v>
      </c>
      <c r="AW3792">
        <v>0</v>
      </c>
      <c r="AX3792">
        <v>0</v>
      </c>
      <c r="AY3792">
        <v>0</v>
      </c>
      <c r="AZ3792">
        <v>0</v>
      </c>
      <c r="BA3792">
        <v>0</v>
      </c>
    </row>
    <row r="3793" spans="1:53" x14ac:dyDescent="0.4">
      <c r="A3793">
        <v>3837</v>
      </c>
      <c r="B3793" s="1">
        <v>44138</v>
      </c>
      <c r="C3793">
        <v>2</v>
      </c>
      <c r="D3793" s="1">
        <v>44138.400694444441</v>
      </c>
      <c r="E3793" s="1">
        <v>44138.754166666666</v>
      </c>
      <c r="F3793">
        <v>45000</v>
      </c>
      <c r="G3793">
        <v>3780</v>
      </c>
      <c r="H3793">
        <v>60</v>
      </c>
      <c r="I3793">
        <v>0</v>
      </c>
      <c r="J3793">
        <v>400</v>
      </c>
      <c r="K3793">
        <v>0</v>
      </c>
      <c r="L3793">
        <v>0</v>
      </c>
      <c r="M3793">
        <v>4844</v>
      </c>
      <c r="N3793">
        <v>0</v>
      </c>
      <c r="O3793">
        <v>0</v>
      </c>
      <c r="P3793">
        <v>26620</v>
      </c>
      <c r="Q3793">
        <v>0</v>
      </c>
      <c r="R3793">
        <v>79904</v>
      </c>
      <c r="S3793">
        <v>0</v>
      </c>
      <c r="T3793">
        <v>0</v>
      </c>
      <c r="U3793">
        <v>0</v>
      </c>
      <c r="V3793">
        <v>1</v>
      </c>
      <c r="W3793">
        <v>2</v>
      </c>
      <c r="X3793">
        <v>0</v>
      </c>
      <c r="Y3793">
        <v>76</v>
      </c>
      <c r="Z3793">
        <v>30</v>
      </c>
      <c r="AA3793">
        <v>144</v>
      </c>
      <c r="AB3793">
        <v>18</v>
      </c>
      <c r="AC3793">
        <v>64</v>
      </c>
      <c r="AD3793">
        <v>74</v>
      </c>
      <c r="AE3793">
        <v>174</v>
      </c>
      <c r="AF3793">
        <v>2420</v>
      </c>
      <c r="AG3793">
        <v>129904</v>
      </c>
      <c r="AH3793">
        <v>50000</v>
      </c>
      <c r="AI3793">
        <v>0</v>
      </c>
      <c r="AJ3793">
        <v>110</v>
      </c>
      <c r="AK3793" t="s">
        <v>48</v>
      </c>
      <c r="AL3793">
        <v>0</v>
      </c>
      <c r="AM3793">
        <v>0</v>
      </c>
      <c r="AN3793">
        <v>0</v>
      </c>
      <c r="AO3793">
        <v>0</v>
      </c>
      <c r="AP3793">
        <v>0</v>
      </c>
      <c r="AQ3793">
        <v>0</v>
      </c>
      <c r="AR3793">
        <v>0</v>
      </c>
      <c r="AS3793">
        <v>0</v>
      </c>
      <c r="AT3793">
        <v>0</v>
      </c>
      <c r="AU3793">
        <v>0</v>
      </c>
      <c r="AV3793">
        <v>0</v>
      </c>
      <c r="AW3793">
        <v>0</v>
      </c>
      <c r="AX3793">
        <v>0</v>
      </c>
      <c r="AY3793">
        <v>51</v>
      </c>
      <c r="AZ3793">
        <v>120</v>
      </c>
      <c r="BA3793">
        <v>7643</v>
      </c>
    </row>
    <row r="3794" spans="1:53" x14ac:dyDescent="0.4">
      <c r="A3794">
        <v>3838</v>
      </c>
      <c r="B3794" s="1">
        <v>44139</v>
      </c>
      <c r="C3794">
        <v>1</v>
      </c>
      <c r="D3794" s="1">
        <v>44139.291666666664</v>
      </c>
      <c r="E3794" s="1">
        <v>44139.416666666664</v>
      </c>
      <c r="F3794">
        <v>0</v>
      </c>
      <c r="G3794">
        <v>0</v>
      </c>
      <c r="H3794">
        <v>0</v>
      </c>
      <c r="I3794">
        <v>0</v>
      </c>
      <c r="J3794">
        <v>0</v>
      </c>
      <c r="K3794">
        <v>0</v>
      </c>
      <c r="L3794">
        <v>0</v>
      </c>
      <c r="M3794">
        <v>0</v>
      </c>
      <c r="N3794">
        <v>0</v>
      </c>
      <c r="O3794">
        <v>0</v>
      </c>
      <c r="P3794">
        <v>0</v>
      </c>
      <c r="Q3794">
        <v>0</v>
      </c>
      <c r="R3794">
        <v>0</v>
      </c>
      <c r="S3794">
        <v>0</v>
      </c>
      <c r="T3794">
        <v>0</v>
      </c>
      <c r="U3794">
        <v>0</v>
      </c>
      <c r="V3794">
        <v>0</v>
      </c>
      <c r="W3794">
        <v>0</v>
      </c>
      <c r="X3794">
        <v>0</v>
      </c>
      <c r="Y3794">
        <v>34</v>
      </c>
      <c r="Z3794">
        <v>8</v>
      </c>
      <c r="AA3794">
        <v>101</v>
      </c>
      <c r="AB3794">
        <v>15</v>
      </c>
      <c r="AC3794">
        <v>59</v>
      </c>
      <c r="AD3794">
        <v>78</v>
      </c>
      <c r="AE3794">
        <v>170</v>
      </c>
      <c r="AF3794">
        <v>0</v>
      </c>
      <c r="AG3794">
        <v>50000</v>
      </c>
      <c r="AH3794">
        <v>50000</v>
      </c>
      <c r="AI3794">
        <v>0</v>
      </c>
      <c r="AJ3794">
        <v>0</v>
      </c>
      <c r="AK3794" t="s">
        <v>6</v>
      </c>
      <c r="AL3794">
        <v>0</v>
      </c>
      <c r="AM3794">
        <v>0</v>
      </c>
      <c r="AN3794">
        <v>0</v>
      </c>
      <c r="AO3794">
        <v>0</v>
      </c>
      <c r="AP3794">
        <v>0</v>
      </c>
      <c r="AQ3794">
        <v>0</v>
      </c>
      <c r="AR3794">
        <v>0</v>
      </c>
      <c r="AS3794">
        <v>0</v>
      </c>
      <c r="AT3794">
        <v>0</v>
      </c>
      <c r="AU3794">
        <v>0</v>
      </c>
      <c r="AV3794">
        <v>0</v>
      </c>
      <c r="AW3794">
        <v>0</v>
      </c>
      <c r="AX3794">
        <v>0</v>
      </c>
      <c r="AY3794">
        <v>0</v>
      </c>
      <c r="AZ3794">
        <v>0</v>
      </c>
      <c r="BA3794">
        <v>0</v>
      </c>
    </row>
    <row r="3795" spans="1:53" x14ac:dyDescent="0.4">
      <c r="A3795">
        <v>3839</v>
      </c>
      <c r="B3795" s="1">
        <v>44139</v>
      </c>
      <c r="C3795">
        <v>2</v>
      </c>
      <c r="D3795" s="1">
        <v>44139.416666666664</v>
      </c>
      <c r="E3795" s="1">
        <v>44139.743055555555</v>
      </c>
      <c r="F3795">
        <v>10400</v>
      </c>
      <c r="G3795">
        <v>280</v>
      </c>
      <c r="H3795">
        <v>0</v>
      </c>
      <c r="I3795">
        <v>0</v>
      </c>
      <c r="J3795">
        <v>0</v>
      </c>
      <c r="K3795">
        <v>0</v>
      </c>
      <c r="L3795">
        <v>0</v>
      </c>
      <c r="M3795">
        <v>1068</v>
      </c>
      <c r="N3795">
        <v>0</v>
      </c>
      <c r="O3795">
        <v>0</v>
      </c>
      <c r="P3795">
        <v>14355</v>
      </c>
      <c r="Q3795">
        <v>0</v>
      </c>
      <c r="R3795">
        <v>26103</v>
      </c>
      <c r="S3795">
        <v>0</v>
      </c>
      <c r="T3795">
        <v>0</v>
      </c>
      <c r="U3795">
        <v>0</v>
      </c>
      <c r="V3795">
        <v>0</v>
      </c>
      <c r="W3795">
        <v>4</v>
      </c>
      <c r="X3795">
        <v>0</v>
      </c>
      <c r="Y3795">
        <v>39</v>
      </c>
      <c r="Z3795">
        <v>11</v>
      </c>
      <c r="AA3795">
        <v>84</v>
      </c>
      <c r="AB3795">
        <v>8</v>
      </c>
      <c r="AC3795">
        <v>56</v>
      </c>
      <c r="AD3795">
        <v>81</v>
      </c>
      <c r="AE3795">
        <v>188</v>
      </c>
      <c r="AF3795">
        <v>1650</v>
      </c>
      <c r="AG3795">
        <v>76103</v>
      </c>
      <c r="AH3795">
        <v>50000</v>
      </c>
      <c r="AI3795">
        <v>0</v>
      </c>
      <c r="AJ3795">
        <v>109</v>
      </c>
      <c r="AK3795" t="s">
        <v>29</v>
      </c>
      <c r="AL3795">
        <v>0</v>
      </c>
      <c r="AM3795">
        <v>0</v>
      </c>
      <c r="AN3795">
        <v>0</v>
      </c>
      <c r="AO3795">
        <v>0</v>
      </c>
      <c r="AP3795">
        <v>0</v>
      </c>
      <c r="AQ3795">
        <v>0</v>
      </c>
      <c r="AR3795">
        <v>0</v>
      </c>
      <c r="AS3795">
        <v>0</v>
      </c>
      <c r="AT3795">
        <v>0</v>
      </c>
      <c r="AU3795">
        <v>0</v>
      </c>
      <c r="AV3795">
        <v>0</v>
      </c>
      <c r="AW3795">
        <v>0</v>
      </c>
      <c r="AX3795">
        <v>616</v>
      </c>
      <c r="AY3795">
        <v>22</v>
      </c>
      <c r="AZ3795">
        <v>36</v>
      </c>
      <c r="BA3795">
        <v>2807</v>
      </c>
    </row>
    <row r="3796" spans="1:53" x14ac:dyDescent="0.4">
      <c r="A3796">
        <v>3840</v>
      </c>
      <c r="B3796" s="1">
        <v>44140</v>
      </c>
      <c r="C3796">
        <v>1</v>
      </c>
      <c r="D3796" s="1">
        <v>44140.291666666664</v>
      </c>
      <c r="E3796" s="1">
        <v>44140.415972222225</v>
      </c>
      <c r="F3796">
        <v>0</v>
      </c>
      <c r="G3796">
        <v>0</v>
      </c>
      <c r="H3796">
        <v>0</v>
      </c>
      <c r="I3796">
        <v>0</v>
      </c>
      <c r="J3796">
        <v>0</v>
      </c>
      <c r="K3796">
        <v>0</v>
      </c>
      <c r="L3796">
        <v>0</v>
      </c>
      <c r="M3796">
        <v>0</v>
      </c>
      <c r="N3796">
        <v>0</v>
      </c>
      <c r="O3796">
        <v>0</v>
      </c>
      <c r="P3796">
        <v>0</v>
      </c>
      <c r="Q3796">
        <v>0</v>
      </c>
      <c r="R3796">
        <v>0</v>
      </c>
      <c r="S3796">
        <v>0</v>
      </c>
      <c r="T3796">
        <v>0</v>
      </c>
      <c r="U3796">
        <v>0</v>
      </c>
      <c r="V3796">
        <v>0</v>
      </c>
      <c r="W3796">
        <v>0</v>
      </c>
      <c r="X3796">
        <v>0</v>
      </c>
      <c r="Y3796">
        <v>28</v>
      </c>
      <c r="Z3796">
        <v>9</v>
      </c>
      <c r="AA3796">
        <v>136</v>
      </c>
      <c r="AB3796">
        <v>56</v>
      </c>
      <c r="AC3796">
        <v>57</v>
      </c>
      <c r="AD3796">
        <v>80</v>
      </c>
      <c r="AE3796">
        <v>130</v>
      </c>
      <c r="AF3796">
        <v>0</v>
      </c>
      <c r="AG3796">
        <v>50000</v>
      </c>
      <c r="AH3796">
        <v>50000</v>
      </c>
      <c r="AI3796">
        <v>0</v>
      </c>
      <c r="AJ3796">
        <v>0</v>
      </c>
      <c r="AK3796" t="s">
        <v>6</v>
      </c>
      <c r="AL3796">
        <v>0</v>
      </c>
      <c r="AM3796">
        <v>0</v>
      </c>
      <c r="AN3796">
        <v>0</v>
      </c>
      <c r="AO3796">
        <v>0</v>
      </c>
      <c r="AP3796">
        <v>0</v>
      </c>
      <c r="AQ3796">
        <v>0</v>
      </c>
      <c r="AR3796">
        <v>0</v>
      </c>
      <c r="AS3796">
        <v>0</v>
      </c>
      <c r="AT3796">
        <v>0</v>
      </c>
      <c r="AU3796">
        <v>0</v>
      </c>
      <c r="AV3796">
        <v>0</v>
      </c>
      <c r="AW3796">
        <v>0</v>
      </c>
      <c r="AX3796">
        <v>0</v>
      </c>
      <c r="AY3796">
        <v>0</v>
      </c>
      <c r="AZ3796">
        <v>0</v>
      </c>
      <c r="BA3796">
        <v>0</v>
      </c>
    </row>
    <row r="3797" spans="1:53" x14ac:dyDescent="0.4">
      <c r="A3797">
        <v>3841</v>
      </c>
      <c r="B3797" s="1">
        <v>44140</v>
      </c>
      <c r="C3797">
        <v>2</v>
      </c>
      <c r="D3797" s="1">
        <v>44140.415972222225</v>
      </c>
      <c r="E3797" s="1">
        <v>44140.736111111109</v>
      </c>
      <c r="F3797">
        <v>9450</v>
      </c>
      <c r="G3797">
        <v>540</v>
      </c>
      <c r="H3797">
        <v>200</v>
      </c>
      <c r="I3797">
        <v>0</v>
      </c>
      <c r="J3797">
        <v>0</v>
      </c>
      <c r="K3797">
        <v>0</v>
      </c>
      <c r="L3797">
        <v>0</v>
      </c>
      <c r="M3797">
        <v>1019</v>
      </c>
      <c r="N3797">
        <v>0</v>
      </c>
      <c r="O3797">
        <v>0</v>
      </c>
      <c r="P3797">
        <v>4840</v>
      </c>
      <c r="Q3797">
        <v>0</v>
      </c>
      <c r="R3797">
        <v>16049</v>
      </c>
      <c r="S3797">
        <v>0</v>
      </c>
      <c r="T3797">
        <v>0</v>
      </c>
      <c r="U3797">
        <v>0</v>
      </c>
      <c r="V3797">
        <v>0</v>
      </c>
      <c r="W3797">
        <v>0</v>
      </c>
      <c r="X3797">
        <v>0</v>
      </c>
      <c r="Y3797">
        <v>40</v>
      </c>
      <c r="Z3797">
        <v>13</v>
      </c>
      <c r="AA3797">
        <v>157</v>
      </c>
      <c r="AB3797">
        <v>53</v>
      </c>
      <c r="AC3797">
        <v>67</v>
      </c>
      <c r="AD3797">
        <v>77</v>
      </c>
      <c r="AE3797">
        <v>144</v>
      </c>
      <c r="AF3797">
        <v>0</v>
      </c>
      <c r="AG3797">
        <v>66049</v>
      </c>
      <c r="AH3797">
        <v>50000</v>
      </c>
      <c r="AI3797">
        <v>0</v>
      </c>
      <c r="AJ3797">
        <v>107</v>
      </c>
      <c r="AK3797" t="s">
        <v>40</v>
      </c>
      <c r="AL3797">
        <v>0</v>
      </c>
      <c r="AM3797">
        <v>0</v>
      </c>
      <c r="AN3797">
        <v>0</v>
      </c>
      <c r="AO3797">
        <v>0</v>
      </c>
      <c r="AP3797">
        <v>0</v>
      </c>
      <c r="AQ3797">
        <v>0</v>
      </c>
      <c r="AR3797">
        <v>0</v>
      </c>
      <c r="AS3797">
        <v>0</v>
      </c>
      <c r="AT3797">
        <v>0</v>
      </c>
      <c r="AU3797">
        <v>0</v>
      </c>
      <c r="AV3797">
        <v>0</v>
      </c>
      <c r="AW3797">
        <v>0</v>
      </c>
      <c r="AX3797">
        <v>0</v>
      </c>
      <c r="AY3797">
        <v>13</v>
      </c>
      <c r="AZ3797">
        <v>23</v>
      </c>
      <c r="BA3797">
        <v>2001</v>
      </c>
    </row>
    <row r="3798" spans="1:53" x14ac:dyDescent="0.4">
      <c r="A3798">
        <v>3842</v>
      </c>
      <c r="B3798" s="1">
        <v>44140</v>
      </c>
      <c r="C3798">
        <v>3</v>
      </c>
      <c r="D3798" s="1">
        <v>44140.736111111109</v>
      </c>
      <c r="E3798" s="1">
        <v>44140.951388888891</v>
      </c>
      <c r="F3798">
        <v>5500</v>
      </c>
      <c r="G3798">
        <v>0</v>
      </c>
      <c r="H3798">
        <v>0</v>
      </c>
      <c r="I3798">
        <v>0</v>
      </c>
      <c r="J3798">
        <v>0</v>
      </c>
      <c r="K3798">
        <v>0</v>
      </c>
      <c r="L3798">
        <v>0</v>
      </c>
      <c r="M3798">
        <v>550</v>
      </c>
      <c r="N3798">
        <v>0</v>
      </c>
      <c r="O3798">
        <v>0</v>
      </c>
      <c r="P3798">
        <v>-4840</v>
      </c>
      <c r="Q3798">
        <v>0</v>
      </c>
      <c r="R3798">
        <v>1210</v>
      </c>
      <c r="S3798">
        <v>0</v>
      </c>
      <c r="T3798">
        <v>0</v>
      </c>
      <c r="U3798">
        <v>0</v>
      </c>
      <c r="V3798">
        <v>0</v>
      </c>
      <c r="W3798">
        <v>0</v>
      </c>
      <c r="X3798">
        <v>0</v>
      </c>
      <c r="Y3798">
        <v>40</v>
      </c>
      <c r="Z3798">
        <v>13</v>
      </c>
      <c r="AA3798">
        <v>157</v>
      </c>
      <c r="AB3798">
        <v>53</v>
      </c>
      <c r="AC3798">
        <v>67</v>
      </c>
      <c r="AD3798">
        <v>77</v>
      </c>
      <c r="AE3798">
        <v>144</v>
      </c>
      <c r="AF3798">
        <v>1210</v>
      </c>
      <c r="AG3798">
        <v>67259</v>
      </c>
      <c r="AH3798">
        <v>50000</v>
      </c>
      <c r="AI3798">
        <v>0</v>
      </c>
      <c r="AJ3798">
        <v>84</v>
      </c>
      <c r="AK3798" t="s">
        <v>16</v>
      </c>
      <c r="AL3798">
        <v>0</v>
      </c>
      <c r="AM3798">
        <v>0</v>
      </c>
      <c r="AN3798">
        <v>0</v>
      </c>
      <c r="AO3798">
        <v>0</v>
      </c>
      <c r="AP3798">
        <v>0</v>
      </c>
      <c r="AQ3798">
        <v>0</v>
      </c>
      <c r="AR3798">
        <v>0</v>
      </c>
      <c r="AS3798">
        <v>0</v>
      </c>
      <c r="AT3798">
        <v>0</v>
      </c>
      <c r="AU3798">
        <v>0</v>
      </c>
      <c r="AV3798">
        <v>0</v>
      </c>
      <c r="AW3798">
        <v>0</v>
      </c>
      <c r="AX3798">
        <v>7810</v>
      </c>
      <c r="AY3798">
        <v>3</v>
      </c>
      <c r="AZ3798">
        <v>7</v>
      </c>
      <c r="BA3798">
        <v>469</v>
      </c>
    </row>
    <row r="3799" spans="1:53" x14ac:dyDescent="0.4">
      <c r="A3799">
        <v>3843</v>
      </c>
      <c r="B3799" s="1">
        <v>44141</v>
      </c>
      <c r="C3799">
        <v>1</v>
      </c>
      <c r="D3799" s="1">
        <v>44141.291666666664</v>
      </c>
      <c r="E3799" s="1">
        <v>44141.415972222225</v>
      </c>
      <c r="F3799">
        <v>0</v>
      </c>
      <c r="G3799">
        <v>0</v>
      </c>
      <c r="H3799">
        <v>0</v>
      </c>
      <c r="I3799">
        <v>0</v>
      </c>
      <c r="J3799">
        <v>0</v>
      </c>
      <c r="K3799">
        <v>0</v>
      </c>
      <c r="L3799">
        <v>0</v>
      </c>
      <c r="M3799">
        <v>0</v>
      </c>
      <c r="N3799">
        <v>0</v>
      </c>
      <c r="O3799">
        <v>0</v>
      </c>
      <c r="P3799">
        <v>0</v>
      </c>
      <c r="Q3799">
        <v>0</v>
      </c>
      <c r="R3799">
        <v>0</v>
      </c>
      <c r="S3799">
        <v>0</v>
      </c>
      <c r="T3799">
        <v>0</v>
      </c>
      <c r="U3799">
        <v>0</v>
      </c>
      <c r="V3799">
        <v>0</v>
      </c>
      <c r="W3799">
        <v>0</v>
      </c>
      <c r="X3799">
        <v>0</v>
      </c>
      <c r="Y3799">
        <v>30</v>
      </c>
      <c r="Z3799">
        <v>10</v>
      </c>
      <c r="AA3799">
        <v>108</v>
      </c>
      <c r="AB3799">
        <v>61</v>
      </c>
      <c r="AC3799">
        <v>66</v>
      </c>
      <c r="AD3799">
        <v>70</v>
      </c>
      <c r="AE3799">
        <v>140</v>
      </c>
      <c r="AF3799">
        <v>0</v>
      </c>
      <c r="AG3799">
        <v>50000</v>
      </c>
      <c r="AH3799">
        <v>50000</v>
      </c>
      <c r="AI3799">
        <v>0</v>
      </c>
      <c r="AJ3799">
        <v>0</v>
      </c>
      <c r="AK3799" t="s">
        <v>6</v>
      </c>
      <c r="AL3799">
        <v>0</v>
      </c>
      <c r="AM3799">
        <v>0</v>
      </c>
      <c r="AN3799">
        <v>0</v>
      </c>
      <c r="AO3799">
        <v>0</v>
      </c>
      <c r="AP3799">
        <v>0</v>
      </c>
      <c r="AQ3799">
        <v>0</v>
      </c>
      <c r="AR3799">
        <v>0</v>
      </c>
      <c r="AS3799">
        <v>0</v>
      </c>
      <c r="AT3799">
        <v>0</v>
      </c>
      <c r="AU3799">
        <v>0</v>
      </c>
      <c r="AV3799">
        <v>0</v>
      </c>
      <c r="AW3799">
        <v>0</v>
      </c>
      <c r="AX3799">
        <v>0</v>
      </c>
      <c r="AY3799">
        <v>0</v>
      </c>
      <c r="AZ3799">
        <v>0</v>
      </c>
      <c r="BA3799">
        <v>0</v>
      </c>
    </row>
    <row r="3800" spans="1:53" x14ac:dyDescent="0.4">
      <c r="A3800">
        <v>3844</v>
      </c>
      <c r="B3800" s="1">
        <v>44141</v>
      </c>
      <c r="C3800">
        <v>2</v>
      </c>
      <c r="D3800" s="1">
        <v>44141.415972222225</v>
      </c>
      <c r="E3800" s="1">
        <v>44141.740972222222</v>
      </c>
      <c r="F3800">
        <v>9650</v>
      </c>
      <c r="G3800">
        <v>940</v>
      </c>
      <c r="H3800">
        <v>0</v>
      </c>
      <c r="I3800">
        <v>0</v>
      </c>
      <c r="J3800">
        <v>0</v>
      </c>
      <c r="K3800">
        <v>0</v>
      </c>
      <c r="L3800">
        <v>0</v>
      </c>
      <c r="M3800">
        <v>1059</v>
      </c>
      <c r="N3800">
        <v>0</v>
      </c>
      <c r="O3800">
        <v>0</v>
      </c>
      <c r="P3800">
        <v>12760</v>
      </c>
      <c r="Q3800">
        <v>0</v>
      </c>
      <c r="R3800">
        <v>24409</v>
      </c>
      <c r="S3800">
        <v>0</v>
      </c>
      <c r="T3800">
        <v>0</v>
      </c>
      <c r="U3800">
        <v>0</v>
      </c>
      <c r="V3800">
        <v>0</v>
      </c>
      <c r="W3800">
        <v>0</v>
      </c>
      <c r="X3800">
        <v>0</v>
      </c>
      <c r="Y3800">
        <v>52</v>
      </c>
      <c r="Z3800">
        <v>13</v>
      </c>
      <c r="AA3800">
        <v>110</v>
      </c>
      <c r="AB3800">
        <v>59</v>
      </c>
      <c r="AC3800">
        <v>66</v>
      </c>
      <c r="AD3800">
        <v>64</v>
      </c>
      <c r="AE3800">
        <v>154</v>
      </c>
      <c r="AF3800">
        <v>825</v>
      </c>
      <c r="AG3800">
        <v>74409</v>
      </c>
      <c r="AH3800">
        <v>50000</v>
      </c>
      <c r="AI3800">
        <v>0</v>
      </c>
      <c r="AJ3800">
        <v>98</v>
      </c>
      <c r="AK3800" t="s">
        <v>35</v>
      </c>
      <c r="AL3800">
        <v>0</v>
      </c>
      <c r="AM3800">
        <v>0</v>
      </c>
      <c r="AN3800">
        <v>0</v>
      </c>
      <c r="AO3800">
        <v>0</v>
      </c>
      <c r="AP3800">
        <v>0</v>
      </c>
      <c r="AQ3800">
        <v>0</v>
      </c>
      <c r="AR3800">
        <v>0</v>
      </c>
      <c r="AS3800">
        <v>0</v>
      </c>
      <c r="AT3800">
        <v>0</v>
      </c>
      <c r="AU3800">
        <v>0</v>
      </c>
      <c r="AV3800">
        <v>0</v>
      </c>
      <c r="AW3800">
        <v>0</v>
      </c>
      <c r="AX3800">
        <v>-2937</v>
      </c>
      <c r="AY3800">
        <v>21</v>
      </c>
      <c r="AZ3800">
        <v>35</v>
      </c>
      <c r="BA3800">
        <v>2349</v>
      </c>
    </row>
    <row r="3801" spans="1:53" x14ac:dyDescent="0.4">
      <c r="A3801">
        <v>3845</v>
      </c>
      <c r="B3801" s="1">
        <v>44142</v>
      </c>
      <c r="C3801">
        <v>1</v>
      </c>
      <c r="D3801" s="1">
        <v>44142.291666666664</v>
      </c>
      <c r="E3801" s="1">
        <v>44142.400694444441</v>
      </c>
      <c r="F3801">
        <v>0</v>
      </c>
      <c r="G3801">
        <v>0</v>
      </c>
      <c r="H3801">
        <v>0</v>
      </c>
      <c r="I3801">
        <v>0</v>
      </c>
      <c r="J3801">
        <v>0</v>
      </c>
      <c r="K3801">
        <v>0</v>
      </c>
      <c r="L3801">
        <v>0</v>
      </c>
      <c r="M3801">
        <v>0</v>
      </c>
      <c r="N3801">
        <v>0</v>
      </c>
      <c r="O3801">
        <v>0</v>
      </c>
      <c r="P3801">
        <v>0</v>
      </c>
      <c r="Q3801">
        <v>0</v>
      </c>
      <c r="R3801">
        <v>0</v>
      </c>
      <c r="S3801">
        <v>0</v>
      </c>
      <c r="T3801">
        <v>0</v>
      </c>
      <c r="U3801">
        <v>0</v>
      </c>
      <c r="V3801">
        <v>0</v>
      </c>
      <c r="W3801">
        <v>0</v>
      </c>
      <c r="X3801">
        <v>0</v>
      </c>
      <c r="Y3801">
        <v>30</v>
      </c>
      <c r="Z3801">
        <v>10</v>
      </c>
      <c r="AA3801">
        <v>115</v>
      </c>
      <c r="AB3801">
        <v>54</v>
      </c>
      <c r="AC3801">
        <v>42</v>
      </c>
      <c r="AD3801">
        <v>58</v>
      </c>
      <c r="AE3801">
        <v>90</v>
      </c>
      <c r="AF3801">
        <v>0</v>
      </c>
      <c r="AG3801">
        <v>50000</v>
      </c>
      <c r="AH3801">
        <v>50000</v>
      </c>
      <c r="AI3801">
        <v>0</v>
      </c>
      <c r="AJ3801">
        <v>0</v>
      </c>
      <c r="AK3801" t="s">
        <v>6</v>
      </c>
      <c r="AL3801">
        <v>0</v>
      </c>
      <c r="AM3801">
        <v>0</v>
      </c>
      <c r="AN3801">
        <v>0</v>
      </c>
      <c r="AO3801">
        <v>0</v>
      </c>
      <c r="AP3801">
        <v>0</v>
      </c>
      <c r="AQ3801">
        <v>0</v>
      </c>
      <c r="AR3801">
        <v>0</v>
      </c>
      <c r="AS3801">
        <v>0</v>
      </c>
      <c r="AT3801">
        <v>0</v>
      </c>
      <c r="AU3801">
        <v>0</v>
      </c>
      <c r="AV3801">
        <v>0</v>
      </c>
      <c r="AW3801">
        <v>0</v>
      </c>
      <c r="AX3801">
        <v>0</v>
      </c>
      <c r="AY3801">
        <v>0</v>
      </c>
      <c r="AZ3801">
        <v>0</v>
      </c>
      <c r="BA3801">
        <v>0</v>
      </c>
    </row>
    <row r="3802" spans="1:53" x14ac:dyDescent="0.4">
      <c r="A3802">
        <v>3846</v>
      </c>
      <c r="B3802" s="1">
        <v>44142</v>
      </c>
      <c r="C3802">
        <v>2</v>
      </c>
      <c r="D3802" s="1">
        <v>44142.400694444441</v>
      </c>
      <c r="E3802" s="1">
        <v>44142.727777777778</v>
      </c>
      <c r="F3802">
        <v>34950</v>
      </c>
      <c r="G3802">
        <v>1660</v>
      </c>
      <c r="H3802">
        <v>60</v>
      </c>
      <c r="I3802">
        <v>0</v>
      </c>
      <c r="J3802">
        <v>100</v>
      </c>
      <c r="K3802">
        <v>275</v>
      </c>
      <c r="L3802">
        <v>0</v>
      </c>
      <c r="M3802">
        <v>3684</v>
      </c>
      <c r="N3802">
        <v>0</v>
      </c>
      <c r="O3802">
        <v>0</v>
      </c>
      <c r="P3802">
        <v>15598</v>
      </c>
      <c r="Q3802">
        <v>0</v>
      </c>
      <c r="R3802">
        <v>56127</v>
      </c>
      <c r="S3802">
        <v>0</v>
      </c>
      <c r="T3802">
        <v>0</v>
      </c>
      <c r="U3802">
        <v>0</v>
      </c>
      <c r="V3802">
        <v>4</v>
      </c>
      <c r="W3802">
        <v>1</v>
      </c>
      <c r="X3802">
        <v>0</v>
      </c>
      <c r="Y3802">
        <v>32</v>
      </c>
      <c r="Z3802">
        <v>23</v>
      </c>
      <c r="AA3802">
        <v>137</v>
      </c>
      <c r="AB3802">
        <v>47</v>
      </c>
      <c r="AC3802">
        <v>35</v>
      </c>
      <c r="AD3802">
        <v>56</v>
      </c>
      <c r="AE3802">
        <v>122</v>
      </c>
      <c r="AF3802">
        <v>825</v>
      </c>
      <c r="AG3802">
        <v>106127</v>
      </c>
      <c r="AH3802">
        <v>50000</v>
      </c>
      <c r="AI3802">
        <v>0</v>
      </c>
      <c r="AJ3802">
        <v>98</v>
      </c>
      <c r="AK3802" t="s">
        <v>35</v>
      </c>
      <c r="AL3802">
        <v>0</v>
      </c>
      <c r="AM3802">
        <v>0</v>
      </c>
      <c r="AN3802">
        <v>0</v>
      </c>
      <c r="AO3802">
        <v>0</v>
      </c>
      <c r="AP3802">
        <v>0</v>
      </c>
      <c r="AQ3802">
        <v>0</v>
      </c>
      <c r="AR3802">
        <v>0</v>
      </c>
      <c r="AS3802">
        <v>0</v>
      </c>
      <c r="AT3802">
        <v>0</v>
      </c>
      <c r="AU3802">
        <v>0</v>
      </c>
      <c r="AV3802">
        <v>0</v>
      </c>
      <c r="AW3802">
        <v>0</v>
      </c>
      <c r="AX3802">
        <v>-462</v>
      </c>
      <c r="AY3802">
        <v>44</v>
      </c>
      <c r="AZ3802">
        <v>87</v>
      </c>
      <c r="BA3802">
        <v>6404</v>
      </c>
    </row>
    <row r="3803" spans="1:53" x14ac:dyDescent="0.4">
      <c r="A3803">
        <v>3847</v>
      </c>
      <c r="B3803" s="1">
        <v>44142</v>
      </c>
      <c r="C3803">
        <v>3</v>
      </c>
      <c r="D3803" s="1">
        <v>44142.727777777778</v>
      </c>
      <c r="E3803" s="1">
        <v>44143.051388888889</v>
      </c>
      <c r="F3803">
        <v>164836</v>
      </c>
      <c r="G3803">
        <v>5250</v>
      </c>
      <c r="H3803">
        <v>0</v>
      </c>
      <c r="I3803">
        <v>0</v>
      </c>
      <c r="J3803">
        <v>9976</v>
      </c>
      <c r="K3803">
        <v>4400</v>
      </c>
      <c r="L3803">
        <v>0</v>
      </c>
      <c r="M3803">
        <v>16451</v>
      </c>
      <c r="N3803">
        <v>0</v>
      </c>
      <c r="O3803">
        <v>0</v>
      </c>
      <c r="P3803">
        <v>-3278</v>
      </c>
      <c r="Q3803">
        <v>0</v>
      </c>
      <c r="R3803">
        <v>177683</v>
      </c>
      <c r="S3803">
        <v>0</v>
      </c>
      <c r="T3803">
        <v>0</v>
      </c>
      <c r="U3803">
        <v>0</v>
      </c>
      <c r="V3803">
        <v>16</v>
      </c>
      <c r="W3803">
        <v>1</v>
      </c>
      <c r="X3803">
        <v>0</v>
      </c>
      <c r="Y3803">
        <v>44</v>
      </c>
      <c r="Z3803">
        <v>26</v>
      </c>
      <c r="AA3803">
        <v>137</v>
      </c>
      <c r="AB3803">
        <v>45</v>
      </c>
      <c r="AC3803">
        <v>40</v>
      </c>
      <c r="AD3803">
        <v>57</v>
      </c>
      <c r="AE3803">
        <v>119</v>
      </c>
      <c r="AF3803">
        <v>45056</v>
      </c>
      <c r="AG3803">
        <v>283810</v>
      </c>
      <c r="AH3803">
        <v>50000</v>
      </c>
      <c r="AI3803">
        <v>0</v>
      </c>
      <c r="AJ3803">
        <v>107</v>
      </c>
      <c r="AK3803" t="s">
        <v>40</v>
      </c>
      <c r="AL3803">
        <v>0</v>
      </c>
      <c r="AM3803">
        <v>0</v>
      </c>
      <c r="AN3803">
        <v>0</v>
      </c>
      <c r="AO3803">
        <v>0</v>
      </c>
      <c r="AP3803">
        <v>0</v>
      </c>
      <c r="AQ3803">
        <v>0</v>
      </c>
      <c r="AR3803">
        <v>0</v>
      </c>
      <c r="AS3803">
        <v>0</v>
      </c>
      <c r="AT3803">
        <v>0</v>
      </c>
      <c r="AU3803">
        <v>0</v>
      </c>
      <c r="AV3803">
        <v>0</v>
      </c>
      <c r="AW3803">
        <v>0</v>
      </c>
      <c r="AX3803">
        <v>8030</v>
      </c>
      <c r="AY3803">
        <v>33</v>
      </c>
      <c r="AZ3803">
        <v>97</v>
      </c>
      <c r="BA3803">
        <v>4630</v>
      </c>
    </row>
    <row r="3804" spans="1:53" x14ac:dyDescent="0.4">
      <c r="A3804">
        <v>3848</v>
      </c>
      <c r="B3804" s="1">
        <v>44143</v>
      </c>
      <c r="C3804">
        <v>1</v>
      </c>
      <c r="D3804" s="1">
        <v>44143.291666666664</v>
      </c>
      <c r="E3804" s="1">
        <v>44143.397916666669</v>
      </c>
      <c r="F3804">
        <v>0</v>
      </c>
      <c r="G3804">
        <v>0</v>
      </c>
      <c r="H3804">
        <v>0</v>
      </c>
      <c r="I3804">
        <v>0</v>
      </c>
      <c r="J3804">
        <v>0</v>
      </c>
      <c r="K3804">
        <v>0</v>
      </c>
      <c r="L3804">
        <v>0</v>
      </c>
      <c r="M3804">
        <v>0</v>
      </c>
      <c r="N3804">
        <v>0</v>
      </c>
      <c r="O3804">
        <v>0</v>
      </c>
      <c r="P3804">
        <v>0</v>
      </c>
      <c r="Q3804">
        <v>0</v>
      </c>
      <c r="R3804">
        <v>0</v>
      </c>
      <c r="S3804">
        <v>0</v>
      </c>
      <c r="T3804">
        <v>0</v>
      </c>
      <c r="U3804">
        <v>0</v>
      </c>
      <c r="V3804">
        <v>0</v>
      </c>
      <c r="W3804">
        <v>0</v>
      </c>
      <c r="X3804">
        <v>0</v>
      </c>
      <c r="Y3804">
        <v>28</v>
      </c>
      <c r="Z3804">
        <v>10</v>
      </c>
      <c r="AA3804">
        <v>140</v>
      </c>
      <c r="AB3804">
        <v>44</v>
      </c>
      <c r="AC3804">
        <v>40</v>
      </c>
      <c r="AD3804">
        <v>57</v>
      </c>
      <c r="AE3804">
        <v>115</v>
      </c>
      <c r="AF3804">
        <v>0</v>
      </c>
      <c r="AG3804">
        <v>50000</v>
      </c>
      <c r="AH3804">
        <v>50000</v>
      </c>
      <c r="AI3804">
        <v>0</v>
      </c>
      <c r="AJ3804">
        <v>0</v>
      </c>
      <c r="AK3804" t="s">
        <v>6</v>
      </c>
      <c r="AL3804">
        <v>0</v>
      </c>
      <c r="AM3804">
        <v>0</v>
      </c>
      <c r="AN3804">
        <v>0</v>
      </c>
      <c r="AO3804">
        <v>0</v>
      </c>
      <c r="AP3804">
        <v>0</v>
      </c>
      <c r="AQ3804">
        <v>0</v>
      </c>
      <c r="AR3804">
        <v>0</v>
      </c>
      <c r="AS3804">
        <v>0</v>
      </c>
      <c r="AT3804">
        <v>0</v>
      </c>
      <c r="AU3804">
        <v>0</v>
      </c>
      <c r="AV3804">
        <v>0</v>
      </c>
      <c r="AW3804">
        <v>0</v>
      </c>
      <c r="AX3804">
        <v>0</v>
      </c>
      <c r="AY3804">
        <v>0</v>
      </c>
      <c r="AZ3804">
        <v>0</v>
      </c>
      <c r="BA3804">
        <v>0</v>
      </c>
    </row>
    <row r="3805" spans="1:53" x14ac:dyDescent="0.4">
      <c r="A3805">
        <v>3849</v>
      </c>
      <c r="B3805" s="1">
        <v>44143</v>
      </c>
      <c r="C3805">
        <v>2</v>
      </c>
      <c r="D3805" s="1">
        <v>44143.397916666669</v>
      </c>
      <c r="E3805" s="1">
        <v>44143.738194444442</v>
      </c>
      <c r="F3805">
        <v>39850</v>
      </c>
      <c r="G3805">
        <v>2540</v>
      </c>
      <c r="H3805">
        <v>0</v>
      </c>
      <c r="I3805">
        <v>0</v>
      </c>
      <c r="J3805">
        <v>0</v>
      </c>
      <c r="K3805">
        <v>275</v>
      </c>
      <c r="L3805">
        <v>0</v>
      </c>
      <c r="M3805">
        <v>4266</v>
      </c>
      <c r="N3805">
        <v>0</v>
      </c>
      <c r="O3805">
        <v>0</v>
      </c>
      <c r="P3805">
        <v>21010</v>
      </c>
      <c r="Q3805">
        <v>0</v>
      </c>
      <c r="R3805">
        <v>67941</v>
      </c>
      <c r="S3805">
        <v>0</v>
      </c>
      <c r="T3805">
        <v>0</v>
      </c>
      <c r="U3805">
        <v>0</v>
      </c>
      <c r="V3805">
        <v>1</v>
      </c>
      <c r="W3805">
        <v>4</v>
      </c>
      <c r="X3805">
        <v>0</v>
      </c>
      <c r="Y3805">
        <v>59</v>
      </c>
      <c r="Z3805">
        <v>24</v>
      </c>
      <c r="AA3805">
        <v>110</v>
      </c>
      <c r="AB3805">
        <v>32</v>
      </c>
      <c r="AC3805">
        <v>14</v>
      </c>
      <c r="AD3805">
        <v>71</v>
      </c>
      <c r="AE3805">
        <v>171</v>
      </c>
      <c r="AF3805">
        <v>3675</v>
      </c>
      <c r="AG3805">
        <v>117941</v>
      </c>
      <c r="AH3805">
        <v>50000</v>
      </c>
      <c r="AI3805">
        <v>0</v>
      </c>
      <c r="AJ3805">
        <v>84</v>
      </c>
      <c r="AK3805" t="s">
        <v>16</v>
      </c>
      <c r="AL3805">
        <v>0</v>
      </c>
      <c r="AM3805">
        <v>0</v>
      </c>
      <c r="AN3805">
        <v>0</v>
      </c>
      <c r="AO3805">
        <v>0</v>
      </c>
      <c r="AP3805">
        <v>0</v>
      </c>
      <c r="AQ3805">
        <v>0</v>
      </c>
      <c r="AR3805">
        <v>0</v>
      </c>
      <c r="AS3805">
        <v>0</v>
      </c>
      <c r="AT3805">
        <v>0</v>
      </c>
      <c r="AU3805">
        <v>0</v>
      </c>
      <c r="AV3805">
        <v>0</v>
      </c>
      <c r="AW3805">
        <v>0</v>
      </c>
      <c r="AX3805">
        <v>-385</v>
      </c>
      <c r="AY3805">
        <v>48</v>
      </c>
      <c r="AZ3805">
        <v>104</v>
      </c>
      <c r="BA3805">
        <v>6843</v>
      </c>
    </row>
    <row r="3806" spans="1:53" x14ac:dyDescent="0.4">
      <c r="A3806">
        <v>3850</v>
      </c>
      <c r="B3806" s="1">
        <v>44144</v>
      </c>
      <c r="C3806">
        <v>1</v>
      </c>
      <c r="D3806" s="1">
        <v>44144.291666666664</v>
      </c>
      <c r="E3806" s="1">
        <v>44144.417361111111</v>
      </c>
      <c r="F3806">
        <v>0</v>
      </c>
      <c r="G3806">
        <v>0</v>
      </c>
      <c r="H3806">
        <v>0</v>
      </c>
      <c r="I3806">
        <v>0</v>
      </c>
      <c r="J3806">
        <v>0</v>
      </c>
      <c r="K3806">
        <v>0</v>
      </c>
      <c r="L3806">
        <v>0</v>
      </c>
      <c r="M3806">
        <v>0</v>
      </c>
      <c r="N3806">
        <v>0</v>
      </c>
      <c r="O3806">
        <v>0</v>
      </c>
      <c r="P3806">
        <v>0</v>
      </c>
      <c r="Q3806">
        <v>0</v>
      </c>
      <c r="R3806">
        <v>0</v>
      </c>
      <c r="S3806">
        <v>0</v>
      </c>
      <c r="T3806">
        <v>0</v>
      </c>
      <c r="U3806">
        <v>0</v>
      </c>
      <c r="V3806">
        <v>0</v>
      </c>
      <c r="W3806">
        <v>0</v>
      </c>
      <c r="X3806">
        <v>0</v>
      </c>
      <c r="Y3806">
        <v>31</v>
      </c>
      <c r="Z3806">
        <v>10</v>
      </c>
      <c r="AA3806">
        <v>114</v>
      </c>
      <c r="AB3806">
        <v>32</v>
      </c>
      <c r="AC3806">
        <v>52</v>
      </c>
      <c r="AD3806">
        <v>70</v>
      </c>
      <c r="AE3806">
        <v>130</v>
      </c>
      <c r="AF3806">
        <v>0</v>
      </c>
      <c r="AG3806">
        <v>50000</v>
      </c>
      <c r="AH3806">
        <v>50000</v>
      </c>
      <c r="AI3806">
        <v>0</v>
      </c>
      <c r="AJ3806">
        <v>0</v>
      </c>
      <c r="AK3806" t="s">
        <v>6</v>
      </c>
      <c r="AL3806">
        <v>0</v>
      </c>
      <c r="AM3806">
        <v>0</v>
      </c>
      <c r="AN3806">
        <v>0</v>
      </c>
      <c r="AO3806">
        <v>0</v>
      </c>
      <c r="AP3806">
        <v>0</v>
      </c>
      <c r="AQ3806">
        <v>0</v>
      </c>
      <c r="AR3806">
        <v>0</v>
      </c>
      <c r="AS3806">
        <v>0</v>
      </c>
      <c r="AT3806">
        <v>0</v>
      </c>
      <c r="AU3806">
        <v>0</v>
      </c>
      <c r="AV3806">
        <v>0</v>
      </c>
      <c r="AW3806">
        <v>0</v>
      </c>
      <c r="AX3806">
        <v>0</v>
      </c>
      <c r="AY3806">
        <v>0</v>
      </c>
      <c r="AZ3806">
        <v>0</v>
      </c>
      <c r="BA3806">
        <v>0</v>
      </c>
    </row>
    <row r="3807" spans="1:53" x14ac:dyDescent="0.4">
      <c r="A3807">
        <v>3851</v>
      </c>
      <c r="B3807" s="1">
        <v>44144</v>
      </c>
      <c r="C3807">
        <v>2</v>
      </c>
      <c r="D3807" s="1">
        <v>44144.417361111111</v>
      </c>
      <c r="E3807" s="1">
        <v>44144.751388888886</v>
      </c>
      <c r="F3807">
        <v>4850</v>
      </c>
      <c r="G3807">
        <v>280</v>
      </c>
      <c r="H3807">
        <v>0</v>
      </c>
      <c r="I3807">
        <v>0</v>
      </c>
      <c r="J3807">
        <v>0</v>
      </c>
      <c r="K3807">
        <v>0</v>
      </c>
      <c r="L3807">
        <v>0</v>
      </c>
      <c r="M3807">
        <v>513</v>
      </c>
      <c r="N3807">
        <v>0</v>
      </c>
      <c r="O3807">
        <v>0</v>
      </c>
      <c r="P3807">
        <v>23128</v>
      </c>
      <c r="Q3807">
        <v>0</v>
      </c>
      <c r="R3807">
        <v>28771</v>
      </c>
      <c r="S3807">
        <v>0</v>
      </c>
      <c r="T3807">
        <v>0</v>
      </c>
      <c r="U3807">
        <v>0</v>
      </c>
      <c r="V3807">
        <v>1</v>
      </c>
      <c r="W3807">
        <v>1</v>
      </c>
      <c r="X3807">
        <v>0</v>
      </c>
      <c r="Y3807">
        <v>39</v>
      </c>
      <c r="Z3807">
        <v>21</v>
      </c>
      <c r="AA3807">
        <v>101</v>
      </c>
      <c r="AB3807">
        <v>29</v>
      </c>
      <c r="AC3807">
        <v>40</v>
      </c>
      <c r="AD3807">
        <v>72</v>
      </c>
      <c r="AE3807">
        <v>146</v>
      </c>
      <c r="AF3807">
        <v>1815</v>
      </c>
      <c r="AG3807">
        <v>78771</v>
      </c>
      <c r="AH3807">
        <v>50000</v>
      </c>
      <c r="AI3807">
        <v>0</v>
      </c>
      <c r="AJ3807">
        <v>84</v>
      </c>
      <c r="AK3807" t="s">
        <v>16</v>
      </c>
      <c r="AL3807">
        <v>0</v>
      </c>
      <c r="AM3807">
        <v>0</v>
      </c>
      <c r="AN3807">
        <v>0</v>
      </c>
      <c r="AO3807">
        <v>0</v>
      </c>
      <c r="AP3807">
        <v>0</v>
      </c>
      <c r="AQ3807">
        <v>0</v>
      </c>
      <c r="AR3807">
        <v>0</v>
      </c>
      <c r="AS3807">
        <v>0</v>
      </c>
      <c r="AT3807">
        <v>0</v>
      </c>
      <c r="AU3807">
        <v>0</v>
      </c>
      <c r="AV3807">
        <v>0</v>
      </c>
      <c r="AW3807">
        <v>0</v>
      </c>
      <c r="AX3807">
        <v>-99</v>
      </c>
      <c r="AY3807">
        <v>21</v>
      </c>
      <c r="AZ3807">
        <v>40</v>
      </c>
      <c r="BA3807">
        <v>2041</v>
      </c>
    </row>
    <row r="3808" spans="1:53" x14ac:dyDescent="0.4">
      <c r="A3808">
        <v>3852</v>
      </c>
      <c r="B3808" s="1">
        <v>44145</v>
      </c>
      <c r="C3808">
        <v>1</v>
      </c>
      <c r="D3808" s="1">
        <v>44145.291666666664</v>
      </c>
      <c r="E3808" s="1">
        <v>44145.440972222219</v>
      </c>
      <c r="F3808">
        <v>0</v>
      </c>
      <c r="G3808">
        <v>0</v>
      </c>
      <c r="H3808">
        <v>0</v>
      </c>
      <c r="I3808">
        <v>0</v>
      </c>
      <c r="J3808">
        <v>0</v>
      </c>
      <c r="K3808">
        <v>0</v>
      </c>
      <c r="L3808">
        <v>0</v>
      </c>
      <c r="M3808">
        <v>0</v>
      </c>
      <c r="N3808">
        <v>0</v>
      </c>
      <c r="O3808">
        <v>0</v>
      </c>
      <c r="P3808">
        <v>0</v>
      </c>
      <c r="Q3808">
        <v>0</v>
      </c>
      <c r="R3808">
        <v>0</v>
      </c>
      <c r="S3808">
        <v>0</v>
      </c>
      <c r="T3808">
        <v>0</v>
      </c>
      <c r="U3808">
        <v>0</v>
      </c>
      <c r="V3808">
        <v>0</v>
      </c>
      <c r="W3808">
        <v>0</v>
      </c>
      <c r="X3808">
        <v>0</v>
      </c>
      <c r="Y3808">
        <v>30</v>
      </c>
      <c r="Z3808">
        <v>15</v>
      </c>
      <c r="AA3808">
        <v>101</v>
      </c>
      <c r="AB3808">
        <v>28</v>
      </c>
      <c r="AC3808">
        <v>48</v>
      </c>
      <c r="AD3808">
        <v>76</v>
      </c>
      <c r="AE3808">
        <v>140</v>
      </c>
      <c r="AF3808">
        <v>0</v>
      </c>
      <c r="AG3808">
        <v>50000</v>
      </c>
      <c r="AH3808">
        <v>50000</v>
      </c>
      <c r="AI3808">
        <v>0</v>
      </c>
      <c r="AJ3808">
        <v>0</v>
      </c>
      <c r="AK3808" t="s">
        <v>6</v>
      </c>
      <c r="AL3808">
        <v>0</v>
      </c>
      <c r="AM3808">
        <v>0</v>
      </c>
      <c r="AN3808">
        <v>0</v>
      </c>
      <c r="AO3808">
        <v>0</v>
      </c>
      <c r="AP3808">
        <v>0</v>
      </c>
      <c r="AQ3808">
        <v>0</v>
      </c>
      <c r="AR3808">
        <v>0</v>
      </c>
      <c r="AS3808">
        <v>0</v>
      </c>
      <c r="AT3808">
        <v>0</v>
      </c>
      <c r="AU3808">
        <v>0</v>
      </c>
      <c r="AV3808">
        <v>0</v>
      </c>
      <c r="AW3808">
        <v>0</v>
      </c>
      <c r="AX3808">
        <v>0</v>
      </c>
      <c r="AY3808">
        <v>0</v>
      </c>
      <c r="AZ3808">
        <v>0</v>
      </c>
      <c r="BA3808">
        <v>0</v>
      </c>
    </row>
    <row r="3809" spans="1:53" x14ac:dyDescent="0.4">
      <c r="A3809">
        <v>3853</v>
      </c>
      <c r="B3809" s="1">
        <v>44145</v>
      </c>
      <c r="C3809">
        <v>2</v>
      </c>
      <c r="D3809" s="1">
        <v>44145.440972222219</v>
      </c>
      <c r="E3809" s="1">
        <v>44145.75</v>
      </c>
      <c r="F3809">
        <v>10200</v>
      </c>
      <c r="G3809">
        <v>540</v>
      </c>
      <c r="H3809">
        <v>200</v>
      </c>
      <c r="I3809">
        <v>0</v>
      </c>
      <c r="J3809">
        <v>0</v>
      </c>
      <c r="K3809">
        <v>0</v>
      </c>
      <c r="L3809">
        <v>0</v>
      </c>
      <c r="M3809">
        <v>1094</v>
      </c>
      <c r="N3809">
        <v>0</v>
      </c>
      <c r="O3809">
        <v>0</v>
      </c>
      <c r="P3809">
        <v>10725</v>
      </c>
      <c r="Q3809">
        <v>0</v>
      </c>
      <c r="R3809">
        <v>22759</v>
      </c>
      <c r="S3809">
        <v>0</v>
      </c>
      <c r="T3809">
        <v>0</v>
      </c>
      <c r="U3809">
        <v>0</v>
      </c>
      <c r="V3809">
        <v>0</v>
      </c>
      <c r="W3809">
        <v>1</v>
      </c>
      <c r="X3809">
        <v>0</v>
      </c>
      <c r="Y3809">
        <v>50</v>
      </c>
      <c r="Z3809">
        <v>17</v>
      </c>
      <c r="AA3809">
        <v>74</v>
      </c>
      <c r="AB3809">
        <v>20</v>
      </c>
      <c r="AC3809">
        <v>36</v>
      </c>
      <c r="AD3809">
        <v>71</v>
      </c>
      <c r="AE3809">
        <v>144</v>
      </c>
      <c r="AF3809">
        <v>0</v>
      </c>
      <c r="AG3809">
        <v>72759</v>
      </c>
      <c r="AH3809">
        <v>50000</v>
      </c>
      <c r="AI3809">
        <v>0</v>
      </c>
      <c r="AJ3809">
        <v>109</v>
      </c>
      <c r="AK3809" t="s">
        <v>29</v>
      </c>
      <c r="AL3809">
        <v>0</v>
      </c>
      <c r="AM3809">
        <v>0</v>
      </c>
      <c r="AN3809">
        <v>0</v>
      </c>
      <c r="AO3809">
        <v>0</v>
      </c>
      <c r="AP3809">
        <v>0</v>
      </c>
      <c r="AQ3809">
        <v>0</v>
      </c>
      <c r="AR3809">
        <v>0</v>
      </c>
      <c r="AS3809">
        <v>0</v>
      </c>
      <c r="AT3809">
        <v>0</v>
      </c>
      <c r="AU3809">
        <v>0</v>
      </c>
      <c r="AV3809">
        <v>0</v>
      </c>
      <c r="AW3809">
        <v>0</v>
      </c>
      <c r="AX3809">
        <v>-825</v>
      </c>
      <c r="AY3809">
        <v>20</v>
      </c>
      <c r="AZ3809">
        <v>33</v>
      </c>
      <c r="BA3809">
        <v>2671</v>
      </c>
    </row>
    <row r="3810" spans="1:53" x14ac:dyDescent="0.4">
      <c r="A3810">
        <v>3854</v>
      </c>
      <c r="B3810" s="1">
        <v>44145</v>
      </c>
      <c r="C3810">
        <v>3</v>
      </c>
      <c r="D3810" s="1">
        <v>44145.75</v>
      </c>
      <c r="E3810" s="1">
        <v>44145.952777777777</v>
      </c>
      <c r="F3810">
        <v>25700</v>
      </c>
      <c r="G3810">
        <v>0</v>
      </c>
      <c r="H3810">
        <v>0</v>
      </c>
      <c r="I3810">
        <v>0</v>
      </c>
      <c r="J3810">
        <v>0</v>
      </c>
      <c r="K3810">
        <v>0</v>
      </c>
      <c r="L3810">
        <v>0</v>
      </c>
      <c r="M3810">
        <v>2570</v>
      </c>
      <c r="N3810">
        <v>0</v>
      </c>
      <c r="O3810">
        <v>0</v>
      </c>
      <c r="P3810">
        <v>-10725</v>
      </c>
      <c r="Q3810">
        <v>0</v>
      </c>
      <c r="R3810">
        <v>17545</v>
      </c>
      <c r="S3810">
        <v>0</v>
      </c>
      <c r="T3810">
        <v>0</v>
      </c>
      <c r="U3810">
        <v>0</v>
      </c>
      <c r="V3810">
        <v>1</v>
      </c>
      <c r="W3810">
        <v>0</v>
      </c>
      <c r="X3810">
        <v>1</v>
      </c>
      <c r="Y3810">
        <v>59</v>
      </c>
      <c r="Z3810">
        <v>17</v>
      </c>
      <c r="AA3810">
        <v>66</v>
      </c>
      <c r="AB3810">
        <v>19</v>
      </c>
      <c r="AC3810">
        <v>34</v>
      </c>
      <c r="AD3810">
        <v>70</v>
      </c>
      <c r="AE3810">
        <v>144</v>
      </c>
      <c r="AF3810">
        <v>2420</v>
      </c>
      <c r="AG3810">
        <v>90304</v>
      </c>
      <c r="AH3810">
        <v>50000</v>
      </c>
      <c r="AI3810">
        <v>0</v>
      </c>
      <c r="AJ3810">
        <v>107</v>
      </c>
      <c r="AK3810" t="s">
        <v>40</v>
      </c>
      <c r="AL3810">
        <v>0</v>
      </c>
      <c r="AM3810">
        <v>0</v>
      </c>
      <c r="AN3810">
        <v>0</v>
      </c>
      <c r="AO3810">
        <v>0</v>
      </c>
      <c r="AP3810">
        <v>0</v>
      </c>
      <c r="AQ3810">
        <v>0</v>
      </c>
      <c r="AR3810">
        <v>0</v>
      </c>
      <c r="AS3810">
        <v>0</v>
      </c>
      <c r="AT3810">
        <v>0</v>
      </c>
      <c r="AU3810">
        <v>0</v>
      </c>
      <c r="AV3810">
        <v>0</v>
      </c>
      <c r="AW3810">
        <v>0</v>
      </c>
      <c r="AX3810">
        <v>10576</v>
      </c>
      <c r="AY3810">
        <v>9</v>
      </c>
      <c r="AZ3810">
        <v>22</v>
      </c>
      <c r="BA3810">
        <v>1652</v>
      </c>
    </row>
    <row r="3811" spans="1:53" x14ac:dyDescent="0.4">
      <c r="A3811">
        <v>3855</v>
      </c>
      <c r="B3811" s="1">
        <v>44146</v>
      </c>
      <c r="C3811">
        <v>1</v>
      </c>
      <c r="D3811" s="1">
        <v>44146.291666666664</v>
      </c>
      <c r="E3811" s="1">
        <v>44146.411111111112</v>
      </c>
      <c r="F3811">
        <v>0</v>
      </c>
      <c r="G3811">
        <v>0</v>
      </c>
      <c r="H3811">
        <v>0</v>
      </c>
      <c r="I3811">
        <v>0</v>
      </c>
      <c r="J3811">
        <v>0</v>
      </c>
      <c r="K3811">
        <v>0</v>
      </c>
      <c r="L3811">
        <v>0</v>
      </c>
      <c r="M3811">
        <v>0</v>
      </c>
      <c r="N3811">
        <v>0</v>
      </c>
      <c r="O3811">
        <v>0</v>
      </c>
      <c r="P3811">
        <v>0</v>
      </c>
      <c r="Q3811">
        <v>0</v>
      </c>
      <c r="R3811">
        <v>0</v>
      </c>
      <c r="S3811">
        <v>0</v>
      </c>
      <c r="T3811">
        <v>0</v>
      </c>
      <c r="U3811">
        <v>0</v>
      </c>
      <c r="V3811">
        <v>0</v>
      </c>
      <c r="W3811">
        <v>0</v>
      </c>
      <c r="X3811">
        <v>0</v>
      </c>
      <c r="Y3811">
        <v>33</v>
      </c>
      <c r="Z3811">
        <v>17</v>
      </c>
      <c r="AA3811">
        <v>69</v>
      </c>
      <c r="AB3811">
        <v>16</v>
      </c>
      <c r="AC3811">
        <v>31</v>
      </c>
      <c r="AD3811">
        <v>69</v>
      </c>
      <c r="AE3811">
        <v>145</v>
      </c>
      <c r="AF3811">
        <v>0</v>
      </c>
      <c r="AG3811">
        <v>50000</v>
      </c>
      <c r="AH3811">
        <v>50000</v>
      </c>
      <c r="AI3811">
        <v>0</v>
      </c>
      <c r="AJ3811">
        <v>0</v>
      </c>
      <c r="AK3811" t="s">
        <v>6</v>
      </c>
      <c r="AL3811">
        <v>0</v>
      </c>
      <c r="AM3811">
        <v>0</v>
      </c>
      <c r="AN3811">
        <v>0</v>
      </c>
      <c r="AO3811">
        <v>0</v>
      </c>
      <c r="AP3811">
        <v>0</v>
      </c>
      <c r="AQ3811">
        <v>0</v>
      </c>
      <c r="AR3811">
        <v>0</v>
      </c>
      <c r="AS3811">
        <v>0</v>
      </c>
      <c r="AT3811">
        <v>0</v>
      </c>
      <c r="AU3811">
        <v>0</v>
      </c>
      <c r="AV3811">
        <v>0</v>
      </c>
      <c r="AW3811">
        <v>0</v>
      </c>
      <c r="AX3811">
        <v>0</v>
      </c>
      <c r="AY3811">
        <v>0</v>
      </c>
      <c r="AZ3811">
        <v>0</v>
      </c>
      <c r="BA3811">
        <v>0</v>
      </c>
    </row>
    <row r="3812" spans="1:53" x14ac:dyDescent="0.4">
      <c r="A3812">
        <v>3856</v>
      </c>
      <c r="B3812" s="1">
        <v>44146</v>
      </c>
      <c r="C3812">
        <v>2</v>
      </c>
      <c r="D3812" s="1">
        <v>44146.411111111112</v>
      </c>
      <c r="E3812" s="1">
        <v>44146.737500000003</v>
      </c>
      <c r="F3812">
        <v>7050</v>
      </c>
      <c r="G3812">
        <v>0</v>
      </c>
      <c r="H3812">
        <v>0</v>
      </c>
      <c r="I3812">
        <v>0</v>
      </c>
      <c r="J3812">
        <v>0</v>
      </c>
      <c r="K3812">
        <v>0</v>
      </c>
      <c r="L3812">
        <v>0</v>
      </c>
      <c r="M3812">
        <v>705</v>
      </c>
      <c r="N3812">
        <v>0</v>
      </c>
      <c r="O3812">
        <v>0</v>
      </c>
      <c r="P3812">
        <v>7700</v>
      </c>
      <c r="Q3812">
        <v>0</v>
      </c>
      <c r="R3812">
        <v>15455</v>
      </c>
      <c r="S3812">
        <v>0</v>
      </c>
      <c r="T3812">
        <v>0</v>
      </c>
      <c r="U3812">
        <v>0</v>
      </c>
      <c r="V3812">
        <v>0</v>
      </c>
      <c r="W3812">
        <v>1</v>
      </c>
      <c r="X3812">
        <v>0</v>
      </c>
      <c r="Y3812">
        <v>44</v>
      </c>
      <c r="Z3812">
        <v>19</v>
      </c>
      <c r="AA3812">
        <v>59</v>
      </c>
      <c r="AB3812">
        <v>8</v>
      </c>
      <c r="AC3812">
        <v>18</v>
      </c>
      <c r="AD3812">
        <v>65</v>
      </c>
      <c r="AE3812">
        <v>150</v>
      </c>
      <c r="AF3812">
        <v>0</v>
      </c>
      <c r="AG3812">
        <v>65455</v>
      </c>
      <c r="AH3812">
        <v>50000</v>
      </c>
      <c r="AI3812">
        <v>0</v>
      </c>
      <c r="AJ3812">
        <v>107</v>
      </c>
      <c r="AK3812" t="s">
        <v>40</v>
      </c>
      <c r="AL3812">
        <v>0</v>
      </c>
      <c r="AM3812">
        <v>0</v>
      </c>
      <c r="AN3812">
        <v>0</v>
      </c>
      <c r="AO3812">
        <v>0</v>
      </c>
      <c r="AP3812">
        <v>0</v>
      </c>
      <c r="AQ3812">
        <v>0</v>
      </c>
      <c r="AR3812">
        <v>0</v>
      </c>
      <c r="AS3812">
        <v>0</v>
      </c>
      <c r="AT3812">
        <v>0</v>
      </c>
      <c r="AU3812">
        <v>0</v>
      </c>
      <c r="AV3812">
        <v>0</v>
      </c>
      <c r="AW3812">
        <v>0</v>
      </c>
      <c r="AX3812">
        <v>-2420</v>
      </c>
      <c r="AY3812">
        <v>14</v>
      </c>
      <c r="AZ3812">
        <v>21</v>
      </c>
      <c r="BA3812">
        <v>1845</v>
      </c>
    </row>
    <row r="3813" spans="1:53" x14ac:dyDescent="0.4">
      <c r="A3813">
        <v>3857</v>
      </c>
      <c r="B3813" s="1">
        <v>44147</v>
      </c>
      <c r="C3813">
        <v>1</v>
      </c>
      <c r="D3813" s="1">
        <v>44147.291666666664</v>
      </c>
      <c r="E3813" s="1">
        <v>44147.436111111114</v>
      </c>
      <c r="F3813">
        <v>0</v>
      </c>
      <c r="G3813">
        <v>0</v>
      </c>
      <c r="H3813">
        <v>0</v>
      </c>
      <c r="I3813">
        <v>0</v>
      </c>
      <c r="J3813">
        <v>0</v>
      </c>
      <c r="K3813">
        <v>0</v>
      </c>
      <c r="L3813">
        <v>0</v>
      </c>
      <c r="M3813">
        <v>0</v>
      </c>
      <c r="N3813">
        <v>0</v>
      </c>
      <c r="O3813">
        <v>0</v>
      </c>
      <c r="P3813">
        <v>0</v>
      </c>
      <c r="Q3813">
        <v>0</v>
      </c>
      <c r="R3813">
        <v>0</v>
      </c>
      <c r="S3813">
        <v>0</v>
      </c>
      <c r="T3813">
        <v>0</v>
      </c>
      <c r="U3813">
        <v>0</v>
      </c>
      <c r="V3813">
        <v>0</v>
      </c>
      <c r="W3813">
        <v>0</v>
      </c>
      <c r="X3813">
        <v>0</v>
      </c>
      <c r="Y3813">
        <v>26</v>
      </c>
      <c r="Z3813">
        <v>19</v>
      </c>
      <c r="AA3813">
        <v>137</v>
      </c>
      <c r="AB3813">
        <v>8</v>
      </c>
      <c r="AC3813">
        <v>18</v>
      </c>
      <c r="AD3813">
        <v>20</v>
      </c>
      <c r="AE3813">
        <v>120</v>
      </c>
      <c r="AF3813">
        <v>0</v>
      </c>
      <c r="AG3813">
        <v>50000</v>
      </c>
      <c r="AH3813">
        <v>50000</v>
      </c>
      <c r="AI3813">
        <v>0</v>
      </c>
      <c r="AJ3813">
        <v>0</v>
      </c>
      <c r="AK3813" t="s">
        <v>6</v>
      </c>
      <c r="AL3813">
        <v>0</v>
      </c>
      <c r="AM3813">
        <v>0</v>
      </c>
      <c r="AN3813">
        <v>0</v>
      </c>
      <c r="AO3813">
        <v>0</v>
      </c>
      <c r="AP3813">
        <v>0</v>
      </c>
      <c r="AQ3813">
        <v>0</v>
      </c>
      <c r="AR3813">
        <v>0</v>
      </c>
      <c r="AS3813">
        <v>0</v>
      </c>
      <c r="AT3813">
        <v>0</v>
      </c>
      <c r="AU3813">
        <v>0</v>
      </c>
      <c r="AV3813">
        <v>0</v>
      </c>
      <c r="AW3813">
        <v>0</v>
      </c>
      <c r="AX3813">
        <v>0</v>
      </c>
      <c r="AY3813">
        <v>0</v>
      </c>
      <c r="AZ3813">
        <v>0</v>
      </c>
      <c r="BA3813">
        <v>0</v>
      </c>
    </row>
    <row r="3814" spans="1:53" x14ac:dyDescent="0.4">
      <c r="A3814">
        <v>3858</v>
      </c>
      <c r="B3814" s="1">
        <v>44147</v>
      </c>
      <c r="C3814">
        <v>2</v>
      </c>
      <c r="D3814" s="1">
        <v>44147.436111111114</v>
      </c>
      <c r="E3814" s="1">
        <v>44147.750694444447</v>
      </c>
      <c r="F3814">
        <v>9850</v>
      </c>
      <c r="G3814">
        <v>1080</v>
      </c>
      <c r="H3814">
        <v>0</v>
      </c>
      <c r="I3814">
        <v>0</v>
      </c>
      <c r="J3814">
        <v>0</v>
      </c>
      <c r="K3814">
        <v>0</v>
      </c>
      <c r="L3814">
        <v>0</v>
      </c>
      <c r="M3814">
        <v>1093</v>
      </c>
      <c r="N3814">
        <v>0</v>
      </c>
      <c r="O3814">
        <v>0</v>
      </c>
      <c r="P3814">
        <v>11330</v>
      </c>
      <c r="Q3814">
        <v>0</v>
      </c>
      <c r="R3814">
        <v>23353</v>
      </c>
      <c r="S3814">
        <v>0</v>
      </c>
      <c r="T3814">
        <v>0</v>
      </c>
      <c r="U3814">
        <v>0</v>
      </c>
      <c r="V3814">
        <v>0</v>
      </c>
      <c r="W3814">
        <v>1</v>
      </c>
      <c r="X3814">
        <v>0</v>
      </c>
      <c r="Y3814">
        <v>46</v>
      </c>
      <c r="Z3814">
        <v>21</v>
      </c>
      <c r="AA3814">
        <v>116</v>
      </c>
      <c r="AB3814">
        <v>0</v>
      </c>
      <c r="AC3814">
        <v>6</v>
      </c>
      <c r="AD3814">
        <v>15</v>
      </c>
      <c r="AE3814">
        <v>118</v>
      </c>
      <c r="AF3814">
        <v>0</v>
      </c>
      <c r="AG3814">
        <v>73353</v>
      </c>
      <c r="AH3814">
        <v>50000</v>
      </c>
      <c r="AI3814">
        <v>0</v>
      </c>
      <c r="AJ3814">
        <v>84</v>
      </c>
      <c r="AK3814" t="s">
        <v>16</v>
      </c>
      <c r="AL3814">
        <v>0</v>
      </c>
      <c r="AM3814">
        <v>0</v>
      </c>
      <c r="AN3814">
        <v>0</v>
      </c>
      <c r="AO3814">
        <v>0</v>
      </c>
      <c r="AP3814">
        <v>0</v>
      </c>
      <c r="AQ3814">
        <v>0</v>
      </c>
      <c r="AR3814">
        <v>0</v>
      </c>
      <c r="AS3814">
        <v>0</v>
      </c>
      <c r="AT3814">
        <v>0</v>
      </c>
      <c r="AU3814">
        <v>0</v>
      </c>
      <c r="AV3814">
        <v>0</v>
      </c>
      <c r="AW3814">
        <v>0</v>
      </c>
      <c r="AX3814">
        <v>-308</v>
      </c>
      <c r="AY3814">
        <v>22</v>
      </c>
      <c r="AZ3814">
        <v>35</v>
      </c>
      <c r="BA3814">
        <v>2786</v>
      </c>
    </row>
    <row r="3815" spans="1:53" x14ac:dyDescent="0.4">
      <c r="A3815">
        <v>3859</v>
      </c>
      <c r="B3815" s="1">
        <v>44147</v>
      </c>
      <c r="C3815">
        <v>3</v>
      </c>
      <c r="D3815" s="1">
        <v>44147.750694444447</v>
      </c>
      <c r="E3815" s="1">
        <v>44147.952777777777</v>
      </c>
      <c r="F3815">
        <v>19900</v>
      </c>
      <c r="G3815">
        <v>1690</v>
      </c>
      <c r="H3815">
        <v>30</v>
      </c>
      <c r="I3815">
        <v>0</v>
      </c>
      <c r="J3815">
        <v>0</v>
      </c>
      <c r="K3815">
        <v>0</v>
      </c>
      <c r="L3815">
        <v>0</v>
      </c>
      <c r="M3815">
        <v>2162</v>
      </c>
      <c r="N3815">
        <v>0</v>
      </c>
      <c r="O3815">
        <v>0</v>
      </c>
      <c r="P3815">
        <v>-10010</v>
      </c>
      <c r="Q3815">
        <v>0</v>
      </c>
      <c r="R3815">
        <v>13772</v>
      </c>
      <c r="S3815">
        <v>0</v>
      </c>
      <c r="T3815">
        <v>0</v>
      </c>
      <c r="U3815">
        <v>0</v>
      </c>
      <c r="V3815">
        <v>1</v>
      </c>
      <c r="W3815">
        <v>1</v>
      </c>
      <c r="X3815">
        <v>0</v>
      </c>
      <c r="Y3815">
        <v>43</v>
      </c>
      <c r="Z3815">
        <v>23</v>
      </c>
      <c r="AA3815">
        <v>123</v>
      </c>
      <c r="AB3815">
        <v>50</v>
      </c>
      <c r="AC3815">
        <v>104</v>
      </c>
      <c r="AD3815">
        <v>65</v>
      </c>
      <c r="AE3815">
        <v>158</v>
      </c>
      <c r="AF3815">
        <v>1302</v>
      </c>
      <c r="AG3815">
        <v>87125</v>
      </c>
      <c r="AH3815">
        <v>50000</v>
      </c>
      <c r="AI3815">
        <v>0</v>
      </c>
      <c r="AJ3815">
        <v>108</v>
      </c>
      <c r="AK3815" t="s">
        <v>30</v>
      </c>
      <c r="AL3815">
        <v>0</v>
      </c>
      <c r="AM3815">
        <v>0</v>
      </c>
      <c r="AN3815">
        <v>0</v>
      </c>
      <c r="AO3815">
        <v>0</v>
      </c>
      <c r="AP3815">
        <v>0</v>
      </c>
      <c r="AQ3815">
        <v>0</v>
      </c>
      <c r="AR3815">
        <v>0</v>
      </c>
      <c r="AS3815">
        <v>0</v>
      </c>
      <c r="AT3815">
        <v>0</v>
      </c>
      <c r="AU3815">
        <v>0</v>
      </c>
      <c r="AV3815">
        <v>0</v>
      </c>
      <c r="AW3815">
        <v>0</v>
      </c>
      <c r="AX3815">
        <v>-110</v>
      </c>
      <c r="AY3815">
        <v>6</v>
      </c>
      <c r="AZ3815">
        <v>13</v>
      </c>
      <c r="BA3815">
        <v>1352</v>
      </c>
    </row>
    <row r="3816" spans="1:53" x14ac:dyDescent="0.4">
      <c r="A3816">
        <v>3860</v>
      </c>
      <c r="B3816" s="1">
        <v>44148</v>
      </c>
      <c r="C3816">
        <v>1</v>
      </c>
      <c r="D3816" s="1">
        <v>44148.291666666664</v>
      </c>
      <c r="E3816" s="1">
        <v>44148.412499999999</v>
      </c>
      <c r="F3816">
        <v>0</v>
      </c>
      <c r="G3816">
        <v>0</v>
      </c>
      <c r="H3816">
        <v>0</v>
      </c>
      <c r="I3816">
        <v>0</v>
      </c>
      <c r="J3816">
        <v>0</v>
      </c>
      <c r="K3816">
        <v>0</v>
      </c>
      <c r="L3816">
        <v>0</v>
      </c>
      <c r="M3816">
        <v>0</v>
      </c>
      <c r="N3816">
        <v>0</v>
      </c>
      <c r="O3816">
        <v>0</v>
      </c>
      <c r="P3816">
        <v>0</v>
      </c>
      <c r="Q3816">
        <v>0</v>
      </c>
      <c r="R3816">
        <v>0</v>
      </c>
      <c r="S3816">
        <v>0</v>
      </c>
      <c r="T3816">
        <v>0</v>
      </c>
      <c r="U3816">
        <v>0</v>
      </c>
      <c r="V3816">
        <v>0</v>
      </c>
      <c r="W3816">
        <v>0</v>
      </c>
      <c r="X3816">
        <v>0</v>
      </c>
      <c r="Y3816">
        <v>30</v>
      </c>
      <c r="Z3816">
        <v>8</v>
      </c>
      <c r="AA3816">
        <v>121</v>
      </c>
      <c r="AB3816">
        <v>49</v>
      </c>
      <c r="AC3816">
        <v>102</v>
      </c>
      <c r="AD3816">
        <v>65</v>
      </c>
      <c r="AE3816">
        <v>105</v>
      </c>
      <c r="AF3816">
        <v>0</v>
      </c>
      <c r="AG3816">
        <v>50000</v>
      </c>
      <c r="AH3816">
        <v>50000</v>
      </c>
      <c r="AI3816">
        <v>0</v>
      </c>
      <c r="AJ3816">
        <v>0</v>
      </c>
      <c r="AK3816" t="s">
        <v>6</v>
      </c>
      <c r="AL3816">
        <v>0</v>
      </c>
      <c r="AM3816">
        <v>0</v>
      </c>
      <c r="AN3816">
        <v>0</v>
      </c>
      <c r="AO3816">
        <v>0</v>
      </c>
      <c r="AP3816">
        <v>0</v>
      </c>
      <c r="AQ3816">
        <v>0</v>
      </c>
      <c r="AR3816">
        <v>0</v>
      </c>
      <c r="AS3816">
        <v>0</v>
      </c>
      <c r="AT3816">
        <v>0</v>
      </c>
      <c r="AU3816">
        <v>0</v>
      </c>
      <c r="AV3816">
        <v>0</v>
      </c>
      <c r="AW3816">
        <v>0</v>
      </c>
      <c r="AX3816">
        <v>0</v>
      </c>
      <c r="AY3816">
        <v>0</v>
      </c>
      <c r="AZ3816">
        <v>0</v>
      </c>
      <c r="BA3816">
        <v>0</v>
      </c>
    </row>
    <row r="3817" spans="1:53" x14ac:dyDescent="0.4">
      <c r="A3817">
        <v>3861</v>
      </c>
      <c r="B3817" s="1">
        <v>44148</v>
      </c>
      <c r="C3817">
        <v>2</v>
      </c>
      <c r="D3817" s="1">
        <v>44148.412499999999</v>
      </c>
      <c r="E3817" s="1">
        <v>44148.759722222225</v>
      </c>
      <c r="F3817">
        <v>26550</v>
      </c>
      <c r="G3817">
        <v>400</v>
      </c>
      <c r="H3817">
        <v>0</v>
      </c>
      <c r="I3817">
        <v>0</v>
      </c>
      <c r="J3817">
        <v>0</v>
      </c>
      <c r="K3817">
        <v>0</v>
      </c>
      <c r="L3817">
        <v>0</v>
      </c>
      <c r="M3817">
        <v>2695</v>
      </c>
      <c r="N3817">
        <v>0</v>
      </c>
      <c r="O3817">
        <v>0</v>
      </c>
      <c r="P3817">
        <v>8305</v>
      </c>
      <c r="Q3817">
        <v>0</v>
      </c>
      <c r="R3817">
        <v>37950</v>
      </c>
      <c r="S3817">
        <v>0</v>
      </c>
      <c r="T3817">
        <v>0</v>
      </c>
      <c r="U3817">
        <v>0</v>
      </c>
      <c r="V3817">
        <v>0</v>
      </c>
      <c r="W3817">
        <v>0</v>
      </c>
      <c r="X3817">
        <v>0</v>
      </c>
      <c r="Y3817">
        <v>62</v>
      </c>
      <c r="Z3817">
        <v>19</v>
      </c>
      <c r="AA3817">
        <v>109</v>
      </c>
      <c r="AB3817">
        <v>41</v>
      </c>
      <c r="AC3817">
        <v>101</v>
      </c>
      <c r="AD3817">
        <v>65</v>
      </c>
      <c r="AE3817">
        <v>130</v>
      </c>
      <c r="AF3817">
        <v>2035</v>
      </c>
      <c r="AG3817">
        <v>87950</v>
      </c>
      <c r="AH3817">
        <v>50000</v>
      </c>
      <c r="AI3817">
        <v>0</v>
      </c>
      <c r="AJ3817">
        <v>98</v>
      </c>
      <c r="AK3817" t="s">
        <v>35</v>
      </c>
      <c r="AL3817">
        <v>0</v>
      </c>
      <c r="AM3817">
        <v>0</v>
      </c>
      <c r="AN3817">
        <v>0</v>
      </c>
      <c r="AO3817">
        <v>0</v>
      </c>
      <c r="AP3817">
        <v>0</v>
      </c>
      <c r="AQ3817">
        <v>0</v>
      </c>
      <c r="AR3817">
        <v>0</v>
      </c>
      <c r="AS3817">
        <v>0</v>
      </c>
      <c r="AT3817">
        <v>0</v>
      </c>
      <c r="AU3817">
        <v>0</v>
      </c>
      <c r="AV3817">
        <v>0</v>
      </c>
      <c r="AW3817">
        <v>0</v>
      </c>
      <c r="AX3817">
        <v>0</v>
      </c>
      <c r="AY3817">
        <v>30</v>
      </c>
      <c r="AZ3817">
        <v>58</v>
      </c>
      <c r="BA3817">
        <v>4563</v>
      </c>
    </row>
    <row r="3818" spans="1:53" x14ac:dyDescent="0.4">
      <c r="A3818">
        <v>3862</v>
      </c>
      <c r="B3818" s="1">
        <v>44148</v>
      </c>
      <c r="C3818">
        <v>3</v>
      </c>
      <c r="D3818" s="1">
        <v>44148.759722222225</v>
      </c>
      <c r="E3818" s="1">
        <v>44148.962500000001</v>
      </c>
      <c r="F3818">
        <v>31245</v>
      </c>
      <c r="G3818">
        <v>0</v>
      </c>
      <c r="H3818">
        <v>30</v>
      </c>
      <c r="I3818">
        <v>0</v>
      </c>
      <c r="J3818">
        <v>2280</v>
      </c>
      <c r="K3818">
        <v>0</v>
      </c>
      <c r="L3818">
        <v>0</v>
      </c>
      <c r="M3818">
        <v>2900</v>
      </c>
      <c r="N3818">
        <v>0</v>
      </c>
      <c r="O3818">
        <v>0</v>
      </c>
      <c r="P3818">
        <v>-8305</v>
      </c>
      <c r="Q3818">
        <v>0</v>
      </c>
      <c r="R3818">
        <v>23590</v>
      </c>
      <c r="S3818">
        <v>0</v>
      </c>
      <c r="T3818">
        <v>0</v>
      </c>
      <c r="U3818">
        <v>0</v>
      </c>
      <c r="V3818">
        <v>2</v>
      </c>
      <c r="W3818">
        <v>0</v>
      </c>
      <c r="X3818">
        <v>0</v>
      </c>
      <c r="Y3818">
        <v>65</v>
      </c>
      <c r="Z3818">
        <v>20</v>
      </c>
      <c r="AA3818">
        <v>111</v>
      </c>
      <c r="AB3818">
        <v>40</v>
      </c>
      <c r="AC3818">
        <v>96</v>
      </c>
      <c r="AD3818">
        <v>65</v>
      </c>
      <c r="AE3818">
        <v>120</v>
      </c>
      <c r="AF3818">
        <v>2035</v>
      </c>
      <c r="AG3818">
        <v>111540</v>
      </c>
      <c r="AH3818">
        <v>50000</v>
      </c>
      <c r="AI3818">
        <v>0</v>
      </c>
      <c r="AJ3818">
        <v>107</v>
      </c>
      <c r="AK3818" t="s">
        <v>40</v>
      </c>
      <c r="AL3818">
        <v>0</v>
      </c>
      <c r="AM3818">
        <v>0</v>
      </c>
      <c r="AN3818">
        <v>0</v>
      </c>
      <c r="AO3818">
        <v>0</v>
      </c>
      <c r="AP3818">
        <v>0</v>
      </c>
      <c r="AQ3818">
        <v>0</v>
      </c>
      <c r="AR3818">
        <v>0</v>
      </c>
      <c r="AS3818">
        <v>0</v>
      </c>
      <c r="AT3818">
        <v>0</v>
      </c>
      <c r="AU3818">
        <v>0</v>
      </c>
      <c r="AV3818">
        <v>0</v>
      </c>
      <c r="AW3818">
        <v>0</v>
      </c>
      <c r="AX3818">
        <v>19215</v>
      </c>
      <c r="AY3818">
        <v>18</v>
      </c>
      <c r="AZ3818">
        <v>43</v>
      </c>
      <c r="BA3818">
        <v>1715</v>
      </c>
    </row>
    <row r="3819" spans="1:53" x14ac:dyDescent="0.4">
      <c r="A3819">
        <v>3863</v>
      </c>
      <c r="B3819" s="1">
        <v>44149</v>
      </c>
      <c r="C3819">
        <v>1</v>
      </c>
      <c r="D3819" s="1">
        <v>44149.291666666664</v>
      </c>
      <c r="E3819" s="1">
        <v>44149.40347222222</v>
      </c>
      <c r="F3819">
        <v>0</v>
      </c>
      <c r="G3819">
        <v>0</v>
      </c>
      <c r="H3819">
        <v>0</v>
      </c>
      <c r="I3819">
        <v>0</v>
      </c>
      <c r="J3819">
        <v>0</v>
      </c>
      <c r="K3819">
        <v>0</v>
      </c>
      <c r="L3819">
        <v>0</v>
      </c>
      <c r="M3819">
        <v>0</v>
      </c>
      <c r="N3819">
        <v>0</v>
      </c>
      <c r="O3819">
        <v>0</v>
      </c>
      <c r="P3819">
        <v>0</v>
      </c>
      <c r="Q3819">
        <v>0</v>
      </c>
      <c r="R3819">
        <v>0</v>
      </c>
      <c r="S3819">
        <v>0</v>
      </c>
      <c r="T3819">
        <v>0</v>
      </c>
      <c r="U3819">
        <v>0</v>
      </c>
      <c r="V3819">
        <v>0</v>
      </c>
      <c r="W3819">
        <v>0</v>
      </c>
      <c r="X3819">
        <v>0</v>
      </c>
      <c r="Y3819">
        <v>32</v>
      </c>
      <c r="Z3819">
        <v>10</v>
      </c>
      <c r="AA3819">
        <v>98</v>
      </c>
      <c r="AB3819">
        <v>38</v>
      </c>
      <c r="AC3819">
        <v>89</v>
      </c>
      <c r="AD3819">
        <v>61</v>
      </c>
      <c r="AE3819">
        <v>105</v>
      </c>
      <c r="AF3819">
        <v>0</v>
      </c>
      <c r="AG3819">
        <v>50000</v>
      </c>
      <c r="AH3819">
        <v>50000</v>
      </c>
      <c r="AI3819">
        <v>0</v>
      </c>
      <c r="AJ3819">
        <v>0</v>
      </c>
      <c r="AK3819" t="s">
        <v>6</v>
      </c>
      <c r="AL3819">
        <v>0</v>
      </c>
      <c r="AM3819">
        <v>0</v>
      </c>
      <c r="AN3819">
        <v>0</v>
      </c>
      <c r="AO3819">
        <v>0</v>
      </c>
      <c r="AP3819">
        <v>0</v>
      </c>
      <c r="AQ3819">
        <v>0</v>
      </c>
      <c r="AR3819">
        <v>0</v>
      </c>
      <c r="AS3819">
        <v>0</v>
      </c>
      <c r="AT3819">
        <v>0</v>
      </c>
      <c r="AU3819">
        <v>0</v>
      </c>
      <c r="AV3819">
        <v>0</v>
      </c>
      <c r="AW3819">
        <v>0</v>
      </c>
      <c r="AX3819">
        <v>0</v>
      </c>
      <c r="AY3819">
        <v>0</v>
      </c>
      <c r="AZ3819">
        <v>0</v>
      </c>
      <c r="BA3819">
        <v>0</v>
      </c>
    </row>
    <row r="3820" spans="1:53" x14ac:dyDescent="0.4">
      <c r="A3820">
        <v>3864</v>
      </c>
      <c r="B3820" s="1">
        <v>44149</v>
      </c>
      <c r="C3820">
        <v>2</v>
      </c>
      <c r="D3820" s="1">
        <v>44149.40347222222</v>
      </c>
      <c r="E3820" s="1">
        <v>44149.737500000003</v>
      </c>
      <c r="F3820">
        <v>28650</v>
      </c>
      <c r="G3820">
        <v>3790</v>
      </c>
      <c r="H3820">
        <v>200</v>
      </c>
      <c r="I3820">
        <v>0</v>
      </c>
      <c r="J3820">
        <v>0</v>
      </c>
      <c r="K3820">
        <v>0</v>
      </c>
      <c r="L3820">
        <v>0</v>
      </c>
      <c r="M3820">
        <v>3264</v>
      </c>
      <c r="N3820">
        <v>0</v>
      </c>
      <c r="O3820">
        <v>0</v>
      </c>
      <c r="P3820">
        <v>16995</v>
      </c>
      <c r="Q3820">
        <v>0</v>
      </c>
      <c r="R3820">
        <v>52899</v>
      </c>
      <c r="S3820">
        <v>0</v>
      </c>
      <c r="T3820">
        <v>0</v>
      </c>
      <c r="U3820">
        <v>0</v>
      </c>
      <c r="V3820">
        <v>3</v>
      </c>
      <c r="W3820">
        <v>1</v>
      </c>
      <c r="X3820">
        <v>0</v>
      </c>
      <c r="Y3820">
        <v>45</v>
      </c>
      <c r="Z3820">
        <v>19</v>
      </c>
      <c r="AA3820">
        <v>81</v>
      </c>
      <c r="AB3820">
        <v>30</v>
      </c>
      <c r="AC3820">
        <v>75</v>
      </c>
      <c r="AD3820">
        <v>59</v>
      </c>
      <c r="AE3820">
        <v>114</v>
      </c>
      <c r="AF3820">
        <v>2640</v>
      </c>
      <c r="AG3820">
        <v>102899</v>
      </c>
      <c r="AH3820">
        <v>50000</v>
      </c>
      <c r="AI3820">
        <v>0</v>
      </c>
      <c r="AJ3820">
        <v>84</v>
      </c>
      <c r="AK3820" t="s">
        <v>16</v>
      </c>
      <c r="AL3820">
        <v>0</v>
      </c>
      <c r="AM3820">
        <v>0</v>
      </c>
      <c r="AN3820">
        <v>0</v>
      </c>
      <c r="AO3820">
        <v>0</v>
      </c>
      <c r="AP3820">
        <v>0</v>
      </c>
      <c r="AQ3820">
        <v>0</v>
      </c>
      <c r="AR3820">
        <v>0</v>
      </c>
      <c r="AS3820">
        <v>0</v>
      </c>
      <c r="AT3820">
        <v>0</v>
      </c>
      <c r="AU3820">
        <v>0</v>
      </c>
      <c r="AV3820">
        <v>0</v>
      </c>
      <c r="AW3820">
        <v>0</v>
      </c>
      <c r="AX3820">
        <v>-3245</v>
      </c>
      <c r="AY3820">
        <v>37</v>
      </c>
      <c r="AZ3820">
        <v>76</v>
      </c>
      <c r="BA3820">
        <v>5050</v>
      </c>
    </row>
    <row r="3821" spans="1:53" x14ac:dyDescent="0.4">
      <c r="A3821">
        <v>3865</v>
      </c>
      <c r="B3821" s="1">
        <v>44149</v>
      </c>
      <c r="C3821">
        <v>3</v>
      </c>
      <c r="D3821" s="1">
        <v>44149.737500000003</v>
      </c>
      <c r="E3821" s="1">
        <v>44149.947222222225</v>
      </c>
      <c r="F3821">
        <v>32810</v>
      </c>
      <c r="G3821">
        <v>0</v>
      </c>
      <c r="H3821">
        <v>0</v>
      </c>
      <c r="I3821">
        <v>0</v>
      </c>
      <c r="J3821">
        <v>1010</v>
      </c>
      <c r="K3821">
        <v>2600</v>
      </c>
      <c r="L3821">
        <v>0</v>
      </c>
      <c r="M3821">
        <v>3440</v>
      </c>
      <c r="N3821">
        <v>0</v>
      </c>
      <c r="O3821">
        <v>0</v>
      </c>
      <c r="P3821">
        <v>-16995</v>
      </c>
      <c r="Q3821">
        <v>0</v>
      </c>
      <c r="R3821">
        <v>20845</v>
      </c>
      <c r="S3821">
        <v>0</v>
      </c>
      <c r="T3821">
        <v>0</v>
      </c>
      <c r="U3821">
        <v>0</v>
      </c>
      <c r="V3821">
        <v>4</v>
      </c>
      <c r="W3821">
        <v>0</v>
      </c>
      <c r="X3821">
        <v>0</v>
      </c>
      <c r="Y3821">
        <v>53</v>
      </c>
      <c r="Z3821">
        <v>21</v>
      </c>
      <c r="AA3821">
        <v>73</v>
      </c>
      <c r="AB3821">
        <v>30</v>
      </c>
      <c r="AC3821">
        <v>71</v>
      </c>
      <c r="AD3821">
        <v>58</v>
      </c>
      <c r="AE3821">
        <v>104</v>
      </c>
      <c r="AF3821">
        <v>10340</v>
      </c>
      <c r="AG3821">
        <v>123744</v>
      </c>
      <c r="AH3821">
        <v>50000</v>
      </c>
      <c r="AI3821">
        <v>0</v>
      </c>
      <c r="AJ3821">
        <v>98</v>
      </c>
      <c r="AK3821" t="s">
        <v>35</v>
      </c>
      <c r="AL3821">
        <v>0</v>
      </c>
      <c r="AM3821">
        <v>0</v>
      </c>
      <c r="AN3821">
        <v>0</v>
      </c>
      <c r="AO3821">
        <v>0</v>
      </c>
      <c r="AP3821">
        <v>0</v>
      </c>
      <c r="AQ3821">
        <v>0</v>
      </c>
      <c r="AR3821">
        <v>0</v>
      </c>
      <c r="AS3821">
        <v>0</v>
      </c>
      <c r="AT3821">
        <v>0</v>
      </c>
      <c r="AU3821">
        <v>0</v>
      </c>
      <c r="AV3821">
        <v>0</v>
      </c>
      <c r="AW3821">
        <v>0</v>
      </c>
      <c r="AX3821">
        <v>15959</v>
      </c>
      <c r="AY3821">
        <v>15</v>
      </c>
      <c r="AZ3821">
        <v>32</v>
      </c>
      <c r="BA3821">
        <v>2426</v>
      </c>
    </row>
    <row r="3822" spans="1:53" x14ac:dyDescent="0.4">
      <c r="A3822">
        <v>3866</v>
      </c>
      <c r="B3822" s="1">
        <v>44150</v>
      </c>
      <c r="C3822">
        <v>1</v>
      </c>
      <c r="D3822" s="1">
        <v>44150.291666666664</v>
      </c>
      <c r="E3822" s="1">
        <v>44150.736111111109</v>
      </c>
      <c r="F3822">
        <v>39450</v>
      </c>
      <c r="G3822">
        <v>1220</v>
      </c>
      <c r="H3822">
        <v>0</v>
      </c>
      <c r="I3822">
        <v>0</v>
      </c>
      <c r="J3822">
        <v>0</v>
      </c>
      <c r="K3822">
        <v>0</v>
      </c>
      <c r="L3822">
        <v>0</v>
      </c>
      <c r="M3822">
        <v>4067</v>
      </c>
      <c r="N3822">
        <v>0</v>
      </c>
      <c r="O3822">
        <v>0</v>
      </c>
      <c r="P3822">
        <v>19580</v>
      </c>
      <c r="Q3822">
        <v>0</v>
      </c>
      <c r="R3822">
        <v>64317</v>
      </c>
      <c r="S3822">
        <v>0</v>
      </c>
      <c r="T3822">
        <v>0</v>
      </c>
      <c r="U3822">
        <v>0</v>
      </c>
      <c r="V3822">
        <v>0</v>
      </c>
      <c r="W3822">
        <v>6</v>
      </c>
      <c r="X3822">
        <v>0</v>
      </c>
      <c r="Y3822">
        <v>59</v>
      </c>
      <c r="Z3822">
        <v>29</v>
      </c>
      <c r="AA3822">
        <v>56</v>
      </c>
      <c r="AB3822">
        <v>74</v>
      </c>
      <c r="AC3822">
        <v>113</v>
      </c>
      <c r="AD3822">
        <v>52</v>
      </c>
      <c r="AE3822">
        <v>127</v>
      </c>
      <c r="AF3822">
        <v>0</v>
      </c>
      <c r="AG3822">
        <v>114317</v>
      </c>
      <c r="AH3822">
        <v>50000</v>
      </c>
      <c r="AI3822">
        <v>0</v>
      </c>
      <c r="AJ3822">
        <v>84</v>
      </c>
      <c r="AK3822" t="s">
        <v>16</v>
      </c>
      <c r="AL3822">
        <v>0</v>
      </c>
      <c r="AM3822">
        <v>0</v>
      </c>
      <c r="AN3822">
        <v>0</v>
      </c>
      <c r="AO3822">
        <v>0</v>
      </c>
      <c r="AP3822">
        <v>0</v>
      </c>
      <c r="AQ3822">
        <v>0</v>
      </c>
      <c r="AR3822">
        <v>0</v>
      </c>
      <c r="AS3822">
        <v>0</v>
      </c>
      <c r="AT3822">
        <v>0</v>
      </c>
      <c r="AU3822">
        <v>0</v>
      </c>
      <c r="AV3822">
        <v>0</v>
      </c>
      <c r="AW3822">
        <v>0</v>
      </c>
      <c r="AX3822">
        <v>-1507</v>
      </c>
      <c r="AY3822">
        <v>46</v>
      </c>
      <c r="AZ3822">
        <v>103</v>
      </c>
      <c r="BA3822">
        <v>6059</v>
      </c>
    </row>
    <row r="3823" spans="1:53" x14ac:dyDescent="0.4">
      <c r="A3823">
        <v>3867</v>
      </c>
      <c r="B3823" s="1">
        <v>44151</v>
      </c>
      <c r="C3823">
        <v>1</v>
      </c>
      <c r="D3823" s="1">
        <v>44151.291666666664</v>
      </c>
      <c r="E3823" s="1">
        <v>44151.417361111111</v>
      </c>
      <c r="F3823">
        <v>0</v>
      </c>
      <c r="G3823">
        <v>0</v>
      </c>
      <c r="H3823">
        <v>0</v>
      </c>
      <c r="I3823">
        <v>0</v>
      </c>
      <c r="J3823">
        <v>0</v>
      </c>
      <c r="K3823">
        <v>0</v>
      </c>
      <c r="L3823">
        <v>0</v>
      </c>
      <c r="M3823">
        <v>0</v>
      </c>
      <c r="N3823">
        <v>0</v>
      </c>
      <c r="O3823">
        <v>0</v>
      </c>
      <c r="P3823">
        <v>0</v>
      </c>
      <c r="Q3823">
        <v>0</v>
      </c>
      <c r="R3823">
        <v>0</v>
      </c>
      <c r="S3823">
        <v>0</v>
      </c>
      <c r="T3823">
        <v>0</v>
      </c>
      <c r="U3823">
        <v>0</v>
      </c>
      <c r="V3823">
        <v>0</v>
      </c>
      <c r="W3823">
        <v>0</v>
      </c>
      <c r="X3823">
        <v>0</v>
      </c>
      <c r="Y3823">
        <v>30</v>
      </c>
      <c r="Z3823">
        <v>8</v>
      </c>
      <c r="AA3823">
        <v>110</v>
      </c>
      <c r="AB3823">
        <v>70</v>
      </c>
      <c r="AC3823">
        <v>114</v>
      </c>
      <c r="AD3823">
        <v>48</v>
      </c>
      <c r="AE3823">
        <v>120</v>
      </c>
      <c r="AF3823">
        <v>0</v>
      </c>
      <c r="AG3823">
        <v>50000</v>
      </c>
      <c r="AH3823">
        <v>50000</v>
      </c>
      <c r="AI3823">
        <v>0</v>
      </c>
      <c r="AJ3823">
        <v>0</v>
      </c>
      <c r="AK3823" t="s">
        <v>6</v>
      </c>
      <c r="AL3823">
        <v>0</v>
      </c>
      <c r="AM3823">
        <v>0</v>
      </c>
      <c r="AN3823">
        <v>0</v>
      </c>
      <c r="AO3823">
        <v>0</v>
      </c>
      <c r="AP3823">
        <v>0</v>
      </c>
      <c r="AQ3823">
        <v>0</v>
      </c>
      <c r="AR3823">
        <v>0</v>
      </c>
      <c r="AS3823">
        <v>0</v>
      </c>
      <c r="AT3823">
        <v>0</v>
      </c>
      <c r="AU3823">
        <v>0</v>
      </c>
      <c r="AV3823">
        <v>0</v>
      </c>
      <c r="AW3823">
        <v>0</v>
      </c>
      <c r="AX3823">
        <v>0</v>
      </c>
      <c r="AY3823">
        <v>0</v>
      </c>
      <c r="AZ3823">
        <v>0</v>
      </c>
      <c r="BA3823">
        <v>0</v>
      </c>
    </row>
    <row r="3824" spans="1:53" x14ac:dyDescent="0.4">
      <c r="A3824">
        <v>3868</v>
      </c>
      <c r="B3824" s="1">
        <v>44151</v>
      </c>
      <c r="C3824">
        <v>2</v>
      </c>
      <c r="D3824" s="1">
        <v>44151.417361111111</v>
      </c>
      <c r="E3824" s="1">
        <v>44151.738194444442</v>
      </c>
      <c r="F3824">
        <v>10250</v>
      </c>
      <c r="G3824">
        <v>280</v>
      </c>
      <c r="H3824">
        <v>0</v>
      </c>
      <c r="I3824">
        <v>0</v>
      </c>
      <c r="J3824">
        <v>0</v>
      </c>
      <c r="K3824">
        <v>0</v>
      </c>
      <c r="L3824">
        <v>0</v>
      </c>
      <c r="M3824">
        <v>1053</v>
      </c>
      <c r="N3824">
        <v>0</v>
      </c>
      <c r="O3824">
        <v>0</v>
      </c>
      <c r="P3824">
        <v>8690</v>
      </c>
      <c r="Q3824">
        <v>0</v>
      </c>
      <c r="R3824">
        <v>20273</v>
      </c>
      <c r="S3824">
        <v>0</v>
      </c>
      <c r="T3824">
        <v>0</v>
      </c>
      <c r="U3824">
        <v>0</v>
      </c>
      <c r="V3824">
        <v>0</v>
      </c>
      <c r="W3824">
        <v>2</v>
      </c>
      <c r="X3824">
        <v>0</v>
      </c>
      <c r="Y3824">
        <v>41</v>
      </c>
      <c r="Z3824">
        <v>13</v>
      </c>
      <c r="AA3824">
        <v>79</v>
      </c>
      <c r="AB3824">
        <v>66</v>
      </c>
      <c r="AC3824">
        <v>120</v>
      </c>
      <c r="AD3824">
        <v>48</v>
      </c>
      <c r="AE3824">
        <v>133</v>
      </c>
      <c r="AF3824">
        <v>0</v>
      </c>
      <c r="AG3824">
        <v>70273</v>
      </c>
      <c r="AH3824">
        <v>50000</v>
      </c>
      <c r="AI3824">
        <v>0</v>
      </c>
      <c r="AJ3824">
        <v>107</v>
      </c>
      <c r="AK3824" t="s">
        <v>40</v>
      </c>
      <c r="AL3824">
        <v>0</v>
      </c>
      <c r="AM3824">
        <v>0</v>
      </c>
      <c r="AN3824">
        <v>0</v>
      </c>
      <c r="AO3824">
        <v>0</v>
      </c>
      <c r="AP3824">
        <v>0</v>
      </c>
      <c r="AQ3824">
        <v>0</v>
      </c>
      <c r="AR3824">
        <v>0</v>
      </c>
      <c r="AS3824">
        <v>0</v>
      </c>
      <c r="AT3824">
        <v>0</v>
      </c>
      <c r="AU3824">
        <v>0</v>
      </c>
      <c r="AV3824">
        <v>0</v>
      </c>
      <c r="AW3824">
        <v>0</v>
      </c>
      <c r="AX3824">
        <v>0</v>
      </c>
      <c r="AY3824">
        <v>19</v>
      </c>
      <c r="AZ3824">
        <v>29</v>
      </c>
      <c r="BA3824">
        <v>2163</v>
      </c>
    </row>
    <row r="3825" spans="1:53" x14ac:dyDescent="0.4">
      <c r="A3825">
        <v>3869</v>
      </c>
      <c r="B3825" s="1">
        <v>44152</v>
      </c>
      <c r="C3825">
        <v>1</v>
      </c>
      <c r="D3825" s="1">
        <v>44152.291666666664</v>
      </c>
      <c r="E3825" s="1">
        <v>44152.419444444444</v>
      </c>
      <c r="F3825">
        <v>0</v>
      </c>
      <c r="G3825">
        <v>0</v>
      </c>
      <c r="H3825">
        <v>0</v>
      </c>
      <c r="I3825">
        <v>0</v>
      </c>
      <c r="J3825">
        <v>0</v>
      </c>
      <c r="K3825">
        <v>0</v>
      </c>
      <c r="L3825">
        <v>0</v>
      </c>
      <c r="M3825">
        <v>0</v>
      </c>
      <c r="N3825">
        <v>0</v>
      </c>
      <c r="O3825">
        <v>0</v>
      </c>
      <c r="P3825">
        <v>0</v>
      </c>
      <c r="Q3825">
        <v>0</v>
      </c>
      <c r="R3825">
        <v>0</v>
      </c>
      <c r="S3825">
        <v>0</v>
      </c>
      <c r="T3825">
        <v>0</v>
      </c>
      <c r="U3825">
        <v>0</v>
      </c>
      <c r="V3825">
        <v>0</v>
      </c>
      <c r="W3825">
        <v>0</v>
      </c>
      <c r="X3825">
        <v>0</v>
      </c>
      <c r="Y3825">
        <v>31</v>
      </c>
      <c r="Z3825">
        <v>13</v>
      </c>
      <c r="AA3825">
        <v>76</v>
      </c>
      <c r="AB3825">
        <v>67</v>
      </c>
      <c r="AC3825">
        <v>119</v>
      </c>
      <c r="AD3825">
        <v>47</v>
      </c>
      <c r="AE3825">
        <v>125</v>
      </c>
      <c r="AF3825">
        <v>0</v>
      </c>
      <c r="AG3825">
        <v>50000</v>
      </c>
      <c r="AH3825">
        <v>50000</v>
      </c>
      <c r="AI3825">
        <v>0</v>
      </c>
      <c r="AJ3825">
        <v>0</v>
      </c>
      <c r="AK3825" t="s">
        <v>6</v>
      </c>
      <c r="AL3825">
        <v>0</v>
      </c>
      <c r="AM3825">
        <v>0</v>
      </c>
      <c r="AN3825">
        <v>0</v>
      </c>
      <c r="AO3825">
        <v>0</v>
      </c>
      <c r="AP3825">
        <v>0</v>
      </c>
      <c r="AQ3825">
        <v>0</v>
      </c>
      <c r="AR3825">
        <v>0</v>
      </c>
      <c r="AS3825">
        <v>0</v>
      </c>
      <c r="AT3825">
        <v>0</v>
      </c>
      <c r="AU3825">
        <v>0</v>
      </c>
      <c r="AV3825">
        <v>0</v>
      </c>
      <c r="AW3825">
        <v>0</v>
      </c>
      <c r="AX3825">
        <v>0</v>
      </c>
      <c r="AY3825">
        <v>0</v>
      </c>
      <c r="AZ3825">
        <v>0</v>
      </c>
      <c r="BA3825">
        <v>0</v>
      </c>
    </row>
    <row r="3826" spans="1:53" x14ac:dyDescent="0.4">
      <c r="A3826">
        <v>3870</v>
      </c>
      <c r="B3826" s="1">
        <v>44152</v>
      </c>
      <c r="C3826">
        <v>2</v>
      </c>
      <c r="D3826" s="1">
        <v>44152.419444444444</v>
      </c>
      <c r="E3826" s="1">
        <v>44152.751388888886</v>
      </c>
      <c r="F3826">
        <v>16750</v>
      </c>
      <c r="G3826">
        <v>840</v>
      </c>
      <c r="H3826">
        <v>0</v>
      </c>
      <c r="I3826">
        <v>0</v>
      </c>
      <c r="J3826">
        <v>0</v>
      </c>
      <c r="K3826">
        <v>0</v>
      </c>
      <c r="L3826">
        <v>0</v>
      </c>
      <c r="M3826">
        <v>1759</v>
      </c>
      <c r="N3826">
        <v>0</v>
      </c>
      <c r="O3826">
        <v>0</v>
      </c>
      <c r="P3826">
        <v>8085</v>
      </c>
      <c r="Q3826">
        <v>0</v>
      </c>
      <c r="R3826">
        <v>27434</v>
      </c>
      <c r="S3826">
        <v>0</v>
      </c>
      <c r="T3826">
        <v>0</v>
      </c>
      <c r="U3826">
        <v>0</v>
      </c>
      <c r="V3826">
        <v>2</v>
      </c>
      <c r="W3826">
        <v>2</v>
      </c>
      <c r="X3826">
        <v>0</v>
      </c>
      <c r="Y3826">
        <v>18</v>
      </c>
      <c r="Z3826">
        <v>22</v>
      </c>
      <c r="AA3826">
        <v>63</v>
      </c>
      <c r="AB3826">
        <v>59</v>
      </c>
      <c r="AC3826">
        <v>102</v>
      </c>
      <c r="AD3826">
        <v>55</v>
      </c>
      <c r="AE3826">
        <v>148</v>
      </c>
      <c r="AF3826">
        <v>7741</v>
      </c>
      <c r="AG3826">
        <v>77434</v>
      </c>
      <c r="AH3826">
        <v>50000</v>
      </c>
      <c r="AI3826">
        <v>0</v>
      </c>
      <c r="AJ3826">
        <v>109</v>
      </c>
      <c r="AK3826" t="s">
        <v>29</v>
      </c>
      <c r="AL3826">
        <v>0</v>
      </c>
      <c r="AM3826">
        <v>0</v>
      </c>
      <c r="AN3826">
        <v>0</v>
      </c>
      <c r="AO3826">
        <v>0</v>
      </c>
      <c r="AP3826">
        <v>0</v>
      </c>
      <c r="AQ3826">
        <v>0</v>
      </c>
      <c r="AR3826">
        <v>0</v>
      </c>
      <c r="AS3826">
        <v>0</v>
      </c>
      <c r="AT3826">
        <v>0</v>
      </c>
      <c r="AU3826">
        <v>0</v>
      </c>
      <c r="AV3826">
        <v>0</v>
      </c>
      <c r="AW3826">
        <v>0</v>
      </c>
      <c r="AX3826">
        <v>0</v>
      </c>
      <c r="AY3826">
        <v>27</v>
      </c>
      <c r="AZ3826">
        <v>38</v>
      </c>
      <c r="BA3826">
        <v>3722</v>
      </c>
    </row>
    <row r="3827" spans="1:53" x14ac:dyDescent="0.4">
      <c r="A3827">
        <v>3871</v>
      </c>
      <c r="B3827" s="1">
        <v>44153</v>
      </c>
      <c r="C3827">
        <v>1</v>
      </c>
      <c r="D3827" s="1">
        <v>44153.291666666664</v>
      </c>
      <c r="E3827" s="1">
        <v>44153.420138888891</v>
      </c>
      <c r="F3827">
        <v>0</v>
      </c>
      <c r="G3827">
        <v>0</v>
      </c>
      <c r="H3827">
        <v>0</v>
      </c>
      <c r="I3827">
        <v>0</v>
      </c>
      <c r="J3827">
        <v>0</v>
      </c>
      <c r="K3827">
        <v>0</v>
      </c>
      <c r="L3827">
        <v>0</v>
      </c>
      <c r="M3827">
        <v>0</v>
      </c>
      <c r="N3827">
        <v>0</v>
      </c>
      <c r="O3827">
        <v>0</v>
      </c>
      <c r="P3827">
        <v>0</v>
      </c>
      <c r="Q3827">
        <v>0</v>
      </c>
      <c r="R3827">
        <v>0</v>
      </c>
      <c r="S3827">
        <v>0</v>
      </c>
      <c r="T3827">
        <v>0</v>
      </c>
      <c r="U3827">
        <v>0</v>
      </c>
      <c r="V3827">
        <v>0</v>
      </c>
      <c r="W3827">
        <v>0</v>
      </c>
      <c r="X3827">
        <v>0</v>
      </c>
      <c r="Y3827">
        <v>30</v>
      </c>
      <c r="Z3827">
        <v>16</v>
      </c>
      <c r="AA3827">
        <v>77</v>
      </c>
      <c r="AB3827">
        <v>59</v>
      </c>
      <c r="AC3827">
        <v>92</v>
      </c>
      <c r="AD3827">
        <v>54</v>
      </c>
      <c r="AE3827">
        <v>160</v>
      </c>
      <c r="AF3827">
        <v>0</v>
      </c>
      <c r="AG3827">
        <v>50000</v>
      </c>
      <c r="AH3827">
        <v>50000</v>
      </c>
      <c r="AI3827">
        <v>0</v>
      </c>
      <c r="AJ3827">
        <v>0</v>
      </c>
      <c r="AK3827" t="s">
        <v>6</v>
      </c>
      <c r="AL3827">
        <v>0</v>
      </c>
      <c r="AM3827">
        <v>0</v>
      </c>
      <c r="AN3827">
        <v>0</v>
      </c>
      <c r="AO3827">
        <v>0</v>
      </c>
      <c r="AP3827">
        <v>0</v>
      </c>
      <c r="AQ3827">
        <v>0</v>
      </c>
      <c r="AR3827">
        <v>0</v>
      </c>
      <c r="AS3827">
        <v>0</v>
      </c>
      <c r="AT3827">
        <v>0</v>
      </c>
      <c r="AU3827">
        <v>0</v>
      </c>
      <c r="AV3827">
        <v>0</v>
      </c>
      <c r="AW3827">
        <v>0</v>
      </c>
      <c r="AX3827">
        <v>0</v>
      </c>
      <c r="AY3827">
        <v>0</v>
      </c>
      <c r="AZ3827">
        <v>0</v>
      </c>
      <c r="BA3827">
        <v>0</v>
      </c>
    </row>
    <row r="3828" spans="1:53" x14ac:dyDescent="0.4">
      <c r="A3828">
        <v>3872</v>
      </c>
      <c r="B3828" s="1">
        <v>44153</v>
      </c>
      <c r="C3828">
        <v>2</v>
      </c>
      <c r="D3828" s="1">
        <v>44153.420138888891</v>
      </c>
      <c r="E3828" s="1">
        <v>44153.746527777781</v>
      </c>
      <c r="F3828">
        <v>7050</v>
      </c>
      <c r="G3828">
        <v>0</v>
      </c>
      <c r="H3828">
        <v>0</v>
      </c>
      <c r="I3828">
        <v>0</v>
      </c>
      <c r="J3828">
        <v>0</v>
      </c>
      <c r="K3828">
        <v>0</v>
      </c>
      <c r="L3828">
        <v>0</v>
      </c>
      <c r="M3828">
        <v>705</v>
      </c>
      <c r="N3828">
        <v>0</v>
      </c>
      <c r="O3828">
        <v>0</v>
      </c>
      <c r="P3828">
        <v>9075</v>
      </c>
      <c r="Q3828">
        <v>0</v>
      </c>
      <c r="R3828">
        <v>16830</v>
      </c>
      <c r="S3828">
        <v>0</v>
      </c>
      <c r="T3828">
        <v>0</v>
      </c>
      <c r="U3828">
        <v>0</v>
      </c>
      <c r="V3828">
        <v>1</v>
      </c>
      <c r="W3828">
        <v>0</v>
      </c>
      <c r="X3828">
        <v>0</v>
      </c>
      <c r="Y3828">
        <v>35</v>
      </c>
      <c r="Z3828">
        <v>21</v>
      </c>
      <c r="AA3828">
        <v>59</v>
      </c>
      <c r="AB3828">
        <v>57</v>
      </c>
      <c r="AC3828">
        <v>95</v>
      </c>
      <c r="AD3828">
        <v>50</v>
      </c>
      <c r="AE3828">
        <v>170</v>
      </c>
      <c r="AF3828">
        <v>1210</v>
      </c>
      <c r="AG3828">
        <v>66830</v>
      </c>
      <c r="AH3828">
        <v>50000</v>
      </c>
      <c r="AI3828">
        <v>0</v>
      </c>
      <c r="AJ3828">
        <v>107</v>
      </c>
      <c r="AK3828" t="s">
        <v>40</v>
      </c>
      <c r="AL3828">
        <v>0</v>
      </c>
      <c r="AM3828">
        <v>0</v>
      </c>
      <c r="AN3828">
        <v>0</v>
      </c>
      <c r="AO3828">
        <v>0</v>
      </c>
      <c r="AP3828">
        <v>0</v>
      </c>
      <c r="AQ3828">
        <v>0</v>
      </c>
      <c r="AR3828">
        <v>0</v>
      </c>
      <c r="AS3828">
        <v>0</v>
      </c>
      <c r="AT3828">
        <v>0</v>
      </c>
      <c r="AU3828">
        <v>0</v>
      </c>
      <c r="AV3828">
        <v>0</v>
      </c>
      <c r="AW3828">
        <v>0</v>
      </c>
      <c r="AX3828">
        <v>1551</v>
      </c>
      <c r="AY3828">
        <v>14</v>
      </c>
      <c r="AZ3828">
        <v>26</v>
      </c>
      <c r="BA3828">
        <v>1743</v>
      </c>
    </row>
    <row r="3829" spans="1:53" x14ac:dyDescent="0.4">
      <c r="A3829">
        <v>3873</v>
      </c>
      <c r="B3829" s="1">
        <v>44153</v>
      </c>
      <c r="C3829">
        <v>3</v>
      </c>
      <c r="D3829" s="1">
        <v>44153.746527777781</v>
      </c>
      <c r="E3829" s="1">
        <v>44153.945833333331</v>
      </c>
      <c r="F3829">
        <v>25690</v>
      </c>
      <c r="G3829">
        <v>1410</v>
      </c>
      <c r="H3829">
        <v>0</v>
      </c>
      <c r="I3829">
        <v>0</v>
      </c>
      <c r="J3829">
        <v>280</v>
      </c>
      <c r="K3829">
        <v>0</v>
      </c>
      <c r="L3829">
        <v>0</v>
      </c>
      <c r="M3829">
        <v>2682</v>
      </c>
      <c r="N3829">
        <v>0</v>
      </c>
      <c r="O3829">
        <v>0</v>
      </c>
      <c r="P3829">
        <v>-4763</v>
      </c>
      <c r="Q3829">
        <v>0</v>
      </c>
      <c r="R3829">
        <v>24739</v>
      </c>
      <c r="S3829">
        <v>0</v>
      </c>
      <c r="T3829">
        <v>0</v>
      </c>
      <c r="U3829">
        <v>0</v>
      </c>
      <c r="V3829">
        <v>1</v>
      </c>
      <c r="W3829">
        <v>2</v>
      </c>
      <c r="X3829">
        <v>0</v>
      </c>
      <c r="Y3829">
        <v>41</v>
      </c>
      <c r="Z3829">
        <v>24</v>
      </c>
      <c r="AA3829">
        <v>74</v>
      </c>
      <c r="AB3829">
        <v>63</v>
      </c>
      <c r="AC3829">
        <v>113</v>
      </c>
      <c r="AD3829">
        <v>47</v>
      </c>
      <c r="AE3829">
        <v>164</v>
      </c>
      <c r="AF3829">
        <v>6490</v>
      </c>
      <c r="AG3829">
        <v>91569</v>
      </c>
      <c r="AH3829">
        <v>50000</v>
      </c>
      <c r="AI3829">
        <v>0</v>
      </c>
      <c r="AJ3829">
        <v>108</v>
      </c>
      <c r="AK3829" t="s">
        <v>30</v>
      </c>
      <c r="AL3829">
        <v>0</v>
      </c>
      <c r="AM3829">
        <v>0</v>
      </c>
      <c r="AN3829">
        <v>0</v>
      </c>
      <c r="AO3829">
        <v>0</v>
      </c>
      <c r="AP3829">
        <v>0</v>
      </c>
      <c r="AQ3829">
        <v>0</v>
      </c>
      <c r="AR3829">
        <v>0</v>
      </c>
      <c r="AS3829">
        <v>0</v>
      </c>
      <c r="AT3829">
        <v>0</v>
      </c>
      <c r="AU3829">
        <v>0</v>
      </c>
      <c r="AV3829">
        <v>0</v>
      </c>
      <c r="AW3829">
        <v>0</v>
      </c>
      <c r="AX3829">
        <v>3388</v>
      </c>
      <c r="AY3829">
        <v>12</v>
      </c>
      <c r="AZ3829">
        <v>24</v>
      </c>
      <c r="BA3829">
        <v>1936</v>
      </c>
    </row>
    <row r="3830" spans="1:53" x14ac:dyDescent="0.4">
      <c r="A3830">
        <v>3874</v>
      </c>
      <c r="B3830" s="1">
        <v>44154</v>
      </c>
      <c r="C3830">
        <v>1</v>
      </c>
      <c r="D3830" s="1">
        <v>44154.291666666664</v>
      </c>
      <c r="E3830" s="1">
        <v>44154.415277777778</v>
      </c>
      <c r="F3830">
        <v>0</v>
      </c>
      <c r="G3830">
        <v>0</v>
      </c>
      <c r="H3830">
        <v>0</v>
      </c>
      <c r="I3830">
        <v>0</v>
      </c>
      <c r="J3830">
        <v>0</v>
      </c>
      <c r="K3830">
        <v>0</v>
      </c>
      <c r="L3830">
        <v>0</v>
      </c>
      <c r="M3830">
        <v>0</v>
      </c>
      <c r="N3830">
        <v>0</v>
      </c>
      <c r="O3830">
        <v>0</v>
      </c>
      <c r="P3830">
        <v>0</v>
      </c>
      <c r="Q3830">
        <v>0</v>
      </c>
      <c r="R3830">
        <v>0</v>
      </c>
      <c r="S3830">
        <v>0</v>
      </c>
      <c r="T3830">
        <v>0</v>
      </c>
      <c r="U3830">
        <v>0</v>
      </c>
      <c r="V3830">
        <v>0</v>
      </c>
      <c r="W3830">
        <v>0</v>
      </c>
      <c r="X3830">
        <v>0</v>
      </c>
      <c r="Y3830">
        <v>34</v>
      </c>
      <c r="Z3830">
        <v>9</v>
      </c>
      <c r="AA3830">
        <v>69</v>
      </c>
      <c r="AB3830">
        <v>63</v>
      </c>
      <c r="AC3830">
        <v>115</v>
      </c>
      <c r="AD3830">
        <v>47</v>
      </c>
      <c r="AE3830">
        <v>65</v>
      </c>
      <c r="AF3830">
        <v>0</v>
      </c>
      <c r="AG3830">
        <v>50000</v>
      </c>
      <c r="AH3830">
        <v>50000</v>
      </c>
      <c r="AI3830">
        <v>0</v>
      </c>
      <c r="AJ3830">
        <v>0</v>
      </c>
      <c r="AK3830" t="s">
        <v>6</v>
      </c>
      <c r="AL3830">
        <v>0</v>
      </c>
      <c r="AM3830">
        <v>0</v>
      </c>
      <c r="AN3830">
        <v>0</v>
      </c>
      <c r="AO3830">
        <v>0</v>
      </c>
      <c r="AP3830">
        <v>0</v>
      </c>
      <c r="AQ3830">
        <v>0</v>
      </c>
      <c r="AR3830">
        <v>0</v>
      </c>
      <c r="AS3830">
        <v>0</v>
      </c>
      <c r="AT3830">
        <v>0</v>
      </c>
      <c r="AU3830">
        <v>0</v>
      </c>
      <c r="AV3830">
        <v>0</v>
      </c>
      <c r="AW3830">
        <v>0</v>
      </c>
      <c r="AX3830">
        <v>0</v>
      </c>
      <c r="AY3830">
        <v>0</v>
      </c>
      <c r="AZ3830">
        <v>0</v>
      </c>
      <c r="BA3830">
        <v>0</v>
      </c>
    </row>
    <row r="3831" spans="1:53" x14ac:dyDescent="0.4">
      <c r="A3831">
        <v>3875</v>
      </c>
      <c r="B3831" s="1">
        <v>44154</v>
      </c>
      <c r="C3831">
        <v>2</v>
      </c>
      <c r="D3831" s="1">
        <v>44154.415277777778</v>
      </c>
      <c r="E3831" s="1">
        <v>44154.753472222219</v>
      </c>
      <c r="F3831">
        <v>17700</v>
      </c>
      <c r="G3831">
        <v>1360</v>
      </c>
      <c r="H3831">
        <v>0</v>
      </c>
      <c r="I3831">
        <v>0</v>
      </c>
      <c r="J3831">
        <v>550</v>
      </c>
      <c r="K3831">
        <v>0</v>
      </c>
      <c r="L3831">
        <v>0</v>
      </c>
      <c r="M3831">
        <v>1851</v>
      </c>
      <c r="N3831">
        <v>0</v>
      </c>
      <c r="O3831">
        <v>0</v>
      </c>
      <c r="P3831">
        <v>6490</v>
      </c>
      <c r="Q3831">
        <v>0</v>
      </c>
      <c r="R3831">
        <v>26851</v>
      </c>
      <c r="S3831">
        <v>0</v>
      </c>
      <c r="T3831">
        <v>0</v>
      </c>
      <c r="U3831">
        <v>0</v>
      </c>
      <c r="V3831">
        <v>1</v>
      </c>
      <c r="W3831">
        <v>0</v>
      </c>
      <c r="X3831">
        <v>0</v>
      </c>
      <c r="Y3831">
        <v>44</v>
      </c>
      <c r="Z3831">
        <v>12</v>
      </c>
      <c r="AA3831">
        <v>95</v>
      </c>
      <c r="AB3831">
        <v>63</v>
      </c>
      <c r="AC3831">
        <v>134</v>
      </c>
      <c r="AD3831">
        <v>45</v>
      </c>
      <c r="AE3831">
        <v>82</v>
      </c>
      <c r="AF3831">
        <v>2554</v>
      </c>
      <c r="AG3831">
        <v>76851</v>
      </c>
      <c r="AH3831">
        <v>50000</v>
      </c>
      <c r="AI3831">
        <v>0</v>
      </c>
      <c r="AJ3831">
        <v>109</v>
      </c>
      <c r="AK3831" t="s">
        <v>29</v>
      </c>
      <c r="AL3831">
        <v>0</v>
      </c>
      <c r="AM3831">
        <v>0</v>
      </c>
      <c r="AN3831">
        <v>0</v>
      </c>
      <c r="AO3831">
        <v>0</v>
      </c>
      <c r="AP3831">
        <v>0</v>
      </c>
      <c r="AQ3831">
        <v>0</v>
      </c>
      <c r="AR3831">
        <v>0</v>
      </c>
      <c r="AS3831">
        <v>0</v>
      </c>
      <c r="AT3831">
        <v>0</v>
      </c>
      <c r="AU3831">
        <v>0</v>
      </c>
      <c r="AV3831">
        <v>0</v>
      </c>
      <c r="AW3831">
        <v>0</v>
      </c>
      <c r="AX3831">
        <v>1419</v>
      </c>
      <c r="AY3831">
        <v>21</v>
      </c>
      <c r="AZ3831">
        <v>40</v>
      </c>
      <c r="BA3831">
        <v>2998</v>
      </c>
    </row>
    <row r="3832" spans="1:53" x14ac:dyDescent="0.4">
      <c r="A3832">
        <v>3876</v>
      </c>
      <c r="B3832" s="1">
        <v>44154</v>
      </c>
      <c r="C3832">
        <v>3</v>
      </c>
      <c r="D3832" s="1">
        <v>44154.753472222219</v>
      </c>
      <c r="E3832" s="1">
        <v>44154.959027777775</v>
      </c>
      <c r="F3832">
        <v>21310</v>
      </c>
      <c r="G3832">
        <v>540</v>
      </c>
      <c r="H3832">
        <v>0</v>
      </c>
      <c r="I3832">
        <v>0</v>
      </c>
      <c r="J3832">
        <v>460</v>
      </c>
      <c r="K3832">
        <v>0</v>
      </c>
      <c r="L3832">
        <v>0</v>
      </c>
      <c r="M3832">
        <v>2139</v>
      </c>
      <c r="N3832">
        <v>0</v>
      </c>
      <c r="O3832">
        <v>0</v>
      </c>
      <c r="P3832">
        <v>-6490</v>
      </c>
      <c r="Q3832">
        <v>0</v>
      </c>
      <c r="R3832">
        <v>17039</v>
      </c>
      <c r="S3832">
        <v>0</v>
      </c>
      <c r="T3832">
        <v>0</v>
      </c>
      <c r="U3832">
        <v>0</v>
      </c>
      <c r="V3832">
        <v>1</v>
      </c>
      <c r="W3832">
        <v>1</v>
      </c>
      <c r="X3832">
        <v>0</v>
      </c>
      <c r="Y3832">
        <v>52</v>
      </c>
      <c r="Z3832">
        <v>13</v>
      </c>
      <c r="AA3832">
        <v>94</v>
      </c>
      <c r="AB3832">
        <v>60</v>
      </c>
      <c r="AC3832">
        <v>128</v>
      </c>
      <c r="AD3832">
        <v>43</v>
      </c>
      <c r="AE3832">
        <v>80</v>
      </c>
      <c r="AF3832">
        <v>6415</v>
      </c>
      <c r="AG3832">
        <v>93890</v>
      </c>
      <c r="AH3832">
        <v>50000</v>
      </c>
      <c r="AI3832">
        <v>0</v>
      </c>
      <c r="AJ3832">
        <v>107</v>
      </c>
      <c r="AK3832" t="s">
        <v>40</v>
      </c>
      <c r="AL3832">
        <v>0</v>
      </c>
      <c r="AM3832">
        <v>0</v>
      </c>
      <c r="AN3832">
        <v>0</v>
      </c>
      <c r="AO3832">
        <v>0</v>
      </c>
      <c r="AP3832">
        <v>0</v>
      </c>
      <c r="AQ3832">
        <v>0</v>
      </c>
      <c r="AR3832">
        <v>0</v>
      </c>
      <c r="AS3832">
        <v>0</v>
      </c>
      <c r="AT3832">
        <v>0</v>
      </c>
      <c r="AU3832">
        <v>0</v>
      </c>
      <c r="AV3832">
        <v>0</v>
      </c>
      <c r="AW3832">
        <v>0</v>
      </c>
      <c r="AX3832">
        <v>9240</v>
      </c>
      <c r="AY3832">
        <v>10</v>
      </c>
      <c r="AZ3832">
        <v>24</v>
      </c>
      <c r="BA3832">
        <v>1875</v>
      </c>
    </row>
    <row r="3833" spans="1:53" x14ac:dyDescent="0.4">
      <c r="A3833">
        <v>3877</v>
      </c>
      <c r="B3833" s="1">
        <v>44155</v>
      </c>
      <c r="C3833">
        <v>1</v>
      </c>
      <c r="D3833" s="1">
        <v>44155.291666666664</v>
      </c>
      <c r="E3833" s="1">
        <v>44155.427083333336</v>
      </c>
      <c r="F3833">
        <v>0</v>
      </c>
      <c r="G3833">
        <v>0</v>
      </c>
      <c r="H3833">
        <v>0</v>
      </c>
      <c r="I3833">
        <v>0</v>
      </c>
      <c r="J3833">
        <v>0</v>
      </c>
      <c r="K3833">
        <v>0</v>
      </c>
      <c r="L3833">
        <v>0</v>
      </c>
      <c r="M3833">
        <v>0</v>
      </c>
      <c r="N3833">
        <v>0</v>
      </c>
      <c r="O3833">
        <v>0</v>
      </c>
      <c r="P3833">
        <v>0</v>
      </c>
      <c r="Q3833">
        <v>0</v>
      </c>
      <c r="R3833">
        <v>0</v>
      </c>
      <c r="S3833">
        <v>0</v>
      </c>
      <c r="T3833">
        <v>0</v>
      </c>
      <c r="U3833">
        <v>0</v>
      </c>
      <c r="V3833">
        <v>0</v>
      </c>
      <c r="W3833">
        <v>0</v>
      </c>
      <c r="X3833">
        <v>0</v>
      </c>
      <c r="Y3833">
        <v>29</v>
      </c>
      <c r="Z3833">
        <v>10</v>
      </c>
      <c r="AA3833">
        <v>113</v>
      </c>
      <c r="AB3833">
        <v>62</v>
      </c>
      <c r="AC3833">
        <v>131</v>
      </c>
      <c r="AD3833">
        <v>42</v>
      </c>
      <c r="AE3833">
        <v>80</v>
      </c>
      <c r="AF3833">
        <v>0</v>
      </c>
      <c r="AG3833">
        <v>50000</v>
      </c>
      <c r="AH3833">
        <v>50000</v>
      </c>
      <c r="AI3833">
        <v>0</v>
      </c>
      <c r="AJ3833">
        <v>0</v>
      </c>
      <c r="AK3833" t="s">
        <v>6</v>
      </c>
      <c r="AL3833">
        <v>0</v>
      </c>
      <c r="AM3833">
        <v>0</v>
      </c>
      <c r="AN3833">
        <v>0</v>
      </c>
      <c r="AO3833">
        <v>0</v>
      </c>
      <c r="AP3833">
        <v>0</v>
      </c>
      <c r="AQ3833">
        <v>0</v>
      </c>
      <c r="AR3833">
        <v>0</v>
      </c>
      <c r="AS3833">
        <v>0</v>
      </c>
      <c r="AT3833">
        <v>0</v>
      </c>
      <c r="AU3833">
        <v>0</v>
      </c>
      <c r="AV3833">
        <v>0</v>
      </c>
      <c r="AW3833">
        <v>0</v>
      </c>
      <c r="AX3833">
        <v>0</v>
      </c>
      <c r="AY3833">
        <v>0</v>
      </c>
      <c r="AZ3833">
        <v>0</v>
      </c>
      <c r="BA3833">
        <v>0</v>
      </c>
    </row>
    <row r="3834" spans="1:53" x14ac:dyDescent="0.4">
      <c r="A3834">
        <v>3878</v>
      </c>
      <c r="B3834" s="1">
        <v>44155</v>
      </c>
      <c r="C3834">
        <v>2</v>
      </c>
      <c r="D3834" s="1">
        <v>44155.427083333336</v>
      </c>
      <c r="E3834" s="1">
        <v>44155.740277777775</v>
      </c>
      <c r="F3834">
        <v>7050</v>
      </c>
      <c r="G3834">
        <v>540</v>
      </c>
      <c r="H3834">
        <v>0</v>
      </c>
      <c r="I3834">
        <v>0</v>
      </c>
      <c r="J3834">
        <v>0</v>
      </c>
      <c r="K3834">
        <v>0</v>
      </c>
      <c r="L3834">
        <v>0</v>
      </c>
      <c r="M3834">
        <v>759</v>
      </c>
      <c r="N3834">
        <v>0</v>
      </c>
      <c r="O3834">
        <v>0</v>
      </c>
      <c r="P3834">
        <v>12925</v>
      </c>
      <c r="Q3834">
        <v>0</v>
      </c>
      <c r="R3834">
        <v>21274</v>
      </c>
      <c r="S3834">
        <v>0</v>
      </c>
      <c r="T3834">
        <v>0</v>
      </c>
      <c r="U3834">
        <v>0</v>
      </c>
      <c r="V3834">
        <v>0</v>
      </c>
      <c r="W3834">
        <v>0</v>
      </c>
      <c r="X3834">
        <v>0</v>
      </c>
      <c r="Y3834">
        <v>47</v>
      </c>
      <c r="Z3834">
        <v>13</v>
      </c>
      <c r="AA3834">
        <v>102</v>
      </c>
      <c r="AB3834">
        <v>57</v>
      </c>
      <c r="AC3834">
        <v>120</v>
      </c>
      <c r="AD3834">
        <v>39</v>
      </c>
      <c r="AE3834">
        <v>84</v>
      </c>
      <c r="AF3834">
        <v>3245</v>
      </c>
      <c r="AG3834">
        <v>71274</v>
      </c>
      <c r="AH3834">
        <v>50000</v>
      </c>
      <c r="AI3834">
        <v>0</v>
      </c>
      <c r="AJ3834">
        <v>107</v>
      </c>
      <c r="AK3834" t="s">
        <v>40</v>
      </c>
      <c r="AL3834">
        <v>0</v>
      </c>
      <c r="AM3834">
        <v>0</v>
      </c>
      <c r="AN3834">
        <v>0</v>
      </c>
      <c r="AO3834">
        <v>0</v>
      </c>
      <c r="AP3834">
        <v>0</v>
      </c>
      <c r="AQ3834">
        <v>0</v>
      </c>
      <c r="AR3834">
        <v>0</v>
      </c>
      <c r="AS3834">
        <v>0</v>
      </c>
      <c r="AT3834">
        <v>0</v>
      </c>
      <c r="AU3834">
        <v>0</v>
      </c>
      <c r="AV3834">
        <v>0</v>
      </c>
      <c r="AW3834">
        <v>0</v>
      </c>
      <c r="AX3834">
        <v>0</v>
      </c>
      <c r="AY3834">
        <v>19</v>
      </c>
      <c r="AZ3834">
        <v>32</v>
      </c>
      <c r="BA3834">
        <v>2035</v>
      </c>
    </row>
    <row r="3835" spans="1:53" x14ac:dyDescent="0.4">
      <c r="A3835">
        <v>3879</v>
      </c>
      <c r="B3835" s="1">
        <v>44155</v>
      </c>
      <c r="C3835">
        <v>3</v>
      </c>
      <c r="D3835" s="1">
        <v>44155.740277777775</v>
      </c>
      <c r="E3835" s="1">
        <v>44155.950694444444</v>
      </c>
      <c r="F3835">
        <v>36825</v>
      </c>
      <c r="G3835">
        <v>1880</v>
      </c>
      <c r="H3835">
        <v>0</v>
      </c>
      <c r="I3835">
        <v>0</v>
      </c>
      <c r="J3835">
        <v>3075</v>
      </c>
      <c r="K3835">
        <v>0</v>
      </c>
      <c r="L3835">
        <v>0</v>
      </c>
      <c r="M3835">
        <v>3564</v>
      </c>
      <c r="N3835">
        <v>0</v>
      </c>
      <c r="O3835">
        <v>0</v>
      </c>
      <c r="P3835">
        <v>-12925</v>
      </c>
      <c r="Q3835">
        <v>0</v>
      </c>
      <c r="R3835">
        <v>26269</v>
      </c>
      <c r="S3835">
        <v>0</v>
      </c>
      <c r="T3835">
        <v>0</v>
      </c>
      <c r="U3835">
        <v>0</v>
      </c>
      <c r="V3835">
        <v>4</v>
      </c>
      <c r="W3835">
        <v>0</v>
      </c>
      <c r="X3835">
        <v>0</v>
      </c>
      <c r="Y3835">
        <v>34</v>
      </c>
      <c r="Z3835">
        <v>11</v>
      </c>
      <c r="AA3835">
        <v>102</v>
      </c>
      <c r="AB3835">
        <v>57</v>
      </c>
      <c r="AC3835">
        <v>144</v>
      </c>
      <c r="AD3835">
        <v>43</v>
      </c>
      <c r="AE3835">
        <v>93</v>
      </c>
      <c r="AF3835">
        <v>3245</v>
      </c>
      <c r="AG3835">
        <v>97543</v>
      </c>
      <c r="AH3835">
        <v>50000</v>
      </c>
      <c r="AI3835">
        <v>0</v>
      </c>
      <c r="AJ3835">
        <v>108</v>
      </c>
      <c r="AK3835" t="s">
        <v>30</v>
      </c>
      <c r="AL3835">
        <v>0</v>
      </c>
      <c r="AM3835">
        <v>0</v>
      </c>
      <c r="AN3835">
        <v>0</v>
      </c>
      <c r="AO3835">
        <v>0</v>
      </c>
      <c r="AP3835">
        <v>0</v>
      </c>
      <c r="AQ3835">
        <v>0</v>
      </c>
      <c r="AR3835">
        <v>0</v>
      </c>
      <c r="AS3835">
        <v>0</v>
      </c>
      <c r="AT3835">
        <v>0</v>
      </c>
      <c r="AU3835">
        <v>0</v>
      </c>
      <c r="AV3835">
        <v>0</v>
      </c>
      <c r="AW3835">
        <v>0</v>
      </c>
      <c r="AX3835">
        <v>32263</v>
      </c>
      <c r="AY3835">
        <v>15</v>
      </c>
      <c r="AZ3835">
        <v>48</v>
      </c>
      <c r="BA3835">
        <v>2572</v>
      </c>
    </row>
    <row r="3836" spans="1:53" x14ac:dyDescent="0.4">
      <c r="A3836">
        <v>3880</v>
      </c>
      <c r="B3836" s="1">
        <v>44156</v>
      </c>
      <c r="C3836">
        <v>1</v>
      </c>
      <c r="D3836" s="1">
        <v>44156.291666666664</v>
      </c>
      <c r="E3836" s="1">
        <v>44156.396527777775</v>
      </c>
      <c r="F3836">
        <v>0</v>
      </c>
      <c r="G3836">
        <v>0</v>
      </c>
      <c r="H3836">
        <v>0</v>
      </c>
      <c r="I3836">
        <v>0</v>
      </c>
      <c r="J3836">
        <v>0</v>
      </c>
      <c r="K3836">
        <v>0</v>
      </c>
      <c r="L3836">
        <v>0</v>
      </c>
      <c r="M3836">
        <v>0</v>
      </c>
      <c r="N3836">
        <v>0</v>
      </c>
      <c r="O3836">
        <v>0</v>
      </c>
      <c r="P3836">
        <v>0</v>
      </c>
      <c r="Q3836">
        <v>0</v>
      </c>
      <c r="R3836">
        <v>0</v>
      </c>
      <c r="S3836">
        <v>0</v>
      </c>
      <c r="T3836">
        <v>0</v>
      </c>
      <c r="U3836">
        <v>0</v>
      </c>
      <c r="V3836">
        <v>0</v>
      </c>
      <c r="W3836">
        <v>0</v>
      </c>
      <c r="X3836">
        <v>0</v>
      </c>
      <c r="Y3836">
        <v>30</v>
      </c>
      <c r="Z3836">
        <v>8</v>
      </c>
      <c r="AA3836">
        <v>119</v>
      </c>
      <c r="AB3836">
        <v>53</v>
      </c>
      <c r="AC3836">
        <v>117</v>
      </c>
      <c r="AD3836">
        <v>40</v>
      </c>
      <c r="AE3836">
        <v>80</v>
      </c>
      <c r="AF3836">
        <v>0</v>
      </c>
      <c r="AG3836">
        <v>50000</v>
      </c>
      <c r="AH3836">
        <v>50000</v>
      </c>
      <c r="AI3836">
        <v>0</v>
      </c>
      <c r="AJ3836">
        <v>0</v>
      </c>
      <c r="AK3836" t="s">
        <v>6</v>
      </c>
      <c r="AL3836">
        <v>0</v>
      </c>
      <c r="AM3836">
        <v>0</v>
      </c>
      <c r="AN3836">
        <v>0</v>
      </c>
      <c r="AO3836">
        <v>0</v>
      </c>
      <c r="AP3836">
        <v>0</v>
      </c>
      <c r="AQ3836">
        <v>0</v>
      </c>
      <c r="AR3836">
        <v>0</v>
      </c>
      <c r="AS3836">
        <v>0</v>
      </c>
      <c r="AT3836">
        <v>0</v>
      </c>
      <c r="AU3836">
        <v>0</v>
      </c>
      <c r="AV3836">
        <v>0</v>
      </c>
      <c r="AW3836">
        <v>0</v>
      </c>
      <c r="AX3836">
        <v>0</v>
      </c>
      <c r="AY3836">
        <v>0</v>
      </c>
      <c r="AZ3836">
        <v>0</v>
      </c>
      <c r="BA3836">
        <v>0</v>
      </c>
    </row>
    <row r="3837" spans="1:53" x14ac:dyDescent="0.4">
      <c r="A3837">
        <v>3881</v>
      </c>
      <c r="B3837" s="1">
        <v>44156</v>
      </c>
      <c r="C3837">
        <v>2</v>
      </c>
      <c r="D3837" s="1">
        <v>44156.396527777775</v>
      </c>
      <c r="E3837" s="1">
        <v>44156.749305555553</v>
      </c>
      <c r="F3837">
        <v>26800</v>
      </c>
      <c r="G3837">
        <v>2620</v>
      </c>
      <c r="H3837">
        <v>0</v>
      </c>
      <c r="I3837">
        <v>0</v>
      </c>
      <c r="J3837">
        <v>0</v>
      </c>
      <c r="K3837">
        <v>0</v>
      </c>
      <c r="L3837">
        <v>0</v>
      </c>
      <c r="M3837">
        <v>2942</v>
      </c>
      <c r="N3837">
        <v>0</v>
      </c>
      <c r="O3837">
        <v>0</v>
      </c>
      <c r="P3837">
        <v>10505</v>
      </c>
      <c r="Q3837">
        <v>0</v>
      </c>
      <c r="R3837">
        <v>42867</v>
      </c>
      <c r="S3837">
        <v>0</v>
      </c>
      <c r="T3837">
        <v>0</v>
      </c>
      <c r="U3837">
        <v>0</v>
      </c>
      <c r="V3837">
        <v>1</v>
      </c>
      <c r="W3837">
        <v>1</v>
      </c>
      <c r="X3837">
        <v>0</v>
      </c>
      <c r="Y3837">
        <v>53</v>
      </c>
      <c r="Z3837">
        <v>18</v>
      </c>
      <c r="AA3837">
        <v>122</v>
      </c>
      <c r="AB3837">
        <v>46</v>
      </c>
      <c r="AC3837">
        <v>109</v>
      </c>
      <c r="AD3837">
        <v>35</v>
      </c>
      <c r="AE3837">
        <v>102</v>
      </c>
      <c r="AF3837">
        <v>0</v>
      </c>
      <c r="AG3837">
        <v>92867</v>
      </c>
      <c r="AH3837">
        <v>50000</v>
      </c>
      <c r="AI3837">
        <v>0</v>
      </c>
      <c r="AJ3837">
        <v>84</v>
      </c>
      <c r="AK3837" t="s">
        <v>16</v>
      </c>
      <c r="AL3837">
        <v>0</v>
      </c>
      <c r="AM3837">
        <v>0</v>
      </c>
      <c r="AN3837">
        <v>0</v>
      </c>
      <c r="AO3837">
        <v>0</v>
      </c>
      <c r="AP3837">
        <v>0</v>
      </c>
      <c r="AQ3837">
        <v>0</v>
      </c>
      <c r="AR3837">
        <v>0</v>
      </c>
      <c r="AS3837">
        <v>0</v>
      </c>
      <c r="AT3837">
        <v>0</v>
      </c>
      <c r="AU3837">
        <v>0</v>
      </c>
      <c r="AV3837">
        <v>0</v>
      </c>
      <c r="AW3837">
        <v>0</v>
      </c>
      <c r="AX3837">
        <v>308</v>
      </c>
      <c r="AY3837">
        <v>32</v>
      </c>
      <c r="AZ3837">
        <v>65</v>
      </c>
      <c r="BA3837">
        <v>4849</v>
      </c>
    </row>
    <row r="3838" spans="1:53" x14ac:dyDescent="0.4">
      <c r="A3838">
        <v>3882</v>
      </c>
      <c r="B3838" s="1">
        <v>44156</v>
      </c>
      <c r="C3838">
        <v>3</v>
      </c>
      <c r="D3838" s="1">
        <v>44156.749305555553</v>
      </c>
      <c r="E3838" s="1">
        <v>44156.948611111111</v>
      </c>
      <c r="F3838">
        <v>14670</v>
      </c>
      <c r="G3838">
        <v>280</v>
      </c>
      <c r="H3838">
        <v>0</v>
      </c>
      <c r="I3838">
        <v>0</v>
      </c>
      <c r="J3838">
        <v>252</v>
      </c>
      <c r="K3838">
        <v>0</v>
      </c>
      <c r="L3838">
        <v>0</v>
      </c>
      <c r="M3838">
        <v>1470</v>
      </c>
      <c r="N3838">
        <v>0</v>
      </c>
      <c r="O3838">
        <v>0</v>
      </c>
      <c r="P3838">
        <v>-10505</v>
      </c>
      <c r="Q3838">
        <v>0</v>
      </c>
      <c r="R3838">
        <v>5663</v>
      </c>
      <c r="S3838">
        <v>0</v>
      </c>
      <c r="T3838">
        <v>0</v>
      </c>
      <c r="U3838">
        <v>0</v>
      </c>
      <c r="V3838">
        <v>2</v>
      </c>
      <c r="W3838">
        <v>0</v>
      </c>
      <c r="X3838">
        <v>0</v>
      </c>
      <c r="Y3838">
        <v>51</v>
      </c>
      <c r="Z3838">
        <v>18</v>
      </c>
      <c r="AA3838">
        <v>124</v>
      </c>
      <c r="AB3838">
        <v>45</v>
      </c>
      <c r="AC3838">
        <v>111</v>
      </c>
      <c r="AD3838">
        <v>35</v>
      </c>
      <c r="AE3838">
        <v>100</v>
      </c>
      <c r="AF3838">
        <v>2495</v>
      </c>
      <c r="AG3838">
        <v>98530</v>
      </c>
      <c r="AH3838">
        <v>50000</v>
      </c>
      <c r="AI3838">
        <v>0</v>
      </c>
      <c r="AJ3838">
        <v>108</v>
      </c>
      <c r="AK3838" t="s">
        <v>30</v>
      </c>
      <c r="AL3838">
        <v>0</v>
      </c>
      <c r="AM3838">
        <v>0</v>
      </c>
      <c r="AN3838">
        <v>0</v>
      </c>
      <c r="AO3838">
        <v>0</v>
      </c>
      <c r="AP3838">
        <v>0</v>
      </c>
      <c r="AQ3838">
        <v>0</v>
      </c>
      <c r="AR3838">
        <v>0</v>
      </c>
      <c r="AS3838">
        <v>0</v>
      </c>
      <c r="AT3838">
        <v>0</v>
      </c>
      <c r="AU3838">
        <v>0</v>
      </c>
      <c r="AV3838">
        <v>0</v>
      </c>
      <c r="AW3838">
        <v>0</v>
      </c>
      <c r="AX3838">
        <v>49756</v>
      </c>
      <c r="AY3838">
        <v>16</v>
      </c>
      <c r="AZ3838">
        <v>52</v>
      </c>
      <c r="BA3838">
        <v>1655</v>
      </c>
    </row>
    <row r="3839" spans="1:53" x14ac:dyDescent="0.4">
      <c r="A3839">
        <v>3883</v>
      </c>
      <c r="B3839" s="1">
        <v>44157</v>
      </c>
      <c r="C3839">
        <v>1</v>
      </c>
      <c r="D3839" s="1">
        <v>44157.291666666664</v>
      </c>
      <c r="E3839" s="1">
        <v>44157.378472222219</v>
      </c>
      <c r="F3839">
        <v>0</v>
      </c>
      <c r="G3839">
        <v>0</v>
      </c>
      <c r="H3839">
        <v>0</v>
      </c>
      <c r="I3839">
        <v>0</v>
      </c>
      <c r="J3839">
        <v>0</v>
      </c>
      <c r="K3839">
        <v>0</v>
      </c>
      <c r="L3839">
        <v>0</v>
      </c>
      <c r="M3839">
        <v>0</v>
      </c>
      <c r="N3839">
        <v>0</v>
      </c>
      <c r="O3839">
        <v>0</v>
      </c>
      <c r="P3839">
        <v>0</v>
      </c>
      <c r="Q3839">
        <v>0</v>
      </c>
      <c r="R3839">
        <v>0</v>
      </c>
      <c r="S3839">
        <v>0</v>
      </c>
      <c r="T3839">
        <v>0</v>
      </c>
      <c r="U3839">
        <v>0</v>
      </c>
      <c r="V3839">
        <v>0</v>
      </c>
      <c r="W3839">
        <v>0</v>
      </c>
      <c r="X3839">
        <v>0</v>
      </c>
      <c r="Y3839">
        <v>30</v>
      </c>
      <c r="Z3839">
        <v>10</v>
      </c>
      <c r="AA3839">
        <v>116</v>
      </c>
      <c r="AB3839">
        <v>44</v>
      </c>
      <c r="AC3839">
        <v>96</v>
      </c>
      <c r="AD3839">
        <v>30</v>
      </c>
      <c r="AE3839">
        <v>90</v>
      </c>
      <c r="AF3839">
        <v>0</v>
      </c>
      <c r="AG3839">
        <v>50000</v>
      </c>
      <c r="AH3839">
        <v>50000</v>
      </c>
      <c r="AI3839">
        <v>0</v>
      </c>
      <c r="AJ3839">
        <v>0</v>
      </c>
      <c r="AK3839" t="s">
        <v>6</v>
      </c>
      <c r="AL3839">
        <v>0</v>
      </c>
      <c r="AM3839">
        <v>0</v>
      </c>
      <c r="AN3839">
        <v>0</v>
      </c>
      <c r="AO3839">
        <v>0</v>
      </c>
      <c r="AP3839">
        <v>0</v>
      </c>
      <c r="AQ3839">
        <v>0</v>
      </c>
      <c r="AR3839">
        <v>0</v>
      </c>
      <c r="AS3839">
        <v>0</v>
      </c>
      <c r="AT3839">
        <v>0</v>
      </c>
      <c r="AU3839">
        <v>0</v>
      </c>
      <c r="AV3839">
        <v>0</v>
      </c>
      <c r="AW3839">
        <v>0</v>
      </c>
      <c r="AX3839">
        <v>0</v>
      </c>
      <c r="AY3839">
        <v>0</v>
      </c>
      <c r="AZ3839">
        <v>0</v>
      </c>
      <c r="BA3839">
        <v>0</v>
      </c>
    </row>
    <row r="3840" spans="1:53" x14ac:dyDescent="0.4">
      <c r="A3840">
        <v>3884</v>
      </c>
      <c r="B3840" s="1">
        <v>44157</v>
      </c>
      <c r="C3840">
        <v>2</v>
      </c>
      <c r="D3840" s="1">
        <v>44157.378472222219</v>
      </c>
      <c r="E3840" s="1">
        <v>44157.737500000003</v>
      </c>
      <c r="F3840">
        <v>34550</v>
      </c>
      <c r="G3840">
        <v>280</v>
      </c>
      <c r="H3840">
        <v>0</v>
      </c>
      <c r="I3840">
        <v>0</v>
      </c>
      <c r="J3840">
        <v>200</v>
      </c>
      <c r="K3840">
        <v>0</v>
      </c>
      <c r="L3840">
        <v>0</v>
      </c>
      <c r="M3840">
        <v>3463</v>
      </c>
      <c r="N3840">
        <v>0</v>
      </c>
      <c r="O3840">
        <v>0</v>
      </c>
      <c r="P3840">
        <v>23732</v>
      </c>
      <c r="Q3840">
        <v>0</v>
      </c>
      <c r="R3840">
        <v>61825</v>
      </c>
      <c r="S3840">
        <v>0</v>
      </c>
      <c r="T3840">
        <v>0</v>
      </c>
      <c r="U3840">
        <v>0</v>
      </c>
      <c r="V3840">
        <v>2</v>
      </c>
      <c r="W3840">
        <v>1</v>
      </c>
      <c r="X3840">
        <v>0</v>
      </c>
      <c r="Y3840">
        <v>52</v>
      </c>
      <c r="Z3840">
        <v>36</v>
      </c>
      <c r="AA3840">
        <v>135</v>
      </c>
      <c r="AB3840">
        <v>40</v>
      </c>
      <c r="AC3840">
        <v>96</v>
      </c>
      <c r="AD3840">
        <v>41</v>
      </c>
      <c r="AE3840">
        <v>160</v>
      </c>
      <c r="AF3840">
        <v>0</v>
      </c>
      <c r="AG3840">
        <v>111825</v>
      </c>
      <c r="AH3840">
        <v>50000</v>
      </c>
      <c r="AI3840">
        <v>0</v>
      </c>
      <c r="AJ3840">
        <v>107</v>
      </c>
      <c r="AK3840" t="s">
        <v>40</v>
      </c>
      <c r="AL3840">
        <v>0</v>
      </c>
      <c r="AM3840">
        <v>0</v>
      </c>
      <c r="AN3840">
        <v>0</v>
      </c>
      <c r="AO3840">
        <v>0</v>
      </c>
      <c r="AP3840">
        <v>0</v>
      </c>
      <c r="AQ3840">
        <v>0</v>
      </c>
      <c r="AR3840">
        <v>0</v>
      </c>
      <c r="AS3840">
        <v>0</v>
      </c>
      <c r="AT3840">
        <v>0</v>
      </c>
      <c r="AU3840">
        <v>0</v>
      </c>
      <c r="AV3840">
        <v>0</v>
      </c>
      <c r="AW3840">
        <v>0</v>
      </c>
      <c r="AX3840">
        <v>-638</v>
      </c>
      <c r="AY3840">
        <v>47</v>
      </c>
      <c r="AZ3840">
        <v>98</v>
      </c>
      <c r="BA3840">
        <v>6639</v>
      </c>
    </row>
    <row r="3841" spans="1:53" x14ac:dyDescent="0.4">
      <c r="A3841">
        <v>3885</v>
      </c>
      <c r="B3841" s="1">
        <v>44157</v>
      </c>
      <c r="C3841">
        <v>3</v>
      </c>
      <c r="D3841" s="1">
        <v>44157.737500000003</v>
      </c>
      <c r="E3841" s="1">
        <v>44157.948611111111</v>
      </c>
      <c r="F3841">
        <v>27800</v>
      </c>
      <c r="G3841">
        <v>1620</v>
      </c>
      <c r="H3841">
        <v>0</v>
      </c>
      <c r="I3841">
        <v>0</v>
      </c>
      <c r="J3841">
        <v>260</v>
      </c>
      <c r="K3841">
        <v>275</v>
      </c>
      <c r="L3841">
        <v>0</v>
      </c>
      <c r="M3841">
        <v>2943</v>
      </c>
      <c r="N3841">
        <v>0</v>
      </c>
      <c r="O3841">
        <v>0</v>
      </c>
      <c r="P3841">
        <v>-23732</v>
      </c>
      <c r="Q3841">
        <v>0</v>
      </c>
      <c r="R3841">
        <v>8646</v>
      </c>
      <c r="S3841">
        <v>0</v>
      </c>
      <c r="T3841">
        <v>0</v>
      </c>
      <c r="U3841">
        <v>0</v>
      </c>
      <c r="V3841">
        <v>2</v>
      </c>
      <c r="W3841">
        <v>2</v>
      </c>
      <c r="X3841">
        <v>0</v>
      </c>
      <c r="Y3841">
        <v>54</v>
      </c>
      <c r="Z3841">
        <v>39</v>
      </c>
      <c r="AA3841">
        <v>135</v>
      </c>
      <c r="AB3841">
        <v>43</v>
      </c>
      <c r="AC3841">
        <v>97</v>
      </c>
      <c r="AD3841">
        <v>39</v>
      </c>
      <c r="AE3841">
        <v>156</v>
      </c>
      <c r="AF3841">
        <v>0</v>
      </c>
      <c r="AG3841">
        <v>120471</v>
      </c>
      <c r="AH3841">
        <v>50000</v>
      </c>
      <c r="AI3841">
        <v>0</v>
      </c>
      <c r="AJ3841">
        <v>108</v>
      </c>
      <c r="AK3841" t="s">
        <v>30</v>
      </c>
      <c r="AL3841">
        <v>0</v>
      </c>
      <c r="AM3841">
        <v>0</v>
      </c>
      <c r="AN3841">
        <v>0</v>
      </c>
      <c r="AO3841">
        <v>0</v>
      </c>
      <c r="AP3841">
        <v>0</v>
      </c>
      <c r="AQ3841">
        <v>0</v>
      </c>
      <c r="AR3841">
        <v>0</v>
      </c>
      <c r="AS3841">
        <v>0</v>
      </c>
      <c r="AT3841">
        <v>0</v>
      </c>
      <c r="AU3841">
        <v>0</v>
      </c>
      <c r="AV3841">
        <v>0</v>
      </c>
      <c r="AW3841">
        <v>0</v>
      </c>
      <c r="AX3841">
        <v>24093</v>
      </c>
      <c r="AY3841">
        <v>10</v>
      </c>
      <c r="AZ3841">
        <v>18</v>
      </c>
      <c r="BA3841">
        <v>2650</v>
      </c>
    </row>
    <row r="3842" spans="1:53" x14ac:dyDescent="0.4">
      <c r="A3842">
        <v>3886</v>
      </c>
      <c r="B3842" s="1">
        <v>44158</v>
      </c>
      <c r="C3842">
        <v>1</v>
      </c>
      <c r="D3842" s="1">
        <v>44158.291666666664</v>
      </c>
      <c r="E3842" s="1">
        <v>44158.371527777781</v>
      </c>
      <c r="F3842">
        <v>0</v>
      </c>
      <c r="G3842">
        <v>0</v>
      </c>
      <c r="H3842">
        <v>0</v>
      </c>
      <c r="I3842">
        <v>0</v>
      </c>
      <c r="J3842">
        <v>0</v>
      </c>
      <c r="K3842">
        <v>0</v>
      </c>
      <c r="L3842">
        <v>0</v>
      </c>
      <c r="M3842">
        <v>0</v>
      </c>
      <c r="N3842">
        <v>0</v>
      </c>
      <c r="O3842">
        <v>0</v>
      </c>
      <c r="P3842">
        <v>0</v>
      </c>
      <c r="Q3842">
        <v>0</v>
      </c>
      <c r="R3842">
        <v>0</v>
      </c>
      <c r="S3842">
        <v>0</v>
      </c>
      <c r="T3842">
        <v>0</v>
      </c>
      <c r="U3842">
        <v>0</v>
      </c>
      <c r="V3842">
        <v>0</v>
      </c>
      <c r="W3842">
        <v>0</v>
      </c>
      <c r="X3842">
        <v>0</v>
      </c>
      <c r="Y3842">
        <v>30</v>
      </c>
      <c r="Z3842">
        <v>8</v>
      </c>
      <c r="AA3842">
        <v>126</v>
      </c>
      <c r="AB3842">
        <v>41</v>
      </c>
      <c r="AC3842">
        <v>105</v>
      </c>
      <c r="AD3842">
        <v>40</v>
      </c>
      <c r="AE3842">
        <v>100</v>
      </c>
      <c r="AF3842">
        <v>0</v>
      </c>
      <c r="AG3842">
        <v>50000</v>
      </c>
      <c r="AH3842">
        <v>50000</v>
      </c>
      <c r="AI3842">
        <v>0</v>
      </c>
      <c r="AJ3842">
        <v>0</v>
      </c>
      <c r="AK3842" t="s">
        <v>6</v>
      </c>
      <c r="AL3842">
        <v>0</v>
      </c>
      <c r="AM3842">
        <v>0</v>
      </c>
      <c r="AN3842">
        <v>0</v>
      </c>
      <c r="AO3842">
        <v>0</v>
      </c>
      <c r="AP3842">
        <v>0</v>
      </c>
      <c r="AQ3842">
        <v>0</v>
      </c>
      <c r="AR3842">
        <v>0</v>
      </c>
      <c r="AS3842">
        <v>0</v>
      </c>
      <c r="AT3842">
        <v>0</v>
      </c>
      <c r="AU3842">
        <v>0</v>
      </c>
      <c r="AV3842">
        <v>0</v>
      </c>
      <c r="AW3842">
        <v>0</v>
      </c>
      <c r="AX3842">
        <v>0</v>
      </c>
      <c r="AY3842">
        <v>0</v>
      </c>
      <c r="AZ3842">
        <v>0</v>
      </c>
      <c r="BA3842">
        <v>0</v>
      </c>
    </row>
    <row r="3843" spans="1:53" x14ac:dyDescent="0.4">
      <c r="A3843">
        <v>3887</v>
      </c>
      <c r="B3843" s="1">
        <v>44158</v>
      </c>
      <c r="C3843">
        <v>2</v>
      </c>
      <c r="D3843" s="1">
        <v>44158.371527777781</v>
      </c>
      <c r="E3843" s="1">
        <v>44158.740277777775</v>
      </c>
      <c r="F3843">
        <v>30700</v>
      </c>
      <c r="G3843">
        <v>3540</v>
      </c>
      <c r="H3843">
        <v>0</v>
      </c>
      <c r="I3843">
        <v>0</v>
      </c>
      <c r="J3843">
        <v>200</v>
      </c>
      <c r="K3843">
        <v>675</v>
      </c>
      <c r="L3843">
        <v>0</v>
      </c>
      <c r="M3843">
        <v>3471</v>
      </c>
      <c r="N3843">
        <v>0</v>
      </c>
      <c r="O3843">
        <v>0</v>
      </c>
      <c r="P3843">
        <v>12925</v>
      </c>
      <c r="Q3843">
        <v>0</v>
      </c>
      <c r="R3843">
        <v>51111</v>
      </c>
      <c r="S3843">
        <v>0</v>
      </c>
      <c r="T3843">
        <v>0</v>
      </c>
      <c r="U3843">
        <v>0</v>
      </c>
      <c r="V3843">
        <v>3</v>
      </c>
      <c r="W3843">
        <v>1</v>
      </c>
      <c r="X3843">
        <v>0</v>
      </c>
      <c r="Y3843">
        <v>44</v>
      </c>
      <c r="Z3843">
        <v>15</v>
      </c>
      <c r="AA3843">
        <v>110</v>
      </c>
      <c r="AB3843">
        <v>30</v>
      </c>
      <c r="AC3843">
        <v>108</v>
      </c>
      <c r="AD3843">
        <v>36</v>
      </c>
      <c r="AE3843">
        <v>125</v>
      </c>
      <c r="AF3843">
        <v>726</v>
      </c>
      <c r="AG3843">
        <v>101111</v>
      </c>
      <c r="AH3843">
        <v>50000</v>
      </c>
      <c r="AI3843">
        <v>0</v>
      </c>
      <c r="AJ3843">
        <v>107</v>
      </c>
      <c r="AK3843" t="s">
        <v>40</v>
      </c>
      <c r="AL3843">
        <v>0</v>
      </c>
      <c r="AM3843">
        <v>0</v>
      </c>
      <c r="AN3843">
        <v>0</v>
      </c>
      <c r="AO3843">
        <v>0</v>
      </c>
      <c r="AP3843">
        <v>0</v>
      </c>
      <c r="AQ3843">
        <v>0</v>
      </c>
      <c r="AR3843">
        <v>0</v>
      </c>
      <c r="AS3843">
        <v>0</v>
      </c>
      <c r="AT3843">
        <v>0</v>
      </c>
      <c r="AU3843">
        <v>0</v>
      </c>
      <c r="AV3843">
        <v>0</v>
      </c>
      <c r="AW3843">
        <v>0</v>
      </c>
      <c r="AX3843">
        <v>2090</v>
      </c>
      <c r="AY3843">
        <v>38</v>
      </c>
      <c r="AZ3843">
        <v>73</v>
      </c>
      <c r="BA3843">
        <v>6203</v>
      </c>
    </row>
    <row r="3844" spans="1:53" x14ac:dyDescent="0.4">
      <c r="A3844">
        <v>3888</v>
      </c>
      <c r="B3844" s="1">
        <v>44159</v>
      </c>
      <c r="C3844">
        <v>1</v>
      </c>
      <c r="D3844" s="1">
        <v>44159.291666666664</v>
      </c>
      <c r="E3844" s="1">
        <v>44159.405555555553</v>
      </c>
      <c r="F3844">
        <v>0</v>
      </c>
      <c r="G3844">
        <v>0</v>
      </c>
      <c r="H3844">
        <v>0</v>
      </c>
      <c r="I3844">
        <v>0</v>
      </c>
      <c r="J3844">
        <v>0</v>
      </c>
      <c r="K3844">
        <v>0</v>
      </c>
      <c r="L3844">
        <v>0</v>
      </c>
      <c r="M3844">
        <v>0</v>
      </c>
      <c r="N3844">
        <v>0</v>
      </c>
      <c r="O3844">
        <v>0</v>
      </c>
      <c r="P3844">
        <v>0</v>
      </c>
      <c r="Q3844">
        <v>0</v>
      </c>
      <c r="R3844">
        <v>0</v>
      </c>
      <c r="S3844">
        <v>0</v>
      </c>
      <c r="T3844">
        <v>0</v>
      </c>
      <c r="U3844">
        <v>0</v>
      </c>
      <c r="V3844">
        <v>0</v>
      </c>
      <c r="W3844">
        <v>0</v>
      </c>
      <c r="X3844">
        <v>0</v>
      </c>
      <c r="Y3844">
        <v>30</v>
      </c>
      <c r="Z3844">
        <v>12</v>
      </c>
      <c r="AA3844">
        <v>110</v>
      </c>
      <c r="AB3844">
        <v>28</v>
      </c>
      <c r="AC3844">
        <v>129</v>
      </c>
      <c r="AD3844">
        <v>37</v>
      </c>
      <c r="AE3844">
        <v>125</v>
      </c>
      <c r="AF3844">
        <v>0</v>
      </c>
      <c r="AG3844">
        <v>50000</v>
      </c>
      <c r="AH3844">
        <v>50000</v>
      </c>
      <c r="AI3844">
        <v>0</v>
      </c>
      <c r="AJ3844">
        <v>0</v>
      </c>
      <c r="AK3844" t="s">
        <v>6</v>
      </c>
      <c r="AL3844">
        <v>0</v>
      </c>
      <c r="AM3844">
        <v>0</v>
      </c>
      <c r="AN3844">
        <v>0</v>
      </c>
      <c r="AO3844">
        <v>0</v>
      </c>
      <c r="AP3844">
        <v>0</v>
      </c>
      <c r="AQ3844">
        <v>0</v>
      </c>
      <c r="AR3844">
        <v>0</v>
      </c>
      <c r="AS3844">
        <v>0</v>
      </c>
      <c r="AT3844">
        <v>0</v>
      </c>
      <c r="AU3844">
        <v>0</v>
      </c>
      <c r="AV3844">
        <v>0</v>
      </c>
      <c r="AW3844">
        <v>0</v>
      </c>
      <c r="AX3844">
        <v>0</v>
      </c>
      <c r="AY3844">
        <v>0</v>
      </c>
      <c r="AZ3844">
        <v>0</v>
      </c>
      <c r="BA3844">
        <v>0</v>
      </c>
    </row>
    <row r="3845" spans="1:53" x14ac:dyDescent="0.4">
      <c r="A3845">
        <v>3889</v>
      </c>
      <c r="B3845" s="1">
        <v>44159</v>
      </c>
      <c r="C3845">
        <v>2</v>
      </c>
      <c r="D3845" s="1">
        <v>44159.405555555553</v>
      </c>
      <c r="E3845" s="1">
        <v>44159.744444444441</v>
      </c>
      <c r="F3845">
        <v>8700</v>
      </c>
      <c r="G3845">
        <v>0</v>
      </c>
      <c r="H3845">
        <v>30</v>
      </c>
      <c r="I3845">
        <v>0</v>
      </c>
      <c r="J3845">
        <v>0</v>
      </c>
      <c r="K3845">
        <v>0</v>
      </c>
      <c r="L3845">
        <v>0</v>
      </c>
      <c r="M3845">
        <v>873</v>
      </c>
      <c r="N3845">
        <v>0</v>
      </c>
      <c r="O3845">
        <v>0</v>
      </c>
      <c r="P3845">
        <v>7260</v>
      </c>
      <c r="Q3845">
        <v>0</v>
      </c>
      <c r="R3845">
        <v>16863</v>
      </c>
      <c r="S3845">
        <v>0</v>
      </c>
      <c r="T3845">
        <v>0</v>
      </c>
      <c r="U3845">
        <v>0</v>
      </c>
      <c r="V3845">
        <v>0</v>
      </c>
      <c r="W3845">
        <v>1</v>
      </c>
      <c r="X3845">
        <v>0</v>
      </c>
      <c r="Y3845">
        <v>38</v>
      </c>
      <c r="Z3845">
        <v>17</v>
      </c>
      <c r="AA3845">
        <v>121</v>
      </c>
      <c r="AB3845">
        <v>22</v>
      </c>
      <c r="AC3845">
        <v>122</v>
      </c>
      <c r="AD3845">
        <v>39</v>
      </c>
      <c r="AE3845">
        <v>143</v>
      </c>
      <c r="AF3845">
        <v>605</v>
      </c>
      <c r="AG3845">
        <v>66863</v>
      </c>
      <c r="AH3845">
        <v>50000</v>
      </c>
      <c r="AI3845">
        <v>0</v>
      </c>
      <c r="AJ3845">
        <v>84</v>
      </c>
      <c r="AK3845" t="s">
        <v>16</v>
      </c>
      <c r="AL3845">
        <v>0</v>
      </c>
      <c r="AM3845">
        <v>0</v>
      </c>
      <c r="AN3845">
        <v>0</v>
      </c>
      <c r="AO3845">
        <v>0</v>
      </c>
      <c r="AP3845">
        <v>0</v>
      </c>
      <c r="AQ3845">
        <v>0</v>
      </c>
      <c r="AR3845">
        <v>0</v>
      </c>
      <c r="AS3845">
        <v>0</v>
      </c>
      <c r="AT3845">
        <v>0</v>
      </c>
      <c r="AU3845">
        <v>0</v>
      </c>
      <c r="AV3845">
        <v>0</v>
      </c>
      <c r="AW3845">
        <v>0</v>
      </c>
      <c r="AX3845">
        <v>-1210</v>
      </c>
      <c r="AY3845">
        <v>15</v>
      </c>
      <c r="AZ3845">
        <v>26</v>
      </c>
      <c r="BA3845">
        <v>1989</v>
      </c>
    </row>
    <row r="3846" spans="1:53" x14ac:dyDescent="0.4">
      <c r="A3846">
        <v>3890</v>
      </c>
      <c r="B3846" s="1">
        <v>44160</v>
      </c>
      <c r="C3846">
        <v>1</v>
      </c>
      <c r="D3846" s="1">
        <v>44160.291666666664</v>
      </c>
      <c r="E3846" s="1">
        <v>44160.409722222219</v>
      </c>
      <c r="F3846">
        <v>0</v>
      </c>
      <c r="G3846">
        <v>0</v>
      </c>
      <c r="H3846">
        <v>0</v>
      </c>
      <c r="I3846">
        <v>0</v>
      </c>
      <c r="J3846">
        <v>0</v>
      </c>
      <c r="K3846">
        <v>0</v>
      </c>
      <c r="L3846">
        <v>0</v>
      </c>
      <c r="M3846">
        <v>0</v>
      </c>
      <c r="N3846">
        <v>0</v>
      </c>
      <c r="O3846">
        <v>0</v>
      </c>
      <c r="P3846">
        <v>0</v>
      </c>
      <c r="Q3846">
        <v>0</v>
      </c>
      <c r="R3846">
        <v>0</v>
      </c>
      <c r="S3846">
        <v>0</v>
      </c>
      <c r="T3846">
        <v>0</v>
      </c>
      <c r="U3846">
        <v>0</v>
      </c>
      <c r="V3846">
        <v>0</v>
      </c>
      <c r="W3846">
        <v>0</v>
      </c>
      <c r="X3846">
        <v>0</v>
      </c>
      <c r="Y3846">
        <v>30</v>
      </c>
      <c r="Z3846">
        <v>11</v>
      </c>
      <c r="AA3846">
        <v>119</v>
      </c>
      <c r="AB3846">
        <v>22</v>
      </c>
      <c r="AC3846">
        <v>116</v>
      </c>
      <c r="AD3846">
        <v>38</v>
      </c>
      <c r="AE3846">
        <v>150</v>
      </c>
      <c r="AF3846">
        <v>0</v>
      </c>
      <c r="AG3846">
        <v>50000</v>
      </c>
      <c r="AH3846">
        <v>50000</v>
      </c>
      <c r="AI3846">
        <v>0</v>
      </c>
      <c r="AJ3846">
        <v>0</v>
      </c>
      <c r="AK3846" t="s">
        <v>6</v>
      </c>
      <c r="AL3846">
        <v>0</v>
      </c>
      <c r="AM3846">
        <v>0</v>
      </c>
      <c r="AN3846">
        <v>0</v>
      </c>
      <c r="AO3846">
        <v>0</v>
      </c>
      <c r="AP3846">
        <v>0</v>
      </c>
      <c r="AQ3846">
        <v>0</v>
      </c>
      <c r="AR3846">
        <v>0</v>
      </c>
      <c r="AS3846">
        <v>0</v>
      </c>
      <c r="AT3846">
        <v>0</v>
      </c>
      <c r="AU3846">
        <v>0</v>
      </c>
      <c r="AV3846">
        <v>0</v>
      </c>
      <c r="AW3846">
        <v>0</v>
      </c>
      <c r="AX3846">
        <v>0</v>
      </c>
      <c r="AY3846">
        <v>0</v>
      </c>
      <c r="AZ3846">
        <v>0</v>
      </c>
      <c r="BA3846">
        <v>0</v>
      </c>
    </row>
    <row r="3847" spans="1:53" x14ac:dyDescent="0.4">
      <c r="A3847">
        <v>3891</v>
      </c>
      <c r="B3847" s="1">
        <v>44160</v>
      </c>
      <c r="C3847">
        <v>2</v>
      </c>
      <c r="D3847" s="1">
        <v>44160.409722222219</v>
      </c>
      <c r="E3847" s="1">
        <v>44160.73541666667</v>
      </c>
      <c r="F3847">
        <v>12150</v>
      </c>
      <c r="G3847">
        <v>540</v>
      </c>
      <c r="H3847">
        <v>0</v>
      </c>
      <c r="I3847">
        <v>0</v>
      </c>
      <c r="J3847">
        <v>0</v>
      </c>
      <c r="K3847">
        <v>0</v>
      </c>
      <c r="L3847">
        <v>0</v>
      </c>
      <c r="M3847">
        <v>1269</v>
      </c>
      <c r="N3847">
        <v>0</v>
      </c>
      <c r="O3847">
        <v>0</v>
      </c>
      <c r="P3847">
        <v>11110</v>
      </c>
      <c r="Q3847">
        <v>0</v>
      </c>
      <c r="R3847">
        <v>25069</v>
      </c>
      <c r="S3847">
        <v>0</v>
      </c>
      <c r="T3847">
        <v>0</v>
      </c>
      <c r="U3847">
        <v>0</v>
      </c>
      <c r="V3847">
        <v>0</v>
      </c>
      <c r="W3847">
        <v>0</v>
      </c>
      <c r="X3847">
        <v>0</v>
      </c>
      <c r="Y3847">
        <v>47</v>
      </c>
      <c r="Z3847">
        <v>21</v>
      </c>
      <c r="AA3847">
        <v>137</v>
      </c>
      <c r="AB3847">
        <v>27</v>
      </c>
      <c r="AC3847">
        <v>131</v>
      </c>
      <c r="AD3847">
        <v>44</v>
      </c>
      <c r="AE3847">
        <v>164</v>
      </c>
      <c r="AF3847">
        <v>825</v>
      </c>
      <c r="AG3847">
        <v>75069</v>
      </c>
      <c r="AH3847">
        <v>50000</v>
      </c>
      <c r="AI3847">
        <v>0</v>
      </c>
      <c r="AJ3847">
        <v>109</v>
      </c>
      <c r="AK3847" t="s">
        <v>29</v>
      </c>
      <c r="AL3847">
        <v>0</v>
      </c>
      <c r="AM3847">
        <v>0</v>
      </c>
      <c r="AN3847">
        <v>0</v>
      </c>
      <c r="AO3847">
        <v>0</v>
      </c>
      <c r="AP3847">
        <v>0</v>
      </c>
      <c r="AQ3847">
        <v>0</v>
      </c>
      <c r="AR3847">
        <v>0</v>
      </c>
      <c r="AS3847">
        <v>0</v>
      </c>
      <c r="AT3847">
        <v>0</v>
      </c>
      <c r="AU3847">
        <v>0</v>
      </c>
      <c r="AV3847">
        <v>0</v>
      </c>
      <c r="AW3847">
        <v>0</v>
      </c>
      <c r="AX3847">
        <v>1012</v>
      </c>
      <c r="AY3847">
        <v>20</v>
      </c>
      <c r="AZ3847">
        <v>37</v>
      </c>
      <c r="BA3847">
        <v>3085</v>
      </c>
    </row>
    <row r="3848" spans="1:53" x14ac:dyDescent="0.4">
      <c r="A3848">
        <v>3892</v>
      </c>
      <c r="B3848" s="1">
        <v>44161</v>
      </c>
      <c r="C3848">
        <v>1</v>
      </c>
      <c r="D3848" s="1">
        <v>44161.291666666664</v>
      </c>
      <c r="E3848" s="1">
        <v>44161.40902777778</v>
      </c>
      <c r="F3848">
        <v>0</v>
      </c>
      <c r="G3848">
        <v>0</v>
      </c>
      <c r="H3848">
        <v>0</v>
      </c>
      <c r="I3848">
        <v>0</v>
      </c>
      <c r="J3848">
        <v>0</v>
      </c>
      <c r="K3848">
        <v>0</v>
      </c>
      <c r="L3848">
        <v>0</v>
      </c>
      <c r="M3848">
        <v>0</v>
      </c>
      <c r="N3848">
        <v>0</v>
      </c>
      <c r="O3848">
        <v>0</v>
      </c>
      <c r="P3848">
        <v>0</v>
      </c>
      <c r="Q3848">
        <v>0</v>
      </c>
      <c r="R3848">
        <v>0</v>
      </c>
      <c r="S3848">
        <v>0</v>
      </c>
      <c r="T3848">
        <v>0</v>
      </c>
      <c r="U3848">
        <v>0</v>
      </c>
      <c r="V3848">
        <v>0</v>
      </c>
      <c r="W3848">
        <v>0</v>
      </c>
      <c r="X3848">
        <v>0</v>
      </c>
      <c r="Y3848">
        <v>30</v>
      </c>
      <c r="Z3848">
        <v>8</v>
      </c>
      <c r="AA3848">
        <v>108</v>
      </c>
      <c r="AB3848">
        <v>78</v>
      </c>
      <c r="AC3848">
        <v>98</v>
      </c>
      <c r="AD3848">
        <v>40</v>
      </c>
      <c r="AE3848">
        <v>120</v>
      </c>
      <c r="AF3848">
        <v>0</v>
      </c>
      <c r="AG3848">
        <v>50000</v>
      </c>
      <c r="AH3848">
        <v>50000</v>
      </c>
      <c r="AI3848">
        <v>0</v>
      </c>
      <c r="AJ3848">
        <v>0</v>
      </c>
      <c r="AK3848" t="s">
        <v>6</v>
      </c>
      <c r="AL3848">
        <v>0</v>
      </c>
      <c r="AM3848">
        <v>0</v>
      </c>
      <c r="AN3848">
        <v>0</v>
      </c>
      <c r="AO3848">
        <v>0</v>
      </c>
      <c r="AP3848">
        <v>0</v>
      </c>
      <c r="AQ3848">
        <v>0</v>
      </c>
      <c r="AR3848">
        <v>0</v>
      </c>
      <c r="AS3848">
        <v>0</v>
      </c>
      <c r="AT3848">
        <v>0</v>
      </c>
      <c r="AU3848">
        <v>0</v>
      </c>
      <c r="AV3848">
        <v>0</v>
      </c>
      <c r="AW3848">
        <v>0</v>
      </c>
      <c r="AX3848">
        <v>0</v>
      </c>
      <c r="AY3848">
        <v>0</v>
      </c>
      <c r="AZ3848">
        <v>0</v>
      </c>
      <c r="BA3848">
        <v>0</v>
      </c>
    </row>
    <row r="3849" spans="1:53" x14ac:dyDescent="0.4">
      <c r="A3849">
        <v>3893</v>
      </c>
      <c r="B3849" s="1">
        <v>44161</v>
      </c>
      <c r="C3849">
        <v>2</v>
      </c>
      <c r="D3849" s="1">
        <v>44161.40902777778</v>
      </c>
      <c r="E3849" s="1">
        <v>44161.743750000001</v>
      </c>
      <c r="F3849">
        <v>10350</v>
      </c>
      <c r="G3849">
        <v>1240</v>
      </c>
      <c r="H3849">
        <v>0</v>
      </c>
      <c r="I3849">
        <v>0</v>
      </c>
      <c r="J3849">
        <v>100</v>
      </c>
      <c r="K3849">
        <v>0</v>
      </c>
      <c r="L3849">
        <v>0</v>
      </c>
      <c r="M3849">
        <v>1149</v>
      </c>
      <c r="N3849">
        <v>0</v>
      </c>
      <c r="O3849">
        <v>0</v>
      </c>
      <c r="P3849">
        <v>6490</v>
      </c>
      <c r="Q3849">
        <v>0</v>
      </c>
      <c r="R3849">
        <v>19129</v>
      </c>
      <c r="S3849">
        <v>0</v>
      </c>
      <c r="T3849">
        <v>0</v>
      </c>
      <c r="U3849">
        <v>0</v>
      </c>
      <c r="V3849">
        <v>2</v>
      </c>
      <c r="W3849">
        <v>0</v>
      </c>
      <c r="X3849">
        <v>0</v>
      </c>
      <c r="Y3849">
        <v>25</v>
      </c>
      <c r="Z3849">
        <v>17</v>
      </c>
      <c r="AA3849">
        <v>94</v>
      </c>
      <c r="AB3849">
        <v>78</v>
      </c>
      <c r="AC3849">
        <v>115</v>
      </c>
      <c r="AD3849">
        <v>43</v>
      </c>
      <c r="AE3849">
        <v>139</v>
      </c>
      <c r="AF3849">
        <v>825</v>
      </c>
      <c r="AG3849">
        <v>69129</v>
      </c>
      <c r="AH3849">
        <v>50000</v>
      </c>
      <c r="AI3849">
        <v>0</v>
      </c>
      <c r="AJ3849">
        <v>109</v>
      </c>
      <c r="AK3849" t="s">
        <v>29</v>
      </c>
      <c r="AL3849">
        <v>0</v>
      </c>
      <c r="AM3849">
        <v>0</v>
      </c>
      <c r="AN3849">
        <v>0</v>
      </c>
      <c r="AO3849">
        <v>0</v>
      </c>
      <c r="AP3849">
        <v>0</v>
      </c>
      <c r="AQ3849">
        <v>0</v>
      </c>
      <c r="AR3849">
        <v>0</v>
      </c>
      <c r="AS3849">
        <v>0</v>
      </c>
      <c r="AT3849">
        <v>0</v>
      </c>
      <c r="AU3849">
        <v>0</v>
      </c>
      <c r="AV3849">
        <v>0</v>
      </c>
      <c r="AW3849">
        <v>0</v>
      </c>
      <c r="AX3849">
        <v>308</v>
      </c>
      <c r="AY3849">
        <v>17</v>
      </c>
      <c r="AZ3849">
        <v>27</v>
      </c>
      <c r="BA3849">
        <v>2154</v>
      </c>
    </row>
    <row r="3850" spans="1:53" x14ac:dyDescent="0.4">
      <c r="A3850">
        <v>3894</v>
      </c>
      <c r="B3850" s="1">
        <v>44162</v>
      </c>
      <c r="C3850">
        <v>1</v>
      </c>
      <c r="D3850" s="1">
        <v>44162.291666666664</v>
      </c>
      <c r="E3850" s="1">
        <v>44162.40347222222</v>
      </c>
      <c r="F3850">
        <v>0</v>
      </c>
      <c r="G3850">
        <v>0</v>
      </c>
      <c r="H3850">
        <v>0</v>
      </c>
      <c r="I3850">
        <v>0</v>
      </c>
      <c r="J3850">
        <v>0</v>
      </c>
      <c r="K3850">
        <v>0</v>
      </c>
      <c r="L3850">
        <v>0</v>
      </c>
      <c r="M3850">
        <v>0</v>
      </c>
      <c r="N3850">
        <v>0</v>
      </c>
      <c r="O3850">
        <v>0</v>
      </c>
      <c r="P3850">
        <v>0</v>
      </c>
      <c r="Q3850">
        <v>0</v>
      </c>
      <c r="R3850">
        <v>0</v>
      </c>
      <c r="S3850">
        <v>0</v>
      </c>
      <c r="T3850">
        <v>0</v>
      </c>
      <c r="U3850">
        <v>0</v>
      </c>
      <c r="V3850">
        <v>1</v>
      </c>
      <c r="W3850">
        <v>0</v>
      </c>
      <c r="X3850">
        <v>0</v>
      </c>
      <c r="Y3850">
        <v>25</v>
      </c>
      <c r="Z3850">
        <v>7</v>
      </c>
      <c r="AA3850">
        <v>63</v>
      </c>
      <c r="AB3850">
        <v>74</v>
      </c>
      <c r="AC3850">
        <v>116</v>
      </c>
      <c r="AD3850">
        <v>40</v>
      </c>
      <c r="AE3850">
        <v>140</v>
      </c>
      <c r="AF3850">
        <v>0</v>
      </c>
      <c r="AG3850">
        <v>50000</v>
      </c>
      <c r="AH3850">
        <v>50000</v>
      </c>
      <c r="AI3850">
        <v>0</v>
      </c>
      <c r="AJ3850">
        <v>0</v>
      </c>
      <c r="AK3850" t="s">
        <v>6</v>
      </c>
      <c r="AL3850">
        <v>0</v>
      </c>
      <c r="AM3850">
        <v>0</v>
      </c>
      <c r="AN3850">
        <v>0</v>
      </c>
      <c r="AO3850">
        <v>0</v>
      </c>
      <c r="AP3850">
        <v>0</v>
      </c>
      <c r="AQ3850">
        <v>0</v>
      </c>
      <c r="AR3850">
        <v>0</v>
      </c>
      <c r="AS3850">
        <v>0</v>
      </c>
      <c r="AT3850">
        <v>0</v>
      </c>
      <c r="AU3850">
        <v>0</v>
      </c>
      <c r="AV3850">
        <v>0</v>
      </c>
      <c r="AW3850">
        <v>0</v>
      </c>
      <c r="AX3850">
        <v>0</v>
      </c>
      <c r="AY3850">
        <v>0</v>
      </c>
      <c r="AZ3850">
        <v>0</v>
      </c>
      <c r="BA3850">
        <v>0</v>
      </c>
    </row>
    <row r="3851" spans="1:53" x14ac:dyDescent="0.4">
      <c r="A3851">
        <v>3895</v>
      </c>
      <c r="B3851" s="1">
        <v>44162</v>
      </c>
      <c r="C3851">
        <v>2</v>
      </c>
      <c r="D3851" s="1">
        <v>44162.40347222222</v>
      </c>
      <c r="E3851" s="1">
        <v>44162.76666666667</v>
      </c>
      <c r="F3851">
        <v>32600</v>
      </c>
      <c r="G3851">
        <v>1360</v>
      </c>
      <c r="H3851">
        <v>0</v>
      </c>
      <c r="I3851">
        <v>0</v>
      </c>
      <c r="J3851">
        <v>200</v>
      </c>
      <c r="K3851">
        <v>0</v>
      </c>
      <c r="L3851">
        <v>0</v>
      </c>
      <c r="M3851">
        <v>3376</v>
      </c>
      <c r="N3851">
        <v>0</v>
      </c>
      <c r="O3851">
        <v>0</v>
      </c>
      <c r="P3851">
        <v>14575</v>
      </c>
      <c r="Q3851">
        <v>0</v>
      </c>
      <c r="R3851">
        <v>51711</v>
      </c>
      <c r="S3851">
        <v>0</v>
      </c>
      <c r="T3851">
        <v>0</v>
      </c>
      <c r="U3851">
        <v>0</v>
      </c>
      <c r="V3851">
        <v>2</v>
      </c>
      <c r="W3851">
        <v>1</v>
      </c>
      <c r="X3851">
        <v>0</v>
      </c>
      <c r="Y3851">
        <v>51</v>
      </c>
      <c r="Z3851">
        <v>24</v>
      </c>
      <c r="AA3851">
        <v>69</v>
      </c>
      <c r="AB3851">
        <v>61</v>
      </c>
      <c r="AC3851">
        <v>98</v>
      </c>
      <c r="AD3851">
        <v>36</v>
      </c>
      <c r="AE3851">
        <v>171</v>
      </c>
      <c r="AF3851">
        <v>2430</v>
      </c>
      <c r="AG3851">
        <v>101711</v>
      </c>
      <c r="AH3851">
        <v>50000</v>
      </c>
      <c r="AI3851">
        <v>0</v>
      </c>
      <c r="AJ3851">
        <v>109</v>
      </c>
      <c r="AK3851" t="s">
        <v>29</v>
      </c>
      <c r="AL3851">
        <v>0</v>
      </c>
      <c r="AM3851">
        <v>0</v>
      </c>
      <c r="AN3851">
        <v>0</v>
      </c>
      <c r="AO3851">
        <v>0</v>
      </c>
      <c r="AP3851">
        <v>0</v>
      </c>
      <c r="AQ3851">
        <v>0</v>
      </c>
      <c r="AR3851">
        <v>0</v>
      </c>
      <c r="AS3851">
        <v>0</v>
      </c>
      <c r="AT3851">
        <v>0</v>
      </c>
      <c r="AU3851">
        <v>0</v>
      </c>
      <c r="AV3851">
        <v>0</v>
      </c>
      <c r="AW3851">
        <v>0</v>
      </c>
      <c r="AX3851">
        <v>1034</v>
      </c>
      <c r="AY3851">
        <v>37</v>
      </c>
      <c r="AZ3851">
        <v>77</v>
      </c>
      <c r="BA3851">
        <v>6163</v>
      </c>
    </row>
    <row r="3852" spans="1:53" x14ac:dyDescent="0.4">
      <c r="A3852">
        <v>3896</v>
      </c>
      <c r="B3852" s="1">
        <v>44162</v>
      </c>
      <c r="C3852">
        <v>3</v>
      </c>
      <c r="D3852" s="1">
        <v>44162.76666666667</v>
      </c>
      <c r="E3852" s="1">
        <v>44162.961111111108</v>
      </c>
      <c r="F3852">
        <v>18450</v>
      </c>
      <c r="G3852">
        <v>940</v>
      </c>
      <c r="H3852">
        <v>0</v>
      </c>
      <c r="I3852">
        <v>0</v>
      </c>
      <c r="J3852">
        <v>0</v>
      </c>
      <c r="K3852">
        <v>1300</v>
      </c>
      <c r="L3852">
        <v>0</v>
      </c>
      <c r="M3852">
        <v>2069</v>
      </c>
      <c r="N3852">
        <v>0</v>
      </c>
      <c r="O3852">
        <v>0</v>
      </c>
      <c r="P3852">
        <v>1133</v>
      </c>
      <c r="Q3852">
        <v>0</v>
      </c>
      <c r="R3852">
        <v>23892</v>
      </c>
      <c r="S3852">
        <v>0</v>
      </c>
      <c r="T3852">
        <v>0</v>
      </c>
      <c r="U3852">
        <v>0</v>
      </c>
      <c r="V3852">
        <v>5</v>
      </c>
      <c r="W3852">
        <v>2</v>
      </c>
      <c r="X3852">
        <v>0</v>
      </c>
      <c r="Y3852">
        <v>39</v>
      </c>
      <c r="Z3852">
        <v>23</v>
      </c>
      <c r="AA3852">
        <v>77</v>
      </c>
      <c r="AB3852">
        <v>63</v>
      </c>
      <c r="AC3852">
        <v>105</v>
      </c>
      <c r="AD3852">
        <v>35</v>
      </c>
      <c r="AE3852">
        <v>168</v>
      </c>
      <c r="AF3852">
        <v>2860</v>
      </c>
      <c r="AG3852">
        <v>125603</v>
      </c>
      <c r="AH3852">
        <v>50000</v>
      </c>
      <c r="AI3852">
        <v>0</v>
      </c>
      <c r="AJ3852">
        <v>107</v>
      </c>
      <c r="AK3852" t="s">
        <v>40</v>
      </c>
      <c r="AL3852">
        <v>0</v>
      </c>
      <c r="AM3852">
        <v>0</v>
      </c>
      <c r="AN3852">
        <v>0</v>
      </c>
      <c r="AO3852">
        <v>0</v>
      </c>
      <c r="AP3852">
        <v>0</v>
      </c>
      <c r="AQ3852">
        <v>0</v>
      </c>
      <c r="AR3852">
        <v>0</v>
      </c>
      <c r="AS3852">
        <v>0</v>
      </c>
      <c r="AT3852">
        <v>0</v>
      </c>
      <c r="AU3852">
        <v>0</v>
      </c>
      <c r="AV3852">
        <v>0</v>
      </c>
      <c r="AW3852">
        <v>0</v>
      </c>
      <c r="AX3852">
        <v>19712</v>
      </c>
      <c r="AY3852">
        <v>10</v>
      </c>
      <c r="AZ3852">
        <v>24</v>
      </c>
      <c r="BA3852">
        <v>1346</v>
      </c>
    </row>
    <row r="3853" spans="1:53" x14ac:dyDescent="0.4">
      <c r="A3853">
        <v>3897</v>
      </c>
      <c r="B3853" s="1">
        <v>44163</v>
      </c>
      <c r="C3853">
        <v>1</v>
      </c>
      <c r="D3853" s="1">
        <v>44163.291666666664</v>
      </c>
      <c r="E3853" s="1">
        <v>44163.371527777781</v>
      </c>
      <c r="F3853">
        <v>0</v>
      </c>
      <c r="G3853">
        <v>0</v>
      </c>
      <c r="H3853">
        <v>0</v>
      </c>
      <c r="I3853">
        <v>0</v>
      </c>
      <c r="J3853">
        <v>0</v>
      </c>
      <c r="K3853">
        <v>0</v>
      </c>
      <c r="L3853">
        <v>0</v>
      </c>
      <c r="M3853">
        <v>0</v>
      </c>
      <c r="N3853">
        <v>0</v>
      </c>
      <c r="O3853">
        <v>0</v>
      </c>
      <c r="P3853">
        <v>0</v>
      </c>
      <c r="Q3853">
        <v>0</v>
      </c>
      <c r="R3853">
        <v>0</v>
      </c>
      <c r="S3853">
        <v>0</v>
      </c>
      <c r="T3853">
        <v>0</v>
      </c>
      <c r="U3853">
        <v>0</v>
      </c>
      <c r="V3853">
        <v>0</v>
      </c>
      <c r="W3853">
        <v>0</v>
      </c>
      <c r="X3853">
        <v>0</v>
      </c>
      <c r="Y3853">
        <v>30</v>
      </c>
      <c r="Z3853">
        <v>7</v>
      </c>
      <c r="AA3853">
        <v>121</v>
      </c>
      <c r="AB3853">
        <v>62</v>
      </c>
      <c r="AC3853">
        <v>105</v>
      </c>
      <c r="AD3853">
        <v>26</v>
      </c>
      <c r="AE3853">
        <v>120</v>
      </c>
      <c r="AF3853">
        <v>0</v>
      </c>
      <c r="AG3853">
        <v>50000</v>
      </c>
      <c r="AH3853">
        <v>50000</v>
      </c>
      <c r="AI3853">
        <v>0</v>
      </c>
      <c r="AJ3853">
        <v>0</v>
      </c>
      <c r="AK3853" t="s">
        <v>6</v>
      </c>
      <c r="AL3853">
        <v>0</v>
      </c>
      <c r="AM3853">
        <v>0</v>
      </c>
      <c r="AN3853">
        <v>0</v>
      </c>
      <c r="AO3853">
        <v>0</v>
      </c>
      <c r="AP3853">
        <v>0</v>
      </c>
      <c r="AQ3853">
        <v>0</v>
      </c>
      <c r="AR3853">
        <v>0</v>
      </c>
      <c r="AS3853">
        <v>0</v>
      </c>
      <c r="AT3853">
        <v>0</v>
      </c>
      <c r="AU3853">
        <v>0</v>
      </c>
      <c r="AV3853">
        <v>0</v>
      </c>
      <c r="AW3853">
        <v>0</v>
      </c>
      <c r="AX3853">
        <v>0</v>
      </c>
      <c r="AY3853">
        <v>0</v>
      </c>
      <c r="AZ3853">
        <v>0</v>
      </c>
      <c r="BA3853">
        <v>0</v>
      </c>
    </row>
    <row r="3854" spans="1:53" x14ac:dyDescent="0.4">
      <c r="A3854">
        <v>3898</v>
      </c>
      <c r="B3854" s="1">
        <v>44163</v>
      </c>
      <c r="C3854">
        <v>2</v>
      </c>
      <c r="D3854" s="1">
        <v>44163.371527777781</v>
      </c>
      <c r="E3854" s="1">
        <v>44163.740972222222</v>
      </c>
      <c r="F3854">
        <v>35800</v>
      </c>
      <c r="G3854">
        <v>2440</v>
      </c>
      <c r="H3854">
        <v>0</v>
      </c>
      <c r="I3854">
        <v>0</v>
      </c>
      <c r="J3854">
        <v>0</v>
      </c>
      <c r="K3854">
        <v>275</v>
      </c>
      <c r="L3854">
        <v>0</v>
      </c>
      <c r="M3854">
        <v>3851</v>
      </c>
      <c r="N3854">
        <v>0</v>
      </c>
      <c r="O3854">
        <v>0</v>
      </c>
      <c r="P3854">
        <v>13365</v>
      </c>
      <c r="Q3854">
        <v>0</v>
      </c>
      <c r="R3854">
        <v>55731</v>
      </c>
      <c r="S3854">
        <v>0</v>
      </c>
      <c r="T3854">
        <v>0</v>
      </c>
      <c r="U3854">
        <v>0</v>
      </c>
      <c r="V3854">
        <v>2</v>
      </c>
      <c r="W3854">
        <v>1</v>
      </c>
      <c r="X3854">
        <v>0</v>
      </c>
      <c r="Y3854">
        <v>55</v>
      </c>
      <c r="Z3854">
        <v>16</v>
      </c>
      <c r="AA3854">
        <v>128</v>
      </c>
      <c r="AB3854">
        <v>48</v>
      </c>
      <c r="AC3854">
        <v>87</v>
      </c>
      <c r="AD3854">
        <v>14</v>
      </c>
      <c r="AE3854">
        <v>161</v>
      </c>
      <c r="AF3854">
        <v>1430</v>
      </c>
      <c r="AG3854">
        <v>105731</v>
      </c>
      <c r="AH3854">
        <v>50000</v>
      </c>
      <c r="AI3854">
        <v>0</v>
      </c>
      <c r="AJ3854">
        <v>110</v>
      </c>
      <c r="AK3854" t="s">
        <v>48</v>
      </c>
      <c r="AL3854">
        <v>0</v>
      </c>
      <c r="AM3854">
        <v>0</v>
      </c>
      <c r="AN3854">
        <v>0</v>
      </c>
      <c r="AO3854">
        <v>0</v>
      </c>
      <c r="AP3854">
        <v>0</v>
      </c>
      <c r="AQ3854">
        <v>0</v>
      </c>
      <c r="AR3854">
        <v>0</v>
      </c>
      <c r="AS3854">
        <v>0</v>
      </c>
      <c r="AT3854">
        <v>0</v>
      </c>
      <c r="AU3854">
        <v>0</v>
      </c>
      <c r="AV3854">
        <v>0</v>
      </c>
      <c r="AW3854">
        <v>0</v>
      </c>
      <c r="AX3854">
        <v>0</v>
      </c>
      <c r="AY3854">
        <v>40</v>
      </c>
      <c r="AZ3854">
        <v>83</v>
      </c>
      <c r="BA3854">
        <v>6000</v>
      </c>
    </row>
    <row r="3855" spans="1:53" x14ac:dyDescent="0.4">
      <c r="A3855">
        <v>3899</v>
      </c>
      <c r="B3855" s="1">
        <v>44163</v>
      </c>
      <c r="C3855">
        <v>3</v>
      </c>
      <c r="D3855" s="1">
        <v>44163.740972222222</v>
      </c>
      <c r="E3855" s="1">
        <v>44163.959722222222</v>
      </c>
      <c r="F3855">
        <v>50330</v>
      </c>
      <c r="G3855">
        <v>0</v>
      </c>
      <c r="H3855">
        <v>0</v>
      </c>
      <c r="I3855">
        <v>0</v>
      </c>
      <c r="J3855">
        <v>2432</v>
      </c>
      <c r="K3855">
        <v>0</v>
      </c>
      <c r="L3855">
        <v>0</v>
      </c>
      <c r="M3855">
        <v>4790</v>
      </c>
      <c r="N3855">
        <v>0</v>
      </c>
      <c r="O3855">
        <v>0</v>
      </c>
      <c r="P3855">
        <v>-6545</v>
      </c>
      <c r="Q3855">
        <v>0</v>
      </c>
      <c r="R3855">
        <v>46143</v>
      </c>
      <c r="S3855">
        <v>0</v>
      </c>
      <c r="T3855">
        <v>0</v>
      </c>
      <c r="U3855">
        <v>0</v>
      </c>
      <c r="V3855">
        <v>6</v>
      </c>
      <c r="W3855">
        <v>3</v>
      </c>
      <c r="X3855">
        <v>0</v>
      </c>
      <c r="Y3855">
        <v>47</v>
      </c>
      <c r="Z3855">
        <v>14</v>
      </c>
      <c r="AA3855">
        <v>116</v>
      </c>
      <c r="AB3855">
        <v>46</v>
      </c>
      <c r="AC3855">
        <v>77</v>
      </c>
      <c r="AD3855">
        <v>13</v>
      </c>
      <c r="AE3855">
        <v>153</v>
      </c>
      <c r="AF3855">
        <v>7986</v>
      </c>
      <c r="AG3855">
        <v>151874</v>
      </c>
      <c r="AH3855">
        <v>50000</v>
      </c>
      <c r="AI3855">
        <v>0</v>
      </c>
      <c r="AJ3855">
        <v>84</v>
      </c>
      <c r="AK3855" t="s">
        <v>16</v>
      </c>
      <c r="AL3855">
        <v>0</v>
      </c>
      <c r="AM3855">
        <v>0</v>
      </c>
      <c r="AN3855">
        <v>0</v>
      </c>
      <c r="AO3855">
        <v>0</v>
      </c>
      <c r="AP3855">
        <v>0</v>
      </c>
      <c r="AQ3855">
        <v>0</v>
      </c>
      <c r="AR3855">
        <v>0</v>
      </c>
      <c r="AS3855">
        <v>0</v>
      </c>
      <c r="AT3855">
        <v>0</v>
      </c>
      <c r="AU3855">
        <v>0</v>
      </c>
      <c r="AV3855">
        <v>0</v>
      </c>
      <c r="AW3855">
        <v>0</v>
      </c>
      <c r="AX3855">
        <v>12919</v>
      </c>
      <c r="AY3855">
        <v>18</v>
      </c>
      <c r="AZ3855">
        <v>46</v>
      </c>
      <c r="BA3855">
        <v>2128</v>
      </c>
    </row>
    <row r="3856" spans="1:53" x14ac:dyDescent="0.4">
      <c r="A3856">
        <v>3900</v>
      </c>
      <c r="B3856" s="1">
        <v>44164</v>
      </c>
      <c r="C3856">
        <v>1</v>
      </c>
      <c r="D3856" s="1">
        <v>44164.291666666664</v>
      </c>
      <c r="E3856" s="1">
        <v>44164.365972222222</v>
      </c>
      <c r="F3856">
        <v>0</v>
      </c>
      <c r="G3856">
        <v>0</v>
      </c>
      <c r="H3856">
        <v>0</v>
      </c>
      <c r="I3856">
        <v>0</v>
      </c>
      <c r="J3856">
        <v>0</v>
      </c>
      <c r="K3856">
        <v>0</v>
      </c>
      <c r="L3856">
        <v>0</v>
      </c>
      <c r="M3856">
        <v>0</v>
      </c>
      <c r="N3856">
        <v>0</v>
      </c>
      <c r="O3856">
        <v>0</v>
      </c>
      <c r="P3856">
        <v>0</v>
      </c>
      <c r="Q3856">
        <v>0</v>
      </c>
      <c r="R3856">
        <v>0</v>
      </c>
      <c r="S3856">
        <v>0</v>
      </c>
      <c r="T3856">
        <v>0</v>
      </c>
      <c r="U3856">
        <v>0</v>
      </c>
      <c r="V3856">
        <v>0</v>
      </c>
      <c r="W3856">
        <v>0</v>
      </c>
      <c r="X3856">
        <v>0</v>
      </c>
      <c r="Y3856">
        <v>30</v>
      </c>
      <c r="Z3856">
        <v>10</v>
      </c>
      <c r="AA3856">
        <v>113</v>
      </c>
      <c r="AB3856">
        <v>48</v>
      </c>
      <c r="AC3856">
        <v>117</v>
      </c>
      <c r="AD3856">
        <v>6</v>
      </c>
      <c r="AE3856">
        <v>100</v>
      </c>
      <c r="AF3856">
        <v>0</v>
      </c>
      <c r="AG3856">
        <v>50000</v>
      </c>
      <c r="AH3856">
        <v>50000</v>
      </c>
      <c r="AI3856">
        <v>0</v>
      </c>
      <c r="AJ3856">
        <v>0</v>
      </c>
      <c r="AK3856" t="s">
        <v>6</v>
      </c>
      <c r="AL3856">
        <v>0</v>
      </c>
      <c r="AM3856">
        <v>0</v>
      </c>
      <c r="AN3856">
        <v>0</v>
      </c>
      <c r="AO3856">
        <v>0</v>
      </c>
      <c r="AP3856">
        <v>0</v>
      </c>
      <c r="AQ3856">
        <v>0</v>
      </c>
      <c r="AR3856">
        <v>0</v>
      </c>
      <c r="AS3856">
        <v>0</v>
      </c>
      <c r="AT3856">
        <v>0</v>
      </c>
      <c r="AU3856">
        <v>0</v>
      </c>
      <c r="AV3856">
        <v>0</v>
      </c>
      <c r="AW3856">
        <v>0</v>
      </c>
      <c r="AX3856">
        <v>0</v>
      </c>
      <c r="AY3856">
        <v>0</v>
      </c>
      <c r="AZ3856">
        <v>0</v>
      </c>
      <c r="BA3856">
        <v>0</v>
      </c>
    </row>
    <row r="3857" spans="1:53" x14ac:dyDescent="0.4">
      <c r="A3857">
        <v>3901</v>
      </c>
      <c r="B3857" s="1">
        <v>44164</v>
      </c>
      <c r="C3857">
        <v>2</v>
      </c>
      <c r="D3857" s="1">
        <v>44164.365972222222</v>
      </c>
      <c r="E3857" s="1">
        <v>44164.737500000003</v>
      </c>
      <c r="F3857">
        <v>37000</v>
      </c>
      <c r="G3857">
        <v>1080</v>
      </c>
      <c r="H3857">
        <v>200</v>
      </c>
      <c r="I3857">
        <v>0</v>
      </c>
      <c r="J3857">
        <v>0</v>
      </c>
      <c r="K3857">
        <v>0</v>
      </c>
      <c r="L3857">
        <v>0</v>
      </c>
      <c r="M3857">
        <v>3828</v>
      </c>
      <c r="N3857">
        <v>0</v>
      </c>
      <c r="O3857">
        <v>0</v>
      </c>
      <c r="P3857">
        <v>15125</v>
      </c>
      <c r="Q3857">
        <v>0</v>
      </c>
      <c r="R3857">
        <v>57233</v>
      </c>
      <c r="S3857">
        <v>0</v>
      </c>
      <c r="T3857">
        <v>0</v>
      </c>
      <c r="U3857">
        <v>0</v>
      </c>
      <c r="V3857">
        <v>1</v>
      </c>
      <c r="W3857">
        <v>3</v>
      </c>
      <c r="X3857">
        <v>0</v>
      </c>
      <c r="Y3857">
        <v>55</v>
      </c>
      <c r="Z3857">
        <v>24</v>
      </c>
      <c r="AA3857">
        <v>93</v>
      </c>
      <c r="AB3857">
        <v>49</v>
      </c>
      <c r="AC3857">
        <v>122</v>
      </c>
      <c r="AD3857">
        <v>13</v>
      </c>
      <c r="AE3857">
        <v>163</v>
      </c>
      <c r="AF3857">
        <v>2035</v>
      </c>
      <c r="AG3857">
        <v>107233</v>
      </c>
      <c r="AH3857">
        <v>50000</v>
      </c>
      <c r="AI3857">
        <v>0</v>
      </c>
      <c r="AJ3857">
        <v>107</v>
      </c>
      <c r="AK3857" t="s">
        <v>40</v>
      </c>
      <c r="AL3857">
        <v>0</v>
      </c>
      <c r="AM3857">
        <v>0</v>
      </c>
      <c r="AN3857">
        <v>0</v>
      </c>
      <c r="AO3857">
        <v>0</v>
      </c>
      <c r="AP3857">
        <v>0</v>
      </c>
      <c r="AQ3857">
        <v>0</v>
      </c>
      <c r="AR3857">
        <v>0</v>
      </c>
      <c r="AS3857">
        <v>0</v>
      </c>
      <c r="AT3857">
        <v>0</v>
      </c>
      <c r="AU3857">
        <v>0</v>
      </c>
      <c r="AV3857">
        <v>0</v>
      </c>
      <c r="AW3857">
        <v>0</v>
      </c>
      <c r="AX3857">
        <v>594</v>
      </c>
      <c r="AY3857">
        <v>43</v>
      </c>
      <c r="AZ3857">
        <v>89</v>
      </c>
      <c r="BA3857">
        <v>6458</v>
      </c>
    </row>
    <row r="3858" spans="1:53" x14ac:dyDescent="0.4">
      <c r="A3858">
        <v>3902</v>
      </c>
      <c r="B3858" s="1">
        <v>44165</v>
      </c>
      <c r="C3858">
        <v>1</v>
      </c>
      <c r="D3858" s="1">
        <v>44165.291666666664</v>
      </c>
      <c r="E3858" s="1">
        <v>44165.423611111109</v>
      </c>
      <c r="F3858">
        <v>0</v>
      </c>
      <c r="G3858">
        <v>0</v>
      </c>
      <c r="H3858">
        <v>0</v>
      </c>
      <c r="I3858">
        <v>0</v>
      </c>
      <c r="J3858">
        <v>0</v>
      </c>
      <c r="K3858">
        <v>0</v>
      </c>
      <c r="L3858">
        <v>0</v>
      </c>
      <c r="M3858">
        <v>0</v>
      </c>
      <c r="N3858">
        <v>0</v>
      </c>
      <c r="O3858">
        <v>0</v>
      </c>
      <c r="P3858">
        <v>0</v>
      </c>
      <c r="Q3858">
        <v>0</v>
      </c>
      <c r="R3858">
        <v>0</v>
      </c>
      <c r="S3858">
        <v>0</v>
      </c>
      <c r="T3858">
        <v>0</v>
      </c>
      <c r="U3858">
        <v>0</v>
      </c>
      <c r="V3858">
        <v>0</v>
      </c>
      <c r="W3858">
        <v>0</v>
      </c>
      <c r="X3858">
        <v>0</v>
      </c>
      <c r="Y3858">
        <v>30</v>
      </c>
      <c r="Z3858">
        <v>10</v>
      </c>
      <c r="AA3858">
        <v>111</v>
      </c>
      <c r="AB3858">
        <v>46</v>
      </c>
      <c r="AC3858">
        <v>143</v>
      </c>
      <c r="AD3858">
        <v>12</v>
      </c>
      <c r="AE3858">
        <v>110</v>
      </c>
      <c r="AF3858">
        <v>0</v>
      </c>
      <c r="AG3858">
        <v>50000</v>
      </c>
      <c r="AH3858">
        <v>50000</v>
      </c>
      <c r="AI3858">
        <v>0</v>
      </c>
      <c r="AJ3858">
        <v>0</v>
      </c>
      <c r="AK3858" t="s">
        <v>6</v>
      </c>
      <c r="AL3858">
        <v>0</v>
      </c>
      <c r="AM3858">
        <v>0</v>
      </c>
      <c r="AN3858">
        <v>0</v>
      </c>
      <c r="AO3858">
        <v>0</v>
      </c>
      <c r="AP3858">
        <v>0</v>
      </c>
      <c r="AQ3858">
        <v>0</v>
      </c>
      <c r="AR3858">
        <v>0</v>
      </c>
      <c r="AS3858">
        <v>0</v>
      </c>
      <c r="AT3858">
        <v>0</v>
      </c>
      <c r="AU3858">
        <v>0</v>
      </c>
      <c r="AV3858">
        <v>0</v>
      </c>
      <c r="AW3858">
        <v>0</v>
      </c>
      <c r="AX3858">
        <v>0</v>
      </c>
      <c r="AY3858">
        <v>0</v>
      </c>
      <c r="AZ3858">
        <v>0</v>
      </c>
      <c r="BA3858">
        <v>0</v>
      </c>
    </row>
    <row r="3859" spans="1:53" x14ac:dyDescent="0.4">
      <c r="A3859">
        <v>3903</v>
      </c>
      <c r="B3859" s="1">
        <v>44165</v>
      </c>
      <c r="C3859">
        <v>2</v>
      </c>
      <c r="D3859" s="1">
        <v>44165.423611111109</v>
      </c>
      <c r="E3859" s="1">
        <v>44165.742361111108</v>
      </c>
      <c r="F3859">
        <v>16600</v>
      </c>
      <c r="G3859">
        <v>920</v>
      </c>
      <c r="H3859">
        <v>0</v>
      </c>
      <c r="I3859">
        <v>0</v>
      </c>
      <c r="J3859">
        <v>0</v>
      </c>
      <c r="K3859">
        <v>0</v>
      </c>
      <c r="L3859">
        <v>0</v>
      </c>
      <c r="M3859">
        <v>1752</v>
      </c>
      <c r="N3859">
        <v>0</v>
      </c>
      <c r="O3859">
        <v>0</v>
      </c>
      <c r="P3859">
        <v>11770</v>
      </c>
      <c r="Q3859">
        <v>0</v>
      </c>
      <c r="R3859">
        <v>31042</v>
      </c>
      <c r="S3859">
        <v>0</v>
      </c>
      <c r="T3859">
        <v>0</v>
      </c>
      <c r="U3859">
        <v>0</v>
      </c>
      <c r="V3859">
        <v>0</v>
      </c>
      <c r="W3859">
        <v>2</v>
      </c>
      <c r="X3859">
        <v>0</v>
      </c>
      <c r="Y3859">
        <v>44</v>
      </c>
      <c r="Z3859">
        <v>21</v>
      </c>
      <c r="AA3859">
        <v>107</v>
      </c>
      <c r="AB3859">
        <v>45</v>
      </c>
      <c r="AC3859">
        <v>155</v>
      </c>
      <c r="AD3859">
        <v>19</v>
      </c>
      <c r="AE3859">
        <v>132</v>
      </c>
      <c r="AF3859">
        <v>1815</v>
      </c>
      <c r="AG3859">
        <v>81042</v>
      </c>
      <c r="AH3859">
        <v>50000</v>
      </c>
      <c r="AI3859">
        <v>0</v>
      </c>
      <c r="AJ3859">
        <v>84</v>
      </c>
      <c r="AK3859" t="s">
        <v>16</v>
      </c>
      <c r="AL3859">
        <v>0</v>
      </c>
      <c r="AM3859">
        <v>0</v>
      </c>
      <c r="AN3859">
        <v>0</v>
      </c>
      <c r="AO3859">
        <v>0</v>
      </c>
      <c r="AP3859">
        <v>0</v>
      </c>
      <c r="AQ3859">
        <v>0</v>
      </c>
      <c r="AR3859">
        <v>0</v>
      </c>
      <c r="AS3859">
        <v>0</v>
      </c>
      <c r="AT3859">
        <v>0</v>
      </c>
      <c r="AU3859">
        <v>0</v>
      </c>
      <c r="AV3859">
        <v>0</v>
      </c>
      <c r="AW3859">
        <v>0</v>
      </c>
      <c r="AX3859">
        <v>0</v>
      </c>
      <c r="AY3859">
        <v>25</v>
      </c>
      <c r="AZ3859">
        <v>46</v>
      </c>
      <c r="BA3859">
        <v>3659</v>
      </c>
    </row>
    <row r="3860" spans="1:53" x14ac:dyDescent="0.4">
      <c r="A3860">
        <v>3904</v>
      </c>
      <c r="B3860" s="1">
        <v>44166</v>
      </c>
      <c r="C3860">
        <v>1</v>
      </c>
      <c r="D3860" s="1">
        <v>44166.291666666664</v>
      </c>
      <c r="E3860" s="1">
        <v>44166.436111111114</v>
      </c>
      <c r="F3860">
        <v>0</v>
      </c>
      <c r="G3860">
        <v>0</v>
      </c>
      <c r="H3860">
        <v>0</v>
      </c>
      <c r="I3860">
        <v>0</v>
      </c>
      <c r="J3860">
        <v>0</v>
      </c>
      <c r="K3860">
        <v>0</v>
      </c>
      <c r="L3860">
        <v>0</v>
      </c>
      <c r="M3860">
        <v>0</v>
      </c>
      <c r="N3860">
        <v>0</v>
      </c>
      <c r="O3860">
        <v>0</v>
      </c>
      <c r="P3860">
        <v>0</v>
      </c>
      <c r="Q3860">
        <v>0</v>
      </c>
      <c r="R3860">
        <v>0</v>
      </c>
      <c r="S3860">
        <v>0</v>
      </c>
      <c r="T3860">
        <v>0</v>
      </c>
      <c r="U3860">
        <v>0</v>
      </c>
      <c r="V3860">
        <v>0</v>
      </c>
      <c r="W3860">
        <v>0</v>
      </c>
      <c r="X3860">
        <v>0</v>
      </c>
      <c r="Y3860">
        <v>28</v>
      </c>
      <c r="Z3860">
        <v>16</v>
      </c>
      <c r="AA3860">
        <v>101</v>
      </c>
      <c r="AB3860">
        <v>44</v>
      </c>
      <c r="AC3860">
        <v>148</v>
      </c>
      <c r="AD3860">
        <v>18</v>
      </c>
      <c r="AE3860">
        <v>130</v>
      </c>
      <c r="AF3860">
        <v>0</v>
      </c>
      <c r="AG3860">
        <v>50000</v>
      </c>
      <c r="AH3860">
        <v>50000</v>
      </c>
      <c r="AI3860">
        <v>0</v>
      </c>
      <c r="AJ3860">
        <v>0</v>
      </c>
      <c r="AK3860" t="s">
        <v>6</v>
      </c>
      <c r="AL3860">
        <v>0</v>
      </c>
      <c r="AM3860">
        <v>0</v>
      </c>
      <c r="AN3860">
        <v>0</v>
      </c>
      <c r="AO3860">
        <v>0</v>
      </c>
      <c r="AP3860">
        <v>0</v>
      </c>
      <c r="AQ3860">
        <v>0</v>
      </c>
      <c r="AR3860">
        <v>0</v>
      </c>
      <c r="AS3860">
        <v>0</v>
      </c>
      <c r="AT3860">
        <v>0</v>
      </c>
      <c r="AU3860">
        <v>0</v>
      </c>
      <c r="AV3860">
        <v>0</v>
      </c>
      <c r="AW3860">
        <v>0</v>
      </c>
      <c r="AX3860">
        <v>0</v>
      </c>
      <c r="AY3860">
        <v>0</v>
      </c>
      <c r="AZ3860">
        <v>0</v>
      </c>
      <c r="BA3860">
        <v>0</v>
      </c>
    </row>
    <row r="3861" spans="1:53" x14ac:dyDescent="0.4">
      <c r="A3861">
        <v>3905</v>
      </c>
      <c r="B3861" s="1">
        <v>44166</v>
      </c>
      <c r="C3861">
        <v>2</v>
      </c>
      <c r="D3861" s="1">
        <v>44166.436111111114</v>
      </c>
      <c r="E3861" s="1">
        <v>44166.740972222222</v>
      </c>
      <c r="F3861">
        <v>18750</v>
      </c>
      <c r="G3861">
        <v>1660</v>
      </c>
      <c r="H3861">
        <v>200</v>
      </c>
      <c r="I3861">
        <v>0</v>
      </c>
      <c r="J3861">
        <v>0</v>
      </c>
      <c r="K3861">
        <v>0</v>
      </c>
      <c r="L3861">
        <v>0</v>
      </c>
      <c r="M3861">
        <v>2061</v>
      </c>
      <c r="N3861">
        <v>0</v>
      </c>
      <c r="O3861">
        <v>0</v>
      </c>
      <c r="P3861">
        <v>11110</v>
      </c>
      <c r="Q3861">
        <v>0</v>
      </c>
      <c r="R3861">
        <v>33781</v>
      </c>
      <c r="S3861">
        <v>0</v>
      </c>
      <c r="T3861">
        <v>0</v>
      </c>
      <c r="U3861">
        <v>0</v>
      </c>
      <c r="V3861">
        <v>2</v>
      </c>
      <c r="W3861">
        <v>0</v>
      </c>
      <c r="X3861">
        <v>0</v>
      </c>
      <c r="Y3861">
        <v>37</v>
      </c>
      <c r="Z3861">
        <v>25</v>
      </c>
      <c r="AA3861">
        <v>105</v>
      </c>
      <c r="AB3861">
        <v>43</v>
      </c>
      <c r="AC3861">
        <v>140</v>
      </c>
      <c r="AD3861">
        <v>13</v>
      </c>
      <c r="AE3861">
        <v>166</v>
      </c>
      <c r="AF3861">
        <v>0</v>
      </c>
      <c r="AG3861">
        <v>83781</v>
      </c>
      <c r="AH3861">
        <v>50000</v>
      </c>
      <c r="AI3861">
        <v>0</v>
      </c>
      <c r="AJ3861">
        <v>84</v>
      </c>
      <c r="AK3861" t="s">
        <v>16</v>
      </c>
      <c r="AL3861">
        <v>0</v>
      </c>
      <c r="AM3861">
        <v>0</v>
      </c>
      <c r="AN3861">
        <v>0</v>
      </c>
      <c r="AO3861">
        <v>0</v>
      </c>
      <c r="AP3861">
        <v>0</v>
      </c>
      <c r="AQ3861">
        <v>0</v>
      </c>
      <c r="AR3861">
        <v>0</v>
      </c>
      <c r="AS3861">
        <v>0</v>
      </c>
      <c r="AT3861">
        <v>0</v>
      </c>
      <c r="AU3861">
        <v>0</v>
      </c>
      <c r="AV3861">
        <v>0</v>
      </c>
      <c r="AW3861">
        <v>0</v>
      </c>
      <c r="AX3861">
        <v>0</v>
      </c>
      <c r="AY3861">
        <v>25</v>
      </c>
      <c r="AZ3861">
        <v>49</v>
      </c>
      <c r="BA3861">
        <v>3737</v>
      </c>
    </row>
    <row r="3862" spans="1:53" x14ac:dyDescent="0.4">
      <c r="A3862">
        <v>3906</v>
      </c>
      <c r="B3862" s="1">
        <v>44167</v>
      </c>
      <c r="C3862">
        <v>1</v>
      </c>
      <c r="D3862" s="1">
        <v>44167.291666666664</v>
      </c>
      <c r="E3862" s="1">
        <v>44167.415277777778</v>
      </c>
      <c r="F3862">
        <v>0</v>
      </c>
      <c r="G3862">
        <v>0</v>
      </c>
      <c r="H3862">
        <v>0</v>
      </c>
      <c r="I3862">
        <v>0</v>
      </c>
      <c r="J3862">
        <v>0</v>
      </c>
      <c r="K3862">
        <v>0</v>
      </c>
      <c r="L3862">
        <v>0</v>
      </c>
      <c r="M3862">
        <v>0</v>
      </c>
      <c r="N3862">
        <v>0</v>
      </c>
      <c r="O3862">
        <v>0</v>
      </c>
      <c r="P3862">
        <v>0</v>
      </c>
      <c r="Q3862">
        <v>0</v>
      </c>
      <c r="R3862">
        <v>0</v>
      </c>
      <c r="S3862">
        <v>0</v>
      </c>
      <c r="T3862">
        <v>0</v>
      </c>
      <c r="U3862">
        <v>0</v>
      </c>
      <c r="V3862">
        <v>0</v>
      </c>
      <c r="W3862">
        <v>0</v>
      </c>
      <c r="X3862">
        <v>0</v>
      </c>
      <c r="Y3862">
        <v>26</v>
      </c>
      <c r="Z3862">
        <v>15</v>
      </c>
      <c r="AA3862">
        <v>128</v>
      </c>
      <c r="AB3862">
        <v>41</v>
      </c>
      <c r="AC3862">
        <v>142</v>
      </c>
      <c r="AD3862">
        <v>12</v>
      </c>
      <c r="AE3862">
        <v>170</v>
      </c>
      <c r="AF3862">
        <v>0</v>
      </c>
      <c r="AG3862">
        <v>50000</v>
      </c>
      <c r="AH3862">
        <v>50000</v>
      </c>
      <c r="AI3862">
        <v>0</v>
      </c>
      <c r="AJ3862">
        <v>0</v>
      </c>
      <c r="AK3862" t="s">
        <v>6</v>
      </c>
      <c r="AL3862">
        <v>0</v>
      </c>
      <c r="AM3862">
        <v>0</v>
      </c>
      <c r="AN3862">
        <v>0</v>
      </c>
      <c r="AO3862">
        <v>0</v>
      </c>
      <c r="AP3862">
        <v>0</v>
      </c>
      <c r="AQ3862">
        <v>0</v>
      </c>
      <c r="AR3862">
        <v>0</v>
      </c>
      <c r="AS3862">
        <v>0</v>
      </c>
      <c r="AT3862">
        <v>0</v>
      </c>
      <c r="AU3862">
        <v>0</v>
      </c>
      <c r="AV3862">
        <v>0</v>
      </c>
      <c r="AW3862">
        <v>0</v>
      </c>
      <c r="AX3862">
        <v>0</v>
      </c>
      <c r="AY3862">
        <v>0</v>
      </c>
      <c r="AZ3862">
        <v>0</v>
      </c>
      <c r="BA3862">
        <v>0</v>
      </c>
    </row>
    <row r="3863" spans="1:53" x14ac:dyDescent="0.4">
      <c r="A3863">
        <v>3907</v>
      </c>
      <c r="B3863" s="1">
        <v>44167</v>
      </c>
      <c r="C3863">
        <v>2</v>
      </c>
      <c r="D3863" s="1">
        <v>44167.415277777778</v>
      </c>
      <c r="E3863" s="1">
        <v>44167.74722222222</v>
      </c>
      <c r="F3863">
        <v>24700</v>
      </c>
      <c r="G3863">
        <v>560</v>
      </c>
      <c r="H3863">
        <v>0</v>
      </c>
      <c r="I3863">
        <v>0</v>
      </c>
      <c r="J3863">
        <v>0</v>
      </c>
      <c r="K3863">
        <v>0</v>
      </c>
      <c r="L3863">
        <v>0</v>
      </c>
      <c r="M3863">
        <v>2526</v>
      </c>
      <c r="N3863">
        <v>0</v>
      </c>
      <c r="O3863">
        <v>0</v>
      </c>
      <c r="P3863">
        <v>16610</v>
      </c>
      <c r="Q3863">
        <v>0</v>
      </c>
      <c r="R3863">
        <v>44396</v>
      </c>
      <c r="S3863">
        <v>0</v>
      </c>
      <c r="T3863">
        <v>0</v>
      </c>
      <c r="U3863">
        <v>0</v>
      </c>
      <c r="V3863">
        <v>1</v>
      </c>
      <c r="W3863">
        <v>1</v>
      </c>
      <c r="X3863">
        <v>0</v>
      </c>
      <c r="Y3863">
        <v>52</v>
      </c>
      <c r="Z3863">
        <v>26</v>
      </c>
      <c r="AA3863">
        <v>108</v>
      </c>
      <c r="AB3863">
        <v>28</v>
      </c>
      <c r="AC3863">
        <v>105</v>
      </c>
      <c r="AD3863">
        <v>16</v>
      </c>
      <c r="AE3863">
        <v>241</v>
      </c>
      <c r="AF3863">
        <v>825</v>
      </c>
      <c r="AG3863">
        <v>94396</v>
      </c>
      <c r="AH3863">
        <v>50000</v>
      </c>
      <c r="AI3863">
        <v>0</v>
      </c>
      <c r="AJ3863">
        <v>107</v>
      </c>
      <c r="AK3863" t="s">
        <v>40</v>
      </c>
      <c r="AL3863">
        <v>0</v>
      </c>
      <c r="AM3863">
        <v>0</v>
      </c>
      <c r="AN3863">
        <v>0</v>
      </c>
      <c r="AO3863">
        <v>0</v>
      </c>
      <c r="AP3863">
        <v>0</v>
      </c>
      <c r="AQ3863">
        <v>0</v>
      </c>
      <c r="AR3863">
        <v>0</v>
      </c>
      <c r="AS3863">
        <v>0</v>
      </c>
      <c r="AT3863">
        <v>0</v>
      </c>
      <c r="AU3863">
        <v>0</v>
      </c>
      <c r="AV3863">
        <v>0</v>
      </c>
      <c r="AW3863">
        <v>0</v>
      </c>
      <c r="AX3863">
        <v>748</v>
      </c>
      <c r="AY3863">
        <v>35</v>
      </c>
      <c r="AZ3863">
        <v>64</v>
      </c>
      <c r="BA3863">
        <v>5020</v>
      </c>
    </row>
    <row r="3864" spans="1:53" x14ac:dyDescent="0.4">
      <c r="A3864">
        <v>3908</v>
      </c>
      <c r="B3864" s="1">
        <v>44168</v>
      </c>
      <c r="C3864">
        <v>1</v>
      </c>
      <c r="D3864" s="1">
        <v>44168.291666666664</v>
      </c>
      <c r="E3864" s="1">
        <v>44168.429166666669</v>
      </c>
      <c r="F3864">
        <v>0</v>
      </c>
      <c r="G3864">
        <v>0</v>
      </c>
      <c r="H3864">
        <v>0</v>
      </c>
      <c r="I3864">
        <v>0</v>
      </c>
      <c r="J3864">
        <v>0</v>
      </c>
      <c r="K3864">
        <v>0</v>
      </c>
      <c r="L3864">
        <v>0</v>
      </c>
      <c r="M3864">
        <v>0</v>
      </c>
      <c r="N3864">
        <v>0</v>
      </c>
      <c r="O3864">
        <v>0</v>
      </c>
      <c r="P3864">
        <v>0</v>
      </c>
      <c r="Q3864">
        <v>0</v>
      </c>
      <c r="R3864">
        <v>0</v>
      </c>
      <c r="S3864">
        <v>0</v>
      </c>
      <c r="T3864">
        <v>0</v>
      </c>
      <c r="U3864">
        <v>0</v>
      </c>
      <c r="V3864">
        <v>0</v>
      </c>
      <c r="W3864">
        <v>0</v>
      </c>
      <c r="X3864">
        <v>0</v>
      </c>
      <c r="Y3864">
        <v>30</v>
      </c>
      <c r="Z3864">
        <v>8</v>
      </c>
      <c r="AA3864">
        <v>134</v>
      </c>
      <c r="AB3864">
        <v>26</v>
      </c>
      <c r="AC3864">
        <v>113</v>
      </c>
      <c r="AD3864">
        <v>14</v>
      </c>
      <c r="AE3864">
        <v>100</v>
      </c>
      <c r="AF3864">
        <v>0</v>
      </c>
      <c r="AG3864">
        <v>50000</v>
      </c>
      <c r="AH3864">
        <v>50000</v>
      </c>
      <c r="AI3864">
        <v>0</v>
      </c>
      <c r="AJ3864">
        <v>0</v>
      </c>
      <c r="AK3864" t="s">
        <v>6</v>
      </c>
      <c r="AL3864">
        <v>0</v>
      </c>
      <c r="AM3864">
        <v>0</v>
      </c>
      <c r="AN3864">
        <v>0</v>
      </c>
      <c r="AO3864">
        <v>0</v>
      </c>
      <c r="AP3864">
        <v>0</v>
      </c>
      <c r="AQ3864">
        <v>0</v>
      </c>
      <c r="AR3864">
        <v>0</v>
      </c>
      <c r="AS3864">
        <v>0</v>
      </c>
      <c r="AT3864">
        <v>0</v>
      </c>
      <c r="AU3864">
        <v>0</v>
      </c>
      <c r="AV3864">
        <v>0</v>
      </c>
      <c r="AW3864">
        <v>0</v>
      </c>
      <c r="AX3864">
        <v>0</v>
      </c>
      <c r="AY3864">
        <v>0</v>
      </c>
      <c r="AZ3864">
        <v>0</v>
      </c>
      <c r="BA3864">
        <v>0</v>
      </c>
    </row>
    <row r="3865" spans="1:53" x14ac:dyDescent="0.4">
      <c r="A3865">
        <v>3909</v>
      </c>
      <c r="B3865" s="1">
        <v>44168</v>
      </c>
      <c r="C3865">
        <v>2</v>
      </c>
      <c r="D3865" s="1">
        <v>44168.429166666669</v>
      </c>
      <c r="E3865" s="1">
        <v>44168.739583333336</v>
      </c>
      <c r="F3865">
        <v>20250</v>
      </c>
      <c r="G3865">
        <v>0</v>
      </c>
      <c r="H3865">
        <v>0</v>
      </c>
      <c r="I3865">
        <v>0</v>
      </c>
      <c r="J3865">
        <v>0</v>
      </c>
      <c r="K3865">
        <v>0</v>
      </c>
      <c r="L3865">
        <v>0</v>
      </c>
      <c r="M3865">
        <v>2025</v>
      </c>
      <c r="N3865">
        <v>0</v>
      </c>
      <c r="O3865">
        <v>0</v>
      </c>
      <c r="P3865">
        <v>5885</v>
      </c>
      <c r="Q3865">
        <v>0</v>
      </c>
      <c r="R3865">
        <v>28160</v>
      </c>
      <c r="S3865">
        <v>0</v>
      </c>
      <c r="T3865">
        <v>0</v>
      </c>
      <c r="U3865">
        <v>0</v>
      </c>
      <c r="V3865">
        <v>3</v>
      </c>
      <c r="W3865">
        <v>0</v>
      </c>
      <c r="X3865">
        <v>0</v>
      </c>
      <c r="Y3865">
        <v>28</v>
      </c>
      <c r="Z3865">
        <v>11</v>
      </c>
      <c r="AA3865">
        <v>125</v>
      </c>
      <c r="AB3865">
        <v>19</v>
      </c>
      <c r="AC3865">
        <v>105</v>
      </c>
      <c r="AD3865">
        <v>10</v>
      </c>
      <c r="AE3865">
        <v>110</v>
      </c>
      <c r="AF3865">
        <v>0</v>
      </c>
      <c r="AG3865">
        <v>78160</v>
      </c>
      <c r="AH3865">
        <v>50000</v>
      </c>
      <c r="AI3865">
        <v>0</v>
      </c>
      <c r="AJ3865">
        <v>84</v>
      </c>
      <c r="AK3865" t="s">
        <v>16</v>
      </c>
      <c r="AL3865">
        <v>0</v>
      </c>
      <c r="AM3865">
        <v>0</v>
      </c>
      <c r="AN3865">
        <v>0</v>
      </c>
      <c r="AO3865">
        <v>0</v>
      </c>
      <c r="AP3865">
        <v>0</v>
      </c>
      <c r="AQ3865">
        <v>0</v>
      </c>
      <c r="AR3865">
        <v>0</v>
      </c>
      <c r="AS3865">
        <v>0</v>
      </c>
      <c r="AT3865">
        <v>0</v>
      </c>
      <c r="AU3865">
        <v>0</v>
      </c>
      <c r="AV3865">
        <v>0</v>
      </c>
      <c r="AW3865">
        <v>0</v>
      </c>
      <c r="AX3865">
        <v>418</v>
      </c>
      <c r="AY3865">
        <v>24</v>
      </c>
      <c r="AZ3865">
        <v>45</v>
      </c>
      <c r="BA3865">
        <v>3957</v>
      </c>
    </row>
    <row r="3866" spans="1:53" x14ac:dyDescent="0.4">
      <c r="A3866">
        <v>3910</v>
      </c>
      <c r="B3866" s="1">
        <v>44169</v>
      </c>
      <c r="C3866">
        <v>1</v>
      </c>
      <c r="D3866" s="1">
        <v>44169.291666666664</v>
      </c>
      <c r="E3866" s="1">
        <v>44169.416666666664</v>
      </c>
      <c r="F3866">
        <v>0</v>
      </c>
      <c r="G3866">
        <v>0</v>
      </c>
      <c r="H3866">
        <v>0</v>
      </c>
      <c r="I3866">
        <v>0</v>
      </c>
      <c r="J3866">
        <v>0</v>
      </c>
      <c r="K3866">
        <v>0</v>
      </c>
      <c r="L3866">
        <v>0</v>
      </c>
      <c r="M3866">
        <v>0</v>
      </c>
      <c r="N3866">
        <v>0</v>
      </c>
      <c r="O3866">
        <v>0</v>
      </c>
      <c r="P3866">
        <v>0</v>
      </c>
      <c r="Q3866">
        <v>0</v>
      </c>
      <c r="R3866">
        <v>0</v>
      </c>
      <c r="S3866">
        <v>0</v>
      </c>
      <c r="T3866">
        <v>0</v>
      </c>
      <c r="U3866">
        <v>0</v>
      </c>
      <c r="V3866">
        <v>0</v>
      </c>
      <c r="W3866">
        <v>0</v>
      </c>
      <c r="X3866">
        <v>0</v>
      </c>
      <c r="Y3866">
        <v>27</v>
      </c>
      <c r="Z3866">
        <v>10</v>
      </c>
      <c r="AA3866">
        <v>130</v>
      </c>
      <c r="AB3866">
        <v>66</v>
      </c>
      <c r="AC3866">
        <v>154</v>
      </c>
      <c r="AD3866">
        <v>11</v>
      </c>
      <c r="AE3866">
        <v>105</v>
      </c>
      <c r="AF3866">
        <v>0</v>
      </c>
      <c r="AG3866">
        <v>50000</v>
      </c>
      <c r="AH3866">
        <v>50000</v>
      </c>
      <c r="AI3866">
        <v>0</v>
      </c>
      <c r="AJ3866">
        <v>0</v>
      </c>
      <c r="AK3866" t="s">
        <v>6</v>
      </c>
      <c r="AL3866">
        <v>0</v>
      </c>
      <c r="AM3866">
        <v>0</v>
      </c>
      <c r="AN3866">
        <v>0</v>
      </c>
      <c r="AO3866">
        <v>0</v>
      </c>
      <c r="AP3866">
        <v>0</v>
      </c>
      <c r="AQ3866">
        <v>0</v>
      </c>
      <c r="AR3866">
        <v>0</v>
      </c>
      <c r="AS3866">
        <v>0</v>
      </c>
      <c r="AT3866">
        <v>0</v>
      </c>
      <c r="AU3866">
        <v>0</v>
      </c>
      <c r="AV3866">
        <v>0</v>
      </c>
      <c r="AW3866">
        <v>0</v>
      </c>
      <c r="AX3866">
        <v>0</v>
      </c>
      <c r="AY3866">
        <v>0</v>
      </c>
      <c r="AZ3866">
        <v>0</v>
      </c>
      <c r="BA3866">
        <v>0</v>
      </c>
    </row>
    <row r="3867" spans="1:53" x14ac:dyDescent="0.4">
      <c r="A3867">
        <v>3911</v>
      </c>
      <c r="B3867" s="1">
        <v>44169</v>
      </c>
      <c r="C3867">
        <v>2</v>
      </c>
      <c r="D3867" s="1">
        <v>44169.416666666664</v>
      </c>
      <c r="E3867" s="1">
        <v>44169.736805555556</v>
      </c>
      <c r="F3867">
        <v>22900</v>
      </c>
      <c r="G3867">
        <v>1180</v>
      </c>
      <c r="H3867">
        <v>0</v>
      </c>
      <c r="I3867">
        <v>0</v>
      </c>
      <c r="J3867">
        <v>0</v>
      </c>
      <c r="K3867">
        <v>0</v>
      </c>
      <c r="L3867">
        <v>0</v>
      </c>
      <c r="M3867">
        <v>2408</v>
      </c>
      <c r="N3867">
        <v>0</v>
      </c>
      <c r="O3867">
        <v>0</v>
      </c>
      <c r="P3867">
        <v>13585</v>
      </c>
      <c r="Q3867">
        <v>0</v>
      </c>
      <c r="R3867">
        <v>40073</v>
      </c>
      <c r="S3867">
        <v>0</v>
      </c>
      <c r="T3867">
        <v>0</v>
      </c>
      <c r="U3867">
        <v>0</v>
      </c>
      <c r="V3867">
        <v>2</v>
      </c>
      <c r="W3867">
        <v>5</v>
      </c>
      <c r="X3867">
        <v>0</v>
      </c>
      <c r="Y3867">
        <v>20</v>
      </c>
      <c r="Z3867">
        <v>22</v>
      </c>
      <c r="AA3867">
        <v>88</v>
      </c>
      <c r="AB3867">
        <v>60</v>
      </c>
      <c r="AC3867">
        <v>126</v>
      </c>
      <c r="AD3867">
        <v>12</v>
      </c>
      <c r="AE3867">
        <v>128</v>
      </c>
      <c r="AF3867">
        <v>825</v>
      </c>
      <c r="AG3867">
        <v>90073</v>
      </c>
      <c r="AH3867">
        <v>50000</v>
      </c>
      <c r="AI3867">
        <v>0</v>
      </c>
      <c r="AJ3867">
        <v>107</v>
      </c>
      <c r="AK3867" t="s">
        <v>40</v>
      </c>
      <c r="AL3867">
        <v>0</v>
      </c>
      <c r="AM3867">
        <v>0</v>
      </c>
      <c r="AN3867">
        <v>0</v>
      </c>
      <c r="AO3867">
        <v>0</v>
      </c>
      <c r="AP3867">
        <v>0</v>
      </c>
      <c r="AQ3867">
        <v>0</v>
      </c>
      <c r="AR3867">
        <v>0</v>
      </c>
      <c r="AS3867">
        <v>0</v>
      </c>
      <c r="AT3867">
        <v>0</v>
      </c>
      <c r="AU3867">
        <v>0</v>
      </c>
      <c r="AV3867">
        <v>0</v>
      </c>
      <c r="AW3867">
        <v>0</v>
      </c>
      <c r="AX3867">
        <v>594</v>
      </c>
      <c r="AY3867">
        <v>34</v>
      </c>
      <c r="AZ3867">
        <v>59</v>
      </c>
      <c r="BA3867">
        <v>4618</v>
      </c>
    </row>
    <row r="3868" spans="1:53" x14ac:dyDescent="0.4">
      <c r="A3868">
        <v>3912</v>
      </c>
      <c r="B3868" s="1">
        <v>44169</v>
      </c>
      <c r="C3868">
        <v>3</v>
      </c>
      <c r="D3868" s="1">
        <v>44169.736805555556</v>
      </c>
      <c r="E3868" s="1">
        <v>44169.950694444444</v>
      </c>
      <c r="F3868">
        <v>26075</v>
      </c>
      <c r="G3868">
        <v>1220</v>
      </c>
      <c r="H3868">
        <v>230</v>
      </c>
      <c r="I3868">
        <v>0</v>
      </c>
      <c r="J3868">
        <v>1140</v>
      </c>
      <c r="K3868">
        <v>0</v>
      </c>
      <c r="L3868">
        <v>0</v>
      </c>
      <c r="M3868">
        <v>2639</v>
      </c>
      <c r="N3868">
        <v>0</v>
      </c>
      <c r="O3868">
        <v>0</v>
      </c>
      <c r="P3868">
        <v>-13585</v>
      </c>
      <c r="Q3868">
        <v>0</v>
      </c>
      <c r="R3868">
        <v>15439</v>
      </c>
      <c r="S3868">
        <v>0</v>
      </c>
      <c r="T3868">
        <v>0</v>
      </c>
      <c r="U3868">
        <v>0</v>
      </c>
      <c r="V3868">
        <v>4</v>
      </c>
      <c r="W3868">
        <v>3</v>
      </c>
      <c r="X3868">
        <v>0</v>
      </c>
      <c r="Y3868">
        <v>25</v>
      </c>
      <c r="Z3868">
        <v>21</v>
      </c>
      <c r="AA3868">
        <v>96</v>
      </c>
      <c r="AB3868">
        <v>63</v>
      </c>
      <c r="AC3868">
        <v>125</v>
      </c>
      <c r="AD3868">
        <v>11</v>
      </c>
      <c r="AE3868">
        <v>132</v>
      </c>
      <c r="AF3868">
        <v>825</v>
      </c>
      <c r="AG3868">
        <v>105512</v>
      </c>
      <c r="AH3868">
        <v>50000</v>
      </c>
      <c r="AI3868">
        <v>0</v>
      </c>
      <c r="AJ3868">
        <v>108</v>
      </c>
      <c r="AK3868" t="s">
        <v>30</v>
      </c>
      <c r="AL3868">
        <v>0</v>
      </c>
      <c r="AM3868">
        <v>0</v>
      </c>
      <c r="AN3868">
        <v>0</v>
      </c>
      <c r="AO3868">
        <v>0</v>
      </c>
      <c r="AP3868">
        <v>0</v>
      </c>
      <c r="AQ3868">
        <v>0</v>
      </c>
      <c r="AR3868">
        <v>0</v>
      </c>
      <c r="AS3868">
        <v>0</v>
      </c>
      <c r="AT3868">
        <v>0</v>
      </c>
      <c r="AU3868">
        <v>0</v>
      </c>
      <c r="AV3868">
        <v>0</v>
      </c>
      <c r="AW3868">
        <v>0</v>
      </c>
      <c r="AX3868">
        <v>25058</v>
      </c>
      <c r="AY3868">
        <v>13</v>
      </c>
      <c r="AZ3868">
        <v>34</v>
      </c>
      <c r="BA3868">
        <v>2114</v>
      </c>
    </row>
    <row r="3869" spans="1:53" x14ac:dyDescent="0.4">
      <c r="A3869">
        <v>3913</v>
      </c>
      <c r="B3869" s="1">
        <v>44170</v>
      </c>
      <c r="C3869">
        <v>1</v>
      </c>
      <c r="D3869" s="1">
        <v>44170.291666666664</v>
      </c>
      <c r="E3869" s="1">
        <v>44170.371527777781</v>
      </c>
      <c r="F3869">
        <v>0</v>
      </c>
      <c r="G3869">
        <v>0</v>
      </c>
      <c r="H3869">
        <v>0</v>
      </c>
      <c r="I3869">
        <v>0</v>
      </c>
      <c r="J3869">
        <v>0</v>
      </c>
      <c r="K3869">
        <v>0</v>
      </c>
      <c r="L3869">
        <v>0</v>
      </c>
      <c r="M3869">
        <v>0</v>
      </c>
      <c r="N3869">
        <v>0</v>
      </c>
      <c r="O3869">
        <v>0</v>
      </c>
      <c r="P3869">
        <v>0</v>
      </c>
      <c r="Q3869">
        <v>0</v>
      </c>
      <c r="R3869">
        <v>0</v>
      </c>
      <c r="S3869">
        <v>0</v>
      </c>
      <c r="T3869">
        <v>0</v>
      </c>
      <c r="U3869">
        <v>0</v>
      </c>
      <c r="V3869">
        <v>0</v>
      </c>
      <c r="W3869">
        <v>0</v>
      </c>
      <c r="X3869">
        <v>0</v>
      </c>
      <c r="Y3869">
        <v>33</v>
      </c>
      <c r="Z3869">
        <v>9</v>
      </c>
      <c r="AA3869">
        <v>83</v>
      </c>
      <c r="AB3869">
        <v>56</v>
      </c>
      <c r="AC3869">
        <v>121</v>
      </c>
      <c r="AD3869">
        <v>13</v>
      </c>
      <c r="AE3869">
        <v>125</v>
      </c>
      <c r="AF3869">
        <v>0</v>
      </c>
      <c r="AG3869">
        <v>50000</v>
      </c>
      <c r="AH3869">
        <v>50000</v>
      </c>
      <c r="AI3869">
        <v>0</v>
      </c>
      <c r="AJ3869">
        <v>0</v>
      </c>
      <c r="AK3869" t="s">
        <v>6</v>
      </c>
      <c r="AL3869">
        <v>0</v>
      </c>
      <c r="AM3869">
        <v>0</v>
      </c>
      <c r="AN3869">
        <v>0</v>
      </c>
      <c r="AO3869">
        <v>0</v>
      </c>
      <c r="AP3869">
        <v>0</v>
      </c>
      <c r="AQ3869">
        <v>0</v>
      </c>
      <c r="AR3869">
        <v>0</v>
      </c>
      <c r="AS3869">
        <v>0</v>
      </c>
      <c r="AT3869">
        <v>0</v>
      </c>
      <c r="AU3869">
        <v>0</v>
      </c>
      <c r="AV3869">
        <v>0</v>
      </c>
      <c r="AW3869">
        <v>0</v>
      </c>
      <c r="AX3869">
        <v>0</v>
      </c>
      <c r="AY3869">
        <v>0</v>
      </c>
      <c r="AZ3869">
        <v>0</v>
      </c>
      <c r="BA3869">
        <v>0</v>
      </c>
    </row>
    <row r="3870" spans="1:53" x14ac:dyDescent="0.4">
      <c r="A3870">
        <v>3914</v>
      </c>
      <c r="B3870" s="1">
        <v>44170</v>
      </c>
      <c r="C3870">
        <v>2</v>
      </c>
      <c r="D3870" s="1">
        <v>44170.371527777781</v>
      </c>
      <c r="E3870" s="1">
        <v>44170.742361111108</v>
      </c>
      <c r="F3870">
        <v>36400</v>
      </c>
      <c r="G3870">
        <v>3560</v>
      </c>
      <c r="H3870">
        <v>0</v>
      </c>
      <c r="I3870">
        <v>0</v>
      </c>
      <c r="J3870">
        <v>200</v>
      </c>
      <c r="K3870">
        <v>0</v>
      </c>
      <c r="L3870">
        <v>0</v>
      </c>
      <c r="M3870">
        <v>3976</v>
      </c>
      <c r="N3870">
        <v>0</v>
      </c>
      <c r="O3870">
        <v>0</v>
      </c>
      <c r="P3870">
        <v>16995</v>
      </c>
      <c r="Q3870">
        <v>0</v>
      </c>
      <c r="R3870">
        <v>60731</v>
      </c>
      <c r="S3870">
        <v>0</v>
      </c>
      <c r="T3870">
        <v>0</v>
      </c>
      <c r="U3870">
        <v>0</v>
      </c>
      <c r="V3870">
        <v>0</v>
      </c>
      <c r="W3870">
        <v>1</v>
      </c>
      <c r="X3870">
        <v>0</v>
      </c>
      <c r="Y3870">
        <v>78</v>
      </c>
      <c r="Z3870">
        <v>29</v>
      </c>
      <c r="AA3870">
        <v>96</v>
      </c>
      <c r="AB3870">
        <v>47</v>
      </c>
      <c r="AC3870">
        <v>108</v>
      </c>
      <c r="AD3870">
        <v>3</v>
      </c>
      <c r="AE3870">
        <v>186</v>
      </c>
      <c r="AF3870">
        <v>0</v>
      </c>
      <c r="AG3870">
        <v>110731</v>
      </c>
      <c r="AH3870">
        <v>50000</v>
      </c>
      <c r="AI3870">
        <v>0</v>
      </c>
      <c r="AJ3870">
        <v>107</v>
      </c>
      <c r="AK3870" t="s">
        <v>40</v>
      </c>
      <c r="AL3870">
        <v>0</v>
      </c>
      <c r="AM3870">
        <v>0</v>
      </c>
      <c r="AN3870">
        <v>0</v>
      </c>
      <c r="AO3870">
        <v>0</v>
      </c>
      <c r="AP3870">
        <v>0</v>
      </c>
      <c r="AQ3870">
        <v>0</v>
      </c>
      <c r="AR3870">
        <v>0</v>
      </c>
      <c r="AS3870">
        <v>0</v>
      </c>
      <c r="AT3870">
        <v>0</v>
      </c>
      <c r="AU3870">
        <v>0</v>
      </c>
      <c r="AV3870">
        <v>0</v>
      </c>
      <c r="AW3870">
        <v>0</v>
      </c>
      <c r="AX3870">
        <v>440</v>
      </c>
      <c r="AY3870">
        <v>43</v>
      </c>
      <c r="AZ3870">
        <v>88</v>
      </c>
      <c r="BA3870">
        <v>6461</v>
      </c>
    </row>
    <row r="3871" spans="1:53" x14ac:dyDescent="0.4">
      <c r="A3871">
        <v>3915</v>
      </c>
      <c r="B3871" s="1">
        <v>44170</v>
      </c>
      <c r="C3871">
        <v>3</v>
      </c>
      <c r="D3871" s="1">
        <v>44170.742361111108</v>
      </c>
      <c r="E3871" s="1">
        <v>44170.955555555556</v>
      </c>
      <c r="F3871">
        <v>47795</v>
      </c>
      <c r="G3871">
        <v>3620</v>
      </c>
      <c r="H3871">
        <v>200</v>
      </c>
      <c r="I3871">
        <v>0</v>
      </c>
      <c r="J3871">
        <v>2746</v>
      </c>
      <c r="K3871">
        <v>0</v>
      </c>
      <c r="L3871">
        <v>0</v>
      </c>
      <c r="M3871">
        <v>4887</v>
      </c>
      <c r="N3871">
        <v>0</v>
      </c>
      <c r="O3871">
        <v>0</v>
      </c>
      <c r="P3871">
        <v>-16995</v>
      </c>
      <c r="Q3871">
        <v>0</v>
      </c>
      <c r="R3871">
        <v>36761</v>
      </c>
      <c r="S3871">
        <v>0</v>
      </c>
      <c r="T3871">
        <v>0</v>
      </c>
      <c r="U3871">
        <v>0</v>
      </c>
      <c r="V3871">
        <v>2</v>
      </c>
      <c r="W3871">
        <v>0</v>
      </c>
      <c r="X3871">
        <v>0</v>
      </c>
      <c r="Y3871">
        <v>90</v>
      </c>
      <c r="Z3871">
        <v>32</v>
      </c>
      <c r="AA3871">
        <v>109</v>
      </c>
      <c r="AB3871">
        <v>46</v>
      </c>
      <c r="AC3871">
        <v>122</v>
      </c>
      <c r="AD3871">
        <v>2</v>
      </c>
      <c r="AE3871">
        <v>194</v>
      </c>
      <c r="AF3871">
        <v>6868</v>
      </c>
      <c r="AG3871">
        <v>147492</v>
      </c>
      <c r="AH3871">
        <v>50000</v>
      </c>
      <c r="AI3871">
        <v>0</v>
      </c>
      <c r="AJ3871">
        <v>108</v>
      </c>
      <c r="AK3871" t="s">
        <v>30</v>
      </c>
      <c r="AL3871">
        <v>0</v>
      </c>
      <c r="AM3871">
        <v>0</v>
      </c>
      <c r="AN3871">
        <v>0</v>
      </c>
      <c r="AO3871">
        <v>0</v>
      </c>
      <c r="AP3871">
        <v>0</v>
      </c>
      <c r="AQ3871">
        <v>0</v>
      </c>
      <c r="AR3871">
        <v>0</v>
      </c>
      <c r="AS3871">
        <v>0</v>
      </c>
      <c r="AT3871">
        <v>0</v>
      </c>
      <c r="AU3871">
        <v>0</v>
      </c>
      <c r="AV3871">
        <v>0</v>
      </c>
      <c r="AW3871">
        <v>0</v>
      </c>
      <c r="AX3871">
        <v>48895</v>
      </c>
      <c r="AY3871">
        <v>22</v>
      </c>
      <c r="AZ3871">
        <v>60</v>
      </c>
      <c r="BA3871">
        <v>3220</v>
      </c>
    </row>
    <row r="3872" spans="1:53" x14ac:dyDescent="0.4">
      <c r="A3872">
        <v>3916</v>
      </c>
      <c r="B3872" s="1">
        <v>44171</v>
      </c>
      <c r="C3872">
        <v>1</v>
      </c>
      <c r="D3872" s="1">
        <v>44171.291666666664</v>
      </c>
      <c r="E3872" s="1">
        <v>44171.370138888888</v>
      </c>
      <c r="F3872">
        <v>0</v>
      </c>
      <c r="G3872">
        <v>0</v>
      </c>
      <c r="H3872">
        <v>0</v>
      </c>
      <c r="I3872">
        <v>0</v>
      </c>
      <c r="J3872">
        <v>0</v>
      </c>
      <c r="K3872">
        <v>0</v>
      </c>
      <c r="L3872">
        <v>0</v>
      </c>
      <c r="M3872">
        <v>0</v>
      </c>
      <c r="N3872">
        <v>0</v>
      </c>
      <c r="O3872">
        <v>0</v>
      </c>
      <c r="P3872">
        <v>0</v>
      </c>
      <c r="Q3872">
        <v>0</v>
      </c>
      <c r="R3872">
        <v>0</v>
      </c>
      <c r="S3872">
        <v>0</v>
      </c>
      <c r="T3872">
        <v>0</v>
      </c>
      <c r="U3872">
        <v>0</v>
      </c>
      <c r="V3872">
        <v>0</v>
      </c>
      <c r="W3872">
        <v>0</v>
      </c>
      <c r="X3872">
        <v>0</v>
      </c>
      <c r="Y3872">
        <v>30</v>
      </c>
      <c r="Z3872">
        <v>9</v>
      </c>
      <c r="AA3872">
        <v>120</v>
      </c>
      <c r="AB3872">
        <v>45</v>
      </c>
      <c r="AC3872">
        <v>113</v>
      </c>
      <c r="AD3872">
        <v>0</v>
      </c>
      <c r="AE3872">
        <v>120</v>
      </c>
      <c r="AF3872">
        <v>0</v>
      </c>
      <c r="AG3872">
        <v>50000</v>
      </c>
      <c r="AH3872">
        <v>50000</v>
      </c>
      <c r="AI3872">
        <v>0</v>
      </c>
      <c r="AJ3872">
        <v>0</v>
      </c>
      <c r="AK3872" t="s">
        <v>6</v>
      </c>
      <c r="AL3872">
        <v>0</v>
      </c>
      <c r="AM3872">
        <v>0</v>
      </c>
      <c r="AN3872">
        <v>0</v>
      </c>
      <c r="AO3872">
        <v>0</v>
      </c>
      <c r="AP3872">
        <v>0</v>
      </c>
      <c r="AQ3872">
        <v>0</v>
      </c>
      <c r="AR3872">
        <v>0</v>
      </c>
      <c r="AS3872">
        <v>0</v>
      </c>
      <c r="AT3872">
        <v>0</v>
      </c>
      <c r="AU3872">
        <v>0</v>
      </c>
      <c r="AV3872">
        <v>0</v>
      </c>
      <c r="AW3872">
        <v>0</v>
      </c>
      <c r="AX3872">
        <v>0</v>
      </c>
      <c r="AY3872">
        <v>0</v>
      </c>
      <c r="AZ3872">
        <v>0</v>
      </c>
      <c r="BA3872">
        <v>0</v>
      </c>
    </row>
    <row r="3873" spans="1:53" x14ac:dyDescent="0.4">
      <c r="A3873">
        <v>3917</v>
      </c>
      <c r="B3873" s="1">
        <v>44171</v>
      </c>
      <c r="C3873">
        <v>2</v>
      </c>
      <c r="D3873" s="1">
        <v>44171.370138888888</v>
      </c>
      <c r="E3873" s="1">
        <v>44171.740972222222</v>
      </c>
      <c r="F3873">
        <v>43100</v>
      </c>
      <c r="G3873">
        <v>1760</v>
      </c>
      <c r="H3873">
        <v>0</v>
      </c>
      <c r="I3873">
        <v>0</v>
      </c>
      <c r="J3873">
        <v>0</v>
      </c>
      <c r="K3873">
        <v>0</v>
      </c>
      <c r="L3873">
        <v>0</v>
      </c>
      <c r="M3873">
        <v>4486</v>
      </c>
      <c r="N3873">
        <v>0</v>
      </c>
      <c r="O3873">
        <v>0</v>
      </c>
      <c r="P3873">
        <v>23595</v>
      </c>
      <c r="Q3873">
        <v>0</v>
      </c>
      <c r="R3873">
        <v>72941</v>
      </c>
      <c r="S3873">
        <v>0</v>
      </c>
      <c r="T3873">
        <v>0</v>
      </c>
      <c r="U3873">
        <v>0</v>
      </c>
      <c r="V3873">
        <v>2</v>
      </c>
      <c r="W3873">
        <v>5</v>
      </c>
      <c r="X3873">
        <v>0</v>
      </c>
      <c r="Y3873">
        <v>52</v>
      </c>
      <c r="Z3873">
        <v>22</v>
      </c>
      <c r="AA3873">
        <v>113</v>
      </c>
      <c r="AB3873">
        <v>46</v>
      </c>
      <c r="AC3873">
        <v>112</v>
      </c>
      <c r="AD3873">
        <v>9</v>
      </c>
      <c r="AE3873">
        <v>176</v>
      </c>
      <c r="AF3873">
        <v>0</v>
      </c>
      <c r="AG3873">
        <v>122941</v>
      </c>
      <c r="AH3873">
        <v>50000</v>
      </c>
      <c r="AI3873">
        <v>0</v>
      </c>
      <c r="AJ3873">
        <v>109</v>
      </c>
      <c r="AK3873" t="s">
        <v>29</v>
      </c>
      <c r="AL3873">
        <v>0</v>
      </c>
      <c r="AM3873">
        <v>0</v>
      </c>
      <c r="AN3873">
        <v>0</v>
      </c>
      <c r="AO3873">
        <v>0</v>
      </c>
      <c r="AP3873">
        <v>0</v>
      </c>
      <c r="AQ3873">
        <v>0</v>
      </c>
      <c r="AR3873">
        <v>0</v>
      </c>
      <c r="AS3873">
        <v>0</v>
      </c>
      <c r="AT3873">
        <v>0</v>
      </c>
      <c r="AU3873">
        <v>0</v>
      </c>
      <c r="AV3873">
        <v>0</v>
      </c>
      <c r="AW3873">
        <v>0</v>
      </c>
      <c r="AX3873">
        <v>-1672</v>
      </c>
      <c r="AY3873">
        <v>53</v>
      </c>
      <c r="AZ3873">
        <v>115</v>
      </c>
      <c r="BA3873">
        <v>7628</v>
      </c>
    </row>
    <row r="3874" spans="1:53" x14ac:dyDescent="0.4">
      <c r="A3874">
        <v>3918</v>
      </c>
      <c r="B3874" s="1">
        <v>44172</v>
      </c>
      <c r="C3874">
        <v>1</v>
      </c>
      <c r="D3874" s="1">
        <v>44172.291666666664</v>
      </c>
      <c r="E3874" s="1">
        <v>44172.428472222222</v>
      </c>
      <c r="F3874">
        <v>0</v>
      </c>
      <c r="G3874">
        <v>0</v>
      </c>
      <c r="H3874">
        <v>0</v>
      </c>
      <c r="I3874">
        <v>0</v>
      </c>
      <c r="J3874">
        <v>0</v>
      </c>
      <c r="K3874">
        <v>0</v>
      </c>
      <c r="L3874">
        <v>0</v>
      </c>
      <c r="M3874">
        <v>0</v>
      </c>
      <c r="N3874">
        <v>0</v>
      </c>
      <c r="O3874">
        <v>0</v>
      </c>
      <c r="P3874">
        <v>0</v>
      </c>
      <c r="Q3874">
        <v>0</v>
      </c>
      <c r="R3874">
        <v>0</v>
      </c>
      <c r="S3874">
        <v>0</v>
      </c>
      <c r="T3874">
        <v>0</v>
      </c>
      <c r="U3874">
        <v>0</v>
      </c>
      <c r="V3874">
        <v>0</v>
      </c>
      <c r="W3874">
        <v>0</v>
      </c>
      <c r="X3874">
        <v>0</v>
      </c>
      <c r="Y3874">
        <v>30</v>
      </c>
      <c r="Z3874">
        <v>11</v>
      </c>
      <c r="AA3874">
        <v>112</v>
      </c>
      <c r="AB3874">
        <v>42</v>
      </c>
      <c r="AC3874">
        <v>104</v>
      </c>
      <c r="AD3874">
        <v>10</v>
      </c>
      <c r="AE3874">
        <v>110</v>
      </c>
      <c r="AF3874">
        <v>0</v>
      </c>
      <c r="AG3874">
        <v>50000</v>
      </c>
      <c r="AH3874">
        <v>50000</v>
      </c>
      <c r="AI3874">
        <v>0</v>
      </c>
      <c r="AJ3874">
        <v>0</v>
      </c>
      <c r="AK3874" t="s">
        <v>6</v>
      </c>
      <c r="AL3874">
        <v>0</v>
      </c>
      <c r="AM3874">
        <v>0</v>
      </c>
      <c r="AN3874">
        <v>0</v>
      </c>
      <c r="AO3874">
        <v>0</v>
      </c>
      <c r="AP3874">
        <v>0</v>
      </c>
      <c r="AQ3874">
        <v>0</v>
      </c>
      <c r="AR3874">
        <v>0</v>
      </c>
      <c r="AS3874">
        <v>0</v>
      </c>
      <c r="AT3874">
        <v>0</v>
      </c>
      <c r="AU3874">
        <v>0</v>
      </c>
      <c r="AV3874">
        <v>0</v>
      </c>
      <c r="AW3874">
        <v>0</v>
      </c>
      <c r="AX3874">
        <v>0</v>
      </c>
      <c r="AY3874">
        <v>0</v>
      </c>
      <c r="AZ3874">
        <v>0</v>
      </c>
      <c r="BA3874">
        <v>0</v>
      </c>
    </row>
    <row r="3875" spans="1:53" x14ac:dyDescent="0.4">
      <c r="A3875">
        <v>3919</v>
      </c>
      <c r="B3875" s="1">
        <v>44172</v>
      </c>
      <c r="C3875">
        <v>2</v>
      </c>
      <c r="D3875" s="1">
        <v>44172.428472222222</v>
      </c>
      <c r="E3875" s="1">
        <v>44172.736111111109</v>
      </c>
      <c r="F3875">
        <v>9400</v>
      </c>
      <c r="G3875">
        <v>3810</v>
      </c>
      <c r="H3875">
        <v>0</v>
      </c>
      <c r="I3875">
        <v>0</v>
      </c>
      <c r="J3875">
        <v>100</v>
      </c>
      <c r="K3875">
        <v>0</v>
      </c>
      <c r="L3875">
        <v>0</v>
      </c>
      <c r="M3875">
        <v>1311</v>
      </c>
      <c r="N3875">
        <v>0</v>
      </c>
      <c r="O3875">
        <v>0</v>
      </c>
      <c r="P3875">
        <v>16940</v>
      </c>
      <c r="Q3875">
        <v>0</v>
      </c>
      <c r="R3875">
        <v>31361</v>
      </c>
      <c r="S3875">
        <v>0</v>
      </c>
      <c r="T3875">
        <v>0</v>
      </c>
      <c r="U3875">
        <v>0</v>
      </c>
      <c r="V3875">
        <v>0</v>
      </c>
      <c r="W3875">
        <v>0</v>
      </c>
      <c r="X3875">
        <v>0</v>
      </c>
      <c r="Y3875">
        <v>47</v>
      </c>
      <c r="Z3875">
        <v>24</v>
      </c>
      <c r="AA3875">
        <v>106</v>
      </c>
      <c r="AB3875">
        <v>42</v>
      </c>
      <c r="AC3875">
        <v>108</v>
      </c>
      <c r="AD3875">
        <v>20</v>
      </c>
      <c r="AE3875">
        <v>156</v>
      </c>
      <c r="AF3875">
        <v>8325</v>
      </c>
      <c r="AG3875">
        <v>81361</v>
      </c>
      <c r="AH3875">
        <v>50000</v>
      </c>
      <c r="AI3875">
        <v>0</v>
      </c>
      <c r="AJ3875">
        <v>107</v>
      </c>
      <c r="AK3875" t="s">
        <v>40</v>
      </c>
      <c r="AL3875">
        <v>0</v>
      </c>
      <c r="AM3875">
        <v>0</v>
      </c>
      <c r="AN3875">
        <v>0</v>
      </c>
      <c r="AO3875">
        <v>0</v>
      </c>
      <c r="AP3875">
        <v>0</v>
      </c>
      <c r="AQ3875">
        <v>0</v>
      </c>
      <c r="AR3875">
        <v>0</v>
      </c>
      <c r="AS3875">
        <v>0</v>
      </c>
      <c r="AT3875">
        <v>0</v>
      </c>
      <c r="AU3875">
        <v>0</v>
      </c>
      <c r="AV3875">
        <v>0</v>
      </c>
      <c r="AW3875">
        <v>0</v>
      </c>
      <c r="AX3875">
        <v>-341</v>
      </c>
      <c r="AY3875">
        <v>20</v>
      </c>
      <c r="AZ3875">
        <v>44</v>
      </c>
      <c r="BA3875">
        <v>2187</v>
      </c>
    </row>
    <row r="3876" spans="1:53" x14ac:dyDescent="0.4">
      <c r="A3876">
        <v>3920</v>
      </c>
      <c r="B3876" s="1">
        <v>44172</v>
      </c>
      <c r="C3876">
        <v>3</v>
      </c>
      <c r="D3876" s="1">
        <v>44172.736111111109</v>
      </c>
      <c r="E3876" s="1">
        <v>44173.029861111114</v>
      </c>
      <c r="F3876">
        <v>30790</v>
      </c>
      <c r="G3876">
        <v>1740</v>
      </c>
      <c r="H3876">
        <v>0</v>
      </c>
      <c r="I3876">
        <v>0</v>
      </c>
      <c r="J3876">
        <v>1232</v>
      </c>
      <c r="K3876">
        <v>0</v>
      </c>
      <c r="L3876">
        <v>0</v>
      </c>
      <c r="M3876">
        <v>3130</v>
      </c>
      <c r="N3876">
        <v>0</v>
      </c>
      <c r="O3876">
        <v>0</v>
      </c>
      <c r="P3876">
        <v>-16940</v>
      </c>
      <c r="Q3876">
        <v>0</v>
      </c>
      <c r="R3876">
        <v>17488</v>
      </c>
      <c r="S3876">
        <v>0</v>
      </c>
      <c r="T3876">
        <v>0</v>
      </c>
      <c r="U3876">
        <v>0</v>
      </c>
      <c r="V3876">
        <v>2</v>
      </c>
      <c r="W3876">
        <v>0</v>
      </c>
      <c r="X3876">
        <v>0</v>
      </c>
      <c r="Y3876">
        <v>43</v>
      </c>
      <c r="Z3876">
        <v>22</v>
      </c>
      <c r="AA3876">
        <v>104</v>
      </c>
      <c r="AB3876">
        <v>41</v>
      </c>
      <c r="AC3876">
        <v>112</v>
      </c>
      <c r="AD3876">
        <v>21</v>
      </c>
      <c r="AE3876">
        <v>159</v>
      </c>
      <c r="AF3876">
        <v>11015</v>
      </c>
      <c r="AG3876">
        <v>98849</v>
      </c>
      <c r="AH3876">
        <v>50000</v>
      </c>
      <c r="AI3876">
        <v>0</v>
      </c>
      <c r="AJ3876">
        <v>95</v>
      </c>
      <c r="AK3876" t="s">
        <v>21</v>
      </c>
      <c r="AL3876">
        <v>0</v>
      </c>
      <c r="AM3876">
        <v>0</v>
      </c>
      <c r="AN3876">
        <v>0</v>
      </c>
      <c r="AO3876">
        <v>0</v>
      </c>
      <c r="AP3876">
        <v>0</v>
      </c>
      <c r="AQ3876">
        <v>0</v>
      </c>
      <c r="AR3876">
        <v>0</v>
      </c>
      <c r="AS3876">
        <v>0</v>
      </c>
      <c r="AT3876">
        <v>0</v>
      </c>
      <c r="AU3876">
        <v>0</v>
      </c>
      <c r="AV3876">
        <v>0</v>
      </c>
      <c r="AW3876">
        <v>0</v>
      </c>
      <c r="AX3876">
        <v>0</v>
      </c>
      <c r="AY3876">
        <v>5</v>
      </c>
      <c r="AZ3876">
        <v>10</v>
      </c>
      <c r="BA3876">
        <v>2049</v>
      </c>
    </row>
    <row r="3877" spans="1:53" x14ac:dyDescent="0.4">
      <c r="A3877">
        <v>3921</v>
      </c>
      <c r="B3877" s="1">
        <v>44173</v>
      </c>
      <c r="C3877">
        <v>1</v>
      </c>
      <c r="D3877" s="1">
        <v>44173.291666666664</v>
      </c>
      <c r="E3877" s="1">
        <v>44173.414583333331</v>
      </c>
      <c r="F3877">
        <v>0</v>
      </c>
      <c r="G3877">
        <v>0</v>
      </c>
      <c r="H3877">
        <v>0</v>
      </c>
      <c r="I3877">
        <v>0</v>
      </c>
      <c r="J3877">
        <v>0</v>
      </c>
      <c r="K3877">
        <v>0</v>
      </c>
      <c r="L3877">
        <v>0</v>
      </c>
      <c r="M3877">
        <v>0</v>
      </c>
      <c r="N3877">
        <v>0</v>
      </c>
      <c r="O3877">
        <v>0</v>
      </c>
      <c r="P3877">
        <v>0</v>
      </c>
      <c r="Q3877">
        <v>0</v>
      </c>
      <c r="R3877">
        <v>0</v>
      </c>
      <c r="S3877">
        <v>0</v>
      </c>
      <c r="T3877">
        <v>0</v>
      </c>
      <c r="U3877">
        <v>0</v>
      </c>
      <c r="V3877">
        <v>0</v>
      </c>
      <c r="W3877">
        <v>0</v>
      </c>
      <c r="X3877">
        <v>0</v>
      </c>
      <c r="Y3877">
        <v>31</v>
      </c>
      <c r="Z3877">
        <v>14</v>
      </c>
      <c r="AA3877">
        <v>87</v>
      </c>
      <c r="AB3877">
        <v>40</v>
      </c>
      <c r="AC3877">
        <v>104</v>
      </c>
      <c r="AD3877">
        <v>21</v>
      </c>
      <c r="AE3877">
        <v>155</v>
      </c>
      <c r="AF3877">
        <v>0</v>
      </c>
      <c r="AG3877">
        <v>50000</v>
      </c>
      <c r="AH3877">
        <v>50000</v>
      </c>
      <c r="AI3877">
        <v>0</v>
      </c>
      <c r="AJ3877">
        <v>0</v>
      </c>
      <c r="AK3877" t="s">
        <v>6</v>
      </c>
      <c r="AL3877">
        <v>0</v>
      </c>
      <c r="AM3877">
        <v>0</v>
      </c>
      <c r="AN3877">
        <v>0</v>
      </c>
      <c r="AO3877">
        <v>0</v>
      </c>
      <c r="AP3877">
        <v>0</v>
      </c>
      <c r="AQ3877">
        <v>0</v>
      </c>
      <c r="AR3877">
        <v>0</v>
      </c>
      <c r="AS3877">
        <v>0</v>
      </c>
      <c r="AT3877">
        <v>0</v>
      </c>
      <c r="AU3877">
        <v>0</v>
      </c>
      <c r="AV3877">
        <v>0</v>
      </c>
      <c r="AW3877">
        <v>0</v>
      </c>
      <c r="AX3877">
        <v>0</v>
      </c>
      <c r="AY3877">
        <v>0</v>
      </c>
      <c r="AZ3877">
        <v>0</v>
      </c>
      <c r="BA3877">
        <v>0</v>
      </c>
    </row>
    <row r="3878" spans="1:53" x14ac:dyDescent="0.4">
      <c r="A3878">
        <v>3922</v>
      </c>
      <c r="B3878" s="1">
        <v>44173</v>
      </c>
      <c r="C3878">
        <v>2</v>
      </c>
      <c r="D3878" s="1">
        <v>44173.414583333331</v>
      </c>
      <c r="E3878" s="1">
        <v>44173.744444444441</v>
      </c>
      <c r="F3878">
        <v>13250</v>
      </c>
      <c r="G3878">
        <v>840</v>
      </c>
      <c r="H3878">
        <v>0</v>
      </c>
      <c r="I3878">
        <v>0</v>
      </c>
      <c r="J3878">
        <v>100</v>
      </c>
      <c r="K3878">
        <v>0</v>
      </c>
      <c r="L3878">
        <v>0</v>
      </c>
      <c r="M3878">
        <v>1399</v>
      </c>
      <c r="N3878">
        <v>0</v>
      </c>
      <c r="O3878">
        <v>0</v>
      </c>
      <c r="P3878">
        <v>10615</v>
      </c>
      <c r="Q3878">
        <v>0</v>
      </c>
      <c r="R3878">
        <v>26004</v>
      </c>
      <c r="S3878">
        <v>0</v>
      </c>
      <c r="T3878">
        <v>0</v>
      </c>
      <c r="U3878">
        <v>0</v>
      </c>
      <c r="V3878">
        <v>2</v>
      </c>
      <c r="W3878">
        <v>0</v>
      </c>
      <c r="X3878">
        <v>0</v>
      </c>
      <c r="Y3878">
        <v>31</v>
      </c>
      <c r="Z3878">
        <v>21</v>
      </c>
      <c r="AA3878">
        <v>106</v>
      </c>
      <c r="AB3878">
        <v>38</v>
      </c>
      <c r="AC3878">
        <v>94</v>
      </c>
      <c r="AD3878">
        <v>25</v>
      </c>
      <c r="AE3878">
        <v>169</v>
      </c>
      <c r="AF3878">
        <v>770</v>
      </c>
      <c r="AG3878">
        <v>76004</v>
      </c>
      <c r="AH3878">
        <v>50000</v>
      </c>
      <c r="AI3878">
        <v>0</v>
      </c>
      <c r="AJ3878">
        <v>109</v>
      </c>
      <c r="AK3878" t="s">
        <v>29</v>
      </c>
      <c r="AL3878">
        <v>0</v>
      </c>
      <c r="AM3878">
        <v>0</v>
      </c>
      <c r="AN3878">
        <v>0</v>
      </c>
      <c r="AO3878">
        <v>0</v>
      </c>
      <c r="AP3878">
        <v>0</v>
      </c>
      <c r="AQ3878">
        <v>0</v>
      </c>
      <c r="AR3878">
        <v>0</v>
      </c>
      <c r="AS3878">
        <v>0</v>
      </c>
      <c r="AT3878">
        <v>0</v>
      </c>
      <c r="AU3878">
        <v>0</v>
      </c>
      <c r="AV3878">
        <v>0</v>
      </c>
      <c r="AW3878">
        <v>0</v>
      </c>
      <c r="AX3878">
        <v>-770</v>
      </c>
      <c r="AY3878">
        <v>22</v>
      </c>
      <c r="AZ3878">
        <v>40</v>
      </c>
      <c r="BA3878">
        <v>2942</v>
      </c>
    </row>
    <row r="3879" spans="1:53" x14ac:dyDescent="0.4">
      <c r="A3879">
        <v>3923</v>
      </c>
      <c r="B3879" s="1">
        <v>44174</v>
      </c>
      <c r="C3879">
        <v>1</v>
      </c>
      <c r="D3879" s="1">
        <v>44174.291666666664</v>
      </c>
      <c r="E3879" s="1">
        <v>44174.416666666664</v>
      </c>
      <c r="F3879">
        <v>0</v>
      </c>
      <c r="G3879">
        <v>0</v>
      </c>
      <c r="H3879">
        <v>0</v>
      </c>
      <c r="I3879">
        <v>0</v>
      </c>
      <c r="J3879">
        <v>0</v>
      </c>
      <c r="K3879">
        <v>0</v>
      </c>
      <c r="L3879">
        <v>0</v>
      </c>
      <c r="M3879">
        <v>0</v>
      </c>
      <c r="N3879">
        <v>0</v>
      </c>
      <c r="O3879">
        <v>0</v>
      </c>
      <c r="P3879">
        <v>0</v>
      </c>
      <c r="Q3879">
        <v>0</v>
      </c>
      <c r="R3879">
        <v>0</v>
      </c>
      <c r="S3879">
        <v>0</v>
      </c>
      <c r="T3879">
        <v>0</v>
      </c>
      <c r="U3879">
        <v>0</v>
      </c>
      <c r="V3879">
        <v>1</v>
      </c>
      <c r="W3879">
        <v>0</v>
      </c>
      <c r="X3879">
        <v>0</v>
      </c>
      <c r="Y3879">
        <v>22</v>
      </c>
      <c r="Z3879">
        <v>10</v>
      </c>
      <c r="AA3879">
        <v>100</v>
      </c>
      <c r="AB3879">
        <v>34</v>
      </c>
      <c r="AC3879">
        <v>100</v>
      </c>
      <c r="AD3879">
        <v>26</v>
      </c>
      <c r="AE3879">
        <v>170</v>
      </c>
      <c r="AF3879">
        <v>0</v>
      </c>
      <c r="AG3879">
        <v>50000</v>
      </c>
      <c r="AH3879">
        <v>50000</v>
      </c>
      <c r="AI3879">
        <v>0</v>
      </c>
      <c r="AJ3879">
        <v>0</v>
      </c>
      <c r="AK3879" t="s">
        <v>6</v>
      </c>
      <c r="AL3879">
        <v>0</v>
      </c>
      <c r="AM3879">
        <v>0</v>
      </c>
      <c r="AN3879">
        <v>0</v>
      </c>
      <c r="AO3879">
        <v>0</v>
      </c>
      <c r="AP3879">
        <v>0</v>
      </c>
      <c r="AQ3879">
        <v>0</v>
      </c>
      <c r="AR3879">
        <v>0</v>
      </c>
      <c r="AS3879">
        <v>0</v>
      </c>
      <c r="AT3879">
        <v>0</v>
      </c>
      <c r="AU3879">
        <v>0</v>
      </c>
      <c r="AV3879">
        <v>0</v>
      </c>
      <c r="AW3879">
        <v>0</v>
      </c>
      <c r="AX3879">
        <v>0</v>
      </c>
      <c r="AY3879">
        <v>0</v>
      </c>
      <c r="AZ3879">
        <v>0</v>
      </c>
      <c r="BA3879">
        <v>0</v>
      </c>
    </row>
    <row r="3880" spans="1:53" x14ac:dyDescent="0.4">
      <c r="A3880">
        <v>3924</v>
      </c>
      <c r="B3880" s="1">
        <v>44174</v>
      </c>
      <c r="C3880">
        <v>2</v>
      </c>
      <c r="D3880" s="1">
        <v>44174.416666666664</v>
      </c>
      <c r="E3880" s="1">
        <v>44174.73541666667</v>
      </c>
      <c r="F3880">
        <v>13290</v>
      </c>
      <c r="G3880">
        <v>1100</v>
      </c>
      <c r="H3880">
        <v>0</v>
      </c>
      <c r="I3880">
        <v>0</v>
      </c>
      <c r="J3880">
        <v>0</v>
      </c>
      <c r="K3880">
        <v>0</v>
      </c>
      <c r="L3880">
        <v>0</v>
      </c>
      <c r="M3880">
        <v>1439</v>
      </c>
      <c r="N3880">
        <v>0</v>
      </c>
      <c r="O3880">
        <v>0</v>
      </c>
      <c r="P3880">
        <v>8202</v>
      </c>
      <c r="Q3880">
        <v>0</v>
      </c>
      <c r="R3880">
        <v>24031</v>
      </c>
      <c r="S3880">
        <v>0</v>
      </c>
      <c r="T3880">
        <v>0</v>
      </c>
      <c r="U3880">
        <v>0</v>
      </c>
      <c r="V3880">
        <v>1</v>
      </c>
      <c r="W3880">
        <v>1</v>
      </c>
      <c r="X3880">
        <v>0</v>
      </c>
      <c r="Y3880">
        <v>38</v>
      </c>
      <c r="Z3880">
        <v>16</v>
      </c>
      <c r="AA3880">
        <v>96</v>
      </c>
      <c r="AB3880">
        <v>33</v>
      </c>
      <c r="AC3880">
        <v>70</v>
      </c>
      <c r="AD3880">
        <v>25</v>
      </c>
      <c r="AE3880">
        <v>186</v>
      </c>
      <c r="AF3880">
        <v>770</v>
      </c>
      <c r="AG3880">
        <v>74031</v>
      </c>
      <c r="AH3880">
        <v>50000</v>
      </c>
      <c r="AI3880">
        <v>0</v>
      </c>
      <c r="AJ3880">
        <v>107</v>
      </c>
      <c r="AK3880" t="s">
        <v>40</v>
      </c>
      <c r="AL3880">
        <v>0</v>
      </c>
      <c r="AM3880">
        <v>0</v>
      </c>
      <c r="AN3880">
        <v>0</v>
      </c>
      <c r="AO3880">
        <v>0</v>
      </c>
      <c r="AP3880">
        <v>0</v>
      </c>
      <c r="AQ3880">
        <v>0</v>
      </c>
      <c r="AR3880">
        <v>0</v>
      </c>
      <c r="AS3880">
        <v>0</v>
      </c>
      <c r="AT3880">
        <v>0</v>
      </c>
      <c r="AU3880">
        <v>0</v>
      </c>
      <c r="AV3880">
        <v>0</v>
      </c>
      <c r="AW3880">
        <v>0</v>
      </c>
      <c r="AX3880">
        <v>939</v>
      </c>
      <c r="AY3880">
        <v>23</v>
      </c>
      <c r="AZ3880">
        <v>36</v>
      </c>
      <c r="BA3880">
        <v>2780</v>
      </c>
    </row>
    <row r="3881" spans="1:53" x14ac:dyDescent="0.4">
      <c r="A3881">
        <v>3925</v>
      </c>
      <c r="B3881" s="1">
        <v>44175</v>
      </c>
      <c r="C3881">
        <v>1</v>
      </c>
      <c r="D3881" s="1">
        <v>44175.291666666664</v>
      </c>
      <c r="E3881" s="1">
        <v>44175.415972222225</v>
      </c>
      <c r="F3881">
        <v>0</v>
      </c>
      <c r="G3881">
        <v>0</v>
      </c>
      <c r="H3881">
        <v>0</v>
      </c>
      <c r="I3881">
        <v>0</v>
      </c>
      <c r="J3881">
        <v>0</v>
      </c>
      <c r="K3881">
        <v>0</v>
      </c>
      <c r="L3881">
        <v>0</v>
      </c>
      <c r="M3881">
        <v>0</v>
      </c>
      <c r="N3881">
        <v>0</v>
      </c>
      <c r="O3881">
        <v>0</v>
      </c>
      <c r="P3881">
        <v>0</v>
      </c>
      <c r="Q3881">
        <v>0</v>
      </c>
      <c r="R3881">
        <v>0</v>
      </c>
      <c r="S3881">
        <v>0</v>
      </c>
      <c r="T3881">
        <v>0</v>
      </c>
      <c r="U3881">
        <v>0</v>
      </c>
      <c r="V3881">
        <v>0</v>
      </c>
      <c r="W3881">
        <v>0</v>
      </c>
      <c r="X3881">
        <v>0</v>
      </c>
      <c r="Y3881">
        <v>30</v>
      </c>
      <c r="Z3881">
        <v>6</v>
      </c>
      <c r="AA3881">
        <v>139</v>
      </c>
      <c r="AB3881">
        <v>32</v>
      </c>
      <c r="AC3881">
        <v>123</v>
      </c>
      <c r="AD3881">
        <v>28</v>
      </c>
      <c r="AE3881">
        <v>130</v>
      </c>
      <c r="AF3881">
        <v>0</v>
      </c>
      <c r="AG3881">
        <v>50000</v>
      </c>
      <c r="AH3881">
        <v>50000</v>
      </c>
      <c r="AI3881">
        <v>0</v>
      </c>
      <c r="AJ3881">
        <v>0</v>
      </c>
      <c r="AK3881" t="s">
        <v>6</v>
      </c>
      <c r="AL3881">
        <v>0</v>
      </c>
      <c r="AM3881">
        <v>0</v>
      </c>
      <c r="AN3881">
        <v>0</v>
      </c>
      <c r="AO3881">
        <v>0</v>
      </c>
      <c r="AP3881">
        <v>0</v>
      </c>
      <c r="AQ3881">
        <v>0</v>
      </c>
      <c r="AR3881">
        <v>0</v>
      </c>
      <c r="AS3881">
        <v>0</v>
      </c>
      <c r="AT3881">
        <v>0</v>
      </c>
      <c r="AU3881">
        <v>0</v>
      </c>
      <c r="AV3881">
        <v>0</v>
      </c>
      <c r="AW3881">
        <v>0</v>
      </c>
      <c r="AX3881">
        <v>0</v>
      </c>
      <c r="AY3881">
        <v>0</v>
      </c>
      <c r="AZ3881">
        <v>0</v>
      </c>
      <c r="BA3881">
        <v>0</v>
      </c>
    </row>
    <row r="3882" spans="1:53" x14ac:dyDescent="0.4">
      <c r="A3882">
        <v>3926</v>
      </c>
      <c r="B3882" s="1">
        <v>44175</v>
      </c>
      <c r="C3882">
        <v>2</v>
      </c>
      <c r="D3882" s="1">
        <v>44175.415972222225</v>
      </c>
      <c r="E3882" s="1">
        <v>44175.740972222222</v>
      </c>
      <c r="F3882">
        <v>8190</v>
      </c>
      <c r="G3882">
        <v>0</v>
      </c>
      <c r="H3882">
        <v>0</v>
      </c>
      <c r="I3882">
        <v>0</v>
      </c>
      <c r="J3882">
        <v>0</v>
      </c>
      <c r="K3882">
        <v>0</v>
      </c>
      <c r="L3882">
        <v>0</v>
      </c>
      <c r="M3882">
        <v>819</v>
      </c>
      <c r="N3882">
        <v>0</v>
      </c>
      <c r="O3882">
        <v>0</v>
      </c>
      <c r="P3882">
        <v>6820</v>
      </c>
      <c r="Q3882">
        <v>0</v>
      </c>
      <c r="R3882">
        <v>15829</v>
      </c>
      <c r="S3882">
        <v>0</v>
      </c>
      <c r="T3882">
        <v>0</v>
      </c>
      <c r="U3882">
        <v>0</v>
      </c>
      <c r="V3882">
        <v>2</v>
      </c>
      <c r="W3882">
        <v>0</v>
      </c>
      <c r="X3882">
        <v>0</v>
      </c>
      <c r="Y3882">
        <v>21</v>
      </c>
      <c r="Z3882">
        <v>13</v>
      </c>
      <c r="AA3882">
        <v>90</v>
      </c>
      <c r="AB3882">
        <v>32</v>
      </c>
      <c r="AC3882">
        <v>116</v>
      </c>
      <c r="AD3882">
        <v>27</v>
      </c>
      <c r="AE3882">
        <v>144</v>
      </c>
      <c r="AF3882">
        <v>6295</v>
      </c>
      <c r="AG3882">
        <v>65834</v>
      </c>
      <c r="AH3882">
        <v>50000</v>
      </c>
      <c r="AI3882">
        <v>5</v>
      </c>
      <c r="AJ3882">
        <v>109</v>
      </c>
      <c r="AK3882" t="s">
        <v>29</v>
      </c>
      <c r="AL3882">
        <v>0</v>
      </c>
      <c r="AM3882">
        <v>0</v>
      </c>
      <c r="AN3882">
        <v>0</v>
      </c>
      <c r="AO3882">
        <v>0</v>
      </c>
      <c r="AP3882">
        <v>0</v>
      </c>
      <c r="AQ3882">
        <v>0</v>
      </c>
      <c r="AR3882">
        <v>0</v>
      </c>
      <c r="AS3882">
        <v>0</v>
      </c>
      <c r="AT3882">
        <v>0</v>
      </c>
      <c r="AU3882">
        <v>0</v>
      </c>
      <c r="AV3882">
        <v>0</v>
      </c>
      <c r="AW3882">
        <v>0</v>
      </c>
      <c r="AX3882">
        <v>0</v>
      </c>
      <c r="AY3882">
        <v>15</v>
      </c>
      <c r="AZ3882">
        <v>25</v>
      </c>
      <c r="BA3882">
        <v>1777</v>
      </c>
    </row>
    <row r="3883" spans="1:53" x14ac:dyDescent="0.4">
      <c r="A3883">
        <v>3927</v>
      </c>
      <c r="B3883" s="1">
        <v>44175</v>
      </c>
      <c r="C3883">
        <v>3</v>
      </c>
      <c r="D3883" s="1">
        <v>44175.740972222222</v>
      </c>
      <c r="E3883" s="1">
        <v>44175.95</v>
      </c>
      <c r="F3883">
        <v>12500</v>
      </c>
      <c r="G3883">
        <v>400</v>
      </c>
      <c r="H3883">
        <v>0</v>
      </c>
      <c r="I3883">
        <v>0</v>
      </c>
      <c r="J3883">
        <v>0</v>
      </c>
      <c r="K3883">
        <v>0</v>
      </c>
      <c r="L3883">
        <v>0</v>
      </c>
      <c r="M3883">
        <v>1290</v>
      </c>
      <c r="N3883">
        <v>0</v>
      </c>
      <c r="O3883">
        <v>0</v>
      </c>
      <c r="P3883">
        <v>-3740</v>
      </c>
      <c r="Q3883">
        <v>0</v>
      </c>
      <c r="R3883">
        <v>10450</v>
      </c>
      <c r="S3883">
        <v>0</v>
      </c>
      <c r="T3883">
        <v>0</v>
      </c>
      <c r="U3883">
        <v>0</v>
      </c>
      <c r="V3883">
        <v>3</v>
      </c>
      <c r="W3883">
        <v>0</v>
      </c>
      <c r="X3883">
        <v>0</v>
      </c>
      <c r="Y3883">
        <v>19</v>
      </c>
      <c r="Z3883">
        <v>14</v>
      </c>
      <c r="AA3883">
        <v>97</v>
      </c>
      <c r="AB3883">
        <v>31</v>
      </c>
      <c r="AC3883">
        <v>114</v>
      </c>
      <c r="AD3883">
        <v>26</v>
      </c>
      <c r="AE3883">
        <v>144</v>
      </c>
      <c r="AF3883">
        <v>7615</v>
      </c>
      <c r="AG3883">
        <v>76279</v>
      </c>
      <c r="AH3883">
        <v>50000</v>
      </c>
      <c r="AI3883">
        <v>0</v>
      </c>
      <c r="AJ3883">
        <v>84</v>
      </c>
      <c r="AK3883" t="s">
        <v>16</v>
      </c>
      <c r="AL3883">
        <v>0</v>
      </c>
      <c r="AM3883">
        <v>0</v>
      </c>
      <c r="AN3883">
        <v>0</v>
      </c>
      <c r="AO3883">
        <v>0</v>
      </c>
      <c r="AP3883">
        <v>0</v>
      </c>
      <c r="AQ3883">
        <v>0</v>
      </c>
      <c r="AR3883">
        <v>0</v>
      </c>
      <c r="AS3883">
        <v>0</v>
      </c>
      <c r="AT3883">
        <v>0</v>
      </c>
      <c r="AU3883">
        <v>0</v>
      </c>
      <c r="AV3883">
        <v>0</v>
      </c>
      <c r="AW3883">
        <v>0</v>
      </c>
      <c r="AX3883">
        <v>9130</v>
      </c>
      <c r="AY3883">
        <v>8</v>
      </c>
      <c r="AZ3883">
        <v>15</v>
      </c>
      <c r="BA3883">
        <v>1431</v>
      </c>
    </row>
    <row r="3884" spans="1:53" x14ac:dyDescent="0.4">
      <c r="A3884">
        <v>3928</v>
      </c>
      <c r="B3884" s="1">
        <v>44176</v>
      </c>
      <c r="C3884">
        <v>1</v>
      </c>
      <c r="D3884" s="1">
        <v>44176.291666666664</v>
      </c>
      <c r="E3884" s="1">
        <v>44176.412499999999</v>
      </c>
      <c r="F3884">
        <v>0</v>
      </c>
      <c r="G3884">
        <v>0</v>
      </c>
      <c r="H3884">
        <v>0</v>
      </c>
      <c r="I3884">
        <v>0</v>
      </c>
      <c r="J3884">
        <v>0</v>
      </c>
      <c r="K3884">
        <v>0</v>
      </c>
      <c r="L3884">
        <v>0</v>
      </c>
      <c r="M3884">
        <v>0</v>
      </c>
      <c r="N3884">
        <v>0</v>
      </c>
      <c r="O3884">
        <v>0</v>
      </c>
      <c r="P3884">
        <v>0</v>
      </c>
      <c r="Q3884">
        <v>0</v>
      </c>
      <c r="R3884">
        <v>0</v>
      </c>
      <c r="S3884">
        <v>0</v>
      </c>
      <c r="T3884">
        <v>0</v>
      </c>
      <c r="U3884">
        <v>0</v>
      </c>
      <c r="V3884">
        <v>2</v>
      </c>
      <c r="W3884">
        <v>0</v>
      </c>
      <c r="X3884">
        <v>0</v>
      </c>
      <c r="Y3884">
        <v>15</v>
      </c>
      <c r="Z3884">
        <v>4</v>
      </c>
      <c r="AA3884">
        <v>101</v>
      </c>
      <c r="AB3884">
        <v>31</v>
      </c>
      <c r="AC3884">
        <v>108</v>
      </c>
      <c r="AD3884">
        <v>26</v>
      </c>
      <c r="AE3884">
        <v>140</v>
      </c>
      <c r="AF3884">
        <v>0</v>
      </c>
      <c r="AG3884">
        <v>50000</v>
      </c>
      <c r="AH3884">
        <v>50000</v>
      </c>
      <c r="AI3884">
        <v>0</v>
      </c>
      <c r="AJ3884">
        <v>0</v>
      </c>
      <c r="AK3884" t="s">
        <v>6</v>
      </c>
      <c r="AL3884">
        <v>0</v>
      </c>
      <c r="AM3884">
        <v>0</v>
      </c>
      <c r="AN3884">
        <v>0</v>
      </c>
      <c r="AO3884">
        <v>0</v>
      </c>
      <c r="AP3884">
        <v>0</v>
      </c>
      <c r="AQ3884">
        <v>0</v>
      </c>
      <c r="AR3884">
        <v>0</v>
      </c>
      <c r="AS3884">
        <v>0</v>
      </c>
      <c r="AT3884">
        <v>0</v>
      </c>
      <c r="AU3884">
        <v>0</v>
      </c>
      <c r="AV3884">
        <v>0</v>
      </c>
      <c r="AW3884">
        <v>0</v>
      </c>
      <c r="AX3884">
        <v>0</v>
      </c>
      <c r="AY3884">
        <v>0</v>
      </c>
      <c r="AZ3884">
        <v>0</v>
      </c>
      <c r="BA3884">
        <v>0</v>
      </c>
    </row>
    <row r="3885" spans="1:53" x14ac:dyDescent="0.4">
      <c r="A3885">
        <v>3929</v>
      </c>
      <c r="B3885" s="1">
        <v>44176</v>
      </c>
      <c r="C3885">
        <v>2</v>
      </c>
      <c r="D3885" s="1">
        <v>44176.412499999999</v>
      </c>
      <c r="E3885" s="1">
        <v>44176.729166666664</v>
      </c>
      <c r="F3885">
        <v>12350</v>
      </c>
      <c r="G3885">
        <v>560</v>
      </c>
      <c r="H3885">
        <v>0</v>
      </c>
      <c r="I3885">
        <v>0</v>
      </c>
      <c r="J3885">
        <v>100</v>
      </c>
      <c r="K3885">
        <v>0</v>
      </c>
      <c r="L3885">
        <v>0</v>
      </c>
      <c r="M3885">
        <v>1281</v>
      </c>
      <c r="N3885">
        <v>0</v>
      </c>
      <c r="O3885">
        <v>0</v>
      </c>
      <c r="P3885">
        <v>16610</v>
      </c>
      <c r="Q3885">
        <v>0</v>
      </c>
      <c r="R3885">
        <v>30701</v>
      </c>
      <c r="S3885">
        <v>0</v>
      </c>
      <c r="T3885">
        <v>0</v>
      </c>
      <c r="U3885">
        <v>0</v>
      </c>
      <c r="V3885">
        <v>2</v>
      </c>
      <c r="W3885">
        <v>1</v>
      </c>
      <c r="X3885">
        <v>0</v>
      </c>
      <c r="Y3885">
        <v>31</v>
      </c>
      <c r="Z3885">
        <v>11</v>
      </c>
      <c r="AA3885">
        <v>136</v>
      </c>
      <c r="AB3885">
        <v>30</v>
      </c>
      <c r="AC3885">
        <v>108</v>
      </c>
      <c r="AD3885">
        <v>26</v>
      </c>
      <c r="AE3885">
        <v>141</v>
      </c>
      <c r="AF3885">
        <v>2750</v>
      </c>
      <c r="AG3885">
        <v>80701</v>
      </c>
      <c r="AH3885">
        <v>50000</v>
      </c>
      <c r="AI3885">
        <v>0</v>
      </c>
      <c r="AJ3885">
        <v>109</v>
      </c>
      <c r="AK3885" t="s">
        <v>29</v>
      </c>
      <c r="AL3885">
        <v>0</v>
      </c>
      <c r="AM3885">
        <v>0</v>
      </c>
      <c r="AN3885">
        <v>0</v>
      </c>
      <c r="AO3885">
        <v>0</v>
      </c>
      <c r="AP3885">
        <v>0</v>
      </c>
      <c r="AQ3885">
        <v>0</v>
      </c>
      <c r="AR3885">
        <v>0</v>
      </c>
      <c r="AS3885">
        <v>0</v>
      </c>
      <c r="AT3885">
        <v>0</v>
      </c>
      <c r="AU3885">
        <v>0</v>
      </c>
      <c r="AV3885">
        <v>0</v>
      </c>
      <c r="AW3885">
        <v>0</v>
      </c>
      <c r="AX3885">
        <v>-616</v>
      </c>
      <c r="AY3885">
        <v>29</v>
      </c>
      <c r="AZ3885">
        <v>47</v>
      </c>
      <c r="BA3885">
        <v>3625</v>
      </c>
    </row>
    <row r="3886" spans="1:53" x14ac:dyDescent="0.4">
      <c r="A3886">
        <v>3930</v>
      </c>
      <c r="B3886" s="1">
        <v>44177</v>
      </c>
      <c r="C3886">
        <v>1</v>
      </c>
      <c r="D3886" s="1">
        <v>44177.291666666664</v>
      </c>
      <c r="E3886" s="1">
        <v>44177.38958333333</v>
      </c>
      <c r="F3886">
        <v>0</v>
      </c>
      <c r="G3886">
        <v>0</v>
      </c>
      <c r="H3886">
        <v>0</v>
      </c>
      <c r="I3886">
        <v>0</v>
      </c>
      <c r="J3886">
        <v>0</v>
      </c>
      <c r="K3886">
        <v>0</v>
      </c>
      <c r="L3886">
        <v>0</v>
      </c>
      <c r="M3886">
        <v>0</v>
      </c>
      <c r="N3886">
        <v>0</v>
      </c>
      <c r="O3886">
        <v>0</v>
      </c>
      <c r="P3886">
        <v>0</v>
      </c>
      <c r="Q3886">
        <v>0</v>
      </c>
      <c r="R3886">
        <v>0</v>
      </c>
      <c r="S3886">
        <v>0</v>
      </c>
      <c r="T3886">
        <v>0</v>
      </c>
      <c r="U3886">
        <v>0</v>
      </c>
      <c r="V3886">
        <v>0</v>
      </c>
      <c r="W3886">
        <v>0</v>
      </c>
      <c r="X3886">
        <v>0</v>
      </c>
      <c r="Y3886">
        <v>33</v>
      </c>
      <c r="Z3886">
        <v>9</v>
      </c>
      <c r="AA3886">
        <v>93</v>
      </c>
      <c r="AB3886">
        <v>34</v>
      </c>
      <c r="AC3886">
        <v>130</v>
      </c>
      <c r="AD3886">
        <v>24</v>
      </c>
      <c r="AE3886">
        <v>80</v>
      </c>
      <c r="AF3886">
        <v>0</v>
      </c>
      <c r="AG3886">
        <v>50000</v>
      </c>
      <c r="AH3886">
        <v>50000</v>
      </c>
      <c r="AI3886">
        <v>0</v>
      </c>
      <c r="AJ3886">
        <v>0</v>
      </c>
      <c r="AK3886" t="s">
        <v>6</v>
      </c>
      <c r="AL3886">
        <v>0</v>
      </c>
      <c r="AM3886">
        <v>0</v>
      </c>
      <c r="AN3886">
        <v>0</v>
      </c>
      <c r="AO3886">
        <v>0</v>
      </c>
      <c r="AP3886">
        <v>0</v>
      </c>
      <c r="AQ3886">
        <v>0</v>
      </c>
      <c r="AR3886">
        <v>0</v>
      </c>
      <c r="AS3886">
        <v>0</v>
      </c>
      <c r="AT3886">
        <v>0</v>
      </c>
      <c r="AU3886">
        <v>0</v>
      </c>
      <c r="AV3886">
        <v>0</v>
      </c>
      <c r="AW3886">
        <v>0</v>
      </c>
      <c r="AX3886">
        <v>0</v>
      </c>
      <c r="AY3886">
        <v>0</v>
      </c>
      <c r="AZ3886">
        <v>0</v>
      </c>
      <c r="BA3886">
        <v>0</v>
      </c>
    </row>
    <row r="3887" spans="1:53" x14ac:dyDescent="0.4">
      <c r="A3887">
        <v>3931</v>
      </c>
      <c r="B3887" s="1">
        <v>44177</v>
      </c>
      <c r="C3887">
        <v>2</v>
      </c>
      <c r="D3887" s="1">
        <v>44177.38958333333</v>
      </c>
      <c r="E3887" s="1">
        <v>44177.743750000001</v>
      </c>
      <c r="F3887">
        <v>30920</v>
      </c>
      <c r="G3887">
        <v>3280</v>
      </c>
      <c r="H3887">
        <v>0</v>
      </c>
      <c r="I3887">
        <v>0</v>
      </c>
      <c r="J3887">
        <v>0</v>
      </c>
      <c r="K3887">
        <v>1100</v>
      </c>
      <c r="L3887">
        <v>0</v>
      </c>
      <c r="M3887">
        <v>3530</v>
      </c>
      <c r="N3887">
        <v>0</v>
      </c>
      <c r="O3887">
        <v>0</v>
      </c>
      <c r="P3887">
        <v>14531</v>
      </c>
      <c r="Q3887">
        <v>0</v>
      </c>
      <c r="R3887">
        <v>53361</v>
      </c>
      <c r="S3887">
        <v>0</v>
      </c>
      <c r="T3887">
        <v>0</v>
      </c>
      <c r="U3887">
        <v>0</v>
      </c>
      <c r="V3887">
        <v>0</v>
      </c>
      <c r="W3887">
        <v>4</v>
      </c>
      <c r="X3887">
        <v>0</v>
      </c>
      <c r="Y3887">
        <v>64</v>
      </c>
      <c r="Z3887">
        <v>14</v>
      </c>
      <c r="AA3887">
        <v>84</v>
      </c>
      <c r="AB3887">
        <v>44</v>
      </c>
      <c r="AC3887">
        <v>151</v>
      </c>
      <c r="AD3887">
        <v>30</v>
      </c>
      <c r="AE3887">
        <v>101</v>
      </c>
      <c r="AF3887">
        <v>0</v>
      </c>
      <c r="AG3887">
        <v>103361</v>
      </c>
      <c r="AH3887">
        <v>50000</v>
      </c>
      <c r="AI3887">
        <v>0</v>
      </c>
      <c r="AJ3887">
        <v>110</v>
      </c>
      <c r="AK3887" t="s">
        <v>48</v>
      </c>
      <c r="AL3887">
        <v>0</v>
      </c>
      <c r="AM3887">
        <v>0</v>
      </c>
      <c r="AN3887">
        <v>0</v>
      </c>
      <c r="AO3887">
        <v>0</v>
      </c>
      <c r="AP3887">
        <v>0</v>
      </c>
      <c r="AQ3887">
        <v>0</v>
      </c>
      <c r="AR3887">
        <v>0</v>
      </c>
      <c r="AS3887">
        <v>0</v>
      </c>
      <c r="AT3887">
        <v>0</v>
      </c>
      <c r="AU3887">
        <v>0</v>
      </c>
      <c r="AV3887">
        <v>0</v>
      </c>
      <c r="AW3887">
        <v>0</v>
      </c>
      <c r="AX3887">
        <v>0</v>
      </c>
      <c r="AY3887">
        <v>40</v>
      </c>
      <c r="AZ3887">
        <v>77</v>
      </c>
      <c r="BA3887">
        <v>6165</v>
      </c>
    </row>
    <row r="3888" spans="1:53" x14ac:dyDescent="0.4">
      <c r="A3888">
        <v>3932</v>
      </c>
      <c r="B3888" s="1">
        <v>44177</v>
      </c>
      <c r="C3888">
        <v>3</v>
      </c>
      <c r="D3888" s="1">
        <v>44177.743750000001</v>
      </c>
      <c r="E3888" s="1">
        <v>44178.018750000003</v>
      </c>
      <c r="F3888">
        <v>97250</v>
      </c>
      <c r="G3888">
        <v>5400</v>
      </c>
      <c r="H3888">
        <v>0</v>
      </c>
      <c r="I3888">
        <v>0</v>
      </c>
      <c r="J3888">
        <v>12020</v>
      </c>
      <c r="K3888">
        <v>0</v>
      </c>
      <c r="L3888">
        <v>0</v>
      </c>
      <c r="M3888">
        <v>9063</v>
      </c>
      <c r="N3888">
        <v>0</v>
      </c>
      <c r="O3888">
        <v>0</v>
      </c>
      <c r="P3888">
        <v>5823</v>
      </c>
      <c r="Q3888">
        <v>0</v>
      </c>
      <c r="R3888">
        <v>105516</v>
      </c>
      <c r="S3888">
        <v>0</v>
      </c>
      <c r="T3888">
        <v>0</v>
      </c>
      <c r="U3888">
        <v>0</v>
      </c>
      <c r="V3888">
        <v>9</v>
      </c>
      <c r="W3888">
        <v>1</v>
      </c>
      <c r="X3888">
        <v>0</v>
      </c>
      <c r="Y3888">
        <v>82</v>
      </c>
      <c r="Z3888">
        <v>18</v>
      </c>
      <c r="AA3888">
        <v>88</v>
      </c>
      <c r="AB3888">
        <v>45</v>
      </c>
      <c r="AC3888">
        <v>155</v>
      </c>
      <c r="AD3888">
        <v>29</v>
      </c>
      <c r="AE3888">
        <v>89</v>
      </c>
      <c r="AF3888">
        <v>10043</v>
      </c>
      <c r="AG3888">
        <v>208877</v>
      </c>
      <c r="AH3888">
        <v>50000</v>
      </c>
      <c r="AI3888">
        <v>0</v>
      </c>
      <c r="AJ3888">
        <v>108</v>
      </c>
      <c r="AK3888" t="s">
        <v>30</v>
      </c>
      <c r="AL3888">
        <v>0</v>
      </c>
      <c r="AM3888">
        <v>0</v>
      </c>
      <c r="AN3888">
        <v>0</v>
      </c>
      <c r="AO3888">
        <v>0</v>
      </c>
      <c r="AP3888">
        <v>0</v>
      </c>
      <c r="AQ3888">
        <v>0</v>
      </c>
      <c r="AR3888">
        <v>0</v>
      </c>
      <c r="AS3888">
        <v>0</v>
      </c>
      <c r="AT3888">
        <v>0</v>
      </c>
      <c r="AU3888">
        <v>0</v>
      </c>
      <c r="AV3888">
        <v>0</v>
      </c>
      <c r="AW3888">
        <v>0</v>
      </c>
      <c r="AX3888">
        <v>28618</v>
      </c>
      <c r="AY3888">
        <v>32</v>
      </c>
      <c r="AZ3888">
        <v>91</v>
      </c>
      <c r="BA3888">
        <v>3738</v>
      </c>
    </row>
    <row r="3889" spans="1:53" x14ac:dyDescent="0.4">
      <c r="A3889">
        <v>3933</v>
      </c>
      <c r="B3889" s="1">
        <v>44178</v>
      </c>
      <c r="C3889">
        <v>1</v>
      </c>
      <c r="D3889" s="1">
        <v>44178.291666666664</v>
      </c>
      <c r="E3889" s="1">
        <v>44178.372916666667</v>
      </c>
      <c r="F3889">
        <v>0</v>
      </c>
      <c r="G3889">
        <v>0</v>
      </c>
      <c r="H3889">
        <v>0</v>
      </c>
      <c r="I3889">
        <v>0</v>
      </c>
      <c r="J3889">
        <v>0</v>
      </c>
      <c r="K3889">
        <v>0</v>
      </c>
      <c r="L3889">
        <v>0</v>
      </c>
      <c r="M3889">
        <v>0</v>
      </c>
      <c r="N3889">
        <v>0</v>
      </c>
      <c r="O3889">
        <v>0</v>
      </c>
      <c r="P3889">
        <v>0</v>
      </c>
      <c r="Q3889">
        <v>0</v>
      </c>
      <c r="R3889">
        <v>0</v>
      </c>
      <c r="S3889">
        <v>0</v>
      </c>
      <c r="T3889">
        <v>0</v>
      </c>
      <c r="U3889">
        <v>0</v>
      </c>
      <c r="V3889">
        <v>0</v>
      </c>
      <c r="W3889">
        <v>0</v>
      </c>
      <c r="X3889">
        <v>0</v>
      </c>
      <c r="Y3889">
        <v>29</v>
      </c>
      <c r="Z3889">
        <v>7</v>
      </c>
      <c r="AA3889">
        <v>141</v>
      </c>
      <c r="AB3889">
        <v>43</v>
      </c>
      <c r="AC3889">
        <v>102</v>
      </c>
      <c r="AD3889">
        <v>30</v>
      </c>
      <c r="AE3889">
        <v>80</v>
      </c>
      <c r="AF3889">
        <v>0</v>
      </c>
      <c r="AG3889">
        <v>50000</v>
      </c>
      <c r="AH3889">
        <v>50000</v>
      </c>
      <c r="AI3889">
        <v>0</v>
      </c>
      <c r="AJ3889">
        <v>0</v>
      </c>
      <c r="AK3889" t="s">
        <v>6</v>
      </c>
      <c r="AL3889">
        <v>0</v>
      </c>
      <c r="AM3889">
        <v>0</v>
      </c>
      <c r="AN3889">
        <v>0</v>
      </c>
      <c r="AO3889">
        <v>0</v>
      </c>
      <c r="AP3889">
        <v>0</v>
      </c>
      <c r="AQ3889">
        <v>0</v>
      </c>
      <c r="AR3889">
        <v>0</v>
      </c>
      <c r="AS3889">
        <v>0</v>
      </c>
      <c r="AT3889">
        <v>0</v>
      </c>
      <c r="AU3889">
        <v>0</v>
      </c>
      <c r="AV3889">
        <v>0</v>
      </c>
      <c r="AW3889">
        <v>0</v>
      </c>
      <c r="AX3889">
        <v>0</v>
      </c>
      <c r="AY3889">
        <v>0</v>
      </c>
      <c r="AZ3889">
        <v>0</v>
      </c>
      <c r="BA3889">
        <v>0</v>
      </c>
    </row>
    <row r="3890" spans="1:53" x14ac:dyDescent="0.4">
      <c r="A3890">
        <v>3934</v>
      </c>
      <c r="B3890" s="1">
        <v>44178</v>
      </c>
      <c r="C3890">
        <v>2</v>
      </c>
      <c r="D3890" s="1">
        <v>44178.372916666667</v>
      </c>
      <c r="E3890" s="1">
        <v>44178.749305555553</v>
      </c>
      <c r="F3890">
        <v>45260</v>
      </c>
      <c r="G3890">
        <v>1380</v>
      </c>
      <c r="H3890">
        <v>0</v>
      </c>
      <c r="I3890">
        <v>0</v>
      </c>
      <c r="J3890">
        <v>200</v>
      </c>
      <c r="K3890">
        <v>200</v>
      </c>
      <c r="L3890">
        <v>0</v>
      </c>
      <c r="M3890">
        <v>4664</v>
      </c>
      <c r="N3890">
        <v>0</v>
      </c>
      <c r="O3890">
        <v>0</v>
      </c>
      <c r="P3890">
        <v>12573</v>
      </c>
      <c r="Q3890">
        <v>0</v>
      </c>
      <c r="R3890">
        <v>63877</v>
      </c>
      <c r="S3890">
        <v>0</v>
      </c>
      <c r="T3890">
        <v>0</v>
      </c>
      <c r="U3890">
        <v>0</v>
      </c>
      <c r="V3890">
        <v>0</v>
      </c>
      <c r="W3890">
        <v>3</v>
      </c>
      <c r="X3890">
        <v>0</v>
      </c>
      <c r="Y3890">
        <v>67</v>
      </c>
      <c r="Z3890">
        <v>34</v>
      </c>
      <c r="AA3890">
        <v>123</v>
      </c>
      <c r="AB3890">
        <v>33</v>
      </c>
      <c r="AC3890">
        <v>59</v>
      </c>
      <c r="AD3890">
        <v>43</v>
      </c>
      <c r="AE3890">
        <v>122</v>
      </c>
      <c r="AF3890">
        <v>0</v>
      </c>
      <c r="AG3890">
        <v>113877</v>
      </c>
      <c r="AH3890">
        <v>50000</v>
      </c>
      <c r="AI3890">
        <v>0</v>
      </c>
      <c r="AJ3890">
        <v>109</v>
      </c>
      <c r="AK3890" t="s">
        <v>29</v>
      </c>
      <c r="AL3890">
        <v>0</v>
      </c>
      <c r="AM3890">
        <v>0</v>
      </c>
      <c r="AN3890">
        <v>0</v>
      </c>
      <c r="AO3890">
        <v>0</v>
      </c>
      <c r="AP3890">
        <v>0</v>
      </c>
      <c r="AQ3890">
        <v>0</v>
      </c>
      <c r="AR3890">
        <v>0</v>
      </c>
      <c r="AS3890">
        <v>0</v>
      </c>
      <c r="AT3890">
        <v>0</v>
      </c>
      <c r="AU3890">
        <v>0</v>
      </c>
      <c r="AV3890">
        <v>0</v>
      </c>
      <c r="AW3890">
        <v>0</v>
      </c>
      <c r="AX3890">
        <v>0</v>
      </c>
      <c r="AY3890">
        <v>43</v>
      </c>
      <c r="AZ3890">
        <v>99</v>
      </c>
      <c r="BA3890">
        <v>7227</v>
      </c>
    </row>
    <row r="3891" spans="1:53" x14ac:dyDescent="0.4">
      <c r="A3891">
        <v>3935</v>
      </c>
      <c r="B3891" s="1">
        <v>44179</v>
      </c>
      <c r="C3891">
        <v>1</v>
      </c>
      <c r="D3891" s="1">
        <v>44179.291666666664</v>
      </c>
      <c r="E3891" s="1">
        <v>44179.416666666664</v>
      </c>
      <c r="F3891">
        <v>0</v>
      </c>
      <c r="G3891">
        <v>0</v>
      </c>
      <c r="H3891">
        <v>0</v>
      </c>
      <c r="I3891">
        <v>0</v>
      </c>
      <c r="J3891">
        <v>0</v>
      </c>
      <c r="K3891">
        <v>0</v>
      </c>
      <c r="L3891">
        <v>0</v>
      </c>
      <c r="M3891">
        <v>0</v>
      </c>
      <c r="N3891">
        <v>0</v>
      </c>
      <c r="O3891">
        <v>0</v>
      </c>
      <c r="P3891">
        <v>0</v>
      </c>
      <c r="Q3891">
        <v>0</v>
      </c>
      <c r="R3891">
        <v>0</v>
      </c>
      <c r="S3891">
        <v>0</v>
      </c>
      <c r="T3891">
        <v>0</v>
      </c>
      <c r="U3891">
        <v>0</v>
      </c>
      <c r="V3891">
        <v>0</v>
      </c>
      <c r="W3891">
        <v>0</v>
      </c>
      <c r="X3891">
        <v>0</v>
      </c>
      <c r="Y3891">
        <v>30</v>
      </c>
      <c r="Z3891">
        <v>9</v>
      </c>
      <c r="AA3891">
        <v>125</v>
      </c>
      <c r="AB3891">
        <v>32</v>
      </c>
      <c r="AC3891">
        <v>108</v>
      </c>
      <c r="AD3891">
        <v>40</v>
      </c>
      <c r="AE3891">
        <v>120</v>
      </c>
      <c r="AF3891">
        <v>0</v>
      </c>
      <c r="AG3891">
        <v>50000</v>
      </c>
      <c r="AH3891">
        <v>50000</v>
      </c>
      <c r="AI3891">
        <v>0</v>
      </c>
      <c r="AJ3891">
        <v>0</v>
      </c>
      <c r="AK3891" t="s">
        <v>6</v>
      </c>
      <c r="AL3891">
        <v>0</v>
      </c>
      <c r="AM3891">
        <v>0</v>
      </c>
      <c r="AN3891">
        <v>0</v>
      </c>
      <c r="AO3891">
        <v>0</v>
      </c>
      <c r="AP3891">
        <v>0</v>
      </c>
      <c r="AQ3891">
        <v>0</v>
      </c>
      <c r="AR3891">
        <v>0</v>
      </c>
      <c r="AS3891">
        <v>0</v>
      </c>
      <c r="AT3891">
        <v>0</v>
      </c>
      <c r="AU3891">
        <v>0</v>
      </c>
      <c r="AV3891">
        <v>0</v>
      </c>
      <c r="AW3891">
        <v>0</v>
      </c>
      <c r="AX3891">
        <v>0</v>
      </c>
      <c r="AY3891">
        <v>0</v>
      </c>
      <c r="AZ3891">
        <v>0</v>
      </c>
      <c r="BA3891">
        <v>0</v>
      </c>
    </row>
    <row r="3892" spans="1:53" x14ac:dyDescent="0.4">
      <c r="A3892">
        <v>3936</v>
      </c>
      <c r="B3892" s="1">
        <v>44179</v>
      </c>
      <c r="C3892">
        <v>2</v>
      </c>
      <c r="D3892" s="1">
        <v>44179.416666666664</v>
      </c>
      <c r="E3892" s="1">
        <v>44179.744444444441</v>
      </c>
      <c r="F3892">
        <v>10510</v>
      </c>
      <c r="G3892">
        <v>840</v>
      </c>
      <c r="H3892">
        <v>200</v>
      </c>
      <c r="I3892">
        <v>0</v>
      </c>
      <c r="J3892">
        <v>0</v>
      </c>
      <c r="K3892">
        <v>0</v>
      </c>
      <c r="L3892">
        <v>0</v>
      </c>
      <c r="M3892">
        <v>1155</v>
      </c>
      <c r="N3892">
        <v>0</v>
      </c>
      <c r="O3892">
        <v>0</v>
      </c>
      <c r="P3892">
        <v>16115</v>
      </c>
      <c r="Q3892">
        <v>0</v>
      </c>
      <c r="R3892">
        <v>28820</v>
      </c>
      <c r="S3892">
        <v>0</v>
      </c>
      <c r="T3892">
        <v>0</v>
      </c>
      <c r="U3892">
        <v>0</v>
      </c>
      <c r="V3892">
        <v>0</v>
      </c>
      <c r="W3892">
        <v>1</v>
      </c>
      <c r="X3892">
        <v>0</v>
      </c>
      <c r="Y3892">
        <v>50</v>
      </c>
      <c r="Z3892">
        <v>18</v>
      </c>
      <c r="AA3892">
        <v>112</v>
      </c>
      <c r="AB3892">
        <v>28</v>
      </c>
      <c r="AC3892">
        <v>111</v>
      </c>
      <c r="AD3892">
        <v>41</v>
      </c>
      <c r="AE3892">
        <v>135</v>
      </c>
      <c r="AF3892">
        <v>770</v>
      </c>
      <c r="AG3892">
        <v>78820</v>
      </c>
      <c r="AH3892">
        <v>50000</v>
      </c>
      <c r="AI3892">
        <v>0</v>
      </c>
      <c r="AJ3892">
        <v>84</v>
      </c>
      <c r="AK3892" t="s">
        <v>16</v>
      </c>
      <c r="AL3892">
        <v>0</v>
      </c>
      <c r="AM3892">
        <v>0</v>
      </c>
      <c r="AN3892">
        <v>0</v>
      </c>
      <c r="AO3892">
        <v>0</v>
      </c>
      <c r="AP3892">
        <v>0</v>
      </c>
      <c r="AQ3892">
        <v>0</v>
      </c>
      <c r="AR3892">
        <v>0</v>
      </c>
      <c r="AS3892">
        <v>0</v>
      </c>
      <c r="AT3892">
        <v>0</v>
      </c>
      <c r="AU3892">
        <v>0</v>
      </c>
      <c r="AV3892">
        <v>0</v>
      </c>
      <c r="AW3892">
        <v>0</v>
      </c>
      <c r="AX3892">
        <v>737</v>
      </c>
      <c r="AY3892">
        <v>23</v>
      </c>
      <c r="AZ3892">
        <v>41</v>
      </c>
      <c r="BA3892">
        <v>2607</v>
      </c>
    </row>
    <row r="3893" spans="1:53" x14ac:dyDescent="0.4">
      <c r="A3893">
        <v>3937</v>
      </c>
      <c r="B3893" s="1">
        <v>44180</v>
      </c>
      <c r="C3893">
        <v>1</v>
      </c>
      <c r="D3893" s="1">
        <v>44180.291666666664</v>
      </c>
      <c r="E3893" s="1">
        <v>44180.413888888892</v>
      </c>
      <c r="F3893">
        <v>0</v>
      </c>
      <c r="G3893">
        <v>0</v>
      </c>
      <c r="H3893">
        <v>0</v>
      </c>
      <c r="I3893">
        <v>0</v>
      </c>
      <c r="J3893">
        <v>0</v>
      </c>
      <c r="K3893">
        <v>0</v>
      </c>
      <c r="L3893">
        <v>0</v>
      </c>
      <c r="M3893">
        <v>0</v>
      </c>
      <c r="N3893">
        <v>0</v>
      </c>
      <c r="O3893">
        <v>0</v>
      </c>
      <c r="P3893">
        <v>0</v>
      </c>
      <c r="Q3893">
        <v>0</v>
      </c>
      <c r="R3893">
        <v>0</v>
      </c>
      <c r="S3893">
        <v>0</v>
      </c>
      <c r="T3893">
        <v>0</v>
      </c>
      <c r="U3893">
        <v>0</v>
      </c>
      <c r="V3893">
        <v>0</v>
      </c>
      <c r="W3893">
        <v>0</v>
      </c>
      <c r="X3893">
        <v>0</v>
      </c>
      <c r="Y3893">
        <v>30</v>
      </c>
      <c r="Z3893">
        <v>11</v>
      </c>
      <c r="AA3893">
        <v>117</v>
      </c>
      <c r="AB3893">
        <v>28</v>
      </c>
      <c r="AC3893">
        <v>108</v>
      </c>
      <c r="AD3893">
        <v>38</v>
      </c>
      <c r="AE3893">
        <v>130</v>
      </c>
      <c r="AF3893">
        <v>0</v>
      </c>
      <c r="AG3893">
        <v>50000</v>
      </c>
      <c r="AH3893">
        <v>50000</v>
      </c>
      <c r="AI3893">
        <v>0</v>
      </c>
      <c r="AJ3893">
        <v>0</v>
      </c>
      <c r="AK3893" t="s">
        <v>6</v>
      </c>
      <c r="AL3893">
        <v>0</v>
      </c>
      <c r="AM3893">
        <v>0</v>
      </c>
      <c r="AN3893">
        <v>0</v>
      </c>
      <c r="AO3893">
        <v>0</v>
      </c>
      <c r="AP3893">
        <v>0</v>
      </c>
      <c r="AQ3893">
        <v>0</v>
      </c>
      <c r="AR3893">
        <v>0</v>
      </c>
      <c r="AS3893">
        <v>0</v>
      </c>
      <c r="AT3893">
        <v>0</v>
      </c>
      <c r="AU3893">
        <v>0</v>
      </c>
      <c r="AV3893">
        <v>0</v>
      </c>
      <c r="AW3893">
        <v>0</v>
      </c>
      <c r="AX3893">
        <v>0</v>
      </c>
      <c r="AY3893">
        <v>0</v>
      </c>
      <c r="AZ3893">
        <v>0</v>
      </c>
      <c r="BA3893">
        <v>0</v>
      </c>
    </row>
    <row r="3894" spans="1:53" x14ac:dyDescent="0.4">
      <c r="A3894">
        <v>3938</v>
      </c>
      <c r="B3894" s="1">
        <v>44180</v>
      </c>
      <c r="C3894">
        <v>2</v>
      </c>
      <c r="D3894" s="1">
        <v>44180.413888888892</v>
      </c>
      <c r="E3894" s="1">
        <v>44180.739583333336</v>
      </c>
      <c r="F3894">
        <v>5820</v>
      </c>
      <c r="G3894">
        <v>0</v>
      </c>
      <c r="H3894">
        <v>30</v>
      </c>
      <c r="I3894">
        <v>0</v>
      </c>
      <c r="J3894">
        <v>100</v>
      </c>
      <c r="K3894">
        <v>0</v>
      </c>
      <c r="L3894">
        <v>0</v>
      </c>
      <c r="M3894">
        <v>575</v>
      </c>
      <c r="N3894">
        <v>0</v>
      </c>
      <c r="O3894">
        <v>0</v>
      </c>
      <c r="P3894">
        <v>18568</v>
      </c>
      <c r="Q3894">
        <v>0</v>
      </c>
      <c r="R3894">
        <v>24893</v>
      </c>
      <c r="S3894">
        <v>0</v>
      </c>
      <c r="T3894">
        <v>0</v>
      </c>
      <c r="U3894">
        <v>0</v>
      </c>
      <c r="V3894">
        <v>2</v>
      </c>
      <c r="W3894">
        <v>0</v>
      </c>
      <c r="X3894">
        <v>0</v>
      </c>
      <c r="Y3894">
        <v>33</v>
      </c>
      <c r="Z3894">
        <v>16</v>
      </c>
      <c r="AA3894">
        <v>113</v>
      </c>
      <c r="AB3894">
        <v>26</v>
      </c>
      <c r="AC3894">
        <v>99</v>
      </c>
      <c r="AD3894">
        <v>34</v>
      </c>
      <c r="AE3894">
        <v>133</v>
      </c>
      <c r="AF3894">
        <v>0</v>
      </c>
      <c r="AG3894">
        <v>74893</v>
      </c>
      <c r="AH3894">
        <v>50000</v>
      </c>
      <c r="AI3894">
        <v>0</v>
      </c>
      <c r="AJ3894">
        <v>84</v>
      </c>
      <c r="AK3894" t="s">
        <v>16</v>
      </c>
      <c r="AL3894">
        <v>0</v>
      </c>
      <c r="AM3894">
        <v>0</v>
      </c>
      <c r="AN3894">
        <v>0</v>
      </c>
      <c r="AO3894">
        <v>0</v>
      </c>
      <c r="AP3894">
        <v>0</v>
      </c>
      <c r="AQ3894">
        <v>0</v>
      </c>
      <c r="AR3894">
        <v>0</v>
      </c>
      <c r="AS3894">
        <v>0</v>
      </c>
      <c r="AT3894">
        <v>0</v>
      </c>
      <c r="AU3894">
        <v>0</v>
      </c>
      <c r="AV3894">
        <v>0</v>
      </c>
      <c r="AW3894">
        <v>0</v>
      </c>
      <c r="AX3894">
        <v>-4081</v>
      </c>
      <c r="AY3894">
        <v>20</v>
      </c>
      <c r="AZ3894">
        <v>40</v>
      </c>
      <c r="BA3894">
        <v>2231</v>
      </c>
    </row>
    <row r="3895" spans="1:53" x14ac:dyDescent="0.4">
      <c r="A3895">
        <v>3939</v>
      </c>
      <c r="B3895" s="1">
        <v>44181</v>
      </c>
      <c r="C3895">
        <v>1</v>
      </c>
      <c r="D3895" s="1">
        <v>44181.291666666664</v>
      </c>
      <c r="E3895" s="1">
        <v>44181.417361111111</v>
      </c>
      <c r="F3895">
        <v>0</v>
      </c>
      <c r="G3895">
        <v>0</v>
      </c>
      <c r="H3895">
        <v>0</v>
      </c>
      <c r="I3895">
        <v>0</v>
      </c>
      <c r="J3895">
        <v>0</v>
      </c>
      <c r="K3895">
        <v>0</v>
      </c>
      <c r="L3895">
        <v>0</v>
      </c>
      <c r="M3895">
        <v>0</v>
      </c>
      <c r="N3895">
        <v>0</v>
      </c>
      <c r="O3895">
        <v>0</v>
      </c>
      <c r="P3895">
        <v>0</v>
      </c>
      <c r="Q3895">
        <v>0</v>
      </c>
      <c r="R3895">
        <v>0</v>
      </c>
      <c r="S3895">
        <v>0</v>
      </c>
      <c r="T3895">
        <v>0</v>
      </c>
      <c r="U3895">
        <v>0</v>
      </c>
      <c r="V3895">
        <v>0</v>
      </c>
      <c r="W3895">
        <v>0</v>
      </c>
      <c r="X3895">
        <v>0</v>
      </c>
      <c r="Y3895">
        <v>34</v>
      </c>
      <c r="Z3895">
        <v>6</v>
      </c>
      <c r="AA3895">
        <v>108</v>
      </c>
      <c r="AB3895">
        <v>22</v>
      </c>
      <c r="AC3895">
        <v>82</v>
      </c>
      <c r="AD3895">
        <v>32</v>
      </c>
      <c r="AE3895">
        <v>120</v>
      </c>
      <c r="AF3895">
        <v>0</v>
      </c>
      <c r="AG3895">
        <v>50000</v>
      </c>
      <c r="AH3895">
        <v>50000</v>
      </c>
      <c r="AI3895">
        <v>0</v>
      </c>
      <c r="AJ3895">
        <v>0</v>
      </c>
      <c r="AK3895" t="s">
        <v>6</v>
      </c>
      <c r="AL3895">
        <v>0</v>
      </c>
      <c r="AM3895">
        <v>0</v>
      </c>
      <c r="AN3895">
        <v>0</v>
      </c>
      <c r="AO3895">
        <v>0</v>
      </c>
      <c r="AP3895">
        <v>0</v>
      </c>
      <c r="AQ3895">
        <v>0</v>
      </c>
      <c r="AR3895">
        <v>0</v>
      </c>
      <c r="AS3895">
        <v>0</v>
      </c>
      <c r="AT3895">
        <v>0</v>
      </c>
      <c r="AU3895">
        <v>0</v>
      </c>
      <c r="AV3895">
        <v>0</v>
      </c>
      <c r="AW3895">
        <v>0</v>
      </c>
      <c r="AX3895">
        <v>0</v>
      </c>
      <c r="AY3895">
        <v>0</v>
      </c>
      <c r="AZ3895">
        <v>0</v>
      </c>
      <c r="BA3895">
        <v>0</v>
      </c>
    </row>
    <row r="3896" spans="1:53" x14ac:dyDescent="0.4">
      <c r="A3896">
        <v>3940</v>
      </c>
      <c r="B3896" s="1">
        <v>44181</v>
      </c>
      <c r="C3896">
        <v>2</v>
      </c>
      <c r="D3896" s="1">
        <v>44181.417361111111</v>
      </c>
      <c r="E3896" s="1">
        <v>44181.739583333336</v>
      </c>
      <c r="F3896">
        <v>5990</v>
      </c>
      <c r="G3896">
        <v>0</v>
      </c>
      <c r="H3896">
        <v>0</v>
      </c>
      <c r="I3896">
        <v>0</v>
      </c>
      <c r="J3896">
        <v>0</v>
      </c>
      <c r="K3896">
        <v>0</v>
      </c>
      <c r="L3896">
        <v>0</v>
      </c>
      <c r="M3896">
        <v>599</v>
      </c>
      <c r="N3896">
        <v>0</v>
      </c>
      <c r="O3896">
        <v>0</v>
      </c>
      <c r="P3896">
        <v>6589</v>
      </c>
      <c r="Q3896">
        <v>0</v>
      </c>
      <c r="R3896">
        <v>13178</v>
      </c>
      <c r="S3896">
        <v>0</v>
      </c>
      <c r="T3896">
        <v>0</v>
      </c>
      <c r="U3896">
        <v>0</v>
      </c>
      <c r="V3896">
        <v>1</v>
      </c>
      <c r="W3896">
        <v>0</v>
      </c>
      <c r="X3896">
        <v>0</v>
      </c>
      <c r="Y3896">
        <v>36</v>
      </c>
      <c r="Z3896">
        <v>9</v>
      </c>
      <c r="AA3896">
        <v>105</v>
      </c>
      <c r="AB3896">
        <v>20</v>
      </c>
      <c r="AC3896">
        <v>90</v>
      </c>
      <c r="AD3896">
        <v>31</v>
      </c>
      <c r="AE3896">
        <v>123</v>
      </c>
      <c r="AF3896">
        <v>0</v>
      </c>
      <c r="AG3896">
        <v>63178</v>
      </c>
      <c r="AH3896">
        <v>50000</v>
      </c>
      <c r="AI3896">
        <v>0</v>
      </c>
      <c r="AJ3896">
        <v>107</v>
      </c>
      <c r="AK3896" t="s">
        <v>40</v>
      </c>
      <c r="AL3896">
        <v>0</v>
      </c>
      <c r="AM3896">
        <v>0</v>
      </c>
      <c r="AN3896">
        <v>0</v>
      </c>
      <c r="AO3896">
        <v>0</v>
      </c>
      <c r="AP3896">
        <v>0</v>
      </c>
      <c r="AQ3896">
        <v>0</v>
      </c>
      <c r="AR3896">
        <v>0</v>
      </c>
      <c r="AS3896">
        <v>0</v>
      </c>
      <c r="AT3896">
        <v>0</v>
      </c>
      <c r="AU3896">
        <v>0</v>
      </c>
      <c r="AV3896">
        <v>0</v>
      </c>
      <c r="AW3896">
        <v>0</v>
      </c>
      <c r="AX3896">
        <v>0</v>
      </c>
      <c r="AY3896">
        <v>13</v>
      </c>
      <c r="AZ3896">
        <v>18</v>
      </c>
      <c r="BA3896">
        <v>2113</v>
      </c>
    </row>
    <row r="3897" spans="1:53" x14ac:dyDescent="0.4">
      <c r="A3897">
        <v>3941</v>
      </c>
      <c r="B3897" s="1">
        <v>44182</v>
      </c>
      <c r="C3897">
        <v>1</v>
      </c>
      <c r="D3897" s="1">
        <v>44182.291666666664</v>
      </c>
      <c r="E3897" s="1">
        <v>44182.433333333334</v>
      </c>
      <c r="F3897">
        <v>0</v>
      </c>
      <c r="G3897">
        <v>0</v>
      </c>
      <c r="H3897">
        <v>0</v>
      </c>
      <c r="I3897">
        <v>0</v>
      </c>
      <c r="J3897">
        <v>0</v>
      </c>
      <c r="K3897">
        <v>0</v>
      </c>
      <c r="L3897">
        <v>0</v>
      </c>
      <c r="M3897">
        <v>0</v>
      </c>
      <c r="N3897">
        <v>0</v>
      </c>
      <c r="O3897">
        <v>0</v>
      </c>
      <c r="P3897">
        <v>0</v>
      </c>
      <c r="Q3897">
        <v>0</v>
      </c>
      <c r="R3897">
        <v>0</v>
      </c>
      <c r="S3897">
        <v>0</v>
      </c>
      <c r="T3897">
        <v>0</v>
      </c>
      <c r="U3897">
        <v>0</v>
      </c>
      <c r="V3897">
        <v>0</v>
      </c>
      <c r="W3897">
        <v>0</v>
      </c>
      <c r="X3897">
        <v>0</v>
      </c>
      <c r="Y3897">
        <v>30</v>
      </c>
      <c r="Z3897">
        <v>11</v>
      </c>
      <c r="AA3897">
        <v>121</v>
      </c>
      <c r="AB3897">
        <v>22</v>
      </c>
      <c r="AC3897">
        <v>103</v>
      </c>
      <c r="AD3897">
        <v>30</v>
      </c>
      <c r="AE3897">
        <v>120</v>
      </c>
      <c r="AF3897">
        <v>0</v>
      </c>
      <c r="AG3897">
        <v>50000</v>
      </c>
      <c r="AH3897">
        <v>50000</v>
      </c>
      <c r="AI3897">
        <v>0</v>
      </c>
      <c r="AJ3897">
        <v>0</v>
      </c>
      <c r="AK3897" t="s">
        <v>6</v>
      </c>
      <c r="AL3897">
        <v>0</v>
      </c>
      <c r="AM3897">
        <v>0</v>
      </c>
      <c r="AN3897">
        <v>0</v>
      </c>
      <c r="AO3897">
        <v>0</v>
      </c>
      <c r="AP3897">
        <v>0</v>
      </c>
      <c r="AQ3897">
        <v>0</v>
      </c>
      <c r="AR3897">
        <v>0</v>
      </c>
      <c r="AS3897">
        <v>0</v>
      </c>
      <c r="AT3897">
        <v>0</v>
      </c>
      <c r="AU3897">
        <v>0</v>
      </c>
      <c r="AV3897">
        <v>0</v>
      </c>
      <c r="AW3897">
        <v>0</v>
      </c>
      <c r="AX3897">
        <v>0</v>
      </c>
      <c r="AY3897">
        <v>0</v>
      </c>
      <c r="AZ3897">
        <v>0</v>
      </c>
      <c r="BA3897">
        <v>0</v>
      </c>
    </row>
    <row r="3898" spans="1:53" x14ac:dyDescent="0.4">
      <c r="A3898">
        <v>3942</v>
      </c>
      <c r="B3898" s="1">
        <v>44182</v>
      </c>
      <c r="C3898">
        <v>2</v>
      </c>
      <c r="D3898" s="1">
        <v>44182.433333333334</v>
      </c>
      <c r="E3898" s="1">
        <v>44182.750694444447</v>
      </c>
      <c r="F3898">
        <v>13880</v>
      </c>
      <c r="G3898">
        <v>0</v>
      </c>
      <c r="H3898">
        <v>200</v>
      </c>
      <c r="I3898">
        <v>0</v>
      </c>
      <c r="J3898">
        <v>100</v>
      </c>
      <c r="K3898">
        <v>0</v>
      </c>
      <c r="L3898">
        <v>0</v>
      </c>
      <c r="M3898">
        <v>1398</v>
      </c>
      <c r="N3898">
        <v>0</v>
      </c>
      <c r="O3898">
        <v>0</v>
      </c>
      <c r="P3898">
        <v>19756</v>
      </c>
      <c r="Q3898">
        <v>0</v>
      </c>
      <c r="R3898">
        <v>35134</v>
      </c>
      <c r="S3898">
        <v>0</v>
      </c>
      <c r="T3898">
        <v>0</v>
      </c>
      <c r="U3898">
        <v>0</v>
      </c>
      <c r="V3898">
        <v>2</v>
      </c>
      <c r="W3898">
        <v>0</v>
      </c>
      <c r="X3898">
        <v>0</v>
      </c>
      <c r="Y3898">
        <v>42</v>
      </c>
      <c r="Z3898">
        <v>15</v>
      </c>
      <c r="AA3898">
        <v>120</v>
      </c>
      <c r="AB3898">
        <v>23</v>
      </c>
      <c r="AC3898">
        <v>99</v>
      </c>
      <c r="AD3898">
        <v>32</v>
      </c>
      <c r="AE3898">
        <v>124</v>
      </c>
      <c r="AF3898">
        <v>1210</v>
      </c>
      <c r="AG3898">
        <v>85134</v>
      </c>
      <c r="AH3898">
        <v>50000</v>
      </c>
      <c r="AI3898">
        <v>0</v>
      </c>
      <c r="AJ3898">
        <v>109</v>
      </c>
      <c r="AK3898" t="s">
        <v>29</v>
      </c>
      <c r="AL3898">
        <v>0</v>
      </c>
      <c r="AM3898">
        <v>0</v>
      </c>
      <c r="AN3898">
        <v>0</v>
      </c>
      <c r="AO3898">
        <v>0</v>
      </c>
      <c r="AP3898">
        <v>0</v>
      </c>
      <c r="AQ3898">
        <v>0</v>
      </c>
      <c r="AR3898">
        <v>0</v>
      </c>
      <c r="AS3898">
        <v>0</v>
      </c>
      <c r="AT3898">
        <v>0</v>
      </c>
      <c r="AU3898">
        <v>0</v>
      </c>
      <c r="AV3898">
        <v>0</v>
      </c>
      <c r="AW3898">
        <v>0</v>
      </c>
      <c r="AX3898">
        <v>1936</v>
      </c>
      <c r="AY3898">
        <v>30</v>
      </c>
      <c r="AZ3898">
        <v>54</v>
      </c>
      <c r="BA3898">
        <v>4018</v>
      </c>
    </row>
    <row r="3899" spans="1:53" x14ac:dyDescent="0.4">
      <c r="A3899">
        <v>3943</v>
      </c>
      <c r="B3899" s="1">
        <v>44183</v>
      </c>
      <c r="C3899">
        <v>1</v>
      </c>
      <c r="D3899" s="1">
        <v>44183.291666666664</v>
      </c>
      <c r="E3899" s="1">
        <v>44183.429166666669</v>
      </c>
      <c r="F3899">
        <v>0</v>
      </c>
      <c r="G3899">
        <v>0</v>
      </c>
      <c r="H3899">
        <v>0</v>
      </c>
      <c r="I3899">
        <v>0</v>
      </c>
      <c r="J3899">
        <v>0</v>
      </c>
      <c r="K3899">
        <v>0</v>
      </c>
      <c r="L3899">
        <v>0</v>
      </c>
      <c r="M3899">
        <v>0</v>
      </c>
      <c r="N3899">
        <v>0</v>
      </c>
      <c r="O3899">
        <v>0</v>
      </c>
      <c r="P3899">
        <v>0</v>
      </c>
      <c r="Q3899">
        <v>0</v>
      </c>
      <c r="R3899">
        <v>0</v>
      </c>
      <c r="S3899">
        <v>0</v>
      </c>
      <c r="T3899">
        <v>0</v>
      </c>
      <c r="U3899">
        <v>0</v>
      </c>
      <c r="V3899">
        <v>0</v>
      </c>
      <c r="W3899">
        <v>0</v>
      </c>
      <c r="X3899">
        <v>0</v>
      </c>
      <c r="Y3899">
        <v>30</v>
      </c>
      <c r="Z3899">
        <v>5</v>
      </c>
      <c r="AA3899">
        <v>123</v>
      </c>
      <c r="AB3899">
        <v>70</v>
      </c>
      <c r="AC3899">
        <v>144</v>
      </c>
      <c r="AD3899">
        <v>28</v>
      </c>
      <c r="AE3899">
        <v>120</v>
      </c>
      <c r="AF3899">
        <v>0</v>
      </c>
      <c r="AG3899">
        <v>50000</v>
      </c>
      <c r="AH3899">
        <v>50000</v>
      </c>
      <c r="AI3899">
        <v>0</v>
      </c>
      <c r="AJ3899">
        <v>0</v>
      </c>
      <c r="AK3899" t="s">
        <v>6</v>
      </c>
      <c r="AL3899">
        <v>0</v>
      </c>
      <c r="AM3899">
        <v>0</v>
      </c>
      <c r="AN3899">
        <v>0</v>
      </c>
      <c r="AO3899">
        <v>0</v>
      </c>
      <c r="AP3899">
        <v>0</v>
      </c>
      <c r="AQ3899">
        <v>0</v>
      </c>
      <c r="AR3899">
        <v>0</v>
      </c>
      <c r="AS3899">
        <v>0</v>
      </c>
      <c r="AT3899">
        <v>0</v>
      </c>
      <c r="AU3899">
        <v>0</v>
      </c>
      <c r="AV3899">
        <v>0</v>
      </c>
      <c r="AW3899">
        <v>0</v>
      </c>
      <c r="AX3899">
        <v>0</v>
      </c>
      <c r="AY3899">
        <v>0</v>
      </c>
      <c r="AZ3899">
        <v>0</v>
      </c>
      <c r="BA3899">
        <v>0</v>
      </c>
    </row>
    <row r="3900" spans="1:53" x14ac:dyDescent="0.4">
      <c r="A3900">
        <v>3944</v>
      </c>
      <c r="B3900" s="1">
        <v>44183</v>
      </c>
      <c r="C3900">
        <v>2</v>
      </c>
      <c r="D3900" s="1">
        <v>44183.429166666669</v>
      </c>
      <c r="E3900" s="1">
        <v>44183.738194444442</v>
      </c>
      <c r="F3900">
        <v>13660</v>
      </c>
      <c r="G3900">
        <v>540</v>
      </c>
      <c r="H3900">
        <v>0</v>
      </c>
      <c r="I3900">
        <v>0</v>
      </c>
      <c r="J3900">
        <v>100</v>
      </c>
      <c r="K3900">
        <v>0</v>
      </c>
      <c r="L3900">
        <v>0</v>
      </c>
      <c r="M3900">
        <v>1410</v>
      </c>
      <c r="N3900">
        <v>0</v>
      </c>
      <c r="O3900">
        <v>0</v>
      </c>
      <c r="P3900">
        <v>12859</v>
      </c>
      <c r="Q3900">
        <v>0</v>
      </c>
      <c r="R3900">
        <v>28369</v>
      </c>
      <c r="S3900">
        <v>0</v>
      </c>
      <c r="T3900">
        <v>0</v>
      </c>
      <c r="U3900">
        <v>0</v>
      </c>
      <c r="V3900">
        <v>1</v>
      </c>
      <c r="W3900">
        <v>2</v>
      </c>
      <c r="X3900">
        <v>0</v>
      </c>
      <c r="Y3900">
        <v>35</v>
      </c>
      <c r="Z3900">
        <v>11</v>
      </c>
      <c r="AA3900">
        <v>117</v>
      </c>
      <c r="AB3900">
        <v>63</v>
      </c>
      <c r="AC3900">
        <v>124</v>
      </c>
      <c r="AD3900">
        <v>26</v>
      </c>
      <c r="AE3900">
        <v>109</v>
      </c>
      <c r="AF3900">
        <v>1540</v>
      </c>
      <c r="AG3900">
        <v>78369</v>
      </c>
      <c r="AH3900">
        <v>50000</v>
      </c>
      <c r="AI3900">
        <v>0</v>
      </c>
      <c r="AJ3900">
        <v>84</v>
      </c>
      <c r="AK3900" t="s">
        <v>16</v>
      </c>
      <c r="AL3900">
        <v>0</v>
      </c>
      <c r="AM3900">
        <v>0</v>
      </c>
      <c r="AN3900">
        <v>0</v>
      </c>
      <c r="AO3900">
        <v>0</v>
      </c>
      <c r="AP3900">
        <v>0</v>
      </c>
      <c r="AQ3900">
        <v>0</v>
      </c>
      <c r="AR3900">
        <v>0</v>
      </c>
      <c r="AS3900">
        <v>0</v>
      </c>
      <c r="AT3900">
        <v>0</v>
      </c>
      <c r="AU3900">
        <v>0</v>
      </c>
      <c r="AV3900">
        <v>0</v>
      </c>
      <c r="AW3900">
        <v>0</v>
      </c>
      <c r="AX3900">
        <v>-1056</v>
      </c>
      <c r="AY3900">
        <v>25</v>
      </c>
      <c r="AZ3900">
        <v>46</v>
      </c>
      <c r="BA3900">
        <v>2896</v>
      </c>
    </row>
    <row r="3901" spans="1:53" x14ac:dyDescent="0.4">
      <c r="A3901">
        <v>3945</v>
      </c>
      <c r="B3901" s="1">
        <v>44184</v>
      </c>
      <c r="C3901">
        <v>1</v>
      </c>
      <c r="D3901" s="1">
        <v>44184.291666666664</v>
      </c>
      <c r="E3901" s="1">
        <v>44184.379166666666</v>
      </c>
      <c r="F3901">
        <v>0</v>
      </c>
      <c r="G3901">
        <v>0</v>
      </c>
      <c r="H3901">
        <v>0</v>
      </c>
      <c r="I3901">
        <v>0</v>
      </c>
      <c r="J3901">
        <v>0</v>
      </c>
      <c r="K3901">
        <v>0</v>
      </c>
      <c r="L3901">
        <v>0</v>
      </c>
      <c r="M3901">
        <v>0</v>
      </c>
      <c r="N3901">
        <v>0</v>
      </c>
      <c r="O3901">
        <v>0</v>
      </c>
      <c r="P3901">
        <v>0</v>
      </c>
      <c r="Q3901">
        <v>0</v>
      </c>
      <c r="R3901">
        <v>0</v>
      </c>
      <c r="S3901">
        <v>0</v>
      </c>
      <c r="T3901">
        <v>0</v>
      </c>
      <c r="U3901">
        <v>0</v>
      </c>
      <c r="V3901">
        <v>0</v>
      </c>
      <c r="W3901">
        <v>0</v>
      </c>
      <c r="X3901">
        <v>0</v>
      </c>
      <c r="Y3901">
        <v>31</v>
      </c>
      <c r="Z3901">
        <v>6</v>
      </c>
      <c r="AA3901">
        <v>115</v>
      </c>
      <c r="AB3901">
        <v>61</v>
      </c>
      <c r="AC3901">
        <v>121</v>
      </c>
      <c r="AD3901">
        <v>20</v>
      </c>
      <c r="AE3901">
        <v>140</v>
      </c>
      <c r="AF3901">
        <v>0</v>
      </c>
      <c r="AG3901">
        <v>50000</v>
      </c>
      <c r="AH3901">
        <v>50000</v>
      </c>
      <c r="AI3901">
        <v>0</v>
      </c>
      <c r="AJ3901">
        <v>0</v>
      </c>
      <c r="AK3901" t="s">
        <v>6</v>
      </c>
      <c r="AL3901">
        <v>0</v>
      </c>
      <c r="AM3901">
        <v>0</v>
      </c>
      <c r="AN3901">
        <v>0</v>
      </c>
      <c r="AO3901">
        <v>0</v>
      </c>
      <c r="AP3901">
        <v>0</v>
      </c>
      <c r="AQ3901">
        <v>0</v>
      </c>
      <c r="AR3901">
        <v>0</v>
      </c>
      <c r="AS3901">
        <v>0</v>
      </c>
      <c r="AT3901">
        <v>0</v>
      </c>
      <c r="AU3901">
        <v>0</v>
      </c>
      <c r="AV3901">
        <v>0</v>
      </c>
      <c r="AW3901">
        <v>0</v>
      </c>
      <c r="AX3901">
        <v>0</v>
      </c>
      <c r="AY3901">
        <v>0</v>
      </c>
      <c r="AZ3901">
        <v>0</v>
      </c>
      <c r="BA3901">
        <v>0</v>
      </c>
    </row>
    <row r="3902" spans="1:53" x14ac:dyDescent="0.4">
      <c r="A3902">
        <v>3946</v>
      </c>
      <c r="B3902" s="1">
        <v>44184</v>
      </c>
      <c r="C3902">
        <v>2</v>
      </c>
      <c r="D3902" s="1">
        <v>44184.379166666666</v>
      </c>
      <c r="E3902" s="1">
        <v>44184.74722222222</v>
      </c>
      <c r="F3902">
        <v>34810</v>
      </c>
      <c r="G3902">
        <v>2340</v>
      </c>
      <c r="H3902">
        <v>0</v>
      </c>
      <c r="I3902">
        <v>0</v>
      </c>
      <c r="J3902">
        <v>100</v>
      </c>
      <c r="K3902">
        <v>0</v>
      </c>
      <c r="L3902">
        <v>0</v>
      </c>
      <c r="M3902">
        <v>3705</v>
      </c>
      <c r="N3902">
        <v>0</v>
      </c>
      <c r="O3902">
        <v>0</v>
      </c>
      <c r="P3902">
        <v>13596</v>
      </c>
      <c r="Q3902">
        <v>0</v>
      </c>
      <c r="R3902">
        <v>54351</v>
      </c>
      <c r="S3902">
        <v>0</v>
      </c>
      <c r="T3902">
        <v>0</v>
      </c>
      <c r="U3902">
        <v>0</v>
      </c>
      <c r="V3902">
        <v>4</v>
      </c>
      <c r="W3902">
        <v>0</v>
      </c>
      <c r="X3902">
        <v>0</v>
      </c>
      <c r="Y3902">
        <v>37</v>
      </c>
      <c r="Z3902">
        <v>27</v>
      </c>
      <c r="AA3902">
        <v>94</v>
      </c>
      <c r="AB3902">
        <v>61</v>
      </c>
      <c r="AC3902">
        <v>113</v>
      </c>
      <c r="AD3902">
        <v>24</v>
      </c>
      <c r="AE3902">
        <v>151</v>
      </c>
      <c r="AF3902">
        <v>0</v>
      </c>
      <c r="AG3902">
        <v>104351</v>
      </c>
      <c r="AH3902">
        <v>50000</v>
      </c>
      <c r="AI3902">
        <v>0</v>
      </c>
      <c r="AJ3902">
        <v>107</v>
      </c>
      <c r="AK3902" t="s">
        <v>40</v>
      </c>
      <c r="AL3902">
        <v>0</v>
      </c>
      <c r="AM3902">
        <v>0</v>
      </c>
      <c r="AN3902">
        <v>0</v>
      </c>
      <c r="AO3902">
        <v>0</v>
      </c>
      <c r="AP3902">
        <v>0</v>
      </c>
      <c r="AQ3902">
        <v>0</v>
      </c>
      <c r="AR3902">
        <v>0</v>
      </c>
      <c r="AS3902">
        <v>0</v>
      </c>
      <c r="AT3902">
        <v>0</v>
      </c>
      <c r="AU3902">
        <v>0</v>
      </c>
      <c r="AV3902">
        <v>0</v>
      </c>
      <c r="AW3902">
        <v>0</v>
      </c>
      <c r="AX3902">
        <v>-1584</v>
      </c>
      <c r="AY3902">
        <v>39</v>
      </c>
      <c r="AZ3902">
        <v>84</v>
      </c>
      <c r="BA3902">
        <v>5614</v>
      </c>
    </row>
    <row r="3903" spans="1:53" x14ac:dyDescent="0.4">
      <c r="A3903">
        <v>3947</v>
      </c>
      <c r="B3903" s="1">
        <v>44184</v>
      </c>
      <c r="C3903">
        <v>3</v>
      </c>
      <c r="D3903" s="1">
        <v>44184.74722222222</v>
      </c>
      <c r="E3903" s="1">
        <v>44184.969444444447</v>
      </c>
      <c r="F3903">
        <v>39370</v>
      </c>
      <c r="G3903">
        <v>1080</v>
      </c>
      <c r="H3903">
        <v>0</v>
      </c>
      <c r="I3903">
        <v>0</v>
      </c>
      <c r="J3903">
        <v>3609</v>
      </c>
      <c r="K3903">
        <v>0</v>
      </c>
      <c r="L3903">
        <v>0</v>
      </c>
      <c r="M3903">
        <v>3684</v>
      </c>
      <c r="N3903">
        <v>0</v>
      </c>
      <c r="O3903">
        <v>0</v>
      </c>
      <c r="P3903">
        <v>-13596</v>
      </c>
      <c r="Q3903">
        <v>0</v>
      </c>
      <c r="R3903">
        <v>26929</v>
      </c>
      <c r="S3903">
        <v>0</v>
      </c>
      <c r="T3903">
        <v>0</v>
      </c>
      <c r="U3903">
        <v>0</v>
      </c>
      <c r="V3903">
        <v>5</v>
      </c>
      <c r="W3903">
        <v>0</v>
      </c>
      <c r="X3903">
        <v>0</v>
      </c>
      <c r="Y3903">
        <v>46</v>
      </c>
      <c r="Z3903">
        <v>26</v>
      </c>
      <c r="AA3903">
        <v>92</v>
      </c>
      <c r="AB3903">
        <v>62</v>
      </c>
      <c r="AC3903">
        <v>123</v>
      </c>
      <c r="AD3903">
        <v>25</v>
      </c>
      <c r="AE3903">
        <v>148</v>
      </c>
      <c r="AF3903">
        <v>8477</v>
      </c>
      <c r="AG3903">
        <v>131280</v>
      </c>
      <c r="AH3903">
        <v>50000</v>
      </c>
      <c r="AI3903">
        <v>0</v>
      </c>
      <c r="AJ3903">
        <v>107</v>
      </c>
      <c r="AK3903" t="s">
        <v>40</v>
      </c>
      <c r="AL3903">
        <v>0</v>
      </c>
      <c r="AM3903">
        <v>0</v>
      </c>
      <c r="AN3903">
        <v>0</v>
      </c>
      <c r="AO3903">
        <v>0</v>
      </c>
      <c r="AP3903">
        <v>0</v>
      </c>
      <c r="AQ3903">
        <v>0</v>
      </c>
      <c r="AR3903">
        <v>0</v>
      </c>
      <c r="AS3903">
        <v>0</v>
      </c>
      <c r="AT3903">
        <v>0</v>
      </c>
      <c r="AU3903">
        <v>0</v>
      </c>
      <c r="AV3903">
        <v>0</v>
      </c>
      <c r="AW3903">
        <v>0</v>
      </c>
      <c r="AX3903">
        <v>19140</v>
      </c>
      <c r="AY3903">
        <v>11</v>
      </c>
      <c r="AZ3903">
        <v>27</v>
      </c>
      <c r="BA3903">
        <v>2141</v>
      </c>
    </row>
    <row r="3904" spans="1:53" x14ac:dyDescent="0.4">
      <c r="A3904">
        <v>3948</v>
      </c>
      <c r="B3904" s="1">
        <v>44185</v>
      </c>
      <c r="C3904">
        <v>1</v>
      </c>
      <c r="D3904" s="1">
        <v>44185.291666666664</v>
      </c>
      <c r="E3904" s="1">
        <v>44185.505555555559</v>
      </c>
      <c r="F3904">
        <v>0</v>
      </c>
      <c r="G3904">
        <v>0</v>
      </c>
      <c r="H3904">
        <v>0</v>
      </c>
      <c r="I3904">
        <v>0</v>
      </c>
      <c r="J3904">
        <v>0</v>
      </c>
      <c r="K3904">
        <v>0</v>
      </c>
      <c r="L3904">
        <v>0</v>
      </c>
      <c r="M3904">
        <v>0</v>
      </c>
      <c r="N3904">
        <v>0</v>
      </c>
      <c r="O3904">
        <v>0</v>
      </c>
      <c r="P3904">
        <v>8437</v>
      </c>
      <c r="Q3904">
        <v>0</v>
      </c>
      <c r="R3904">
        <v>8437</v>
      </c>
      <c r="S3904">
        <v>0</v>
      </c>
      <c r="T3904">
        <v>0</v>
      </c>
      <c r="U3904">
        <v>0</v>
      </c>
      <c r="V3904">
        <v>0</v>
      </c>
      <c r="W3904">
        <v>0</v>
      </c>
      <c r="X3904">
        <v>0</v>
      </c>
      <c r="Y3904">
        <v>36</v>
      </c>
      <c r="Z3904">
        <v>11</v>
      </c>
      <c r="AA3904">
        <v>118</v>
      </c>
      <c r="AB3904">
        <v>60</v>
      </c>
      <c r="AC3904">
        <v>127</v>
      </c>
      <c r="AD3904">
        <v>30</v>
      </c>
      <c r="AE3904">
        <v>97</v>
      </c>
      <c r="AF3904">
        <v>620</v>
      </c>
      <c r="AG3904">
        <v>58437</v>
      </c>
      <c r="AH3904">
        <v>50000</v>
      </c>
      <c r="AI3904">
        <v>0</v>
      </c>
      <c r="AJ3904">
        <v>0</v>
      </c>
      <c r="AK3904" t="s">
        <v>6</v>
      </c>
      <c r="AL3904">
        <v>0</v>
      </c>
      <c r="AM3904">
        <v>0</v>
      </c>
      <c r="AN3904">
        <v>0</v>
      </c>
      <c r="AO3904">
        <v>0</v>
      </c>
      <c r="AP3904">
        <v>0</v>
      </c>
      <c r="AQ3904">
        <v>0</v>
      </c>
      <c r="AR3904">
        <v>0</v>
      </c>
      <c r="AS3904">
        <v>0</v>
      </c>
      <c r="AT3904">
        <v>0</v>
      </c>
      <c r="AU3904">
        <v>0</v>
      </c>
      <c r="AV3904">
        <v>0</v>
      </c>
      <c r="AW3904">
        <v>0</v>
      </c>
      <c r="AX3904">
        <v>594</v>
      </c>
      <c r="AY3904">
        <v>6</v>
      </c>
      <c r="AZ3904">
        <v>13</v>
      </c>
      <c r="BA3904">
        <v>222</v>
      </c>
    </row>
    <row r="3905" spans="1:53" x14ac:dyDescent="0.4">
      <c r="A3905">
        <v>3949</v>
      </c>
      <c r="B3905" s="1">
        <v>44185</v>
      </c>
      <c r="C3905">
        <v>2</v>
      </c>
      <c r="D3905" s="1">
        <v>44185.505555555559</v>
      </c>
      <c r="E3905" s="1">
        <v>44185.768750000003</v>
      </c>
      <c r="F3905">
        <v>37190</v>
      </c>
      <c r="G3905">
        <v>3920</v>
      </c>
      <c r="H3905">
        <v>0</v>
      </c>
      <c r="I3905">
        <v>0</v>
      </c>
      <c r="J3905">
        <v>182</v>
      </c>
      <c r="K3905">
        <v>0</v>
      </c>
      <c r="L3905">
        <v>0</v>
      </c>
      <c r="M3905">
        <v>4093</v>
      </c>
      <c r="N3905">
        <v>0</v>
      </c>
      <c r="O3905">
        <v>0</v>
      </c>
      <c r="P3905">
        <v>6919</v>
      </c>
      <c r="Q3905">
        <v>0</v>
      </c>
      <c r="R3905">
        <v>51940</v>
      </c>
      <c r="S3905">
        <v>0</v>
      </c>
      <c r="T3905">
        <v>0</v>
      </c>
      <c r="U3905">
        <v>0</v>
      </c>
      <c r="V3905">
        <v>3</v>
      </c>
      <c r="W3905">
        <v>3</v>
      </c>
      <c r="X3905">
        <v>0</v>
      </c>
      <c r="Y3905">
        <v>34</v>
      </c>
      <c r="Z3905">
        <v>23</v>
      </c>
      <c r="AA3905">
        <v>135</v>
      </c>
      <c r="AB3905">
        <v>69</v>
      </c>
      <c r="AC3905">
        <v>129</v>
      </c>
      <c r="AD3905">
        <v>30</v>
      </c>
      <c r="AE3905">
        <v>97</v>
      </c>
      <c r="AF3905">
        <v>1390</v>
      </c>
      <c r="AG3905">
        <v>110377</v>
      </c>
      <c r="AH3905">
        <v>50000</v>
      </c>
      <c r="AI3905">
        <v>0</v>
      </c>
      <c r="AJ3905">
        <v>95</v>
      </c>
      <c r="AK3905" t="s">
        <v>21</v>
      </c>
      <c r="AL3905">
        <v>0</v>
      </c>
      <c r="AM3905">
        <v>0</v>
      </c>
      <c r="AN3905">
        <v>0</v>
      </c>
      <c r="AO3905">
        <v>0</v>
      </c>
      <c r="AP3905">
        <v>0</v>
      </c>
      <c r="AQ3905">
        <v>0</v>
      </c>
      <c r="AR3905">
        <v>0</v>
      </c>
      <c r="AS3905">
        <v>0</v>
      </c>
      <c r="AT3905">
        <v>0</v>
      </c>
      <c r="AU3905">
        <v>0</v>
      </c>
      <c r="AV3905">
        <v>0</v>
      </c>
      <c r="AW3905">
        <v>0</v>
      </c>
      <c r="AX3905">
        <v>3696</v>
      </c>
      <c r="AY3905">
        <v>33</v>
      </c>
      <c r="AZ3905">
        <v>79</v>
      </c>
      <c r="BA3905">
        <v>5569</v>
      </c>
    </row>
    <row r="3906" spans="1:53" x14ac:dyDescent="0.4">
      <c r="A3906">
        <v>3950</v>
      </c>
      <c r="B3906" s="1">
        <v>44190</v>
      </c>
      <c r="C3906">
        <v>1</v>
      </c>
      <c r="D3906" s="1">
        <v>44190.291666666664</v>
      </c>
      <c r="E3906" s="1">
        <v>44190.418055555558</v>
      </c>
      <c r="F3906">
        <v>0</v>
      </c>
      <c r="G3906">
        <v>0</v>
      </c>
      <c r="H3906">
        <v>0</v>
      </c>
      <c r="I3906">
        <v>0</v>
      </c>
      <c r="J3906">
        <v>0</v>
      </c>
      <c r="K3906">
        <v>0</v>
      </c>
      <c r="L3906">
        <v>0</v>
      </c>
      <c r="M3906">
        <v>0</v>
      </c>
      <c r="N3906">
        <v>0</v>
      </c>
      <c r="O3906">
        <v>0</v>
      </c>
      <c r="P3906">
        <v>0</v>
      </c>
      <c r="Q3906">
        <v>0</v>
      </c>
      <c r="R3906">
        <v>0</v>
      </c>
      <c r="S3906">
        <v>0</v>
      </c>
      <c r="T3906">
        <v>0</v>
      </c>
      <c r="U3906">
        <v>0</v>
      </c>
      <c r="V3906">
        <v>0</v>
      </c>
      <c r="W3906">
        <v>0</v>
      </c>
      <c r="X3906">
        <v>0</v>
      </c>
      <c r="Y3906">
        <v>30</v>
      </c>
      <c r="Z3906">
        <v>9</v>
      </c>
      <c r="AA3906">
        <v>108</v>
      </c>
      <c r="AB3906">
        <v>61</v>
      </c>
      <c r="AC3906">
        <v>133</v>
      </c>
      <c r="AD3906">
        <v>41</v>
      </c>
      <c r="AE3906">
        <v>115</v>
      </c>
      <c r="AF3906">
        <v>0</v>
      </c>
      <c r="AG3906">
        <v>50000</v>
      </c>
      <c r="AH3906">
        <v>50000</v>
      </c>
      <c r="AI3906">
        <v>0</v>
      </c>
      <c r="AJ3906">
        <v>0</v>
      </c>
      <c r="AK3906" t="s">
        <v>6</v>
      </c>
      <c r="AL3906">
        <v>0</v>
      </c>
      <c r="AM3906">
        <v>0</v>
      </c>
      <c r="AN3906">
        <v>0</v>
      </c>
      <c r="AO3906">
        <v>0</v>
      </c>
      <c r="AP3906">
        <v>0</v>
      </c>
      <c r="AQ3906">
        <v>0</v>
      </c>
      <c r="AR3906">
        <v>0</v>
      </c>
      <c r="AS3906">
        <v>0</v>
      </c>
      <c r="AT3906">
        <v>0</v>
      </c>
      <c r="AU3906">
        <v>0</v>
      </c>
      <c r="AV3906">
        <v>0</v>
      </c>
      <c r="AW3906">
        <v>0</v>
      </c>
      <c r="AX3906">
        <v>0</v>
      </c>
      <c r="AY3906">
        <v>0</v>
      </c>
      <c r="AZ3906">
        <v>0</v>
      </c>
      <c r="BA3906">
        <v>0</v>
      </c>
    </row>
    <row r="3907" spans="1:53" x14ac:dyDescent="0.4">
      <c r="A3907">
        <v>3951</v>
      </c>
      <c r="B3907" s="1">
        <v>44190</v>
      </c>
      <c r="C3907">
        <v>2</v>
      </c>
      <c r="D3907" s="1">
        <v>44190.418055555558</v>
      </c>
      <c r="E3907" s="1">
        <v>44190.745138888888</v>
      </c>
      <c r="F3907">
        <v>30990</v>
      </c>
      <c r="G3907">
        <v>1100</v>
      </c>
      <c r="H3907">
        <v>0</v>
      </c>
      <c r="I3907">
        <v>0</v>
      </c>
      <c r="J3907">
        <v>0</v>
      </c>
      <c r="K3907">
        <v>0</v>
      </c>
      <c r="L3907">
        <v>0</v>
      </c>
      <c r="M3907">
        <v>3209</v>
      </c>
      <c r="N3907">
        <v>0</v>
      </c>
      <c r="O3907">
        <v>0</v>
      </c>
      <c r="P3907">
        <v>20482</v>
      </c>
      <c r="Q3907">
        <v>0</v>
      </c>
      <c r="R3907">
        <v>55781</v>
      </c>
      <c r="S3907">
        <v>0</v>
      </c>
      <c r="T3907">
        <v>0</v>
      </c>
      <c r="U3907">
        <v>0</v>
      </c>
      <c r="V3907">
        <v>1</v>
      </c>
      <c r="W3907">
        <v>2</v>
      </c>
      <c r="X3907">
        <v>0</v>
      </c>
      <c r="Y3907">
        <v>56</v>
      </c>
      <c r="Z3907">
        <v>23</v>
      </c>
      <c r="AA3907">
        <v>123</v>
      </c>
      <c r="AB3907">
        <v>57</v>
      </c>
      <c r="AC3907">
        <v>128</v>
      </c>
      <c r="AD3907">
        <v>48</v>
      </c>
      <c r="AE3907">
        <v>93</v>
      </c>
      <c r="AF3907">
        <v>1518</v>
      </c>
      <c r="AG3907">
        <v>105781</v>
      </c>
      <c r="AH3907">
        <v>50000</v>
      </c>
      <c r="AI3907">
        <v>0</v>
      </c>
      <c r="AJ3907">
        <v>109</v>
      </c>
      <c r="AK3907" t="s">
        <v>29</v>
      </c>
      <c r="AL3907">
        <v>0</v>
      </c>
      <c r="AM3907">
        <v>0</v>
      </c>
      <c r="AN3907">
        <v>0</v>
      </c>
      <c r="AO3907">
        <v>0</v>
      </c>
      <c r="AP3907">
        <v>0</v>
      </c>
      <c r="AQ3907">
        <v>0</v>
      </c>
      <c r="AR3907">
        <v>0</v>
      </c>
      <c r="AS3907">
        <v>0</v>
      </c>
      <c r="AT3907">
        <v>0</v>
      </c>
      <c r="AU3907">
        <v>0</v>
      </c>
      <c r="AV3907">
        <v>0</v>
      </c>
      <c r="AW3907">
        <v>0</v>
      </c>
      <c r="AX3907">
        <v>-616</v>
      </c>
      <c r="AY3907">
        <v>41</v>
      </c>
      <c r="AZ3907">
        <v>89</v>
      </c>
      <c r="BA3907">
        <v>5813</v>
      </c>
    </row>
    <row r="3908" spans="1:53" x14ac:dyDescent="0.4">
      <c r="A3908">
        <v>3952</v>
      </c>
      <c r="B3908" s="1">
        <v>44190</v>
      </c>
      <c r="C3908">
        <v>3</v>
      </c>
      <c r="D3908" s="1">
        <v>44190.745138888888</v>
      </c>
      <c r="E3908" s="1">
        <v>44190.956944444442</v>
      </c>
      <c r="F3908">
        <v>41045</v>
      </c>
      <c r="G3908">
        <v>400</v>
      </c>
      <c r="H3908">
        <v>0</v>
      </c>
      <c r="I3908">
        <v>0</v>
      </c>
      <c r="J3908">
        <v>650</v>
      </c>
      <c r="K3908">
        <v>650</v>
      </c>
      <c r="L3908">
        <v>0</v>
      </c>
      <c r="M3908">
        <v>4145</v>
      </c>
      <c r="N3908">
        <v>0</v>
      </c>
      <c r="O3908">
        <v>0</v>
      </c>
      <c r="P3908">
        <v>-10934</v>
      </c>
      <c r="Q3908">
        <v>0</v>
      </c>
      <c r="R3908">
        <v>34656</v>
      </c>
      <c r="S3908">
        <v>0</v>
      </c>
      <c r="T3908">
        <v>0</v>
      </c>
      <c r="U3908">
        <v>0</v>
      </c>
      <c r="V3908">
        <v>4</v>
      </c>
      <c r="W3908">
        <v>1</v>
      </c>
      <c r="X3908">
        <v>0</v>
      </c>
      <c r="Y3908">
        <v>64</v>
      </c>
      <c r="Z3908">
        <v>24</v>
      </c>
      <c r="AA3908">
        <v>120</v>
      </c>
      <c r="AB3908">
        <v>55</v>
      </c>
      <c r="AC3908">
        <v>137</v>
      </c>
      <c r="AD3908">
        <v>44</v>
      </c>
      <c r="AE3908">
        <v>149</v>
      </c>
      <c r="AF3908">
        <v>2948</v>
      </c>
      <c r="AG3908">
        <v>140437</v>
      </c>
      <c r="AH3908">
        <v>50000</v>
      </c>
      <c r="AI3908">
        <v>0</v>
      </c>
      <c r="AJ3908">
        <v>108</v>
      </c>
      <c r="AK3908" t="s">
        <v>30</v>
      </c>
      <c r="AL3908">
        <v>0</v>
      </c>
      <c r="AM3908">
        <v>0</v>
      </c>
      <c r="AN3908">
        <v>0</v>
      </c>
      <c r="AO3908">
        <v>0</v>
      </c>
      <c r="AP3908">
        <v>0</v>
      </c>
      <c r="AQ3908">
        <v>0</v>
      </c>
      <c r="AR3908">
        <v>0</v>
      </c>
      <c r="AS3908">
        <v>0</v>
      </c>
      <c r="AT3908">
        <v>0</v>
      </c>
      <c r="AU3908">
        <v>0</v>
      </c>
      <c r="AV3908">
        <v>0</v>
      </c>
      <c r="AW3908">
        <v>0</v>
      </c>
      <c r="AX3908">
        <v>21496</v>
      </c>
      <c r="AY3908">
        <v>21</v>
      </c>
      <c r="AZ3908">
        <v>52</v>
      </c>
      <c r="BA3908">
        <v>2702</v>
      </c>
    </row>
    <row r="3909" spans="1:53" x14ac:dyDescent="0.4">
      <c r="A3909">
        <v>3953</v>
      </c>
      <c r="B3909" s="1">
        <v>44191</v>
      </c>
      <c r="C3909">
        <v>1</v>
      </c>
      <c r="D3909" s="1">
        <v>44191.291666666664</v>
      </c>
      <c r="E3909" s="1">
        <v>44191.397916666669</v>
      </c>
      <c r="F3909">
        <v>0</v>
      </c>
      <c r="G3909">
        <v>0</v>
      </c>
      <c r="H3909">
        <v>0</v>
      </c>
      <c r="I3909">
        <v>0</v>
      </c>
      <c r="J3909">
        <v>0</v>
      </c>
      <c r="K3909">
        <v>0</v>
      </c>
      <c r="L3909">
        <v>0</v>
      </c>
      <c r="M3909">
        <v>0</v>
      </c>
      <c r="N3909">
        <v>0</v>
      </c>
      <c r="O3909">
        <v>0</v>
      </c>
      <c r="P3909">
        <v>0</v>
      </c>
      <c r="Q3909">
        <v>0</v>
      </c>
      <c r="R3909">
        <v>0</v>
      </c>
      <c r="S3909">
        <v>0</v>
      </c>
      <c r="T3909">
        <v>0</v>
      </c>
      <c r="U3909">
        <v>0</v>
      </c>
      <c r="V3909">
        <v>0</v>
      </c>
      <c r="W3909">
        <v>0</v>
      </c>
      <c r="X3909">
        <v>0</v>
      </c>
      <c r="Y3909">
        <v>30</v>
      </c>
      <c r="Z3909">
        <v>7</v>
      </c>
      <c r="AA3909">
        <v>122</v>
      </c>
      <c r="AB3909">
        <v>52</v>
      </c>
      <c r="AC3909">
        <v>134</v>
      </c>
      <c r="AD3909">
        <v>43</v>
      </c>
      <c r="AE3909">
        <v>145</v>
      </c>
      <c r="AF3909">
        <v>0</v>
      </c>
      <c r="AG3909">
        <v>50000</v>
      </c>
      <c r="AH3909">
        <v>50000</v>
      </c>
      <c r="AI3909">
        <v>0</v>
      </c>
      <c r="AJ3909">
        <v>0</v>
      </c>
      <c r="AK3909" t="s">
        <v>6</v>
      </c>
      <c r="AL3909">
        <v>0</v>
      </c>
      <c r="AM3909">
        <v>0</v>
      </c>
      <c r="AN3909">
        <v>0</v>
      </c>
      <c r="AO3909">
        <v>0</v>
      </c>
      <c r="AP3909">
        <v>0</v>
      </c>
      <c r="AQ3909">
        <v>0</v>
      </c>
      <c r="AR3909">
        <v>0</v>
      </c>
      <c r="AS3909">
        <v>0</v>
      </c>
      <c r="AT3909">
        <v>0</v>
      </c>
      <c r="AU3909">
        <v>0</v>
      </c>
      <c r="AV3909">
        <v>0</v>
      </c>
      <c r="AW3909">
        <v>0</v>
      </c>
      <c r="AX3909">
        <v>0</v>
      </c>
      <c r="AY3909">
        <v>0</v>
      </c>
      <c r="AZ3909">
        <v>0</v>
      </c>
      <c r="BA3909">
        <v>0</v>
      </c>
    </row>
    <row r="3910" spans="1:53" x14ac:dyDescent="0.4">
      <c r="A3910">
        <v>3954</v>
      </c>
      <c r="B3910" s="1">
        <v>44191</v>
      </c>
      <c r="C3910">
        <v>2</v>
      </c>
      <c r="D3910" s="1">
        <v>44191.397916666669</v>
      </c>
      <c r="E3910" s="1">
        <v>44191.745138888888</v>
      </c>
      <c r="F3910">
        <v>33900</v>
      </c>
      <c r="G3910">
        <v>3340</v>
      </c>
      <c r="H3910">
        <v>0</v>
      </c>
      <c r="I3910">
        <v>0</v>
      </c>
      <c r="J3910">
        <v>0</v>
      </c>
      <c r="K3910">
        <v>1800</v>
      </c>
      <c r="L3910">
        <v>0</v>
      </c>
      <c r="M3910">
        <v>3904</v>
      </c>
      <c r="N3910">
        <v>0</v>
      </c>
      <c r="O3910">
        <v>0</v>
      </c>
      <c r="P3910">
        <v>19206</v>
      </c>
      <c r="Q3910">
        <v>0</v>
      </c>
      <c r="R3910">
        <v>62150</v>
      </c>
      <c r="S3910">
        <v>0</v>
      </c>
      <c r="T3910">
        <v>0</v>
      </c>
      <c r="U3910">
        <v>0</v>
      </c>
      <c r="V3910">
        <v>2</v>
      </c>
      <c r="W3910">
        <v>2</v>
      </c>
      <c r="X3910">
        <v>0</v>
      </c>
      <c r="Y3910">
        <v>59</v>
      </c>
      <c r="Z3910">
        <v>12</v>
      </c>
      <c r="AA3910">
        <v>132</v>
      </c>
      <c r="AB3910">
        <v>44</v>
      </c>
      <c r="AC3910">
        <v>134</v>
      </c>
      <c r="AD3910">
        <v>52</v>
      </c>
      <c r="AE3910">
        <v>150</v>
      </c>
      <c r="AF3910">
        <v>0</v>
      </c>
      <c r="AG3910">
        <v>112150</v>
      </c>
      <c r="AH3910">
        <v>50000</v>
      </c>
      <c r="AI3910">
        <v>0</v>
      </c>
      <c r="AJ3910">
        <v>84</v>
      </c>
      <c r="AK3910" t="s">
        <v>16</v>
      </c>
      <c r="AL3910">
        <v>0</v>
      </c>
      <c r="AM3910">
        <v>0</v>
      </c>
      <c r="AN3910">
        <v>0</v>
      </c>
      <c r="AO3910">
        <v>0</v>
      </c>
      <c r="AP3910">
        <v>0</v>
      </c>
      <c r="AQ3910">
        <v>0</v>
      </c>
      <c r="AR3910">
        <v>0</v>
      </c>
      <c r="AS3910">
        <v>0</v>
      </c>
      <c r="AT3910">
        <v>0</v>
      </c>
      <c r="AU3910">
        <v>0</v>
      </c>
      <c r="AV3910">
        <v>0</v>
      </c>
      <c r="AW3910">
        <v>0</v>
      </c>
      <c r="AX3910">
        <v>440</v>
      </c>
      <c r="AY3910">
        <v>42</v>
      </c>
      <c r="AZ3910">
        <v>91</v>
      </c>
      <c r="BA3910">
        <v>6541</v>
      </c>
    </row>
    <row r="3911" spans="1:53" x14ac:dyDescent="0.4">
      <c r="A3911">
        <v>3955</v>
      </c>
      <c r="B3911" s="1">
        <v>44191</v>
      </c>
      <c r="C3911">
        <v>3</v>
      </c>
      <c r="D3911" s="1">
        <v>44191.745138888888</v>
      </c>
      <c r="E3911" s="1">
        <v>44191.990277777775</v>
      </c>
      <c r="F3911">
        <v>75070</v>
      </c>
      <c r="G3911">
        <v>5240</v>
      </c>
      <c r="H3911">
        <v>0</v>
      </c>
      <c r="I3911">
        <v>0</v>
      </c>
      <c r="J3911">
        <v>5286</v>
      </c>
      <c r="K3911">
        <v>0</v>
      </c>
      <c r="L3911">
        <v>0</v>
      </c>
      <c r="M3911">
        <v>7503</v>
      </c>
      <c r="N3911">
        <v>0</v>
      </c>
      <c r="O3911">
        <v>0</v>
      </c>
      <c r="P3911">
        <v>-13662</v>
      </c>
      <c r="Q3911">
        <v>0</v>
      </c>
      <c r="R3911">
        <v>68865</v>
      </c>
      <c r="S3911">
        <v>0</v>
      </c>
      <c r="T3911">
        <v>0</v>
      </c>
      <c r="U3911">
        <v>0</v>
      </c>
      <c r="V3911">
        <v>10</v>
      </c>
      <c r="W3911">
        <v>0</v>
      </c>
      <c r="X3911">
        <v>0</v>
      </c>
      <c r="Y3911">
        <v>60</v>
      </c>
      <c r="Z3911">
        <v>13</v>
      </c>
      <c r="AA3911">
        <v>109</v>
      </c>
      <c r="AB3911">
        <v>39</v>
      </c>
      <c r="AC3911">
        <v>127</v>
      </c>
      <c r="AD3911">
        <v>49</v>
      </c>
      <c r="AE3911">
        <v>150</v>
      </c>
      <c r="AF3911">
        <v>0</v>
      </c>
      <c r="AG3911">
        <v>181015</v>
      </c>
      <c r="AH3911">
        <v>50000</v>
      </c>
      <c r="AI3911">
        <v>0</v>
      </c>
      <c r="AJ3911">
        <v>108</v>
      </c>
      <c r="AK3911" t="s">
        <v>30</v>
      </c>
      <c r="AL3911">
        <v>0</v>
      </c>
      <c r="AM3911">
        <v>0</v>
      </c>
      <c r="AN3911">
        <v>0</v>
      </c>
      <c r="AO3911">
        <v>0</v>
      </c>
      <c r="AP3911">
        <v>0</v>
      </c>
      <c r="AQ3911">
        <v>0</v>
      </c>
      <c r="AR3911">
        <v>0</v>
      </c>
      <c r="AS3911">
        <v>0</v>
      </c>
      <c r="AT3911">
        <v>0</v>
      </c>
      <c r="AU3911">
        <v>0</v>
      </c>
      <c r="AV3911">
        <v>0</v>
      </c>
      <c r="AW3911">
        <v>0</v>
      </c>
      <c r="AX3911">
        <v>28494</v>
      </c>
      <c r="AY3911">
        <v>18</v>
      </c>
      <c r="AZ3911">
        <v>53</v>
      </c>
      <c r="BA3911">
        <v>2670</v>
      </c>
    </row>
    <row r="3912" spans="1:53" x14ac:dyDescent="0.4">
      <c r="A3912">
        <v>3956</v>
      </c>
      <c r="B3912" s="1">
        <v>44192</v>
      </c>
      <c r="C3912">
        <v>1</v>
      </c>
      <c r="D3912" s="1">
        <v>44192.291666666664</v>
      </c>
      <c r="E3912" s="1">
        <v>44192.428472222222</v>
      </c>
      <c r="F3912">
        <v>0</v>
      </c>
      <c r="G3912">
        <v>0</v>
      </c>
      <c r="H3912">
        <v>0</v>
      </c>
      <c r="I3912">
        <v>0</v>
      </c>
      <c r="J3912">
        <v>0</v>
      </c>
      <c r="K3912">
        <v>0</v>
      </c>
      <c r="L3912">
        <v>0</v>
      </c>
      <c r="M3912">
        <v>0</v>
      </c>
      <c r="N3912">
        <v>0</v>
      </c>
      <c r="O3912">
        <v>0</v>
      </c>
      <c r="P3912">
        <v>0</v>
      </c>
      <c r="Q3912">
        <v>0</v>
      </c>
      <c r="R3912">
        <v>0</v>
      </c>
      <c r="S3912">
        <v>0</v>
      </c>
      <c r="T3912">
        <v>0</v>
      </c>
      <c r="U3912">
        <v>0</v>
      </c>
      <c r="V3912">
        <v>0</v>
      </c>
      <c r="W3912">
        <v>0</v>
      </c>
      <c r="X3912">
        <v>0</v>
      </c>
      <c r="Y3912">
        <v>31</v>
      </c>
      <c r="Z3912">
        <v>9</v>
      </c>
      <c r="AA3912">
        <v>108</v>
      </c>
      <c r="AB3912">
        <v>42</v>
      </c>
      <c r="AC3912">
        <v>124</v>
      </c>
      <c r="AD3912">
        <v>52</v>
      </c>
      <c r="AE3912">
        <v>100</v>
      </c>
      <c r="AF3912">
        <v>0</v>
      </c>
      <c r="AG3912">
        <v>50000</v>
      </c>
      <c r="AH3912">
        <v>50000</v>
      </c>
      <c r="AI3912">
        <v>0</v>
      </c>
      <c r="AJ3912">
        <v>0</v>
      </c>
      <c r="AK3912" t="s">
        <v>6</v>
      </c>
      <c r="AL3912">
        <v>0</v>
      </c>
      <c r="AM3912">
        <v>0</v>
      </c>
      <c r="AN3912">
        <v>0</v>
      </c>
      <c r="AO3912">
        <v>0</v>
      </c>
      <c r="AP3912">
        <v>0</v>
      </c>
      <c r="AQ3912">
        <v>0</v>
      </c>
      <c r="AR3912">
        <v>0</v>
      </c>
      <c r="AS3912">
        <v>0</v>
      </c>
      <c r="AT3912">
        <v>0</v>
      </c>
      <c r="AU3912">
        <v>0</v>
      </c>
      <c r="AV3912">
        <v>0</v>
      </c>
      <c r="AW3912">
        <v>0</v>
      </c>
      <c r="AX3912">
        <v>0</v>
      </c>
      <c r="AY3912">
        <v>0</v>
      </c>
      <c r="AZ3912">
        <v>0</v>
      </c>
      <c r="BA3912">
        <v>0</v>
      </c>
    </row>
    <row r="3913" spans="1:53" x14ac:dyDescent="0.4">
      <c r="A3913">
        <v>3957</v>
      </c>
      <c r="B3913" s="1">
        <v>44192</v>
      </c>
      <c r="C3913">
        <v>2</v>
      </c>
      <c r="D3913" s="1">
        <v>44192.428472222222</v>
      </c>
      <c r="E3913" s="1">
        <v>44192.74722222222</v>
      </c>
      <c r="F3913">
        <v>36560</v>
      </c>
      <c r="G3913">
        <v>1640</v>
      </c>
      <c r="H3913">
        <v>0</v>
      </c>
      <c r="I3913">
        <v>0</v>
      </c>
      <c r="J3913">
        <v>0</v>
      </c>
      <c r="K3913">
        <v>0</v>
      </c>
      <c r="L3913">
        <v>0</v>
      </c>
      <c r="M3913">
        <v>3820</v>
      </c>
      <c r="N3913">
        <v>0</v>
      </c>
      <c r="O3913">
        <v>0</v>
      </c>
      <c r="P3913">
        <v>20042</v>
      </c>
      <c r="Q3913">
        <v>0</v>
      </c>
      <c r="R3913">
        <v>62062</v>
      </c>
      <c r="S3913">
        <v>0</v>
      </c>
      <c r="T3913">
        <v>0</v>
      </c>
      <c r="U3913">
        <v>0</v>
      </c>
      <c r="V3913">
        <v>1</v>
      </c>
      <c r="W3913">
        <v>0</v>
      </c>
      <c r="X3913">
        <v>0</v>
      </c>
      <c r="Y3913">
        <v>63</v>
      </c>
      <c r="Z3913">
        <v>25</v>
      </c>
      <c r="AA3913">
        <v>134</v>
      </c>
      <c r="AB3913">
        <v>36</v>
      </c>
      <c r="AC3913">
        <v>97</v>
      </c>
      <c r="AD3913">
        <v>44</v>
      </c>
      <c r="AE3913">
        <v>134</v>
      </c>
      <c r="AF3913">
        <v>9968</v>
      </c>
      <c r="AG3913">
        <v>111992</v>
      </c>
      <c r="AH3913">
        <v>50000</v>
      </c>
      <c r="AI3913">
        <v>-70</v>
      </c>
      <c r="AJ3913">
        <v>85</v>
      </c>
      <c r="AK3913" t="s">
        <v>7</v>
      </c>
      <c r="AL3913">
        <v>0</v>
      </c>
      <c r="AM3913">
        <v>0</v>
      </c>
      <c r="AN3913">
        <v>0</v>
      </c>
      <c r="AO3913">
        <v>0</v>
      </c>
      <c r="AP3913">
        <v>0</v>
      </c>
      <c r="AQ3913">
        <v>0</v>
      </c>
      <c r="AR3913">
        <v>0</v>
      </c>
      <c r="AS3913">
        <v>0</v>
      </c>
      <c r="AT3913">
        <v>0</v>
      </c>
      <c r="AU3913">
        <v>0</v>
      </c>
      <c r="AV3913">
        <v>0</v>
      </c>
      <c r="AW3913">
        <v>0</v>
      </c>
      <c r="AX3913">
        <v>1034</v>
      </c>
      <c r="AY3913">
        <v>40</v>
      </c>
      <c r="AZ3913">
        <v>94</v>
      </c>
      <c r="BA3913">
        <v>6261</v>
      </c>
    </row>
    <row r="3914" spans="1:53" x14ac:dyDescent="0.4">
      <c r="A3914">
        <v>3958</v>
      </c>
      <c r="B3914" s="1">
        <v>44192</v>
      </c>
      <c r="C3914">
        <v>3</v>
      </c>
      <c r="D3914" s="1">
        <v>44192.74722222222</v>
      </c>
      <c r="E3914" s="1">
        <v>44192.957638888889</v>
      </c>
      <c r="F3914">
        <v>40518</v>
      </c>
      <c r="G3914">
        <v>2400</v>
      </c>
      <c r="H3914">
        <v>0</v>
      </c>
      <c r="I3914">
        <v>0</v>
      </c>
      <c r="J3914">
        <v>4550</v>
      </c>
      <c r="K3914">
        <v>1100</v>
      </c>
      <c r="L3914">
        <v>0</v>
      </c>
      <c r="M3914">
        <v>3947</v>
      </c>
      <c r="N3914">
        <v>0</v>
      </c>
      <c r="O3914">
        <v>0</v>
      </c>
      <c r="P3914">
        <v>-20042</v>
      </c>
      <c r="Q3914">
        <v>0</v>
      </c>
      <c r="R3914">
        <v>23373</v>
      </c>
      <c r="S3914">
        <v>0</v>
      </c>
      <c r="T3914">
        <v>0</v>
      </c>
      <c r="U3914">
        <v>0</v>
      </c>
      <c r="V3914">
        <v>2</v>
      </c>
      <c r="W3914">
        <v>0</v>
      </c>
      <c r="X3914">
        <v>0</v>
      </c>
      <c r="Y3914">
        <v>65</v>
      </c>
      <c r="Z3914">
        <v>28</v>
      </c>
      <c r="AA3914">
        <v>140</v>
      </c>
      <c r="AB3914">
        <v>38</v>
      </c>
      <c r="AC3914">
        <v>90</v>
      </c>
      <c r="AD3914">
        <v>42</v>
      </c>
      <c r="AE3914">
        <v>138</v>
      </c>
      <c r="AF3914">
        <v>19217</v>
      </c>
      <c r="AG3914">
        <v>135365</v>
      </c>
      <c r="AH3914">
        <v>50000</v>
      </c>
      <c r="AI3914">
        <v>-70</v>
      </c>
      <c r="AJ3914">
        <v>109</v>
      </c>
      <c r="AK3914" t="s">
        <v>29</v>
      </c>
      <c r="AL3914">
        <v>0</v>
      </c>
      <c r="AM3914">
        <v>0</v>
      </c>
      <c r="AN3914">
        <v>0</v>
      </c>
      <c r="AO3914">
        <v>0</v>
      </c>
      <c r="AP3914">
        <v>0</v>
      </c>
      <c r="AQ3914">
        <v>0</v>
      </c>
      <c r="AR3914">
        <v>0</v>
      </c>
      <c r="AS3914">
        <v>0</v>
      </c>
      <c r="AT3914">
        <v>0</v>
      </c>
      <c r="AU3914">
        <v>0</v>
      </c>
      <c r="AV3914">
        <v>0</v>
      </c>
      <c r="AW3914">
        <v>0</v>
      </c>
      <c r="AX3914">
        <v>15917</v>
      </c>
      <c r="AY3914">
        <v>10</v>
      </c>
      <c r="AZ3914">
        <v>38</v>
      </c>
      <c r="BA3914">
        <v>1948</v>
      </c>
    </row>
    <row r="3915" spans="1:53" x14ac:dyDescent="0.4">
      <c r="A3915">
        <v>3959</v>
      </c>
      <c r="B3915" s="1">
        <v>44193</v>
      </c>
      <c r="C3915">
        <v>1</v>
      </c>
      <c r="D3915" s="1">
        <v>44193.291666666664</v>
      </c>
      <c r="E3915" s="1">
        <v>44193.418749999997</v>
      </c>
      <c r="F3915">
        <v>0</v>
      </c>
      <c r="G3915">
        <v>0</v>
      </c>
      <c r="H3915">
        <v>0</v>
      </c>
      <c r="I3915">
        <v>0</v>
      </c>
      <c r="J3915">
        <v>0</v>
      </c>
      <c r="K3915">
        <v>0</v>
      </c>
      <c r="L3915">
        <v>0</v>
      </c>
      <c r="M3915">
        <v>0</v>
      </c>
      <c r="N3915">
        <v>0</v>
      </c>
      <c r="O3915">
        <v>0</v>
      </c>
      <c r="P3915">
        <v>0</v>
      </c>
      <c r="Q3915">
        <v>0</v>
      </c>
      <c r="R3915">
        <v>0</v>
      </c>
      <c r="S3915">
        <v>0</v>
      </c>
      <c r="T3915">
        <v>0</v>
      </c>
      <c r="U3915">
        <v>0</v>
      </c>
      <c r="V3915">
        <v>0</v>
      </c>
      <c r="W3915">
        <v>0</v>
      </c>
      <c r="X3915">
        <v>0</v>
      </c>
      <c r="Y3915">
        <v>28</v>
      </c>
      <c r="Z3915">
        <v>10</v>
      </c>
      <c r="AA3915">
        <v>137</v>
      </c>
      <c r="AB3915">
        <v>39</v>
      </c>
      <c r="AC3915">
        <v>100</v>
      </c>
      <c r="AD3915">
        <v>42</v>
      </c>
      <c r="AE3915">
        <v>140</v>
      </c>
      <c r="AF3915">
        <v>0</v>
      </c>
      <c r="AG3915">
        <v>50000</v>
      </c>
      <c r="AH3915">
        <v>50000</v>
      </c>
      <c r="AI3915">
        <v>0</v>
      </c>
      <c r="AJ3915">
        <v>0</v>
      </c>
      <c r="AK3915" t="s">
        <v>6</v>
      </c>
      <c r="AL3915">
        <v>0</v>
      </c>
      <c r="AM3915">
        <v>0</v>
      </c>
      <c r="AN3915">
        <v>0</v>
      </c>
      <c r="AO3915">
        <v>0</v>
      </c>
      <c r="AP3915">
        <v>0</v>
      </c>
      <c r="AQ3915">
        <v>0</v>
      </c>
      <c r="AR3915">
        <v>0</v>
      </c>
      <c r="AS3915">
        <v>0</v>
      </c>
      <c r="AT3915">
        <v>0</v>
      </c>
      <c r="AU3915">
        <v>0</v>
      </c>
      <c r="AV3915">
        <v>0</v>
      </c>
      <c r="AW3915">
        <v>0</v>
      </c>
      <c r="AX3915">
        <v>0</v>
      </c>
      <c r="AY3915">
        <v>0</v>
      </c>
      <c r="AZ3915">
        <v>0</v>
      </c>
      <c r="BA3915">
        <v>0</v>
      </c>
    </row>
    <row r="3916" spans="1:53" x14ac:dyDescent="0.4">
      <c r="A3916">
        <v>3960</v>
      </c>
      <c r="B3916" s="1">
        <v>44193</v>
      </c>
      <c r="C3916">
        <v>2</v>
      </c>
      <c r="D3916" s="1">
        <v>44193.418749999997</v>
      </c>
      <c r="E3916" s="1">
        <v>44193.752083333333</v>
      </c>
      <c r="F3916">
        <v>33560</v>
      </c>
      <c r="G3916">
        <v>1920</v>
      </c>
      <c r="H3916">
        <v>0</v>
      </c>
      <c r="I3916">
        <v>0</v>
      </c>
      <c r="J3916">
        <v>200</v>
      </c>
      <c r="K3916">
        <v>0</v>
      </c>
      <c r="L3916">
        <v>0</v>
      </c>
      <c r="M3916">
        <v>3527</v>
      </c>
      <c r="N3916">
        <v>0</v>
      </c>
      <c r="O3916">
        <v>0</v>
      </c>
      <c r="P3916">
        <v>14421</v>
      </c>
      <c r="Q3916">
        <v>0</v>
      </c>
      <c r="R3916">
        <v>53228</v>
      </c>
      <c r="S3916">
        <v>0</v>
      </c>
      <c r="T3916">
        <v>0</v>
      </c>
      <c r="U3916">
        <v>0</v>
      </c>
      <c r="V3916">
        <v>0</v>
      </c>
      <c r="W3916">
        <v>2</v>
      </c>
      <c r="X3916">
        <v>0</v>
      </c>
      <c r="Y3916">
        <v>71</v>
      </c>
      <c r="Z3916">
        <v>15</v>
      </c>
      <c r="AA3916">
        <v>106</v>
      </c>
      <c r="AB3916">
        <v>36</v>
      </c>
      <c r="AC3916">
        <v>113</v>
      </c>
      <c r="AD3916">
        <v>59</v>
      </c>
      <c r="AE3916">
        <v>133</v>
      </c>
      <c r="AF3916">
        <v>770</v>
      </c>
      <c r="AG3916">
        <v>103228</v>
      </c>
      <c r="AH3916">
        <v>50000</v>
      </c>
      <c r="AI3916">
        <v>0</v>
      </c>
      <c r="AJ3916">
        <v>107</v>
      </c>
      <c r="AK3916" t="s">
        <v>40</v>
      </c>
      <c r="AL3916">
        <v>0</v>
      </c>
      <c r="AM3916">
        <v>0</v>
      </c>
      <c r="AN3916">
        <v>0</v>
      </c>
      <c r="AO3916">
        <v>0</v>
      </c>
      <c r="AP3916">
        <v>0</v>
      </c>
      <c r="AQ3916">
        <v>0</v>
      </c>
      <c r="AR3916">
        <v>0</v>
      </c>
      <c r="AS3916">
        <v>0</v>
      </c>
      <c r="AT3916">
        <v>0</v>
      </c>
      <c r="AU3916">
        <v>0</v>
      </c>
      <c r="AV3916">
        <v>0</v>
      </c>
      <c r="AW3916">
        <v>0</v>
      </c>
      <c r="AX3916">
        <v>902</v>
      </c>
      <c r="AY3916">
        <v>41</v>
      </c>
      <c r="AZ3916">
        <v>82</v>
      </c>
      <c r="BA3916">
        <v>6494</v>
      </c>
    </row>
    <row r="3917" spans="1:53" x14ac:dyDescent="0.4">
      <c r="A3917">
        <v>3961</v>
      </c>
      <c r="B3917" s="1">
        <v>44193</v>
      </c>
      <c r="C3917">
        <v>3</v>
      </c>
      <c r="D3917" s="1">
        <v>44193.752083333333</v>
      </c>
      <c r="E3917" s="1">
        <v>44193.988194444442</v>
      </c>
      <c r="F3917">
        <v>65560</v>
      </c>
      <c r="G3917">
        <v>2580</v>
      </c>
      <c r="H3917">
        <v>0</v>
      </c>
      <c r="I3917">
        <v>0</v>
      </c>
      <c r="J3917">
        <v>100</v>
      </c>
      <c r="K3917">
        <v>0</v>
      </c>
      <c r="L3917">
        <v>0</v>
      </c>
      <c r="M3917">
        <v>6804</v>
      </c>
      <c r="N3917">
        <v>0</v>
      </c>
      <c r="O3917">
        <v>0</v>
      </c>
      <c r="P3917">
        <v>-10065</v>
      </c>
      <c r="Q3917">
        <v>0</v>
      </c>
      <c r="R3917">
        <v>64779</v>
      </c>
      <c r="S3917">
        <v>0</v>
      </c>
      <c r="T3917">
        <v>0</v>
      </c>
      <c r="U3917">
        <v>0</v>
      </c>
      <c r="V3917">
        <v>5</v>
      </c>
      <c r="W3917">
        <v>0</v>
      </c>
      <c r="X3917">
        <v>0</v>
      </c>
      <c r="Y3917">
        <v>78</v>
      </c>
      <c r="Z3917">
        <v>13</v>
      </c>
      <c r="AA3917">
        <v>97</v>
      </c>
      <c r="AB3917">
        <v>33</v>
      </c>
      <c r="AC3917">
        <v>107</v>
      </c>
      <c r="AD3917">
        <v>59</v>
      </c>
      <c r="AE3917">
        <v>145</v>
      </c>
      <c r="AF3917">
        <v>20647</v>
      </c>
      <c r="AG3917">
        <v>168007</v>
      </c>
      <c r="AH3917">
        <v>50000</v>
      </c>
      <c r="AI3917">
        <v>0</v>
      </c>
      <c r="AJ3917">
        <v>108</v>
      </c>
      <c r="AK3917" t="s">
        <v>30</v>
      </c>
      <c r="AL3917">
        <v>0</v>
      </c>
      <c r="AM3917">
        <v>0</v>
      </c>
      <c r="AN3917">
        <v>0</v>
      </c>
      <c r="AO3917">
        <v>0</v>
      </c>
      <c r="AP3917">
        <v>0</v>
      </c>
      <c r="AQ3917">
        <v>0</v>
      </c>
      <c r="AR3917">
        <v>0</v>
      </c>
      <c r="AS3917">
        <v>0</v>
      </c>
      <c r="AT3917">
        <v>0</v>
      </c>
      <c r="AU3917">
        <v>0</v>
      </c>
      <c r="AV3917">
        <v>0</v>
      </c>
      <c r="AW3917">
        <v>0</v>
      </c>
      <c r="AX3917">
        <v>34408</v>
      </c>
      <c r="AY3917">
        <v>24</v>
      </c>
      <c r="AZ3917">
        <v>56</v>
      </c>
      <c r="BA3917">
        <v>3115</v>
      </c>
    </row>
    <row r="3918" spans="1:53" x14ac:dyDescent="0.4">
      <c r="A3918">
        <v>3962</v>
      </c>
      <c r="B3918" s="1">
        <v>44194</v>
      </c>
      <c r="C3918">
        <v>1</v>
      </c>
      <c r="D3918" s="1">
        <v>44194.291666666664</v>
      </c>
      <c r="E3918" s="1">
        <v>44194.417361111111</v>
      </c>
      <c r="F3918">
        <v>0</v>
      </c>
      <c r="G3918">
        <v>0</v>
      </c>
      <c r="H3918">
        <v>0</v>
      </c>
      <c r="I3918">
        <v>0</v>
      </c>
      <c r="J3918">
        <v>0</v>
      </c>
      <c r="K3918">
        <v>0</v>
      </c>
      <c r="L3918">
        <v>0</v>
      </c>
      <c r="M3918">
        <v>0</v>
      </c>
      <c r="N3918">
        <v>0</v>
      </c>
      <c r="O3918">
        <v>0</v>
      </c>
      <c r="P3918">
        <v>0</v>
      </c>
      <c r="Q3918">
        <v>0</v>
      </c>
      <c r="R3918">
        <v>0</v>
      </c>
      <c r="S3918">
        <v>0</v>
      </c>
      <c r="T3918">
        <v>0</v>
      </c>
      <c r="U3918">
        <v>0</v>
      </c>
      <c r="V3918">
        <v>0</v>
      </c>
      <c r="W3918">
        <v>0</v>
      </c>
      <c r="X3918">
        <v>0</v>
      </c>
      <c r="Y3918">
        <v>33</v>
      </c>
      <c r="Z3918">
        <v>9</v>
      </c>
      <c r="AA3918">
        <v>94</v>
      </c>
      <c r="AB3918">
        <v>32</v>
      </c>
      <c r="AC3918">
        <v>107</v>
      </c>
      <c r="AD3918">
        <v>59</v>
      </c>
      <c r="AE3918">
        <v>135</v>
      </c>
      <c r="AF3918">
        <v>0</v>
      </c>
      <c r="AG3918">
        <v>50000</v>
      </c>
      <c r="AH3918">
        <v>50000</v>
      </c>
      <c r="AI3918">
        <v>0</v>
      </c>
      <c r="AJ3918">
        <v>0</v>
      </c>
      <c r="AK3918" t="s">
        <v>6</v>
      </c>
      <c r="AL3918">
        <v>0</v>
      </c>
      <c r="AM3918">
        <v>0</v>
      </c>
      <c r="AN3918">
        <v>0</v>
      </c>
      <c r="AO3918">
        <v>0</v>
      </c>
      <c r="AP3918">
        <v>0</v>
      </c>
      <c r="AQ3918">
        <v>0</v>
      </c>
      <c r="AR3918">
        <v>0</v>
      </c>
      <c r="AS3918">
        <v>0</v>
      </c>
      <c r="AT3918">
        <v>0</v>
      </c>
      <c r="AU3918">
        <v>0</v>
      </c>
      <c r="AV3918">
        <v>0</v>
      </c>
      <c r="AW3918">
        <v>0</v>
      </c>
      <c r="AX3918">
        <v>0</v>
      </c>
      <c r="AY3918">
        <v>0</v>
      </c>
      <c r="AZ3918">
        <v>0</v>
      </c>
      <c r="BA3918">
        <v>0</v>
      </c>
    </row>
    <row r="3919" spans="1:53" x14ac:dyDescent="0.4">
      <c r="A3919">
        <v>3963</v>
      </c>
      <c r="B3919" s="1">
        <v>44194</v>
      </c>
      <c r="C3919">
        <v>2</v>
      </c>
      <c r="D3919" s="1">
        <v>44194.417361111111</v>
      </c>
      <c r="E3919" s="1">
        <v>44194.743750000001</v>
      </c>
      <c r="F3919">
        <v>29350</v>
      </c>
      <c r="G3919">
        <v>1620</v>
      </c>
      <c r="H3919">
        <v>0</v>
      </c>
      <c r="I3919">
        <v>0</v>
      </c>
      <c r="J3919">
        <v>0</v>
      </c>
      <c r="K3919">
        <v>680</v>
      </c>
      <c r="L3919">
        <v>0</v>
      </c>
      <c r="M3919">
        <v>3165</v>
      </c>
      <c r="N3919">
        <v>0</v>
      </c>
      <c r="O3919">
        <v>0</v>
      </c>
      <c r="P3919">
        <v>22429</v>
      </c>
      <c r="Q3919">
        <v>0</v>
      </c>
      <c r="R3919">
        <v>57244</v>
      </c>
      <c r="S3919">
        <v>0</v>
      </c>
      <c r="T3919">
        <v>0</v>
      </c>
      <c r="U3919">
        <v>0</v>
      </c>
      <c r="V3919">
        <v>0</v>
      </c>
      <c r="W3919">
        <v>1</v>
      </c>
      <c r="X3919">
        <v>0</v>
      </c>
      <c r="Y3919">
        <v>75</v>
      </c>
      <c r="Z3919">
        <v>36</v>
      </c>
      <c r="AA3919">
        <v>63</v>
      </c>
      <c r="AB3919">
        <v>28</v>
      </c>
      <c r="AC3919">
        <v>106</v>
      </c>
      <c r="AD3919">
        <v>61</v>
      </c>
      <c r="AE3919">
        <v>179</v>
      </c>
      <c r="AF3919">
        <v>0</v>
      </c>
      <c r="AG3919">
        <v>107244</v>
      </c>
      <c r="AH3919">
        <v>50000</v>
      </c>
      <c r="AI3919">
        <v>0</v>
      </c>
      <c r="AJ3919">
        <v>109</v>
      </c>
      <c r="AK3919" t="s">
        <v>29</v>
      </c>
      <c r="AL3919">
        <v>0</v>
      </c>
      <c r="AM3919">
        <v>0</v>
      </c>
      <c r="AN3919">
        <v>0</v>
      </c>
      <c r="AO3919">
        <v>0</v>
      </c>
      <c r="AP3919">
        <v>0</v>
      </c>
      <c r="AQ3919">
        <v>0</v>
      </c>
      <c r="AR3919">
        <v>0</v>
      </c>
      <c r="AS3919">
        <v>0</v>
      </c>
      <c r="AT3919">
        <v>0</v>
      </c>
      <c r="AU3919">
        <v>0</v>
      </c>
      <c r="AV3919">
        <v>0</v>
      </c>
      <c r="AW3919">
        <v>0</v>
      </c>
      <c r="AX3919">
        <v>2090</v>
      </c>
      <c r="AY3919">
        <v>39</v>
      </c>
      <c r="AZ3919">
        <v>86</v>
      </c>
      <c r="BA3919">
        <v>6251</v>
      </c>
    </row>
    <row r="3920" spans="1:53" x14ac:dyDescent="0.4">
      <c r="A3920">
        <v>3964</v>
      </c>
      <c r="B3920" s="1">
        <v>44194</v>
      </c>
      <c r="C3920">
        <v>3</v>
      </c>
      <c r="D3920" s="1">
        <v>44194.743750000001</v>
      </c>
      <c r="E3920" s="1">
        <v>44194.948611111111</v>
      </c>
      <c r="F3920">
        <v>47725</v>
      </c>
      <c r="G3920">
        <v>1900</v>
      </c>
      <c r="H3920">
        <v>0</v>
      </c>
      <c r="I3920">
        <v>0</v>
      </c>
      <c r="J3920">
        <v>1365</v>
      </c>
      <c r="K3920">
        <v>0</v>
      </c>
      <c r="L3920">
        <v>0</v>
      </c>
      <c r="M3920">
        <v>4826</v>
      </c>
      <c r="N3920">
        <v>0</v>
      </c>
      <c r="O3920">
        <v>0</v>
      </c>
      <c r="P3920">
        <v>-22429</v>
      </c>
      <c r="Q3920">
        <v>0</v>
      </c>
      <c r="R3920">
        <v>30657</v>
      </c>
      <c r="S3920">
        <v>0</v>
      </c>
      <c r="T3920">
        <v>0</v>
      </c>
      <c r="U3920">
        <v>0</v>
      </c>
      <c r="V3920">
        <v>0</v>
      </c>
      <c r="W3920">
        <v>3</v>
      </c>
      <c r="X3920">
        <v>0</v>
      </c>
      <c r="Y3920">
        <v>91</v>
      </c>
      <c r="Z3920">
        <v>33</v>
      </c>
      <c r="AA3920">
        <v>70</v>
      </c>
      <c r="AB3920">
        <v>28</v>
      </c>
      <c r="AC3920">
        <v>99</v>
      </c>
      <c r="AD3920">
        <v>60</v>
      </c>
      <c r="AE3920">
        <v>171</v>
      </c>
      <c r="AF3920">
        <v>5540</v>
      </c>
      <c r="AG3920">
        <v>137901</v>
      </c>
      <c r="AH3920">
        <v>50000</v>
      </c>
      <c r="AI3920">
        <v>0</v>
      </c>
      <c r="AJ3920">
        <v>98</v>
      </c>
      <c r="AK3920" t="s">
        <v>35</v>
      </c>
      <c r="AL3920">
        <v>0</v>
      </c>
      <c r="AM3920">
        <v>0</v>
      </c>
      <c r="AN3920">
        <v>0</v>
      </c>
      <c r="AO3920">
        <v>0</v>
      </c>
      <c r="AP3920">
        <v>0</v>
      </c>
      <c r="AQ3920">
        <v>0</v>
      </c>
      <c r="AR3920">
        <v>0</v>
      </c>
      <c r="AS3920">
        <v>0</v>
      </c>
      <c r="AT3920">
        <v>0</v>
      </c>
      <c r="AU3920">
        <v>0</v>
      </c>
      <c r="AV3920">
        <v>0</v>
      </c>
      <c r="AW3920">
        <v>0</v>
      </c>
      <c r="AX3920">
        <v>49681</v>
      </c>
      <c r="AY3920">
        <v>22</v>
      </c>
      <c r="AZ3920">
        <v>62</v>
      </c>
      <c r="BA3920">
        <v>3010</v>
      </c>
    </row>
    <row r="3921" spans="1:53" x14ac:dyDescent="0.4">
      <c r="A3921">
        <v>3965</v>
      </c>
      <c r="B3921" s="1">
        <v>44195</v>
      </c>
      <c r="C3921">
        <v>1</v>
      </c>
      <c r="D3921" s="1">
        <v>44195.291666666664</v>
      </c>
      <c r="E3921" s="1">
        <v>44195.42083333333</v>
      </c>
      <c r="F3921">
        <v>0</v>
      </c>
      <c r="G3921">
        <v>0</v>
      </c>
      <c r="H3921">
        <v>0</v>
      </c>
      <c r="I3921">
        <v>0</v>
      </c>
      <c r="J3921">
        <v>0</v>
      </c>
      <c r="K3921">
        <v>0</v>
      </c>
      <c r="L3921">
        <v>0</v>
      </c>
      <c r="M3921">
        <v>0</v>
      </c>
      <c r="N3921">
        <v>0</v>
      </c>
      <c r="O3921">
        <v>0</v>
      </c>
      <c r="P3921">
        <v>0</v>
      </c>
      <c r="Q3921">
        <v>0</v>
      </c>
      <c r="R3921">
        <v>0</v>
      </c>
      <c r="S3921">
        <v>0</v>
      </c>
      <c r="T3921">
        <v>0</v>
      </c>
      <c r="U3921">
        <v>0</v>
      </c>
      <c r="V3921">
        <v>0</v>
      </c>
      <c r="W3921">
        <v>0</v>
      </c>
      <c r="X3921">
        <v>0</v>
      </c>
      <c r="Y3921">
        <v>27</v>
      </c>
      <c r="Z3921">
        <v>23</v>
      </c>
      <c r="AA3921">
        <v>83</v>
      </c>
      <c r="AB3921">
        <v>34</v>
      </c>
      <c r="AC3921">
        <v>106</v>
      </c>
      <c r="AD3921">
        <v>62</v>
      </c>
      <c r="AE3921">
        <v>130</v>
      </c>
      <c r="AF3921">
        <v>0</v>
      </c>
      <c r="AG3921">
        <v>50000</v>
      </c>
      <c r="AH3921">
        <v>50000</v>
      </c>
      <c r="AI3921">
        <v>0</v>
      </c>
      <c r="AJ3921">
        <v>0</v>
      </c>
      <c r="AK3921" t="s">
        <v>6</v>
      </c>
      <c r="AL3921">
        <v>0</v>
      </c>
      <c r="AM3921">
        <v>0</v>
      </c>
      <c r="AN3921">
        <v>0</v>
      </c>
      <c r="AO3921">
        <v>0</v>
      </c>
      <c r="AP3921">
        <v>0</v>
      </c>
      <c r="AQ3921">
        <v>0</v>
      </c>
      <c r="AR3921">
        <v>0</v>
      </c>
      <c r="AS3921">
        <v>0</v>
      </c>
      <c r="AT3921">
        <v>0</v>
      </c>
      <c r="AU3921">
        <v>0</v>
      </c>
      <c r="AV3921">
        <v>0</v>
      </c>
      <c r="AW3921">
        <v>0</v>
      </c>
      <c r="AX3921">
        <v>0</v>
      </c>
      <c r="AY3921">
        <v>0</v>
      </c>
      <c r="AZ3921">
        <v>0</v>
      </c>
      <c r="BA3921">
        <v>0</v>
      </c>
    </row>
    <row r="3922" spans="1:53" x14ac:dyDescent="0.4">
      <c r="A3922">
        <v>3966</v>
      </c>
      <c r="B3922" s="1">
        <v>44195</v>
      </c>
      <c r="C3922">
        <v>2</v>
      </c>
      <c r="D3922" s="1">
        <v>44195.42083333333</v>
      </c>
      <c r="E3922" s="1">
        <v>44195.736111111109</v>
      </c>
      <c r="F3922">
        <v>23340</v>
      </c>
      <c r="G3922">
        <v>680</v>
      </c>
      <c r="H3922">
        <v>0</v>
      </c>
      <c r="I3922">
        <v>0</v>
      </c>
      <c r="J3922">
        <v>0</v>
      </c>
      <c r="K3922">
        <v>0</v>
      </c>
      <c r="L3922">
        <v>0</v>
      </c>
      <c r="M3922">
        <v>2402</v>
      </c>
      <c r="N3922">
        <v>0</v>
      </c>
      <c r="O3922">
        <v>0</v>
      </c>
      <c r="P3922">
        <v>26939</v>
      </c>
      <c r="Q3922">
        <v>0</v>
      </c>
      <c r="R3922">
        <v>53361</v>
      </c>
      <c r="S3922">
        <v>0</v>
      </c>
      <c r="T3922">
        <v>0</v>
      </c>
      <c r="U3922">
        <v>0</v>
      </c>
      <c r="V3922">
        <v>3</v>
      </c>
      <c r="W3922">
        <v>0</v>
      </c>
      <c r="X3922">
        <v>0</v>
      </c>
      <c r="Y3922">
        <v>49</v>
      </c>
      <c r="Z3922">
        <v>31</v>
      </c>
      <c r="AA3922">
        <v>43</v>
      </c>
      <c r="AB3922">
        <v>27</v>
      </c>
      <c r="AC3922">
        <v>89</v>
      </c>
      <c r="AD3922">
        <v>66</v>
      </c>
      <c r="AE3922">
        <v>176</v>
      </c>
      <c r="AF3922">
        <v>1815</v>
      </c>
      <c r="AG3922">
        <v>103361</v>
      </c>
      <c r="AH3922">
        <v>50000</v>
      </c>
      <c r="AI3922">
        <v>0</v>
      </c>
      <c r="AJ3922">
        <v>98</v>
      </c>
      <c r="AK3922" t="s">
        <v>35</v>
      </c>
      <c r="AL3922">
        <v>0</v>
      </c>
      <c r="AM3922">
        <v>0</v>
      </c>
      <c r="AN3922">
        <v>0</v>
      </c>
      <c r="AO3922">
        <v>0</v>
      </c>
      <c r="AP3922">
        <v>0</v>
      </c>
      <c r="AQ3922">
        <v>0</v>
      </c>
      <c r="AR3922">
        <v>0</v>
      </c>
      <c r="AS3922">
        <v>0</v>
      </c>
      <c r="AT3922">
        <v>0</v>
      </c>
      <c r="AU3922">
        <v>0</v>
      </c>
      <c r="AV3922">
        <v>0</v>
      </c>
      <c r="AW3922">
        <v>0</v>
      </c>
      <c r="AX3922">
        <v>770</v>
      </c>
      <c r="AY3922">
        <v>37</v>
      </c>
      <c r="AZ3922">
        <v>84</v>
      </c>
      <c r="BA3922">
        <v>5681</v>
      </c>
    </row>
    <row r="3923" spans="1:53" x14ac:dyDescent="0.4">
      <c r="A3923">
        <v>3967</v>
      </c>
      <c r="B3923" s="1">
        <v>44195</v>
      </c>
      <c r="C3923">
        <v>3</v>
      </c>
      <c r="D3923" s="1">
        <v>44195.736111111109</v>
      </c>
      <c r="E3923" s="1">
        <v>44195.988888888889</v>
      </c>
      <c r="F3923">
        <v>77090</v>
      </c>
      <c r="G3923">
        <v>1100</v>
      </c>
      <c r="H3923">
        <v>0</v>
      </c>
      <c r="I3923">
        <v>0</v>
      </c>
      <c r="J3923">
        <v>5749</v>
      </c>
      <c r="K3923">
        <v>0</v>
      </c>
      <c r="L3923">
        <v>0</v>
      </c>
      <c r="M3923">
        <v>7244</v>
      </c>
      <c r="N3923">
        <v>0</v>
      </c>
      <c r="O3923">
        <v>0</v>
      </c>
      <c r="P3923">
        <v>-17021</v>
      </c>
      <c r="Q3923">
        <v>0</v>
      </c>
      <c r="R3923">
        <v>62664</v>
      </c>
      <c r="S3923">
        <v>0</v>
      </c>
      <c r="T3923">
        <v>0</v>
      </c>
      <c r="U3923">
        <v>0</v>
      </c>
      <c r="V3923">
        <v>8</v>
      </c>
      <c r="W3923">
        <v>1</v>
      </c>
      <c r="X3923">
        <v>0</v>
      </c>
      <c r="Y3923">
        <v>54</v>
      </c>
      <c r="Z3923">
        <v>32</v>
      </c>
      <c r="AA3923">
        <v>64</v>
      </c>
      <c r="AB3923">
        <v>27</v>
      </c>
      <c r="AC3923">
        <v>89</v>
      </c>
      <c r="AD3923">
        <v>64</v>
      </c>
      <c r="AE3923">
        <v>150</v>
      </c>
      <c r="AF3923">
        <v>1815</v>
      </c>
      <c r="AG3923">
        <v>165925</v>
      </c>
      <c r="AH3923">
        <v>50000</v>
      </c>
      <c r="AI3923">
        <v>-100</v>
      </c>
      <c r="AJ3923">
        <v>108</v>
      </c>
      <c r="AK3923" t="s">
        <v>30</v>
      </c>
      <c r="AL3923">
        <v>0</v>
      </c>
      <c r="AM3923">
        <v>0</v>
      </c>
      <c r="AN3923">
        <v>0</v>
      </c>
      <c r="AO3923">
        <v>0</v>
      </c>
      <c r="AP3923">
        <v>0</v>
      </c>
      <c r="AQ3923">
        <v>0</v>
      </c>
      <c r="AR3923">
        <v>0</v>
      </c>
      <c r="AS3923">
        <v>0</v>
      </c>
      <c r="AT3923">
        <v>0</v>
      </c>
      <c r="AU3923">
        <v>0</v>
      </c>
      <c r="AV3923">
        <v>0</v>
      </c>
      <c r="AW3923">
        <v>0</v>
      </c>
      <c r="AX3923">
        <v>34349</v>
      </c>
      <c r="AY3923">
        <v>25</v>
      </c>
      <c r="AZ3923">
        <v>61</v>
      </c>
      <c r="BA3923">
        <v>3468</v>
      </c>
    </row>
    <row r="3924" spans="1:53" x14ac:dyDescent="0.4">
      <c r="A3924">
        <v>3968</v>
      </c>
      <c r="B3924" s="1">
        <v>44196</v>
      </c>
      <c r="C3924">
        <v>1</v>
      </c>
      <c r="D3924" s="1">
        <v>44196.291666666664</v>
      </c>
      <c r="E3924" s="1">
        <v>44196.418055555558</v>
      </c>
      <c r="F3924">
        <v>0</v>
      </c>
      <c r="G3924">
        <v>0</v>
      </c>
      <c r="H3924">
        <v>0</v>
      </c>
      <c r="I3924">
        <v>0</v>
      </c>
      <c r="J3924">
        <v>0</v>
      </c>
      <c r="K3924">
        <v>0</v>
      </c>
      <c r="L3924">
        <v>0</v>
      </c>
      <c r="M3924">
        <v>0</v>
      </c>
      <c r="N3924">
        <v>0</v>
      </c>
      <c r="O3924">
        <v>0</v>
      </c>
      <c r="P3924">
        <v>0</v>
      </c>
      <c r="Q3924">
        <v>0</v>
      </c>
      <c r="R3924">
        <v>0</v>
      </c>
      <c r="S3924">
        <v>0</v>
      </c>
      <c r="T3924">
        <v>0</v>
      </c>
      <c r="U3924">
        <v>0</v>
      </c>
      <c r="V3924">
        <v>0</v>
      </c>
      <c r="W3924">
        <v>0</v>
      </c>
      <c r="X3924">
        <v>0</v>
      </c>
      <c r="Y3924">
        <v>28</v>
      </c>
      <c r="Z3924">
        <v>9</v>
      </c>
      <c r="AA3924">
        <v>119</v>
      </c>
      <c r="AB3924">
        <v>75</v>
      </c>
      <c r="AC3924">
        <v>143</v>
      </c>
      <c r="AD3924">
        <v>64</v>
      </c>
      <c r="AE3924">
        <v>100</v>
      </c>
      <c r="AF3924">
        <v>0</v>
      </c>
      <c r="AG3924">
        <v>50000</v>
      </c>
      <c r="AH3924">
        <v>50000</v>
      </c>
      <c r="AI3924">
        <v>0</v>
      </c>
      <c r="AJ3924">
        <v>0</v>
      </c>
      <c r="AK3924" t="s">
        <v>6</v>
      </c>
      <c r="AL3924">
        <v>0</v>
      </c>
      <c r="AM3924">
        <v>0</v>
      </c>
      <c r="AN3924">
        <v>0</v>
      </c>
      <c r="AO3924">
        <v>0</v>
      </c>
      <c r="AP3924">
        <v>0</v>
      </c>
      <c r="AQ3924">
        <v>0</v>
      </c>
      <c r="AR3924">
        <v>0</v>
      </c>
      <c r="AS3924">
        <v>0</v>
      </c>
      <c r="AT3924">
        <v>0</v>
      </c>
      <c r="AU3924">
        <v>0</v>
      </c>
      <c r="AV3924">
        <v>0</v>
      </c>
      <c r="AW3924">
        <v>0</v>
      </c>
      <c r="AX3924">
        <v>0</v>
      </c>
      <c r="AY3924">
        <v>0</v>
      </c>
      <c r="AZ3924">
        <v>0</v>
      </c>
      <c r="BA3924">
        <v>0</v>
      </c>
    </row>
    <row r="3925" spans="1:53" x14ac:dyDescent="0.4">
      <c r="A3925">
        <v>3969</v>
      </c>
      <c r="B3925" s="1">
        <v>44196</v>
      </c>
      <c r="C3925">
        <v>2</v>
      </c>
      <c r="D3925" s="1">
        <v>44196.418055555558</v>
      </c>
      <c r="E3925" s="1">
        <v>44196.750694444447</v>
      </c>
      <c r="F3925">
        <v>24750</v>
      </c>
      <c r="G3925">
        <v>780</v>
      </c>
      <c r="H3925">
        <v>0</v>
      </c>
      <c r="I3925">
        <v>0</v>
      </c>
      <c r="J3925">
        <v>0</v>
      </c>
      <c r="K3925">
        <v>0</v>
      </c>
      <c r="L3925">
        <v>0</v>
      </c>
      <c r="M3925">
        <v>2553</v>
      </c>
      <c r="N3925">
        <v>0</v>
      </c>
      <c r="O3925">
        <v>0</v>
      </c>
      <c r="P3925">
        <v>5896</v>
      </c>
      <c r="Q3925">
        <v>0</v>
      </c>
      <c r="R3925">
        <v>33979</v>
      </c>
      <c r="S3925">
        <v>0</v>
      </c>
      <c r="T3925">
        <v>0</v>
      </c>
      <c r="U3925">
        <v>0</v>
      </c>
      <c r="V3925">
        <v>1</v>
      </c>
      <c r="W3925">
        <v>0</v>
      </c>
      <c r="X3925">
        <v>0</v>
      </c>
      <c r="Y3925">
        <v>44</v>
      </c>
      <c r="Z3925">
        <v>24</v>
      </c>
      <c r="AA3925">
        <v>128</v>
      </c>
      <c r="AB3925">
        <v>67</v>
      </c>
      <c r="AC3925">
        <v>144</v>
      </c>
      <c r="AD3925">
        <v>67</v>
      </c>
      <c r="AE3925">
        <v>104</v>
      </c>
      <c r="AF3925">
        <v>0</v>
      </c>
      <c r="AG3925">
        <v>84029</v>
      </c>
      <c r="AH3925">
        <v>50000</v>
      </c>
      <c r="AI3925">
        <v>50</v>
      </c>
      <c r="AJ3925">
        <v>109</v>
      </c>
      <c r="AK3925" t="s">
        <v>29</v>
      </c>
      <c r="AL3925">
        <v>0</v>
      </c>
      <c r="AM3925">
        <v>0</v>
      </c>
      <c r="AN3925">
        <v>0</v>
      </c>
      <c r="AO3925">
        <v>0</v>
      </c>
      <c r="AP3925">
        <v>0</v>
      </c>
      <c r="AQ3925">
        <v>0</v>
      </c>
      <c r="AR3925">
        <v>0</v>
      </c>
      <c r="AS3925">
        <v>0</v>
      </c>
      <c r="AT3925">
        <v>0</v>
      </c>
      <c r="AU3925">
        <v>0</v>
      </c>
      <c r="AV3925">
        <v>0</v>
      </c>
      <c r="AW3925">
        <v>0</v>
      </c>
      <c r="AX3925">
        <v>0</v>
      </c>
      <c r="AY3925">
        <v>25</v>
      </c>
      <c r="AZ3925">
        <v>54</v>
      </c>
      <c r="BA3925">
        <v>3804</v>
      </c>
    </row>
    <row r="3926" spans="1:53" x14ac:dyDescent="0.4">
      <c r="A3926">
        <v>3970</v>
      </c>
      <c r="B3926" s="1">
        <v>44198</v>
      </c>
      <c r="C3926">
        <v>1</v>
      </c>
      <c r="D3926" s="1">
        <v>44198.291666666664</v>
      </c>
      <c r="E3926" s="1">
        <v>44198.418055555558</v>
      </c>
      <c r="F3926">
        <v>0</v>
      </c>
      <c r="G3926">
        <v>0</v>
      </c>
      <c r="H3926">
        <v>0</v>
      </c>
      <c r="I3926">
        <v>0</v>
      </c>
      <c r="J3926">
        <v>0</v>
      </c>
      <c r="K3926">
        <v>0</v>
      </c>
      <c r="L3926">
        <v>0</v>
      </c>
      <c r="M3926">
        <v>0</v>
      </c>
      <c r="N3926">
        <v>0</v>
      </c>
      <c r="O3926">
        <v>0</v>
      </c>
      <c r="P3926">
        <v>0</v>
      </c>
      <c r="Q3926">
        <v>0</v>
      </c>
      <c r="R3926">
        <v>0</v>
      </c>
      <c r="S3926">
        <v>0</v>
      </c>
      <c r="T3926">
        <v>0</v>
      </c>
      <c r="U3926">
        <v>0</v>
      </c>
      <c r="V3926">
        <v>0</v>
      </c>
      <c r="W3926">
        <v>0</v>
      </c>
      <c r="X3926">
        <v>0</v>
      </c>
      <c r="Y3926">
        <v>30</v>
      </c>
      <c r="Z3926">
        <v>8</v>
      </c>
      <c r="AA3926">
        <v>111</v>
      </c>
      <c r="AB3926">
        <v>62</v>
      </c>
      <c r="AC3926">
        <v>136</v>
      </c>
      <c r="AD3926">
        <v>64</v>
      </c>
      <c r="AE3926">
        <v>120</v>
      </c>
      <c r="AF3926">
        <v>0</v>
      </c>
      <c r="AG3926">
        <v>50000</v>
      </c>
      <c r="AH3926">
        <v>50000</v>
      </c>
      <c r="AI3926">
        <v>0</v>
      </c>
      <c r="AJ3926">
        <v>0</v>
      </c>
      <c r="AK3926" t="s">
        <v>6</v>
      </c>
      <c r="AL3926">
        <v>0</v>
      </c>
      <c r="AM3926">
        <v>0</v>
      </c>
      <c r="AN3926">
        <v>0</v>
      </c>
      <c r="AO3926">
        <v>0</v>
      </c>
      <c r="AP3926">
        <v>0</v>
      </c>
      <c r="AQ3926">
        <v>0</v>
      </c>
      <c r="AR3926">
        <v>0</v>
      </c>
      <c r="AS3926">
        <v>0</v>
      </c>
      <c r="AT3926">
        <v>0</v>
      </c>
      <c r="AU3926">
        <v>0</v>
      </c>
      <c r="AV3926">
        <v>0</v>
      </c>
      <c r="AW3926">
        <v>0</v>
      </c>
      <c r="AX3926">
        <v>0</v>
      </c>
      <c r="AY3926">
        <v>0</v>
      </c>
      <c r="AZ3926">
        <v>0</v>
      </c>
      <c r="BA3926">
        <v>0</v>
      </c>
    </row>
    <row r="3927" spans="1:53" x14ac:dyDescent="0.4">
      <c r="A3927">
        <v>3971</v>
      </c>
      <c r="B3927" s="1">
        <v>44198</v>
      </c>
      <c r="C3927">
        <v>2</v>
      </c>
      <c r="D3927" s="1">
        <v>44198.418055555558</v>
      </c>
      <c r="E3927" s="1">
        <v>44198.742361111108</v>
      </c>
      <c r="F3927">
        <v>35880</v>
      </c>
      <c r="G3927">
        <v>3100</v>
      </c>
      <c r="H3927">
        <v>200</v>
      </c>
      <c r="I3927">
        <v>0</v>
      </c>
      <c r="J3927">
        <v>0</v>
      </c>
      <c r="K3927">
        <v>540</v>
      </c>
      <c r="L3927">
        <v>0</v>
      </c>
      <c r="M3927">
        <v>3972</v>
      </c>
      <c r="N3927">
        <v>0</v>
      </c>
      <c r="O3927">
        <v>0</v>
      </c>
      <c r="P3927">
        <v>6666</v>
      </c>
      <c r="Q3927">
        <v>0</v>
      </c>
      <c r="R3927">
        <v>50358</v>
      </c>
      <c r="S3927">
        <v>0</v>
      </c>
      <c r="T3927">
        <v>0</v>
      </c>
      <c r="U3927">
        <v>0</v>
      </c>
      <c r="V3927">
        <v>4</v>
      </c>
      <c r="W3927">
        <v>0</v>
      </c>
      <c r="X3927">
        <v>0</v>
      </c>
      <c r="Y3927">
        <v>35</v>
      </c>
      <c r="Z3927">
        <v>16</v>
      </c>
      <c r="AA3927">
        <v>102</v>
      </c>
      <c r="AB3927">
        <v>64</v>
      </c>
      <c r="AC3927">
        <v>153</v>
      </c>
      <c r="AD3927">
        <v>61</v>
      </c>
      <c r="AE3927">
        <v>143</v>
      </c>
      <c r="AF3927">
        <v>1980</v>
      </c>
      <c r="AG3927">
        <v>100358</v>
      </c>
      <c r="AH3927">
        <v>50000</v>
      </c>
      <c r="AI3927">
        <v>0</v>
      </c>
      <c r="AJ3927">
        <v>107</v>
      </c>
      <c r="AK3927" t="s">
        <v>40</v>
      </c>
      <c r="AL3927">
        <v>0</v>
      </c>
      <c r="AM3927">
        <v>0</v>
      </c>
      <c r="AN3927">
        <v>0</v>
      </c>
      <c r="AO3927">
        <v>0</v>
      </c>
      <c r="AP3927">
        <v>0</v>
      </c>
      <c r="AQ3927">
        <v>0</v>
      </c>
      <c r="AR3927">
        <v>0</v>
      </c>
      <c r="AS3927">
        <v>0</v>
      </c>
      <c r="AT3927">
        <v>0</v>
      </c>
      <c r="AU3927">
        <v>0</v>
      </c>
      <c r="AV3927">
        <v>0</v>
      </c>
      <c r="AW3927">
        <v>0</v>
      </c>
      <c r="AX3927">
        <v>1694</v>
      </c>
      <c r="AY3927">
        <v>31</v>
      </c>
      <c r="AZ3927">
        <v>72</v>
      </c>
      <c r="BA3927">
        <v>5213</v>
      </c>
    </row>
    <row r="3928" spans="1:53" x14ac:dyDescent="0.4">
      <c r="A3928">
        <v>3972</v>
      </c>
      <c r="B3928" s="1">
        <v>44198</v>
      </c>
      <c r="C3928">
        <v>3</v>
      </c>
      <c r="D3928" s="1">
        <v>44198.742361111108</v>
      </c>
      <c r="E3928" s="1">
        <v>44198.963888888888</v>
      </c>
      <c r="F3928">
        <v>34110</v>
      </c>
      <c r="G3928">
        <v>1860</v>
      </c>
      <c r="H3928">
        <v>0</v>
      </c>
      <c r="I3928">
        <v>0</v>
      </c>
      <c r="J3928">
        <v>3640</v>
      </c>
      <c r="K3928">
        <v>0</v>
      </c>
      <c r="L3928">
        <v>0</v>
      </c>
      <c r="M3928">
        <v>3233</v>
      </c>
      <c r="N3928">
        <v>0</v>
      </c>
      <c r="O3928">
        <v>0</v>
      </c>
      <c r="P3928">
        <v>8484</v>
      </c>
      <c r="Q3928">
        <v>0</v>
      </c>
      <c r="R3928">
        <v>44047</v>
      </c>
      <c r="S3928">
        <v>0</v>
      </c>
      <c r="T3928">
        <v>0</v>
      </c>
      <c r="U3928">
        <v>0</v>
      </c>
      <c r="V3928">
        <v>7</v>
      </c>
      <c r="W3928">
        <v>1</v>
      </c>
      <c r="X3928">
        <v>0</v>
      </c>
      <c r="Y3928">
        <v>43</v>
      </c>
      <c r="Z3928">
        <v>18</v>
      </c>
      <c r="AA3928">
        <v>106</v>
      </c>
      <c r="AB3928">
        <v>61</v>
      </c>
      <c r="AC3928">
        <v>135</v>
      </c>
      <c r="AD3928">
        <v>57</v>
      </c>
      <c r="AE3928">
        <v>140</v>
      </c>
      <c r="AF3928">
        <v>1980</v>
      </c>
      <c r="AG3928">
        <v>144405</v>
      </c>
      <c r="AH3928">
        <v>50000</v>
      </c>
      <c r="AI3928">
        <v>0</v>
      </c>
      <c r="AJ3928">
        <v>108</v>
      </c>
      <c r="AK3928" t="s">
        <v>30</v>
      </c>
      <c r="AL3928">
        <v>0</v>
      </c>
      <c r="AM3928">
        <v>0</v>
      </c>
      <c r="AN3928">
        <v>0</v>
      </c>
      <c r="AO3928">
        <v>0</v>
      </c>
      <c r="AP3928">
        <v>0</v>
      </c>
      <c r="AQ3928">
        <v>0</v>
      </c>
      <c r="AR3928">
        <v>0</v>
      </c>
      <c r="AS3928">
        <v>0</v>
      </c>
      <c r="AT3928">
        <v>0</v>
      </c>
      <c r="AU3928">
        <v>0</v>
      </c>
      <c r="AV3928">
        <v>0</v>
      </c>
      <c r="AW3928">
        <v>0</v>
      </c>
      <c r="AX3928">
        <v>26276</v>
      </c>
      <c r="AY3928">
        <v>13</v>
      </c>
      <c r="AZ3928">
        <v>46</v>
      </c>
      <c r="BA3928">
        <v>1771</v>
      </c>
    </row>
    <row r="3929" spans="1:53" x14ac:dyDescent="0.4">
      <c r="A3929">
        <v>3973</v>
      </c>
      <c r="B3929" s="1">
        <v>44199</v>
      </c>
      <c r="C3929">
        <v>1</v>
      </c>
      <c r="D3929" s="1">
        <v>44199.291666666664</v>
      </c>
      <c r="E3929" s="1">
        <v>44199.435416666667</v>
      </c>
      <c r="F3929">
        <v>0</v>
      </c>
      <c r="G3929">
        <v>0</v>
      </c>
      <c r="H3929">
        <v>0</v>
      </c>
      <c r="I3929">
        <v>0</v>
      </c>
      <c r="J3929">
        <v>0</v>
      </c>
      <c r="K3929">
        <v>0</v>
      </c>
      <c r="L3929">
        <v>0</v>
      </c>
      <c r="M3929">
        <v>0</v>
      </c>
      <c r="N3929">
        <v>0</v>
      </c>
      <c r="O3929">
        <v>0</v>
      </c>
      <c r="P3929">
        <v>0</v>
      </c>
      <c r="Q3929">
        <v>0</v>
      </c>
      <c r="R3929">
        <v>0</v>
      </c>
      <c r="S3929">
        <v>0</v>
      </c>
      <c r="T3929">
        <v>0</v>
      </c>
      <c r="U3929">
        <v>0</v>
      </c>
      <c r="V3929">
        <v>0</v>
      </c>
      <c r="W3929">
        <v>0</v>
      </c>
      <c r="X3929">
        <v>0</v>
      </c>
      <c r="Y3929">
        <v>30</v>
      </c>
      <c r="Z3929">
        <v>10</v>
      </c>
      <c r="AA3929">
        <v>104</v>
      </c>
      <c r="AB3929">
        <v>56</v>
      </c>
      <c r="AC3929">
        <v>138</v>
      </c>
      <c r="AD3929">
        <v>56</v>
      </c>
      <c r="AE3929">
        <v>140</v>
      </c>
      <c r="AF3929">
        <v>0</v>
      </c>
      <c r="AG3929">
        <v>50000</v>
      </c>
      <c r="AH3929">
        <v>50000</v>
      </c>
      <c r="AI3929">
        <v>0</v>
      </c>
      <c r="AJ3929">
        <v>0</v>
      </c>
      <c r="AK3929" t="s">
        <v>6</v>
      </c>
      <c r="AL3929">
        <v>0</v>
      </c>
      <c r="AM3929">
        <v>0</v>
      </c>
      <c r="AN3929">
        <v>0</v>
      </c>
      <c r="AO3929">
        <v>0</v>
      </c>
      <c r="AP3929">
        <v>0</v>
      </c>
      <c r="AQ3929">
        <v>0</v>
      </c>
      <c r="AR3929">
        <v>0</v>
      </c>
      <c r="AS3929">
        <v>0</v>
      </c>
      <c r="AT3929">
        <v>0</v>
      </c>
      <c r="AU3929">
        <v>0</v>
      </c>
      <c r="AV3929">
        <v>0</v>
      </c>
      <c r="AW3929">
        <v>0</v>
      </c>
      <c r="AX3929">
        <v>0</v>
      </c>
      <c r="AY3929">
        <v>0</v>
      </c>
      <c r="AZ3929">
        <v>0</v>
      </c>
      <c r="BA3929">
        <v>0</v>
      </c>
    </row>
    <row r="3930" spans="1:53" x14ac:dyDescent="0.4">
      <c r="A3930">
        <v>3974</v>
      </c>
      <c r="B3930" s="1">
        <v>44199</v>
      </c>
      <c r="C3930">
        <v>2</v>
      </c>
      <c r="D3930" s="1">
        <v>44199.435416666667</v>
      </c>
      <c r="E3930" s="1">
        <v>44199.749305555553</v>
      </c>
      <c r="F3930">
        <v>33580</v>
      </c>
      <c r="G3930">
        <v>2020</v>
      </c>
      <c r="H3930">
        <v>0</v>
      </c>
      <c r="I3930">
        <v>0</v>
      </c>
      <c r="J3930">
        <v>0</v>
      </c>
      <c r="K3930">
        <v>0</v>
      </c>
      <c r="L3930">
        <v>0</v>
      </c>
      <c r="M3930">
        <v>3560</v>
      </c>
      <c r="N3930">
        <v>0</v>
      </c>
      <c r="O3930">
        <v>0</v>
      </c>
      <c r="P3930">
        <v>17787</v>
      </c>
      <c r="Q3930">
        <v>0</v>
      </c>
      <c r="R3930">
        <v>56947</v>
      </c>
      <c r="S3930">
        <v>0</v>
      </c>
      <c r="T3930">
        <v>0</v>
      </c>
      <c r="U3930">
        <v>0</v>
      </c>
      <c r="V3930">
        <v>2</v>
      </c>
      <c r="W3930">
        <v>2</v>
      </c>
      <c r="X3930">
        <v>0</v>
      </c>
      <c r="Y3930">
        <v>49</v>
      </c>
      <c r="Z3930">
        <v>30</v>
      </c>
      <c r="AA3930">
        <v>81</v>
      </c>
      <c r="AB3930">
        <v>46</v>
      </c>
      <c r="AC3930">
        <v>133</v>
      </c>
      <c r="AD3930">
        <v>61</v>
      </c>
      <c r="AE3930">
        <v>147</v>
      </c>
      <c r="AF3930">
        <v>770</v>
      </c>
      <c r="AG3930">
        <v>106952</v>
      </c>
      <c r="AH3930">
        <v>50000</v>
      </c>
      <c r="AI3930">
        <v>5</v>
      </c>
      <c r="AJ3930">
        <v>107</v>
      </c>
      <c r="AK3930" t="s">
        <v>40</v>
      </c>
      <c r="AL3930">
        <v>0</v>
      </c>
      <c r="AM3930">
        <v>0</v>
      </c>
      <c r="AN3930">
        <v>0</v>
      </c>
      <c r="AO3930">
        <v>0</v>
      </c>
      <c r="AP3930">
        <v>0</v>
      </c>
      <c r="AQ3930">
        <v>0</v>
      </c>
      <c r="AR3930">
        <v>0</v>
      </c>
      <c r="AS3930">
        <v>0</v>
      </c>
      <c r="AT3930">
        <v>0</v>
      </c>
      <c r="AU3930">
        <v>0</v>
      </c>
      <c r="AV3930">
        <v>0</v>
      </c>
      <c r="AW3930">
        <v>0</v>
      </c>
      <c r="AX3930">
        <v>12034</v>
      </c>
      <c r="AY3930">
        <v>40</v>
      </c>
      <c r="AZ3930">
        <v>94</v>
      </c>
      <c r="BA3930">
        <v>5971</v>
      </c>
    </row>
    <row r="3931" spans="1:53" x14ac:dyDescent="0.4">
      <c r="A3931">
        <v>3975</v>
      </c>
      <c r="B3931" s="1">
        <v>44199</v>
      </c>
      <c r="C3931">
        <v>3</v>
      </c>
      <c r="D3931" s="1">
        <v>44199.749305555553</v>
      </c>
      <c r="E3931" s="1">
        <v>44199.955555555556</v>
      </c>
      <c r="F3931">
        <v>41810</v>
      </c>
      <c r="G3931">
        <v>2840</v>
      </c>
      <c r="H3931">
        <v>0</v>
      </c>
      <c r="I3931">
        <v>0</v>
      </c>
      <c r="J3931">
        <v>0</v>
      </c>
      <c r="K3931">
        <v>0</v>
      </c>
      <c r="L3931">
        <v>0</v>
      </c>
      <c r="M3931">
        <v>4465</v>
      </c>
      <c r="N3931">
        <v>0</v>
      </c>
      <c r="O3931">
        <v>0</v>
      </c>
      <c r="P3931">
        <v>-17787</v>
      </c>
      <c r="Q3931">
        <v>0</v>
      </c>
      <c r="R3931">
        <v>31328</v>
      </c>
      <c r="S3931">
        <v>0</v>
      </c>
      <c r="T3931">
        <v>0</v>
      </c>
      <c r="U3931">
        <v>0</v>
      </c>
      <c r="V3931">
        <v>3</v>
      </c>
      <c r="W3931">
        <v>2</v>
      </c>
      <c r="X3931">
        <v>0</v>
      </c>
      <c r="Y3931">
        <v>67</v>
      </c>
      <c r="Z3931">
        <v>32</v>
      </c>
      <c r="AA3931">
        <v>89</v>
      </c>
      <c r="AB3931">
        <v>46</v>
      </c>
      <c r="AC3931">
        <v>136</v>
      </c>
      <c r="AD3931">
        <v>60</v>
      </c>
      <c r="AE3931">
        <v>149</v>
      </c>
      <c r="AF3931">
        <v>2266</v>
      </c>
      <c r="AG3931">
        <v>138275</v>
      </c>
      <c r="AH3931">
        <v>50000</v>
      </c>
      <c r="AI3931">
        <v>0</v>
      </c>
      <c r="AJ3931">
        <v>107</v>
      </c>
      <c r="AK3931" t="s">
        <v>40</v>
      </c>
      <c r="AL3931">
        <v>0</v>
      </c>
      <c r="AM3931">
        <v>0</v>
      </c>
      <c r="AN3931">
        <v>0</v>
      </c>
      <c r="AO3931">
        <v>0</v>
      </c>
      <c r="AP3931">
        <v>0</v>
      </c>
      <c r="AQ3931">
        <v>0</v>
      </c>
      <c r="AR3931">
        <v>0</v>
      </c>
      <c r="AS3931">
        <v>0</v>
      </c>
      <c r="AT3931">
        <v>0</v>
      </c>
      <c r="AU3931">
        <v>0</v>
      </c>
      <c r="AV3931">
        <v>0</v>
      </c>
      <c r="AW3931">
        <v>0</v>
      </c>
      <c r="AX3931">
        <v>26659</v>
      </c>
      <c r="AY3931">
        <v>12</v>
      </c>
      <c r="AZ3931">
        <v>24</v>
      </c>
      <c r="BA3931">
        <v>2533</v>
      </c>
    </row>
    <row r="3932" spans="1:53" x14ac:dyDescent="0.4">
      <c r="A3932">
        <v>3976</v>
      </c>
      <c r="B3932" s="1">
        <v>44200</v>
      </c>
      <c r="C3932">
        <v>1</v>
      </c>
      <c r="D3932" s="1">
        <v>44200.291666666664</v>
      </c>
      <c r="E3932" s="1">
        <v>44200.431944444441</v>
      </c>
      <c r="F3932">
        <v>0</v>
      </c>
      <c r="G3932">
        <v>0</v>
      </c>
      <c r="H3932">
        <v>0</v>
      </c>
      <c r="I3932">
        <v>0</v>
      </c>
      <c r="J3932">
        <v>0</v>
      </c>
      <c r="K3932">
        <v>0</v>
      </c>
      <c r="L3932">
        <v>0</v>
      </c>
      <c r="M3932">
        <v>0</v>
      </c>
      <c r="N3932">
        <v>0</v>
      </c>
      <c r="O3932">
        <v>0</v>
      </c>
      <c r="P3932">
        <v>0</v>
      </c>
      <c r="Q3932">
        <v>0</v>
      </c>
      <c r="R3932">
        <v>0</v>
      </c>
      <c r="S3932">
        <v>0</v>
      </c>
      <c r="T3932">
        <v>0</v>
      </c>
      <c r="U3932">
        <v>0</v>
      </c>
      <c r="V3932">
        <v>0</v>
      </c>
      <c r="W3932">
        <v>0</v>
      </c>
      <c r="X3932">
        <v>0</v>
      </c>
      <c r="Y3932">
        <v>30</v>
      </c>
      <c r="Z3932">
        <v>6</v>
      </c>
      <c r="AA3932">
        <v>130</v>
      </c>
      <c r="AB3932">
        <v>45</v>
      </c>
      <c r="AC3932">
        <v>132</v>
      </c>
      <c r="AD3932">
        <v>60</v>
      </c>
      <c r="AE3932">
        <v>130</v>
      </c>
      <c r="AF3932">
        <v>0</v>
      </c>
      <c r="AG3932">
        <v>50000</v>
      </c>
      <c r="AH3932">
        <v>0</v>
      </c>
      <c r="AI3932">
        <v>50000</v>
      </c>
      <c r="AJ3932">
        <v>0</v>
      </c>
      <c r="AK3932" t="s">
        <v>6</v>
      </c>
      <c r="AL3932">
        <v>0</v>
      </c>
      <c r="AM3932">
        <v>0</v>
      </c>
      <c r="AN3932">
        <v>0</v>
      </c>
      <c r="AO3932">
        <v>0</v>
      </c>
      <c r="AP3932">
        <v>0</v>
      </c>
      <c r="AQ3932">
        <v>0</v>
      </c>
      <c r="AR3932">
        <v>0</v>
      </c>
      <c r="AS3932">
        <v>0</v>
      </c>
      <c r="AT3932">
        <v>0</v>
      </c>
      <c r="AU3932">
        <v>0</v>
      </c>
      <c r="AV3932">
        <v>0</v>
      </c>
      <c r="AW3932">
        <v>0</v>
      </c>
      <c r="AX3932">
        <v>0</v>
      </c>
      <c r="AY3932">
        <v>0</v>
      </c>
      <c r="AZ3932">
        <v>0</v>
      </c>
      <c r="BA3932">
        <v>0</v>
      </c>
    </row>
    <row r="3933" spans="1:53" x14ac:dyDescent="0.4">
      <c r="A3933">
        <v>3977</v>
      </c>
      <c r="B3933" s="1">
        <v>44200</v>
      </c>
      <c r="C3933">
        <v>2</v>
      </c>
      <c r="D3933" s="1">
        <v>44200.431944444441</v>
      </c>
      <c r="E3933" s="1">
        <v>44200.740972222222</v>
      </c>
      <c r="F3933">
        <v>25890</v>
      </c>
      <c r="G3933">
        <v>1380</v>
      </c>
      <c r="H3933">
        <v>200</v>
      </c>
      <c r="I3933">
        <v>0</v>
      </c>
      <c r="J3933">
        <v>100</v>
      </c>
      <c r="K3933">
        <v>0</v>
      </c>
      <c r="L3933">
        <v>0</v>
      </c>
      <c r="M3933">
        <v>2737</v>
      </c>
      <c r="N3933">
        <v>0</v>
      </c>
      <c r="O3933">
        <v>0</v>
      </c>
      <c r="P3933">
        <v>15928</v>
      </c>
      <c r="Q3933">
        <v>0</v>
      </c>
      <c r="R3933">
        <v>46035</v>
      </c>
      <c r="S3933">
        <v>0</v>
      </c>
      <c r="T3933">
        <v>0</v>
      </c>
      <c r="U3933">
        <v>0</v>
      </c>
      <c r="V3933">
        <v>3</v>
      </c>
      <c r="W3933">
        <v>1</v>
      </c>
      <c r="X3933">
        <v>0</v>
      </c>
      <c r="Y3933">
        <v>34</v>
      </c>
      <c r="Z3933">
        <v>6</v>
      </c>
      <c r="AA3933">
        <v>152</v>
      </c>
      <c r="AB3933">
        <v>43</v>
      </c>
      <c r="AC3933">
        <v>112</v>
      </c>
      <c r="AD3933">
        <v>63</v>
      </c>
      <c r="AE3933">
        <v>122</v>
      </c>
      <c r="AF3933">
        <v>5128</v>
      </c>
      <c r="AG3933">
        <v>96035</v>
      </c>
      <c r="AH3933">
        <v>50000</v>
      </c>
      <c r="AI3933">
        <v>0</v>
      </c>
      <c r="AJ3933">
        <v>84</v>
      </c>
      <c r="AK3933" t="s">
        <v>16</v>
      </c>
      <c r="AL3933">
        <v>0</v>
      </c>
      <c r="AM3933">
        <v>0</v>
      </c>
      <c r="AN3933">
        <v>0</v>
      </c>
      <c r="AO3933">
        <v>0</v>
      </c>
      <c r="AP3933">
        <v>0</v>
      </c>
      <c r="AQ3933">
        <v>0</v>
      </c>
      <c r="AR3933">
        <v>0</v>
      </c>
      <c r="AS3933">
        <v>0</v>
      </c>
      <c r="AT3933">
        <v>0</v>
      </c>
      <c r="AU3933">
        <v>0</v>
      </c>
      <c r="AV3933">
        <v>0</v>
      </c>
      <c r="AW3933">
        <v>0</v>
      </c>
      <c r="AX3933">
        <v>-748</v>
      </c>
      <c r="AY3933">
        <v>36</v>
      </c>
      <c r="AZ3933">
        <v>72</v>
      </c>
      <c r="BA3933">
        <v>5388</v>
      </c>
    </row>
    <row r="3934" spans="1:53" x14ac:dyDescent="0.4">
      <c r="A3934">
        <v>3978</v>
      </c>
      <c r="B3934" s="1">
        <v>44200</v>
      </c>
      <c r="C3934">
        <v>3</v>
      </c>
      <c r="D3934" s="1">
        <v>44200.740972222222</v>
      </c>
      <c r="E3934" s="1">
        <v>44200.948611111111</v>
      </c>
      <c r="F3934">
        <v>37960</v>
      </c>
      <c r="G3934">
        <v>820</v>
      </c>
      <c r="H3934">
        <v>0</v>
      </c>
      <c r="I3934">
        <v>0</v>
      </c>
      <c r="J3934">
        <v>200</v>
      </c>
      <c r="K3934">
        <v>0</v>
      </c>
      <c r="L3934">
        <v>0</v>
      </c>
      <c r="M3934">
        <v>3858</v>
      </c>
      <c r="N3934">
        <v>0</v>
      </c>
      <c r="O3934">
        <v>0</v>
      </c>
      <c r="P3934">
        <v>10714</v>
      </c>
      <c r="Q3934">
        <v>0</v>
      </c>
      <c r="R3934">
        <v>53152</v>
      </c>
      <c r="S3934">
        <v>0</v>
      </c>
      <c r="T3934">
        <v>0</v>
      </c>
      <c r="U3934">
        <v>0</v>
      </c>
      <c r="V3934">
        <v>10</v>
      </c>
      <c r="W3934">
        <v>0</v>
      </c>
      <c r="X3934">
        <v>0</v>
      </c>
      <c r="Y3934">
        <v>8</v>
      </c>
      <c r="Z3934">
        <v>2</v>
      </c>
      <c r="AA3934">
        <v>145</v>
      </c>
      <c r="AB3934">
        <v>42</v>
      </c>
      <c r="AC3934">
        <v>108</v>
      </c>
      <c r="AD3934">
        <v>64</v>
      </c>
      <c r="AE3934">
        <v>119</v>
      </c>
      <c r="AF3934">
        <v>22068</v>
      </c>
      <c r="AG3934">
        <v>149187</v>
      </c>
      <c r="AH3934">
        <v>50000</v>
      </c>
      <c r="AI3934">
        <v>0</v>
      </c>
      <c r="AJ3934">
        <v>107</v>
      </c>
      <c r="AK3934" t="s">
        <v>40</v>
      </c>
      <c r="AL3934">
        <v>0</v>
      </c>
      <c r="AM3934">
        <v>0</v>
      </c>
      <c r="AN3934">
        <v>0</v>
      </c>
      <c r="AO3934">
        <v>0</v>
      </c>
      <c r="AP3934">
        <v>0</v>
      </c>
      <c r="AQ3934">
        <v>0</v>
      </c>
      <c r="AR3934">
        <v>0</v>
      </c>
      <c r="AS3934">
        <v>0</v>
      </c>
      <c r="AT3934">
        <v>0</v>
      </c>
      <c r="AU3934">
        <v>0</v>
      </c>
      <c r="AV3934">
        <v>0</v>
      </c>
      <c r="AW3934">
        <v>0</v>
      </c>
      <c r="AX3934">
        <v>-451</v>
      </c>
      <c r="AY3934">
        <v>12</v>
      </c>
      <c r="AZ3934">
        <v>37</v>
      </c>
      <c r="BA3934">
        <v>2225</v>
      </c>
    </row>
    <row r="3935" spans="1:53" x14ac:dyDescent="0.4">
      <c r="A3935">
        <v>3979</v>
      </c>
      <c r="B3935" s="1">
        <v>44202</v>
      </c>
      <c r="C3935">
        <v>1</v>
      </c>
      <c r="D3935" s="1">
        <v>44202.291666666664</v>
      </c>
      <c r="E3935" s="1">
        <v>44202.445138888892</v>
      </c>
      <c r="F3935">
        <v>0</v>
      </c>
      <c r="G3935">
        <v>0</v>
      </c>
      <c r="H3935">
        <v>0</v>
      </c>
      <c r="I3935">
        <v>0</v>
      </c>
      <c r="J3935">
        <v>0</v>
      </c>
      <c r="K3935">
        <v>0</v>
      </c>
      <c r="L3935">
        <v>0</v>
      </c>
      <c r="M3935">
        <v>0</v>
      </c>
      <c r="N3935">
        <v>0</v>
      </c>
      <c r="O3935">
        <v>0</v>
      </c>
      <c r="P3935">
        <v>0</v>
      </c>
      <c r="Q3935">
        <v>0</v>
      </c>
      <c r="R3935">
        <v>0</v>
      </c>
      <c r="S3935">
        <v>0</v>
      </c>
      <c r="T3935">
        <v>0</v>
      </c>
      <c r="U3935">
        <v>0</v>
      </c>
      <c r="V3935">
        <v>0</v>
      </c>
      <c r="W3935">
        <v>0</v>
      </c>
      <c r="X3935">
        <v>0</v>
      </c>
      <c r="Y3935">
        <v>31</v>
      </c>
      <c r="Z3935">
        <v>10</v>
      </c>
      <c r="AA3935">
        <v>104</v>
      </c>
      <c r="AB3935">
        <v>36</v>
      </c>
      <c r="AC3935">
        <v>139</v>
      </c>
      <c r="AD3935">
        <v>60</v>
      </c>
      <c r="AE3935">
        <v>110</v>
      </c>
      <c r="AF3935">
        <v>0</v>
      </c>
      <c r="AG3935">
        <v>50000</v>
      </c>
      <c r="AH3935">
        <v>50000</v>
      </c>
      <c r="AI3935">
        <v>0</v>
      </c>
      <c r="AJ3935">
        <v>0</v>
      </c>
      <c r="AK3935" t="s">
        <v>6</v>
      </c>
      <c r="AL3935">
        <v>0</v>
      </c>
      <c r="AM3935">
        <v>0</v>
      </c>
      <c r="AN3935">
        <v>0</v>
      </c>
      <c r="AO3935">
        <v>0</v>
      </c>
      <c r="AP3935">
        <v>0</v>
      </c>
      <c r="AQ3935">
        <v>0</v>
      </c>
      <c r="AR3935">
        <v>0</v>
      </c>
      <c r="AS3935">
        <v>0</v>
      </c>
      <c r="AT3935">
        <v>0</v>
      </c>
      <c r="AU3935">
        <v>0</v>
      </c>
      <c r="AV3935">
        <v>0</v>
      </c>
      <c r="AW3935">
        <v>0</v>
      </c>
      <c r="AX3935">
        <v>0</v>
      </c>
      <c r="AY3935">
        <v>0</v>
      </c>
      <c r="AZ3935">
        <v>0</v>
      </c>
      <c r="BA3935">
        <v>0</v>
      </c>
    </row>
    <row r="3936" spans="1:53" x14ac:dyDescent="0.4">
      <c r="A3936">
        <v>3980</v>
      </c>
      <c r="B3936" s="1">
        <v>44202</v>
      </c>
      <c r="C3936">
        <v>2</v>
      </c>
      <c r="D3936" s="1">
        <v>44202.445138888892</v>
      </c>
      <c r="E3936" s="1">
        <v>44202.76666666667</v>
      </c>
      <c r="F3936">
        <v>24420</v>
      </c>
      <c r="G3936">
        <v>920</v>
      </c>
      <c r="H3936">
        <v>0</v>
      </c>
      <c r="I3936">
        <v>0</v>
      </c>
      <c r="J3936">
        <v>0</v>
      </c>
      <c r="K3936">
        <v>0</v>
      </c>
      <c r="L3936">
        <v>0</v>
      </c>
      <c r="M3936">
        <v>2534</v>
      </c>
      <c r="N3936">
        <v>0</v>
      </c>
      <c r="O3936">
        <v>0</v>
      </c>
      <c r="P3936">
        <v>14047</v>
      </c>
      <c r="Q3936">
        <v>0</v>
      </c>
      <c r="R3936">
        <v>41921</v>
      </c>
      <c r="S3936">
        <v>0</v>
      </c>
      <c r="T3936">
        <v>0</v>
      </c>
      <c r="U3936">
        <v>0</v>
      </c>
      <c r="V3936">
        <v>1</v>
      </c>
      <c r="W3936">
        <v>1</v>
      </c>
      <c r="X3936">
        <v>0</v>
      </c>
      <c r="Y3936">
        <v>51</v>
      </c>
      <c r="Z3936">
        <v>15</v>
      </c>
      <c r="AA3936">
        <v>127</v>
      </c>
      <c r="AB3936">
        <v>35</v>
      </c>
      <c r="AC3936">
        <v>135</v>
      </c>
      <c r="AD3936">
        <v>63</v>
      </c>
      <c r="AE3936">
        <v>100</v>
      </c>
      <c r="AF3936">
        <v>2206</v>
      </c>
      <c r="AG3936">
        <v>91921</v>
      </c>
      <c r="AH3936">
        <v>50000</v>
      </c>
      <c r="AI3936">
        <v>0</v>
      </c>
      <c r="AJ3936">
        <v>98</v>
      </c>
      <c r="AK3936" t="s">
        <v>35</v>
      </c>
      <c r="AL3936">
        <v>0</v>
      </c>
      <c r="AM3936">
        <v>0</v>
      </c>
      <c r="AN3936">
        <v>0</v>
      </c>
      <c r="AO3936">
        <v>0</v>
      </c>
      <c r="AP3936">
        <v>0</v>
      </c>
      <c r="AQ3936">
        <v>0</v>
      </c>
      <c r="AR3936">
        <v>0</v>
      </c>
      <c r="AS3936">
        <v>0</v>
      </c>
      <c r="AT3936">
        <v>0</v>
      </c>
      <c r="AU3936">
        <v>0</v>
      </c>
      <c r="AV3936">
        <v>0</v>
      </c>
      <c r="AW3936">
        <v>0</v>
      </c>
      <c r="AX3936">
        <v>1408</v>
      </c>
      <c r="AY3936">
        <v>32</v>
      </c>
      <c r="AZ3936">
        <v>65</v>
      </c>
      <c r="BA3936">
        <v>5107</v>
      </c>
    </row>
    <row r="3937" spans="1:53" x14ac:dyDescent="0.4">
      <c r="A3937">
        <v>3981</v>
      </c>
      <c r="B3937" s="1">
        <v>44204</v>
      </c>
      <c r="C3937">
        <v>1</v>
      </c>
      <c r="D3937" s="1">
        <v>44204.291666666664</v>
      </c>
      <c r="E3937" s="1">
        <v>44204.415277777778</v>
      </c>
      <c r="F3937">
        <v>0</v>
      </c>
      <c r="G3937">
        <v>0</v>
      </c>
      <c r="H3937">
        <v>0</v>
      </c>
      <c r="I3937">
        <v>0</v>
      </c>
      <c r="J3937">
        <v>0</v>
      </c>
      <c r="K3937">
        <v>0</v>
      </c>
      <c r="L3937">
        <v>0</v>
      </c>
      <c r="M3937">
        <v>0</v>
      </c>
      <c r="N3937">
        <v>0</v>
      </c>
      <c r="O3937">
        <v>0</v>
      </c>
      <c r="P3937">
        <v>0</v>
      </c>
      <c r="Q3937">
        <v>0</v>
      </c>
      <c r="R3937">
        <v>0</v>
      </c>
      <c r="S3937">
        <v>0</v>
      </c>
      <c r="T3937">
        <v>0</v>
      </c>
      <c r="U3937">
        <v>0</v>
      </c>
      <c r="V3937">
        <v>0</v>
      </c>
      <c r="W3937">
        <v>0</v>
      </c>
      <c r="X3937">
        <v>0</v>
      </c>
      <c r="Y3937">
        <v>35</v>
      </c>
      <c r="Z3937">
        <v>10</v>
      </c>
      <c r="AA3937">
        <v>70</v>
      </c>
      <c r="AB3937">
        <v>26</v>
      </c>
      <c r="AC3937">
        <v>120</v>
      </c>
      <c r="AD3937">
        <v>63</v>
      </c>
      <c r="AE3937">
        <v>185</v>
      </c>
      <c r="AF3937">
        <v>0</v>
      </c>
      <c r="AG3937">
        <v>50000</v>
      </c>
      <c r="AH3937">
        <v>50000</v>
      </c>
      <c r="AI3937">
        <v>0</v>
      </c>
      <c r="AJ3937">
        <v>0</v>
      </c>
      <c r="AK3937" t="s">
        <v>6</v>
      </c>
      <c r="AL3937">
        <v>0</v>
      </c>
      <c r="AM3937">
        <v>0</v>
      </c>
      <c r="AN3937">
        <v>0</v>
      </c>
      <c r="AO3937">
        <v>0</v>
      </c>
      <c r="AP3937">
        <v>0</v>
      </c>
      <c r="AQ3937">
        <v>0</v>
      </c>
      <c r="AR3937">
        <v>0</v>
      </c>
      <c r="AS3937">
        <v>0</v>
      </c>
      <c r="AT3937">
        <v>0</v>
      </c>
      <c r="AU3937">
        <v>0</v>
      </c>
      <c r="AV3937">
        <v>0</v>
      </c>
      <c r="AW3937">
        <v>0</v>
      </c>
      <c r="AX3937">
        <v>0</v>
      </c>
      <c r="AY3937">
        <v>0</v>
      </c>
      <c r="AZ3937">
        <v>0</v>
      </c>
      <c r="BA3937">
        <v>0</v>
      </c>
    </row>
    <row r="3938" spans="1:53" x14ac:dyDescent="0.4">
      <c r="A3938">
        <v>3982</v>
      </c>
      <c r="B3938" s="1">
        <v>44204</v>
      </c>
      <c r="C3938">
        <v>2</v>
      </c>
      <c r="D3938" s="1">
        <v>44204.415277777778</v>
      </c>
      <c r="E3938" s="1">
        <v>44204.736111111109</v>
      </c>
      <c r="F3938">
        <v>9740</v>
      </c>
      <c r="G3938">
        <v>1620</v>
      </c>
      <c r="H3938">
        <v>0</v>
      </c>
      <c r="I3938">
        <v>0</v>
      </c>
      <c r="J3938">
        <v>100</v>
      </c>
      <c r="K3938">
        <v>0</v>
      </c>
      <c r="L3938">
        <v>0</v>
      </c>
      <c r="M3938">
        <v>1126</v>
      </c>
      <c r="N3938">
        <v>0</v>
      </c>
      <c r="O3938">
        <v>0</v>
      </c>
      <c r="P3938">
        <v>8437</v>
      </c>
      <c r="Q3938">
        <v>0</v>
      </c>
      <c r="R3938">
        <v>20823</v>
      </c>
      <c r="S3938">
        <v>0</v>
      </c>
      <c r="T3938">
        <v>0</v>
      </c>
      <c r="U3938">
        <v>0</v>
      </c>
      <c r="V3938">
        <v>0</v>
      </c>
      <c r="W3938">
        <v>2</v>
      </c>
      <c r="X3938">
        <v>0</v>
      </c>
      <c r="Y3938">
        <v>43</v>
      </c>
      <c r="Z3938">
        <v>12</v>
      </c>
      <c r="AA3938">
        <v>40</v>
      </c>
      <c r="AB3938">
        <v>28</v>
      </c>
      <c r="AC3938">
        <v>123</v>
      </c>
      <c r="AD3938">
        <v>67</v>
      </c>
      <c r="AE3938">
        <v>194</v>
      </c>
      <c r="AF3938">
        <v>4664</v>
      </c>
      <c r="AG3938">
        <v>70823</v>
      </c>
      <c r="AH3938">
        <v>50000</v>
      </c>
      <c r="AI3938">
        <v>0</v>
      </c>
      <c r="AJ3938">
        <v>109</v>
      </c>
      <c r="AK3938" t="s">
        <v>29</v>
      </c>
      <c r="AL3938">
        <v>0</v>
      </c>
      <c r="AM3938">
        <v>0</v>
      </c>
      <c r="AN3938">
        <v>0</v>
      </c>
      <c r="AO3938">
        <v>0</v>
      </c>
      <c r="AP3938">
        <v>0</v>
      </c>
      <c r="AQ3938">
        <v>0</v>
      </c>
      <c r="AR3938">
        <v>0</v>
      </c>
      <c r="AS3938">
        <v>0</v>
      </c>
      <c r="AT3938">
        <v>0</v>
      </c>
      <c r="AU3938">
        <v>0</v>
      </c>
      <c r="AV3938">
        <v>0</v>
      </c>
      <c r="AW3938">
        <v>0</v>
      </c>
      <c r="AX3938">
        <v>594</v>
      </c>
      <c r="AY3938">
        <v>17</v>
      </c>
      <c r="AZ3938">
        <v>30</v>
      </c>
      <c r="BA3938">
        <v>1953</v>
      </c>
    </row>
    <row r="3939" spans="1:53" x14ac:dyDescent="0.4">
      <c r="A3939">
        <v>3983</v>
      </c>
      <c r="B3939" s="1">
        <v>44205</v>
      </c>
      <c r="C3939">
        <v>1</v>
      </c>
      <c r="D3939" s="1">
        <v>44205.291666666664</v>
      </c>
      <c r="E3939" s="1">
        <v>44205.44027777778</v>
      </c>
      <c r="F3939">
        <v>0</v>
      </c>
      <c r="G3939">
        <v>0</v>
      </c>
      <c r="H3939">
        <v>0</v>
      </c>
      <c r="I3939">
        <v>0</v>
      </c>
      <c r="J3939">
        <v>0</v>
      </c>
      <c r="K3939">
        <v>0</v>
      </c>
      <c r="L3939">
        <v>0</v>
      </c>
      <c r="M3939">
        <v>0</v>
      </c>
      <c r="N3939">
        <v>0</v>
      </c>
      <c r="O3939">
        <v>0</v>
      </c>
      <c r="P3939">
        <v>0</v>
      </c>
      <c r="Q3939">
        <v>0</v>
      </c>
      <c r="R3939">
        <v>0</v>
      </c>
      <c r="S3939">
        <v>0</v>
      </c>
      <c r="T3939">
        <v>0</v>
      </c>
      <c r="U3939">
        <v>0</v>
      </c>
      <c r="V3939">
        <v>0</v>
      </c>
      <c r="W3939">
        <v>1</v>
      </c>
      <c r="X3939">
        <v>0</v>
      </c>
      <c r="Y3939">
        <v>31</v>
      </c>
      <c r="Z3939">
        <v>11</v>
      </c>
      <c r="AA3939">
        <v>54</v>
      </c>
      <c r="AB3939">
        <v>25</v>
      </c>
      <c r="AC3939">
        <v>141</v>
      </c>
      <c r="AD3939">
        <v>59</v>
      </c>
      <c r="AE3939">
        <v>145</v>
      </c>
      <c r="AF3939">
        <v>0</v>
      </c>
      <c r="AG3939">
        <v>50000</v>
      </c>
      <c r="AH3939">
        <v>50000</v>
      </c>
      <c r="AI3939">
        <v>0</v>
      </c>
      <c r="AJ3939">
        <v>0</v>
      </c>
      <c r="AK3939" t="s">
        <v>6</v>
      </c>
      <c r="AL3939">
        <v>0</v>
      </c>
      <c r="AM3939">
        <v>0</v>
      </c>
      <c r="AN3939">
        <v>0</v>
      </c>
      <c r="AO3939">
        <v>0</v>
      </c>
      <c r="AP3939">
        <v>0</v>
      </c>
      <c r="AQ3939">
        <v>0</v>
      </c>
      <c r="AR3939">
        <v>0</v>
      </c>
      <c r="AS3939">
        <v>0</v>
      </c>
      <c r="AT3939">
        <v>0</v>
      </c>
      <c r="AU3939">
        <v>0</v>
      </c>
      <c r="AV3939">
        <v>0</v>
      </c>
      <c r="AW3939">
        <v>0</v>
      </c>
      <c r="AX3939">
        <v>0</v>
      </c>
      <c r="AY3939">
        <v>0</v>
      </c>
      <c r="AZ3939">
        <v>0</v>
      </c>
      <c r="BA3939">
        <v>0</v>
      </c>
    </row>
    <row r="3940" spans="1:53" x14ac:dyDescent="0.4">
      <c r="A3940">
        <v>3984</v>
      </c>
      <c r="B3940" s="1">
        <v>44205</v>
      </c>
      <c r="C3940">
        <v>2</v>
      </c>
      <c r="D3940" s="1">
        <v>44205.44027777778</v>
      </c>
      <c r="E3940" s="1">
        <v>44205.743750000001</v>
      </c>
      <c r="F3940">
        <v>28010</v>
      </c>
      <c r="G3940">
        <v>2220</v>
      </c>
      <c r="H3940">
        <v>200</v>
      </c>
      <c r="I3940">
        <v>0</v>
      </c>
      <c r="J3940">
        <v>0</v>
      </c>
      <c r="K3940">
        <v>0</v>
      </c>
      <c r="L3940">
        <v>0</v>
      </c>
      <c r="M3940">
        <v>3043</v>
      </c>
      <c r="N3940">
        <v>0</v>
      </c>
      <c r="O3940">
        <v>0</v>
      </c>
      <c r="P3940">
        <v>14080</v>
      </c>
      <c r="Q3940">
        <v>0</v>
      </c>
      <c r="R3940">
        <v>47553</v>
      </c>
      <c r="S3940">
        <v>0</v>
      </c>
      <c r="T3940">
        <v>0</v>
      </c>
      <c r="U3940">
        <v>0</v>
      </c>
      <c r="V3940">
        <v>4</v>
      </c>
      <c r="W3940">
        <v>0</v>
      </c>
      <c r="X3940">
        <v>0</v>
      </c>
      <c r="Y3940">
        <v>38</v>
      </c>
      <c r="Z3940">
        <v>19</v>
      </c>
      <c r="AA3940">
        <v>72</v>
      </c>
      <c r="AB3940">
        <v>23</v>
      </c>
      <c r="AC3940">
        <v>123</v>
      </c>
      <c r="AD3940">
        <v>64</v>
      </c>
      <c r="AE3940">
        <v>153</v>
      </c>
      <c r="AF3940">
        <v>0</v>
      </c>
      <c r="AG3940">
        <v>97553</v>
      </c>
      <c r="AH3940">
        <v>50000</v>
      </c>
      <c r="AI3940">
        <v>0</v>
      </c>
      <c r="AJ3940">
        <v>84</v>
      </c>
      <c r="AK3940" t="s">
        <v>16</v>
      </c>
      <c r="AL3940">
        <v>0</v>
      </c>
      <c r="AM3940">
        <v>0</v>
      </c>
      <c r="AN3940">
        <v>0</v>
      </c>
      <c r="AO3940">
        <v>0</v>
      </c>
      <c r="AP3940">
        <v>0</v>
      </c>
      <c r="AQ3940">
        <v>0</v>
      </c>
      <c r="AR3940">
        <v>0</v>
      </c>
      <c r="AS3940">
        <v>0</v>
      </c>
      <c r="AT3940">
        <v>0</v>
      </c>
      <c r="AU3940">
        <v>0</v>
      </c>
      <c r="AV3940">
        <v>0</v>
      </c>
      <c r="AW3940">
        <v>0</v>
      </c>
      <c r="AX3940">
        <v>1364</v>
      </c>
      <c r="AY3940">
        <v>40</v>
      </c>
      <c r="AZ3940">
        <v>74</v>
      </c>
      <c r="BA3940">
        <v>5375</v>
      </c>
    </row>
    <row r="3941" spans="1:53" x14ac:dyDescent="0.4">
      <c r="A3941">
        <v>3985</v>
      </c>
      <c r="B3941" s="1">
        <v>44205</v>
      </c>
      <c r="C3941">
        <v>3</v>
      </c>
      <c r="D3941" s="1">
        <v>44205.743750000001</v>
      </c>
      <c r="E3941" s="1">
        <v>44205.950694444444</v>
      </c>
      <c r="F3941">
        <v>24610</v>
      </c>
      <c r="G3941">
        <v>280</v>
      </c>
      <c r="H3941">
        <v>0</v>
      </c>
      <c r="I3941">
        <v>0</v>
      </c>
      <c r="J3941">
        <v>1040</v>
      </c>
      <c r="K3941">
        <v>960</v>
      </c>
      <c r="L3941">
        <v>0</v>
      </c>
      <c r="M3941">
        <v>2481</v>
      </c>
      <c r="N3941">
        <v>0</v>
      </c>
      <c r="O3941">
        <v>0</v>
      </c>
      <c r="P3941">
        <v>-14080</v>
      </c>
      <c r="Q3941">
        <v>0</v>
      </c>
      <c r="R3941">
        <v>13211</v>
      </c>
      <c r="S3941">
        <v>0</v>
      </c>
      <c r="T3941">
        <v>0</v>
      </c>
      <c r="U3941">
        <v>0</v>
      </c>
      <c r="V3941">
        <v>7</v>
      </c>
      <c r="W3941">
        <v>0</v>
      </c>
      <c r="X3941">
        <v>0</v>
      </c>
      <c r="Y3941">
        <v>19</v>
      </c>
      <c r="Z3941">
        <v>21</v>
      </c>
      <c r="AA3941">
        <v>82</v>
      </c>
      <c r="AB3941">
        <v>26</v>
      </c>
      <c r="AC3941">
        <v>128</v>
      </c>
      <c r="AD3941">
        <v>65</v>
      </c>
      <c r="AE3941">
        <v>159</v>
      </c>
      <c r="AF3941">
        <v>0</v>
      </c>
      <c r="AG3941">
        <v>110764</v>
      </c>
      <c r="AH3941">
        <v>50000</v>
      </c>
      <c r="AI3941">
        <v>0</v>
      </c>
      <c r="AJ3941">
        <v>107</v>
      </c>
      <c r="AK3941" t="s">
        <v>40</v>
      </c>
      <c r="AL3941">
        <v>0</v>
      </c>
      <c r="AM3941">
        <v>0</v>
      </c>
      <c r="AN3941">
        <v>0</v>
      </c>
      <c r="AO3941">
        <v>0</v>
      </c>
      <c r="AP3941">
        <v>0</v>
      </c>
      <c r="AQ3941">
        <v>0</v>
      </c>
      <c r="AR3941">
        <v>0</v>
      </c>
      <c r="AS3941">
        <v>0</v>
      </c>
      <c r="AT3941">
        <v>0</v>
      </c>
      <c r="AU3941">
        <v>0</v>
      </c>
      <c r="AV3941">
        <v>0</v>
      </c>
      <c r="AW3941">
        <v>0</v>
      </c>
      <c r="AX3941">
        <v>6705</v>
      </c>
      <c r="AY3941">
        <v>7</v>
      </c>
      <c r="AZ3941">
        <v>15</v>
      </c>
      <c r="BA3941">
        <v>1423</v>
      </c>
    </row>
    <row r="3942" spans="1:53" x14ac:dyDescent="0.4">
      <c r="A3942">
        <v>3986</v>
      </c>
      <c r="B3942" s="1">
        <v>44206</v>
      </c>
      <c r="C3942">
        <v>1</v>
      </c>
      <c r="D3942" s="1">
        <v>44206.291666666664</v>
      </c>
      <c r="E3942" s="1">
        <v>44206.426388888889</v>
      </c>
      <c r="F3942">
        <v>0</v>
      </c>
      <c r="G3942">
        <v>0</v>
      </c>
      <c r="H3942">
        <v>0</v>
      </c>
      <c r="I3942">
        <v>0</v>
      </c>
      <c r="J3942">
        <v>0</v>
      </c>
      <c r="K3942">
        <v>0</v>
      </c>
      <c r="L3942">
        <v>0</v>
      </c>
      <c r="M3942">
        <v>0</v>
      </c>
      <c r="N3942">
        <v>0</v>
      </c>
      <c r="O3942">
        <v>0</v>
      </c>
      <c r="P3942">
        <v>0</v>
      </c>
      <c r="Q3942">
        <v>0</v>
      </c>
      <c r="R3942">
        <v>0</v>
      </c>
      <c r="S3942">
        <v>0</v>
      </c>
      <c r="T3942">
        <v>0</v>
      </c>
      <c r="U3942">
        <v>0</v>
      </c>
      <c r="V3942">
        <v>1</v>
      </c>
      <c r="W3942">
        <v>0</v>
      </c>
      <c r="X3942">
        <v>0</v>
      </c>
      <c r="Y3942">
        <v>23</v>
      </c>
      <c r="Z3942">
        <v>11</v>
      </c>
      <c r="AA3942">
        <v>88</v>
      </c>
      <c r="AB3942">
        <v>21</v>
      </c>
      <c r="AC3942">
        <v>117</v>
      </c>
      <c r="AD3942">
        <v>64</v>
      </c>
      <c r="AE3942">
        <v>160</v>
      </c>
      <c r="AF3942">
        <v>0</v>
      </c>
      <c r="AG3942">
        <v>50000</v>
      </c>
      <c r="AH3942">
        <v>50000</v>
      </c>
      <c r="AI3942">
        <v>0</v>
      </c>
      <c r="AJ3942">
        <v>0</v>
      </c>
      <c r="AK3942" t="s">
        <v>6</v>
      </c>
      <c r="AL3942">
        <v>0</v>
      </c>
      <c r="AM3942">
        <v>0</v>
      </c>
      <c r="AN3942">
        <v>0</v>
      </c>
      <c r="AO3942">
        <v>0</v>
      </c>
      <c r="AP3942">
        <v>0</v>
      </c>
      <c r="AQ3942">
        <v>0</v>
      </c>
      <c r="AR3942">
        <v>0</v>
      </c>
      <c r="AS3942">
        <v>0</v>
      </c>
      <c r="AT3942">
        <v>0</v>
      </c>
      <c r="AU3942">
        <v>0</v>
      </c>
      <c r="AV3942">
        <v>0</v>
      </c>
      <c r="AW3942">
        <v>0</v>
      </c>
      <c r="AX3942">
        <v>0</v>
      </c>
      <c r="AY3942">
        <v>0</v>
      </c>
      <c r="AZ3942">
        <v>0</v>
      </c>
      <c r="BA3942">
        <v>0</v>
      </c>
    </row>
    <row r="3943" spans="1:53" x14ac:dyDescent="0.4">
      <c r="A3943">
        <v>3987</v>
      </c>
      <c r="B3943" s="1">
        <v>44206</v>
      </c>
      <c r="C3943">
        <v>2</v>
      </c>
      <c r="D3943" s="1">
        <v>44206.426388888889</v>
      </c>
      <c r="E3943" s="1">
        <v>44206.738194444442</v>
      </c>
      <c r="F3943">
        <v>25260</v>
      </c>
      <c r="G3943">
        <v>3080</v>
      </c>
      <c r="H3943">
        <v>0</v>
      </c>
      <c r="I3943">
        <v>0</v>
      </c>
      <c r="J3943">
        <v>0</v>
      </c>
      <c r="K3943">
        <v>0</v>
      </c>
      <c r="L3943">
        <v>0</v>
      </c>
      <c r="M3943">
        <v>2834</v>
      </c>
      <c r="N3943">
        <v>0</v>
      </c>
      <c r="O3943">
        <v>0</v>
      </c>
      <c r="P3943">
        <v>23298</v>
      </c>
      <c r="Q3943">
        <v>0</v>
      </c>
      <c r="R3943">
        <v>54472</v>
      </c>
      <c r="S3943">
        <v>0</v>
      </c>
      <c r="T3943">
        <v>0</v>
      </c>
      <c r="U3943">
        <v>0</v>
      </c>
      <c r="V3943">
        <v>1</v>
      </c>
      <c r="W3943">
        <v>2</v>
      </c>
      <c r="X3943">
        <v>0</v>
      </c>
      <c r="Y3943">
        <v>57</v>
      </c>
      <c r="Z3943">
        <v>21</v>
      </c>
      <c r="AA3943">
        <v>102</v>
      </c>
      <c r="AB3943">
        <v>19</v>
      </c>
      <c r="AC3943">
        <v>131</v>
      </c>
      <c r="AD3943">
        <v>69</v>
      </c>
      <c r="AE3943">
        <v>152</v>
      </c>
      <c r="AF3943">
        <v>4015</v>
      </c>
      <c r="AG3943">
        <v>104472</v>
      </c>
      <c r="AH3943">
        <v>50000</v>
      </c>
      <c r="AI3943">
        <v>0</v>
      </c>
      <c r="AJ3943">
        <v>98</v>
      </c>
      <c r="AK3943" t="s">
        <v>35</v>
      </c>
      <c r="AL3943">
        <v>0</v>
      </c>
      <c r="AM3943">
        <v>0</v>
      </c>
      <c r="AN3943">
        <v>0</v>
      </c>
      <c r="AO3943">
        <v>0</v>
      </c>
      <c r="AP3943">
        <v>0</v>
      </c>
      <c r="AQ3943">
        <v>0</v>
      </c>
      <c r="AR3943">
        <v>0</v>
      </c>
      <c r="AS3943">
        <v>0</v>
      </c>
      <c r="AT3943">
        <v>0</v>
      </c>
      <c r="AU3943">
        <v>0</v>
      </c>
      <c r="AV3943">
        <v>0</v>
      </c>
      <c r="AW3943">
        <v>0</v>
      </c>
      <c r="AX3943">
        <v>-1518</v>
      </c>
      <c r="AY3943">
        <v>38</v>
      </c>
      <c r="AZ3943">
        <v>81</v>
      </c>
      <c r="BA3943">
        <v>5666</v>
      </c>
    </row>
    <row r="3944" spans="1:53" x14ac:dyDescent="0.4">
      <c r="A3944">
        <v>3988</v>
      </c>
      <c r="B3944" s="1">
        <v>44206</v>
      </c>
      <c r="C3944">
        <v>3</v>
      </c>
      <c r="D3944" s="1">
        <v>44206.738194444442</v>
      </c>
      <c r="E3944" s="1">
        <v>44206.950694444444</v>
      </c>
      <c r="F3944">
        <v>44505</v>
      </c>
      <c r="G3944">
        <v>1460</v>
      </c>
      <c r="H3944">
        <v>30</v>
      </c>
      <c r="I3944">
        <v>0</v>
      </c>
      <c r="J3944">
        <v>1885</v>
      </c>
      <c r="K3944">
        <v>0</v>
      </c>
      <c r="L3944">
        <v>0</v>
      </c>
      <c r="M3944">
        <v>4411</v>
      </c>
      <c r="N3944">
        <v>0</v>
      </c>
      <c r="O3944">
        <v>0</v>
      </c>
      <c r="P3944">
        <v>-23298</v>
      </c>
      <c r="Q3944">
        <v>0</v>
      </c>
      <c r="R3944">
        <v>25223</v>
      </c>
      <c r="S3944">
        <v>0</v>
      </c>
      <c r="T3944">
        <v>0</v>
      </c>
      <c r="U3944">
        <v>0</v>
      </c>
      <c r="V3944">
        <v>4</v>
      </c>
      <c r="W3944">
        <v>0</v>
      </c>
      <c r="X3944">
        <v>0</v>
      </c>
      <c r="Y3944">
        <v>64</v>
      </c>
      <c r="Z3944">
        <v>20</v>
      </c>
      <c r="AA3944">
        <v>86</v>
      </c>
      <c r="AB3944">
        <v>25</v>
      </c>
      <c r="AC3944">
        <v>134</v>
      </c>
      <c r="AD3944">
        <v>66</v>
      </c>
      <c r="AE3944">
        <v>160</v>
      </c>
      <c r="AF3944">
        <v>4015</v>
      </c>
      <c r="AG3944">
        <v>129695</v>
      </c>
      <c r="AH3944">
        <v>50000</v>
      </c>
      <c r="AI3944">
        <v>0</v>
      </c>
      <c r="AJ3944">
        <v>98</v>
      </c>
      <c r="AK3944" t="s">
        <v>35</v>
      </c>
      <c r="AL3944">
        <v>0</v>
      </c>
      <c r="AM3944">
        <v>0</v>
      </c>
      <c r="AN3944">
        <v>0</v>
      </c>
      <c r="AO3944">
        <v>0</v>
      </c>
      <c r="AP3944">
        <v>0</v>
      </c>
      <c r="AQ3944">
        <v>0</v>
      </c>
      <c r="AR3944">
        <v>0</v>
      </c>
      <c r="AS3944">
        <v>0</v>
      </c>
      <c r="AT3944">
        <v>0</v>
      </c>
      <c r="AU3944">
        <v>0</v>
      </c>
      <c r="AV3944">
        <v>0</v>
      </c>
      <c r="AW3944">
        <v>0</v>
      </c>
      <c r="AX3944">
        <v>41341</v>
      </c>
      <c r="AY3944">
        <v>20</v>
      </c>
      <c r="AZ3944">
        <v>71</v>
      </c>
      <c r="BA3944">
        <v>2737</v>
      </c>
    </row>
    <row r="3945" spans="1:53" x14ac:dyDescent="0.4">
      <c r="A3945">
        <v>3989</v>
      </c>
      <c r="B3945" s="1">
        <v>44207</v>
      </c>
      <c r="C3945">
        <v>1</v>
      </c>
      <c r="D3945" s="1">
        <v>44207.291666666664</v>
      </c>
      <c r="E3945" s="1">
        <v>44207.431250000001</v>
      </c>
      <c r="F3945">
        <v>0</v>
      </c>
      <c r="G3945">
        <v>0</v>
      </c>
      <c r="H3945">
        <v>0</v>
      </c>
      <c r="I3945">
        <v>0</v>
      </c>
      <c r="J3945">
        <v>0</v>
      </c>
      <c r="K3945">
        <v>0</v>
      </c>
      <c r="L3945">
        <v>0</v>
      </c>
      <c r="M3945">
        <v>0</v>
      </c>
      <c r="N3945">
        <v>0</v>
      </c>
      <c r="O3945">
        <v>0</v>
      </c>
      <c r="P3945">
        <v>0</v>
      </c>
      <c r="Q3945">
        <v>0</v>
      </c>
      <c r="R3945">
        <v>0</v>
      </c>
      <c r="S3945">
        <v>0</v>
      </c>
      <c r="T3945">
        <v>0</v>
      </c>
      <c r="U3945">
        <v>0</v>
      </c>
      <c r="V3945">
        <v>0</v>
      </c>
      <c r="W3945">
        <v>0</v>
      </c>
      <c r="X3945">
        <v>0</v>
      </c>
      <c r="Y3945">
        <v>34</v>
      </c>
      <c r="Z3945">
        <v>10</v>
      </c>
      <c r="AA3945">
        <v>82</v>
      </c>
      <c r="AB3945">
        <v>20</v>
      </c>
      <c r="AC3945">
        <v>136</v>
      </c>
      <c r="AD3945">
        <v>66</v>
      </c>
      <c r="AE3945">
        <v>110</v>
      </c>
      <c r="AF3945">
        <v>0</v>
      </c>
      <c r="AG3945">
        <v>50000</v>
      </c>
      <c r="AH3945">
        <v>50000</v>
      </c>
      <c r="AI3945">
        <v>0</v>
      </c>
      <c r="AJ3945">
        <v>0</v>
      </c>
      <c r="AK3945" t="s">
        <v>6</v>
      </c>
      <c r="AL3945">
        <v>0</v>
      </c>
      <c r="AM3945">
        <v>0</v>
      </c>
      <c r="AN3945">
        <v>0</v>
      </c>
      <c r="AO3945">
        <v>0</v>
      </c>
      <c r="AP3945">
        <v>0</v>
      </c>
      <c r="AQ3945">
        <v>0</v>
      </c>
      <c r="AR3945">
        <v>0</v>
      </c>
      <c r="AS3945">
        <v>0</v>
      </c>
      <c r="AT3945">
        <v>0</v>
      </c>
      <c r="AU3945">
        <v>0</v>
      </c>
      <c r="AV3945">
        <v>0</v>
      </c>
      <c r="AW3945">
        <v>0</v>
      </c>
      <c r="AX3945">
        <v>0</v>
      </c>
      <c r="AY3945">
        <v>0</v>
      </c>
      <c r="AZ3945">
        <v>0</v>
      </c>
      <c r="BA3945">
        <v>0</v>
      </c>
    </row>
    <row r="3946" spans="1:53" x14ac:dyDescent="0.4">
      <c r="A3946">
        <v>3990</v>
      </c>
      <c r="B3946" s="1">
        <v>44208</v>
      </c>
      <c r="C3946">
        <v>1</v>
      </c>
      <c r="D3946" s="1">
        <v>44208.291666666664</v>
      </c>
      <c r="E3946" s="1">
        <v>44208.416666666664</v>
      </c>
      <c r="F3946">
        <v>0</v>
      </c>
      <c r="G3946">
        <v>0</v>
      </c>
      <c r="H3946">
        <v>0</v>
      </c>
      <c r="I3946">
        <v>0</v>
      </c>
      <c r="J3946">
        <v>0</v>
      </c>
      <c r="K3946">
        <v>0</v>
      </c>
      <c r="L3946">
        <v>0</v>
      </c>
      <c r="M3946">
        <v>0</v>
      </c>
      <c r="N3946">
        <v>0</v>
      </c>
      <c r="O3946">
        <v>0</v>
      </c>
      <c r="P3946">
        <v>0</v>
      </c>
      <c r="Q3946">
        <v>0</v>
      </c>
      <c r="R3946">
        <v>0</v>
      </c>
      <c r="S3946">
        <v>0</v>
      </c>
      <c r="T3946">
        <v>0</v>
      </c>
      <c r="U3946">
        <v>0</v>
      </c>
      <c r="V3946">
        <v>0</v>
      </c>
      <c r="W3946">
        <v>0</v>
      </c>
      <c r="X3946">
        <v>0</v>
      </c>
      <c r="Y3946">
        <v>30</v>
      </c>
      <c r="Z3946">
        <v>14</v>
      </c>
      <c r="AA3946">
        <v>103</v>
      </c>
      <c r="AB3946">
        <v>15</v>
      </c>
      <c r="AC3946">
        <v>150</v>
      </c>
      <c r="AD3946">
        <v>69</v>
      </c>
      <c r="AE3946">
        <v>105</v>
      </c>
      <c r="AF3946">
        <v>0</v>
      </c>
      <c r="AG3946">
        <v>50000</v>
      </c>
      <c r="AH3946">
        <v>50000</v>
      </c>
      <c r="AI3946">
        <v>0</v>
      </c>
      <c r="AJ3946">
        <v>0</v>
      </c>
      <c r="AK3946" t="s">
        <v>6</v>
      </c>
      <c r="AL3946">
        <v>0</v>
      </c>
      <c r="AM3946">
        <v>0</v>
      </c>
      <c r="AN3946">
        <v>0</v>
      </c>
      <c r="AO3946">
        <v>0</v>
      </c>
      <c r="AP3946">
        <v>0</v>
      </c>
      <c r="AQ3946">
        <v>0</v>
      </c>
      <c r="AR3946">
        <v>0</v>
      </c>
      <c r="AS3946">
        <v>0</v>
      </c>
      <c r="AT3946">
        <v>0</v>
      </c>
      <c r="AU3946">
        <v>0</v>
      </c>
      <c r="AV3946">
        <v>0</v>
      </c>
      <c r="AW3946">
        <v>0</v>
      </c>
      <c r="AX3946">
        <v>0</v>
      </c>
      <c r="AY3946">
        <v>0</v>
      </c>
      <c r="AZ3946">
        <v>0</v>
      </c>
      <c r="BA3946">
        <v>0</v>
      </c>
    </row>
    <row r="3947" spans="1:53" x14ac:dyDescent="0.4">
      <c r="A3947">
        <v>3991</v>
      </c>
      <c r="B3947" s="1">
        <v>44208</v>
      </c>
      <c r="C3947">
        <v>2</v>
      </c>
      <c r="D3947" s="1">
        <v>44208.416666666664</v>
      </c>
      <c r="E3947" s="1">
        <v>44208.746527777781</v>
      </c>
      <c r="F3947">
        <v>11880</v>
      </c>
      <c r="G3947">
        <v>1460</v>
      </c>
      <c r="H3947">
        <v>0</v>
      </c>
      <c r="I3947">
        <v>0</v>
      </c>
      <c r="J3947">
        <v>100</v>
      </c>
      <c r="K3947">
        <v>0</v>
      </c>
      <c r="L3947">
        <v>0</v>
      </c>
      <c r="M3947">
        <v>1324</v>
      </c>
      <c r="N3947">
        <v>0</v>
      </c>
      <c r="O3947">
        <v>0</v>
      </c>
      <c r="P3947">
        <v>8162</v>
      </c>
      <c r="Q3947">
        <v>0</v>
      </c>
      <c r="R3947">
        <v>22726</v>
      </c>
      <c r="S3947">
        <v>0</v>
      </c>
      <c r="T3947">
        <v>0</v>
      </c>
      <c r="U3947">
        <v>0</v>
      </c>
      <c r="V3947">
        <v>2</v>
      </c>
      <c r="W3947">
        <v>0</v>
      </c>
      <c r="X3947">
        <v>0</v>
      </c>
      <c r="Y3947">
        <v>28</v>
      </c>
      <c r="Z3947">
        <v>21</v>
      </c>
      <c r="AA3947">
        <v>107</v>
      </c>
      <c r="AB3947">
        <v>18</v>
      </c>
      <c r="AC3947">
        <v>139</v>
      </c>
      <c r="AD3947">
        <v>71</v>
      </c>
      <c r="AE3947">
        <v>111</v>
      </c>
      <c r="AF3947">
        <v>770</v>
      </c>
      <c r="AG3947">
        <v>72726</v>
      </c>
      <c r="AH3947">
        <v>50000</v>
      </c>
      <c r="AI3947">
        <v>0</v>
      </c>
      <c r="AJ3947">
        <v>84</v>
      </c>
      <c r="AK3947" t="s">
        <v>16</v>
      </c>
      <c r="AL3947">
        <v>0</v>
      </c>
      <c r="AM3947">
        <v>0</v>
      </c>
      <c r="AN3947">
        <v>0</v>
      </c>
      <c r="AO3947">
        <v>0</v>
      </c>
      <c r="AP3947">
        <v>0</v>
      </c>
      <c r="AQ3947">
        <v>0</v>
      </c>
      <c r="AR3947">
        <v>0</v>
      </c>
      <c r="AS3947">
        <v>0</v>
      </c>
      <c r="AT3947">
        <v>0</v>
      </c>
      <c r="AU3947">
        <v>0</v>
      </c>
      <c r="AV3947">
        <v>0</v>
      </c>
      <c r="AW3947">
        <v>0</v>
      </c>
      <c r="AX3947">
        <v>308</v>
      </c>
      <c r="AY3947">
        <v>20</v>
      </c>
      <c r="AZ3947">
        <v>33</v>
      </c>
      <c r="BA3947">
        <v>2903</v>
      </c>
    </row>
    <row r="3948" spans="1:53" x14ac:dyDescent="0.4">
      <c r="A3948">
        <v>3992</v>
      </c>
      <c r="B3948" s="1">
        <v>44209</v>
      </c>
      <c r="C3948">
        <v>1</v>
      </c>
      <c r="D3948" s="1">
        <v>44209.291666666664</v>
      </c>
      <c r="E3948" s="1">
        <v>44209.40902777778</v>
      </c>
      <c r="F3948">
        <v>0</v>
      </c>
      <c r="G3948">
        <v>0</v>
      </c>
      <c r="H3948">
        <v>0</v>
      </c>
      <c r="I3948">
        <v>0</v>
      </c>
      <c r="J3948">
        <v>0</v>
      </c>
      <c r="K3948">
        <v>0</v>
      </c>
      <c r="L3948">
        <v>0</v>
      </c>
      <c r="M3948">
        <v>0</v>
      </c>
      <c r="N3948">
        <v>0</v>
      </c>
      <c r="O3948">
        <v>0</v>
      </c>
      <c r="P3948">
        <v>0</v>
      </c>
      <c r="Q3948">
        <v>0</v>
      </c>
      <c r="R3948">
        <v>0</v>
      </c>
      <c r="S3948">
        <v>0</v>
      </c>
      <c r="T3948">
        <v>0</v>
      </c>
      <c r="U3948">
        <v>0</v>
      </c>
      <c r="V3948">
        <v>0</v>
      </c>
      <c r="W3948">
        <v>0</v>
      </c>
      <c r="X3948">
        <v>0</v>
      </c>
      <c r="Y3948">
        <v>28</v>
      </c>
      <c r="Z3948">
        <v>18</v>
      </c>
      <c r="AA3948">
        <v>104</v>
      </c>
      <c r="AB3948">
        <v>16</v>
      </c>
      <c r="AC3948">
        <v>134</v>
      </c>
      <c r="AD3948">
        <v>71</v>
      </c>
      <c r="AE3948">
        <v>105</v>
      </c>
      <c r="AF3948">
        <v>0</v>
      </c>
      <c r="AG3948">
        <v>50000</v>
      </c>
      <c r="AH3948">
        <v>50000</v>
      </c>
      <c r="AI3948">
        <v>0</v>
      </c>
      <c r="AJ3948">
        <v>0</v>
      </c>
      <c r="AK3948" t="s">
        <v>6</v>
      </c>
      <c r="AL3948">
        <v>0</v>
      </c>
      <c r="AM3948">
        <v>0</v>
      </c>
      <c r="AN3948">
        <v>0</v>
      </c>
      <c r="AO3948">
        <v>0</v>
      </c>
      <c r="AP3948">
        <v>0</v>
      </c>
      <c r="AQ3948">
        <v>0</v>
      </c>
      <c r="AR3948">
        <v>0</v>
      </c>
      <c r="AS3948">
        <v>0</v>
      </c>
      <c r="AT3948">
        <v>0</v>
      </c>
      <c r="AU3948">
        <v>0</v>
      </c>
      <c r="AV3948">
        <v>0</v>
      </c>
      <c r="AW3948">
        <v>0</v>
      </c>
      <c r="AX3948">
        <v>0</v>
      </c>
      <c r="AY3948">
        <v>0</v>
      </c>
      <c r="AZ3948">
        <v>0</v>
      </c>
      <c r="BA3948">
        <v>0</v>
      </c>
    </row>
    <row r="3949" spans="1:53" x14ac:dyDescent="0.4">
      <c r="A3949">
        <v>3993</v>
      </c>
      <c r="B3949" s="1">
        <v>44209</v>
      </c>
      <c r="C3949">
        <v>2</v>
      </c>
      <c r="D3949" s="1">
        <v>44209.40902777778</v>
      </c>
      <c r="E3949" s="1">
        <v>44209.743750000001</v>
      </c>
      <c r="F3949">
        <v>8820</v>
      </c>
      <c r="G3949">
        <v>1340</v>
      </c>
      <c r="H3949">
        <v>0</v>
      </c>
      <c r="I3949">
        <v>0</v>
      </c>
      <c r="J3949">
        <v>0</v>
      </c>
      <c r="K3949">
        <v>140</v>
      </c>
      <c r="L3949">
        <v>0</v>
      </c>
      <c r="M3949">
        <v>1030</v>
      </c>
      <c r="N3949">
        <v>0</v>
      </c>
      <c r="O3949">
        <v>0</v>
      </c>
      <c r="P3949">
        <v>11385</v>
      </c>
      <c r="Q3949">
        <v>0</v>
      </c>
      <c r="R3949">
        <v>22715</v>
      </c>
      <c r="S3949">
        <v>0</v>
      </c>
      <c r="T3949">
        <v>0</v>
      </c>
      <c r="U3949">
        <v>0</v>
      </c>
      <c r="V3949">
        <v>0</v>
      </c>
      <c r="W3949">
        <v>2</v>
      </c>
      <c r="X3949">
        <v>0</v>
      </c>
      <c r="Y3949">
        <v>41</v>
      </c>
      <c r="Z3949">
        <v>18</v>
      </c>
      <c r="AA3949">
        <v>90</v>
      </c>
      <c r="AB3949">
        <v>14</v>
      </c>
      <c r="AC3949">
        <v>135</v>
      </c>
      <c r="AD3949">
        <v>71</v>
      </c>
      <c r="AE3949">
        <v>100</v>
      </c>
      <c r="AF3949">
        <v>1210</v>
      </c>
      <c r="AG3949">
        <v>72715</v>
      </c>
      <c r="AH3949">
        <v>50000</v>
      </c>
      <c r="AI3949">
        <v>0</v>
      </c>
      <c r="AJ3949">
        <v>84</v>
      </c>
      <c r="AK3949" t="s">
        <v>16</v>
      </c>
      <c r="AL3949">
        <v>0</v>
      </c>
      <c r="AM3949">
        <v>0</v>
      </c>
      <c r="AN3949">
        <v>0</v>
      </c>
      <c r="AO3949">
        <v>0</v>
      </c>
      <c r="AP3949">
        <v>0</v>
      </c>
      <c r="AQ3949">
        <v>0</v>
      </c>
      <c r="AR3949">
        <v>0</v>
      </c>
      <c r="AS3949">
        <v>0</v>
      </c>
      <c r="AT3949">
        <v>0</v>
      </c>
      <c r="AU3949">
        <v>0</v>
      </c>
      <c r="AV3949">
        <v>0</v>
      </c>
      <c r="AW3949">
        <v>0</v>
      </c>
      <c r="AX3949">
        <v>0</v>
      </c>
      <c r="AY3949">
        <v>18</v>
      </c>
      <c r="AZ3949">
        <v>35</v>
      </c>
      <c r="BA3949">
        <v>2104</v>
      </c>
    </row>
    <row r="3950" spans="1:53" x14ac:dyDescent="0.4">
      <c r="A3950">
        <v>3994</v>
      </c>
      <c r="B3950" s="1">
        <v>44210</v>
      </c>
      <c r="C3950">
        <v>1</v>
      </c>
      <c r="D3950" s="1">
        <v>44210.291666666664</v>
      </c>
      <c r="E3950" s="1">
        <v>44210.40902777778</v>
      </c>
      <c r="F3950">
        <v>0</v>
      </c>
      <c r="G3950">
        <v>0</v>
      </c>
      <c r="H3950">
        <v>0</v>
      </c>
      <c r="I3950">
        <v>0</v>
      </c>
      <c r="J3950">
        <v>0</v>
      </c>
      <c r="K3950">
        <v>0</v>
      </c>
      <c r="L3950">
        <v>0</v>
      </c>
      <c r="M3950">
        <v>0</v>
      </c>
      <c r="N3950">
        <v>0</v>
      </c>
      <c r="O3950">
        <v>0</v>
      </c>
      <c r="P3950">
        <v>0</v>
      </c>
      <c r="Q3950">
        <v>0</v>
      </c>
      <c r="R3950">
        <v>0</v>
      </c>
      <c r="S3950">
        <v>0</v>
      </c>
      <c r="T3950">
        <v>0</v>
      </c>
      <c r="U3950">
        <v>0</v>
      </c>
      <c r="V3950">
        <v>0</v>
      </c>
      <c r="W3950">
        <v>0</v>
      </c>
      <c r="X3950">
        <v>0</v>
      </c>
      <c r="Y3950">
        <v>34</v>
      </c>
      <c r="Z3950">
        <v>9</v>
      </c>
      <c r="AA3950">
        <v>90</v>
      </c>
      <c r="AB3950">
        <v>15</v>
      </c>
      <c r="AC3950">
        <v>130</v>
      </c>
      <c r="AD3950">
        <v>70</v>
      </c>
      <c r="AE3950">
        <v>100</v>
      </c>
      <c r="AF3950">
        <v>0</v>
      </c>
      <c r="AG3950">
        <v>50000</v>
      </c>
      <c r="AH3950">
        <v>50000</v>
      </c>
      <c r="AI3950">
        <v>0</v>
      </c>
      <c r="AJ3950">
        <v>0</v>
      </c>
      <c r="AK3950" t="s">
        <v>6</v>
      </c>
      <c r="AL3950">
        <v>0</v>
      </c>
      <c r="AM3950">
        <v>0</v>
      </c>
      <c r="AN3950">
        <v>0</v>
      </c>
      <c r="AO3950">
        <v>0</v>
      </c>
      <c r="AP3950">
        <v>0</v>
      </c>
      <c r="AQ3950">
        <v>0</v>
      </c>
      <c r="AR3950">
        <v>0</v>
      </c>
      <c r="AS3950">
        <v>0</v>
      </c>
      <c r="AT3950">
        <v>0</v>
      </c>
      <c r="AU3950">
        <v>0</v>
      </c>
      <c r="AV3950">
        <v>0</v>
      </c>
      <c r="AW3950">
        <v>0</v>
      </c>
      <c r="AX3950">
        <v>0</v>
      </c>
      <c r="AY3950">
        <v>0</v>
      </c>
      <c r="AZ3950">
        <v>0</v>
      </c>
      <c r="BA3950">
        <v>0</v>
      </c>
    </row>
    <row r="3951" spans="1:53" x14ac:dyDescent="0.4">
      <c r="A3951">
        <v>3995</v>
      </c>
      <c r="B3951" s="1">
        <v>44210</v>
      </c>
      <c r="C3951">
        <v>2</v>
      </c>
      <c r="D3951" s="1">
        <v>44210.40902777778</v>
      </c>
      <c r="E3951" s="1">
        <v>44210.742361111108</v>
      </c>
      <c r="F3951">
        <v>5250</v>
      </c>
      <c r="G3951">
        <v>0</v>
      </c>
      <c r="H3951">
        <v>0</v>
      </c>
      <c r="I3951">
        <v>0</v>
      </c>
      <c r="J3951">
        <v>0</v>
      </c>
      <c r="K3951">
        <v>0</v>
      </c>
      <c r="L3951">
        <v>0</v>
      </c>
      <c r="M3951">
        <v>525</v>
      </c>
      <c r="N3951">
        <v>0</v>
      </c>
      <c r="O3951">
        <v>0</v>
      </c>
      <c r="P3951">
        <v>15125</v>
      </c>
      <c r="Q3951">
        <v>0</v>
      </c>
      <c r="R3951">
        <v>20900</v>
      </c>
      <c r="S3951">
        <v>0</v>
      </c>
      <c r="T3951">
        <v>0</v>
      </c>
      <c r="U3951">
        <v>0</v>
      </c>
      <c r="V3951">
        <v>0</v>
      </c>
      <c r="W3951">
        <v>1</v>
      </c>
      <c r="X3951">
        <v>0</v>
      </c>
      <c r="Y3951">
        <v>46</v>
      </c>
      <c r="Z3951">
        <v>19</v>
      </c>
      <c r="AA3951">
        <v>76</v>
      </c>
      <c r="AB3951">
        <v>19</v>
      </c>
      <c r="AC3951">
        <v>141</v>
      </c>
      <c r="AD3951">
        <v>69</v>
      </c>
      <c r="AE3951">
        <v>95</v>
      </c>
      <c r="AF3951">
        <v>0</v>
      </c>
      <c r="AG3951">
        <v>70900</v>
      </c>
      <c r="AH3951">
        <v>50000</v>
      </c>
      <c r="AI3951">
        <v>0</v>
      </c>
      <c r="AJ3951">
        <v>107</v>
      </c>
      <c r="AK3951" t="s">
        <v>40</v>
      </c>
      <c r="AL3951">
        <v>0</v>
      </c>
      <c r="AM3951">
        <v>0</v>
      </c>
      <c r="AN3951">
        <v>0</v>
      </c>
      <c r="AO3951">
        <v>0</v>
      </c>
      <c r="AP3951">
        <v>0</v>
      </c>
      <c r="AQ3951">
        <v>0</v>
      </c>
      <c r="AR3951">
        <v>0</v>
      </c>
      <c r="AS3951">
        <v>0</v>
      </c>
      <c r="AT3951">
        <v>0</v>
      </c>
      <c r="AU3951">
        <v>0</v>
      </c>
      <c r="AV3951">
        <v>0</v>
      </c>
      <c r="AW3951">
        <v>0</v>
      </c>
      <c r="AX3951">
        <v>0</v>
      </c>
      <c r="AY3951">
        <v>19</v>
      </c>
      <c r="AZ3951">
        <v>32</v>
      </c>
      <c r="BA3951">
        <v>2192</v>
      </c>
    </row>
    <row r="3952" spans="1:53" x14ac:dyDescent="0.4">
      <c r="A3952">
        <v>3996</v>
      </c>
      <c r="B3952" s="1">
        <v>44211</v>
      </c>
      <c r="C3952">
        <v>1</v>
      </c>
      <c r="D3952" s="1">
        <v>44211.291666666664</v>
      </c>
      <c r="E3952" s="1">
        <v>44211.433333333334</v>
      </c>
      <c r="F3952">
        <v>0</v>
      </c>
      <c r="G3952">
        <v>0</v>
      </c>
      <c r="H3952">
        <v>0</v>
      </c>
      <c r="I3952">
        <v>0</v>
      </c>
      <c r="J3952">
        <v>0</v>
      </c>
      <c r="K3952">
        <v>0</v>
      </c>
      <c r="L3952">
        <v>0</v>
      </c>
      <c r="M3952">
        <v>0</v>
      </c>
      <c r="N3952">
        <v>0</v>
      </c>
      <c r="O3952">
        <v>0</v>
      </c>
      <c r="P3952">
        <v>0</v>
      </c>
      <c r="Q3952">
        <v>0</v>
      </c>
      <c r="R3952">
        <v>0</v>
      </c>
      <c r="S3952">
        <v>0</v>
      </c>
      <c r="T3952">
        <v>0</v>
      </c>
      <c r="U3952">
        <v>0</v>
      </c>
      <c r="V3952">
        <v>0</v>
      </c>
      <c r="W3952">
        <v>0</v>
      </c>
      <c r="X3952">
        <v>0</v>
      </c>
      <c r="Y3952">
        <v>33</v>
      </c>
      <c r="Z3952">
        <v>10</v>
      </c>
      <c r="AA3952">
        <v>92</v>
      </c>
      <c r="AB3952">
        <v>18</v>
      </c>
      <c r="AC3952">
        <v>141</v>
      </c>
      <c r="AD3952">
        <v>69</v>
      </c>
      <c r="AE3952">
        <v>145</v>
      </c>
      <c r="AF3952">
        <v>0</v>
      </c>
      <c r="AG3952">
        <v>50000</v>
      </c>
      <c r="AH3952">
        <v>50000</v>
      </c>
      <c r="AI3952">
        <v>0</v>
      </c>
      <c r="AJ3952">
        <v>0</v>
      </c>
      <c r="AK3952" t="s">
        <v>6</v>
      </c>
      <c r="AL3952">
        <v>0</v>
      </c>
      <c r="AM3952">
        <v>0</v>
      </c>
      <c r="AN3952">
        <v>0</v>
      </c>
      <c r="AO3952">
        <v>0</v>
      </c>
      <c r="AP3952">
        <v>0</v>
      </c>
      <c r="AQ3952">
        <v>0</v>
      </c>
      <c r="AR3952">
        <v>0</v>
      </c>
      <c r="AS3952">
        <v>0</v>
      </c>
      <c r="AT3952">
        <v>0</v>
      </c>
      <c r="AU3952">
        <v>0</v>
      </c>
      <c r="AV3952">
        <v>0</v>
      </c>
      <c r="AW3952">
        <v>0</v>
      </c>
      <c r="AX3952">
        <v>0</v>
      </c>
      <c r="AY3952">
        <v>0</v>
      </c>
      <c r="AZ3952">
        <v>0</v>
      </c>
      <c r="BA3952">
        <v>0</v>
      </c>
    </row>
    <row r="3953" spans="1:53" x14ac:dyDescent="0.4">
      <c r="A3953">
        <v>3997</v>
      </c>
      <c r="B3953" s="1">
        <v>44211</v>
      </c>
      <c r="C3953">
        <v>2</v>
      </c>
      <c r="D3953" s="1">
        <v>44211.433333333334</v>
      </c>
      <c r="E3953" s="1">
        <v>44211.757638888892</v>
      </c>
      <c r="F3953">
        <v>10040</v>
      </c>
      <c r="G3953">
        <v>280</v>
      </c>
      <c r="H3953">
        <v>200</v>
      </c>
      <c r="I3953">
        <v>0</v>
      </c>
      <c r="J3953">
        <v>0</v>
      </c>
      <c r="K3953">
        <v>0</v>
      </c>
      <c r="L3953">
        <v>0</v>
      </c>
      <c r="M3953">
        <v>1052</v>
      </c>
      <c r="N3953">
        <v>0</v>
      </c>
      <c r="O3953">
        <v>0</v>
      </c>
      <c r="P3953">
        <v>2959</v>
      </c>
      <c r="Q3953">
        <v>0</v>
      </c>
      <c r="R3953">
        <v>14531</v>
      </c>
      <c r="S3953">
        <v>0</v>
      </c>
      <c r="T3953">
        <v>0</v>
      </c>
      <c r="U3953">
        <v>0</v>
      </c>
      <c r="V3953">
        <v>0</v>
      </c>
      <c r="W3953">
        <v>0</v>
      </c>
      <c r="X3953">
        <v>0</v>
      </c>
      <c r="Y3953">
        <v>46</v>
      </c>
      <c r="Z3953">
        <v>12</v>
      </c>
      <c r="AA3953">
        <v>82</v>
      </c>
      <c r="AB3953">
        <v>20</v>
      </c>
      <c r="AC3953">
        <v>138</v>
      </c>
      <c r="AD3953">
        <v>68</v>
      </c>
      <c r="AE3953">
        <v>148</v>
      </c>
      <c r="AF3953">
        <v>1463</v>
      </c>
      <c r="AG3953">
        <v>64531</v>
      </c>
      <c r="AH3953">
        <v>50000</v>
      </c>
      <c r="AI3953">
        <v>0</v>
      </c>
      <c r="AJ3953">
        <v>84</v>
      </c>
      <c r="AK3953" t="s">
        <v>16</v>
      </c>
      <c r="AL3953">
        <v>0</v>
      </c>
      <c r="AM3953">
        <v>0</v>
      </c>
      <c r="AN3953">
        <v>0</v>
      </c>
      <c r="AO3953">
        <v>0</v>
      </c>
      <c r="AP3953">
        <v>0</v>
      </c>
      <c r="AQ3953">
        <v>0</v>
      </c>
      <c r="AR3953">
        <v>0</v>
      </c>
      <c r="AS3953">
        <v>0</v>
      </c>
      <c r="AT3953">
        <v>0</v>
      </c>
      <c r="AU3953">
        <v>0</v>
      </c>
      <c r="AV3953">
        <v>0</v>
      </c>
      <c r="AW3953">
        <v>0</v>
      </c>
      <c r="AX3953">
        <v>594</v>
      </c>
      <c r="AY3953">
        <v>14</v>
      </c>
      <c r="AZ3953">
        <v>22</v>
      </c>
      <c r="BA3953">
        <v>1799</v>
      </c>
    </row>
    <row r="3954" spans="1:53" x14ac:dyDescent="0.4">
      <c r="A3954">
        <v>3998</v>
      </c>
      <c r="B3954" s="1">
        <v>44212</v>
      </c>
      <c r="C3954">
        <v>1</v>
      </c>
      <c r="D3954" s="1">
        <v>44212.291666666664</v>
      </c>
      <c r="E3954" s="1">
        <v>44212.413888888892</v>
      </c>
      <c r="F3954">
        <v>0</v>
      </c>
      <c r="G3954">
        <v>0</v>
      </c>
      <c r="H3954">
        <v>0</v>
      </c>
      <c r="I3954">
        <v>0</v>
      </c>
      <c r="J3954">
        <v>0</v>
      </c>
      <c r="K3954">
        <v>0</v>
      </c>
      <c r="L3954">
        <v>0</v>
      </c>
      <c r="M3954">
        <v>0</v>
      </c>
      <c r="N3954">
        <v>0</v>
      </c>
      <c r="O3954">
        <v>0</v>
      </c>
      <c r="P3954">
        <v>0</v>
      </c>
      <c r="Q3954">
        <v>0</v>
      </c>
      <c r="R3954">
        <v>0</v>
      </c>
      <c r="S3954">
        <v>0</v>
      </c>
      <c r="T3954">
        <v>0</v>
      </c>
      <c r="U3954">
        <v>0</v>
      </c>
      <c r="V3954">
        <v>0</v>
      </c>
      <c r="W3954">
        <v>0</v>
      </c>
      <c r="X3954">
        <v>0</v>
      </c>
      <c r="Y3954">
        <v>31</v>
      </c>
      <c r="Z3954">
        <v>10</v>
      </c>
      <c r="AA3954">
        <v>112</v>
      </c>
      <c r="AB3954">
        <v>21</v>
      </c>
      <c r="AC3954">
        <v>132</v>
      </c>
      <c r="AD3954">
        <v>66</v>
      </c>
      <c r="AE3954">
        <v>100</v>
      </c>
      <c r="AF3954">
        <v>0</v>
      </c>
      <c r="AG3954">
        <v>50000</v>
      </c>
      <c r="AH3954">
        <v>50000</v>
      </c>
      <c r="AI3954">
        <v>0</v>
      </c>
      <c r="AJ3954">
        <v>0</v>
      </c>
      <c r="AK3954" t="s">
        <v>6</v>
      </c>
      <c r="AL3954">
        <v>0</v>
      </c>
      <c r="AM3954">
        <v>0</v>
      </c>
      <c r="AN3954">
        <v>0</v>
      </c>
      <c r="AO3954">
        <v>0</v>
      </c>
      <c r="AP3954">
        <v>0</v>
      </c>
      <c r="AQ3954">
        <v>0</v>
      </c>
      <c r="AR3954">
        <v>0</v>
      </c>
      <c r="AS3954">
        <v>0</v>
      </c>
      <c r="AT3954">
        <v>0</v>
      </c>
      <c r="AU3954">
        <v>0</v>
      </c>
      <c r="AV3954">
        <v>0</v>
      </c>
      <c r="AW3954">
        <v>0</v>
      </c>
      <c r="AX3954">
        <v>0</v>
      </c>
      <c r="AY3954">
        <v>0</v>
      </c>
      <c r="AZ3954">
        <v>0</v>
      </c>
      <c r="BA3954">
        <v>0</v>
      </c>
    </row>
    <row r="3955" spans="1:53" x14ac:dyDescent="0.4">
      <c r="A3955">
        <v>3999</v>
      </c>
      <c r="B3955" s="1">
        <v>44212</v>
      </c>
      <c r="C3955">
        <v>2</v>
      </c>
      <c r="D3955" s="1">
        <v>44212.413888888892</v>
      </c>
      <c r="E3955" s="1">
        <v>44212.742361111108</v>
      </c>
      <c r="F3955">
        <v>28180</v>
      </c>
      <c r="G3955">
        <v>840</v>
      </c>
      <c r="H3955">
        <v>0</v>
      </c>
      <c r="I3955">
        <v>0</v>
      </c>
      <c r="J3955">
        <v>100</v>
      </c>
      <c r="K3955">
        <v>0</v>
      </c>
      <c r="L3955">
        <v>0</v>
      </c>
      <c r="M3955">
        <v>2892</v>
      </c>
      <c r="N3955">
        <v>0</v>
      </c>
      <c r="O3955">
        <v>0</v>
      </c>
      <c r="P3955">
        <v>13464</v>
      </c>
      <c r="Q3955">
        <v>0</v>
      </c>
      <c r="R3955">
        <v>45276</v>
      </c>
      <c r="S3955">
        <v>0</v>
      </c>
      <c r="T3955">
        <v>0</v>
      </c>
      <c r="U3955">
        <v>0</v>
      </c>
      <c r="V3955">
        <v>1</v>
      </c>
      <c r="W3955">
        <v>2</v>
      </c>
      <c r="X3955">
        <v>0</v>
      </c>
      <c r="Y3955">
        <v>58</v>
      </c>
      <c r="Z3955">
        <v>15</v>
      </c>
      <c r="AA3955">
        <v>63</v>
      </c>
      <c r="AB3955">
        <v>18</v>
      </c>
      <c r="AC3955">
        <v>135</v>
      </c>
      <c r="AD3955">
        <v>70</v>
      </c>
      <c r="AE3955">
        <v>106</v>
      </c>
      <c r="AF3955">
        <v>770</v>
      </c>
      <c r="AG3955">
        <v>95276</v>
      </c>
      <c r="AH3955">
        <v>50000</v>
      </c>
      <c r="AI3955">
        <v>0</v>
      </c>
      <c r="AJ3955">
        <v>107</v>
      </c>
      <c r="AK3955" t="s">
        <v>40</v>
      </c>
      <c r="AL3955">
        <v>0</v>
      </c>
      <c r="AM3955">
        <v>0</v>
      </c>
      <c r="AN3955">
        <v>0</v>
      </c>
      <c r="AO3955">
        <v>0</v>
      </c>
      <c r="AP3955">
        <v>0</v>
      </c>
      <c r="AQ3955">
        <v>0</v>
      </c>
      <c r="AR3955">
        <v>0</v>
      </c>
      <c r="AS3955">
        <v>0</v>
      </c>
      <c r="AT3955">
        <v>0</v>
      </c>
      <c r="AU3955">
        <v>0</v>
      </c>
      <c r="AV3955">
        <v>0</v>
      </c>
      <c r="AW3955">
        <v>0</v>
      </c>
      <c r="AX3955">
        <v>0</v>
      </c>
      <c r="AY3955">
        <v>33</v>
      </c>
      <c r="AZ3955">
        <v>71</v>
      </c>
      <c r="BA3955">
        <v>4943</v>
      </c>
    </row>
    <row r="3956" spans="1:53" x14ac:dyDescent="0.4">
      <c r="A3956">
        <v>4000</v>
      </c>
      <c r="B3956" s="1">
        <v>44213</v>
      </c>
      <c r="C3956">
        <v>1</v>
      </c>
      <c r="D3956" s="1">
        <v>44213.291666666664</v>
      </c>
      <c r="E3956" s="1">
        <v>44213.413888888892</v>
      </c>
      <c r="F3956">
        <v>0</v>
      </c>
      <c r="G3956">
        <v>0</v>
      </c>
      <c r="H3956">
        <v>0</v>
      </c>
      <c r="I3956">
        <v>0</v>
      </c>
      <c r="J3956">
        <v>0</v>
      </c>
      <c r="K3956">
        <v>0</v>
      </c>
      <c r="L3956">
        <v>0</v>
      </c>
      <c r="M3956">
        <v>0</v>
      </c>
      <c r="N3956">
        <v>0</v>
      </c>
      <c r="O3956">
        <v>0</v>
      </c>
      <c r="P3956">
        <v>0</v>
      </c>
      <c r="Q3956">
        <v>0</v>
      </c>
      <c r="R3956">
        <v>0</v>
      </c>
      <c r="S3956">
        <v>0</v>
      </c>
      <c r="T3956">
        <v>0</v>
      </c>
      <c r="U3956">
        <v>0</v>
      </c>
      <c r="V3956">
        <v>0</v>
      </c>
      <c r="W3956">
        <v>0</v>
      </c>
      <c r="X3956">
        <v>0</v>
      </c>
      <c r="Y3956">
        <v>34</v>
      </c>
      <c r="Z3956">
        <v>11</v>
      </c>
      <c r="AA3956">
        <v>77</v>
      </c>
      <c r="AB3956">
        <v>18</v>
      </c>
      <c r="AC3956">
        <v>141</v>
      </c>
      <c r="AD3956">
        <v>75</v>
      </c>
      <c r="AE3956">
        <v>115</v>
      </c>
      <c r="AF3956">
        <v>0</v>
      </c>
      <c r="AG3956">
        <v>50000</v>
      </c>
      <c r="AH3956">
        <v>50000</v>
      </c>
      <c r="AI3956">
        <v>0</v>
      </c>
      <c r="AJ3956">
        <v>0</v>
      </c>
      <c r="AK3956" t="s">
        <v>6</v>
      </c>
      <c r="AL3956">
        <v>0</v>
      </c>
      <c r="AM3956">
        <v>0</v>
      </c>
      <c r="AN3956">
        <v>0</v>
      </c>
      <c r="AO3956">
        <v>0</v>
      </c>
      <c r="AP3956">
        <v>0</v>
      </c>
      <c r="AQ3956">
        <v>0</v>
      </c>
      <c r="AR3956">
        <v>0</v>
      </c>
      <c r="AS3956">
        <v>0</v>
      </c>
      <c r="AT3956">
        <v>0</v>
      </c>
      <c r="AU3956">
        <v>0</v>
      </c>
      <c r="AV3956">
        <v>0</v>
      </c>
      <c r="AW3956">
        <v>0</v>
      </c>
      <c r="AX3956">
        <v>0</v>
      </c>
      <c r="AY3956">
        <v>0</v>
      </c>
      <c r="AZ3956">
        <v>0</v>
      </c>
      <c r="BA3956">
        <v>0</v>
      </c>
    </row>
    <row r="3957" spans="1:53" x14ac:dyDescent="0.4">
      <c r="A3957">
        <v>4001</v>
      </c>
      <c r="B3957" s="1">
        <v>44213</v>
      </c>
      <c r="C3957">
        <v>2</v>
      </c>
      <c r="D3957" s="1">
        <v>44213.413888888892</v>
      </c>
      <c r="E3957" s="1">
        <v>44213.749305555553</v>
      </c>
      <c r="F3957">
        <v>23480</v>
      </c>
      <c r="G3957">
        <v>280</v>
      </c>
      <c r="H3957">
        <v>0</v>
      </c>
      <c r="I3957">
        <v>0</v>
      </c>
      <c r="J3957">
        <v>0</v>
      </c>
      <c r="K3957">
        <v>0</v>
      </c>
      <c r="L3957">
        <v>0</v>
      </c>
      <c r="M3957">
        <v>2376</v>
      </c>
      <c r="N3957">
        <v>0</v>
      </c>
      <c r="O3957">
        <v>0</v>
      </c>
      <c r="P3957">
        <v>14883</v>
      </c>
      <c r="Q3957">
        <v>0</v>
      </c>
      <c r="R3957">
        <v>41019</v>
      </c>
      <c r="S3957">
        <v>0</v>
      </c>
      <c r="T3957">
        <v>0</v>
      </c>
      <c r="U3957">
        <v>0</v>
      </c>
      <c r="V3957">
        <v>1</v>
      </c>
      <c r="W3957">
        <v>0</v>
      </c>
      <c r="X3957">
        <v>0</v>
      </c>
      <c r="Y3957">
        <v>66</v>
      </c>
      <c r="Z3957">
        <v>17</v>
      </c>
      <c r="AA3957">
        <v>41</v>
      </c>
      <c r="AB3957">
        <v>14</v>
      </c>
      <c r="AC3957">
        <v>124</v>
      </c>
      <c r="AD3957">
        <v>75</v>
      </c>
      <c r="AE3957">
        <v>104</v>
      </c>
      <c r="AF3957">
        <v>0</v>
      </c>
      <c r="AG3957">
        <v>91019</v>
      </c>
      <c r="AH3957">
        <v>50000</v>
      </c>
      <c r="AI3957">
        <v>0</v>
      </c>
      <c r="AJ3957">
        <v>107</v>
      </c>
      <c r="AK3957" t="s">
        <v>40</v>
      </c>
      <c r="AL3957">
        <v>0</v>
      </c>
      <c r="AM3957">
        <v>0</v>
      </c>
      <c r="AN3957">
        <v>0</v>
      </c>
      <c r="AO3957">
        <v>0</v>
      </c>
      <c r="AP3957">
        <v>0</v>
      </c>
      <c r="AQ3957">
        <v>0</v>
      </c>
      <c r="AR3957">
        <v>0</v>
      </c>
      <c r="AS3957">
        <v>0</v>
      </c>
      <c r="AT3957">
        <v>0</v>
      </c>
      <c r="AU3957">
        <v>0</v>
      </c>
      <c r="AV3957">
        <v>0</v>
      </c>
      <c r="AW3957">
        <v>0</v>
      </c>
      <c r="AX3957">
        <v>4664</v>
      </c>
      <c r="AY3957">
        <v>32</v>
      </c>
      <c r="AZ3957">
        <v>65</v>
      </c>
      <c r="BA3957">
        <v>5044</v>
      </c>
    </row>
    <row r="3958" spans="1:53" x14ac:dyDescent="0.4">
      <c r="A3958">
        <v>4002</v>
      </c>
      <c r="B3958" s="1">
        <v>44214</v>
      </c>
      <c r="C3958">
        <v>1</v>
      </c>
      <c r="D3958" s="1">
        <v>44214.291666666664</v>
      </c>
      <c r="E3958" s="1">
        <v>44214.430555555555</v>
      </c>
      <c r="F3958">
        <v>0</v>
      </c>
      <c r="G3958">
        <v>0</v>
      </c>
      <c r="H3958">
        <v>0</v>
      </c>
      <c r="I3958">
        <v>0</v>
      </c>
      <c r="J3958">
        <v>0</v>
      </c>
      <c r="K3958">
        <v>0</v>
      </c>
      <c r="L3958">
        <v>0</v>
      </c>
      <c r="M3958">
        <v>0</v>
      </c>
      <c r="N3958">
        <v>0</v>
      </c>
      <c r="O3958">
        <v>0</v>
      </c>
      <c r="P3958">
        <v>0</v>
      </c>
      <c r="Q3958">
        <v>0</v>
      </c>
      <c r="R3958">
        <v>0</v>
      </c>
      <c r="S3958">
        <v>0</v>
      </c>
      <c r="T3958">
        <v>0</v>
      </c>
      <c r="U3958">
        <v>0</v>
      </c>
      <c r="V3958">
        <v>0</v>
      </c>
      <c r="W3958">
        <v>0</v>
      </c>
      <c r="X3958">
        <v>0</v>
      </c>
      <c r="Y3958">
        <v>38</v>
      </c>
      <c r="Z3958">
        <v>10</v>
      </c>
      <c r="AA3958">
        <v>46</v>
      </c>
      <c r="AB3958">
        <v>16</v>
      </c>
      <c r="AC3958">
        <v>116</v>
      </c>
      <c r="AD3958">
        <v>68</v>
      </c>
      <c r="AE3958">
        <v>100</v>
      </c>
      <c r="AF3958">
        <v>0</v>
      </c>
      <c r="AG3958">
        <v>50000</v>
      </c>
      <c r="AH3958">
        <v>50000</v>
      </c>
      <c r="AI3958">
        <v>0</v>
      </c>
      <c r="AJ3958">
        <v>0</v>
      </c>
      <c r="AK3958" t="s">
        <v>6</v>
      </c>
      <c r="AL3958">
        <v>0</v>
      </c>
      <c r="AM3958">
        <v>0</v>
      </c>
      <c r="AN3958">
        <v>0</v>
      </c>
      <c r="AO3958">
        <v>0</v>
      </c>
      <c r="AP3958">
        <v>0</v>
      </c>
      <c r="AQ3958">
        <v>0</v>
      </c>
      <c r="AR3958">
        <v>0</v>
      </c>
      <c r="AS3958">
        <v>0</v>
      </c>
      <c r="AT3958">
        <v>0</v>
      </c>
      <c r="AU3958">
        <v>0</v>
      </c>
      <c r="AV3958">
        <v>0</v>
      </c>
      <c r="AW3958">
        <v>0</v>
      </c>
      <c r="AX3958">
        <v>0</v>
      </c>
      <c r="AY3958">
        <v>0</v>
      </c>
      <c r="AZ3958">
        <v>0</v>
      </c>
      <c r="BA3958">
        <v>0</v>
      </c>
    </row>
    <row r="3959" spans="1:53" x14ac:dyDescent="0.4">
      <c r="A3959">
        <v>4003</v>
      </c>
      <c r="B3959" s="1">
        <v>44214</v>
      </c>
      <c r="C3959">
        <v>2</v>
      </c>
      <c r="D3959" s="1">
        <v>44214.430555555555</v>
      </c>
      <c r="E3959" s="1">
        <v>44214.738194444442</v>
      </c>
      <c r="F3959">
        <v>8990</v>
      </c>
      <c r="G3959">
        <v>1560</v>
      </c>
      <c r="H3959">
        <v>200</v>
      </c>
      <c r="I3959">
        <v>0</v>
      </c>
      <c r="J3959">
        <v>0</v>
      </c>
      <c r="K3959">
        <v>0</v>
      </c>
      <c r="L3959">
        <v>0</v>
      </c>
      <c r="M3959">
        <v>1075</v>
      </c>
      <c r="N3959">
        <v>0</v>
      </c>
      <c r="O3959">
        <v>0</v>
      </c>
      <c r="P3959">
        <v>6424</v>
      </c>
      <c r="Q3959">
        <v>0</v>
      </c>
      <c r="R3959">
        <v>18249</v>
      </c>
      <c r="S3959">
        <v>0</v>
      </c>
      <c r="T3959">
        <v>0</v>
      </c>
      <c r="U3959">
        <v>0</v>
      </c>
      <c r="V3959">
        <v>0</v>
      </c>
      <c r="W3959">
        <v>1</v>
      </c>
      <c r="X3959">
        <v>0</v>
      </c>
      <c r="Y3959">
        <v>46</v>
      </c>
      <c r="Z3959">
        <v>14</v>
      </c>
      <c r="AA3959">
        <v>45</v>
      </c>
      <c r="AB3959">
        <v>15</v>
      </c>
      <c r="AC3959">
        <v>111</v>
      </c>
      <c r="AD3959">
        <v>70</v>
      </c>
      <c r="AE3959">
        <v>85</v>
      </c>
      <c r="AF3959">
        <v>3454</v>
      </c>
      <c r="AG3959">
        <v>68249</v>
      </c>
      <c r="AH3959">
        <v>50000</v>
      </c>
      <c r="AI3959">
        <v>0</v>
      </c>
      <c r="AJ3959">
        <v>84</v>
      </c>
      <c r="AK3959" t="s">
        <v>16</v>
      </c>
      <c r="AL3959">
        <v>0</v>
      </c>
      <c r="AM3959">
        <v>0</v>
      </c>
      <c r="AN3959">
        <v>0</v>
      </c>
      <c r="AO3959">
        <v>0</v>
      </c>
      <c r="AP3959">
        <v>0</v>
      </c>
      <c r="AQ3959">
        <v>0</v>
      </c>
      <c r="AR3959">
        <v>0</v>
      </c>
      <c r="AS3959">
        <v>0</v>
      </c>
      <c r="AT3959">
        <v>0</v>
      </c>
      <c r="AU3959">
        <v>0</v>
      </c>
      <c r="AV3959">
        <v>0</v>
      </c>
      <c r="AW3959">
        <v>0</v>
      </c>
      <c r="AX3959">
        <v>0</v>
      </c>
      <c r="AY3959">
        <v>13</v>
      </c>
      <c r="AZ3959">
        <v>24</v>
      </c>
      <c r="BA3959">
        <v>1857</v>
      </c>
    </row>
    <row r="3960" spans="1:53" x14ac:dyDescent="0.4">
      <c r="A3960">
        <v>4004</v>
      </c>
      <c r="B3960" s="1">
        <v>44215</v>
      </c>
      <c r="C3960">
        <v>1</v>
      </c>
      <c r="D3960" s="1">
        <v>44215.291666666664</v>
      </c>
      <c r="E3960" s="1">
        <v>44215.414583333331</v>
      </c>
      <c r="F3960">
        <v>0</v>
      </c>
      <c r="G3960">
        <v>0</v>
      </c>
      <c r="H3960">
        <v>0</v>
      </c>
      <c r="I3960">
        <v>0</v>
      </c>
      <c r="J3960">
        <v>0</v>
      </c>
      <c r="K3960">
        <v>0</v>
      </c>
      <c r="L3960">
        <v>0</v>
      </c>
      <c r="M3960">
        <v>0</v>
      </c>
      <c r="N3960">
        <v>0</v>
      </c>
      <c r="O3960">
        <v>0</v>
      </c>
      <c r="P3960">
        <v>0</v>
      </c>
      <c r="Q3960">
        <v>0</v>
      </c>
      <c r="R3960">
        <v>0</v>
      </c>
      <c r="S3960">
        <v>0</v>
      </c>
      <c r="T3960">
        <v>0</v>
      </c>
      <c r="U3960">
        <v>0</v>
      </c>
      <c r="V3960">
        <v>0</v>
      </c>
      <c r="W3960">
        <v>0</v>
      </c>
      <c r="X3960">
        <v>0</v>
      </c>
      <c r="Y3960">
        <v>36</v>
      </c>
      <c r="Z3960">
        <v>13</v>
      </c>
      <c r="AA3960">
        <v>52</v>
      </c>
      <c r="AB3960">
        <v>15</v>
      </c>
      <c r="AC3960">
        <v>112</v>
      </c>
      <c r="AD3960">
        <v>70</v>
      </c>
      <c r="AE3960">
        <v>80</v>
      </c>
      <c r="AF3960">
        <v>0</v>
      </c>
      <c r="AG3960">
        <v>50000</v>
      </c>
      <c r="AH3960">
        <v>50000</v>
      </c>
      <c r="AI3960">
        <v>0</v>
      </c>
      <c r="AJ3960">
        <v>0</v>
      </c>
      <c r="AK3960" t="s">
        <v>6</v>
      </c>
      <c r="AL3960">
        <v>0</v>
      </c>
      <c r="AM3960">
        <v>0</v>
      </c>
      <c r="AN3960">
        <v>0</v>
      </c>
      <c r="AO3960">
        <v>0</v>
      </c>
      <c r="AP3960">
        <v>0</v>
      </c>
      <c r="AQ3960">
        <v>0</v>
      </c>
      <c r="AR3960">
        <v>0</v>
      </c>
      <c r="AS3960">
        <v>0</v>
      </c>
      <c r="AT3960">
        <v>0</v>
      </c>
      <c r="AU3960">
        <v>0</v>
      </c>
      <c r="AV3960">
        <v>0</v>
      </c>
      <c r="AW3960">
        <v>0</v>
      </c>
      <c r="AX3960">
        <v>0</v>
      </c>
      <c r="AY3960">
        <v>0</v>
      </c>
      <c r="AZ3960">
        <v>0</v>
      </c>
      <c r="BA3960">
        <v>0</v>
      </c>
    </row>
    <row r="3961" spans="1:53" x14ac:dyDescent="0.4">
      <c r="A3961">
        <v>4005</v>
      </c>
      <c r="B3961" s="1">
        <v>44215</v>
      </c>
      <c r="C3961">
        <v>2</v>
      </c>
      <c r="D3961" s="1">
        <v>44215.414583333331</v>
      </c>
      <c r="E3961" s="1">
        <v>44215.745138888888</v>
      </c>
      <c r="F3961">
        <v>5960</v>
      </c>
      <c r="G3961">
        <v>0</v>
      </c>
      <c r="H3961">
        <v>0</v>
      </c>
      <c r="I3961">
        <v>0</v>
      </c>
      <c r="J3961">
        <v>0</v>
      </c>
      <c r="K3961">
        <v>0</v>
      </c>
      <c r="L3961">
        <v>0</v>
      </c>
      <c r="M3961">
        <v>596</v>
      </c>
      <c r="N3961">
        <v>0</v>
      </c>
      <c r="O3961">
        <v>0</v>
      </c>
      <c r="P3961">
        <v>11825</v>
      </c>
      <c r="Q3961">
        <v>0</v>
      </c>
      <c r="R3961">
        <v>18381</v>
      </c>
      <c r="S3961">
        <v>0</v>
      </c>
      <c r="T3961">
        <v>0</v>
      </c>
      <c r="U3961">
        <v>0</v>
      </c>
      <c r="V3961">
        <v>0</v>
      </c>
      <c r="W3961">
        <v>0</v>
      </c>
      <c r="X3961">
        <v>0</v>
      </c>
      <c r="Y3961">
        <v>51</v>
      </c>
      <c r="Z3961">
        <v>21</v>
      </c>
      <c r="AA3961">
        <v>47</v>
      </c>
      <c r="AB3961">
        <v>16</v>
      </c>
      <c r="AC3961">
        <v>95</v>
      </c>
      <c r="AD3961">
        <v>68</v>
      </c>
      <c r="AE3961">
        <v>91</v>
      </c>
      <c r="AF3961">
        <v>0</v>
      </c>
      <c r="AG3961">
        <v>68381</v>
      </c>
      <c r="AH3961">
        <v>50000</v>
      </c>
      <c r="AI3961">
        <v>0</v>
      </c>
      <c r="AJ3961">
        <v>84</v>
      </c>
      <c r="AK3961" t="s">
        <v>16</v>
      </c>
      <c r="AL3961">
        <v>0</v>
      </c>
      <c r="AM3961">
        <v>0</v>
      </c>
      <c r="AN3961">
        <v>0</v>
      </c>
      <c r="AO3961">
        <v>0</v>
      </c>
      <c r="AP3961">
        <v>0</v>
      </c>
      <c r="AQ3961">
        <v>0</v>
      </c>
      <c r="AR3961">
        <v>0</v>
      </c>
      <c r="AS3961">
        <v>0</v>
      </c>
      <c r="AT3961">
        <v>0</v>
      </c>
      <c r="AU3961">
        <v>0</v>
      </c>
      <c r="AV3961">
        <v>0</v>
      </c>
      <c r="AW3961">
        <v>0</v>
      </c>
      <c r="AX3961">
        <v>1364</v>
      </c>
      <c r="AY3961">
        <v>17</v>
      </c>
      <c r="AZ3961">
        <v>30</v>
      </c>
      <c r="BA3961">
        <v>2071</v>
      </c>
    </row>
    <row r="3962" spans="1:53" x14ac:dyDescent="0.4">
      <c r="A3962">
        <v>4006</v>
      </c>
      <c r="B3962" s="1">
        <v>44216</v>
      </c>
      <c r="C3962">
        <v>1</v>
      </c>
      <c r="D3962" s="1">
        <v>44216.291666666664</v>
      </c>
      <c r="E3962" s="1">
        <v>44216.415277777778</v>
      </c>
      <c r="F3962">
        <v>0</v>
      </c>
      <c r="G3962">
        <v>0</v>
      </c>
      <c r="H3962">
        <v>0</v>
      </c>
      <c r="I3962">
        <v>0</v>
      </c>
      <c r="J3962">
        <v>0</v>
      </c>
      <c r="K3962">
        <v>0</v>
      </c>
      <c r="L3962">
        <v>0</v>
      </c>
      <c r="M3962">
        <v>0</v>
      </c>
      <c r="N3962">
        <v>0</v>
      </c>
      <c r="O3962">
        <v>0</v>
      </c>
      <c r="P3962">
        <v>0</v>
      </c>
      <c r="Q3962">
        <v>0</v>
      </c>
      <c r="R3962">
        <v>0</v>
      </c>
      <c r="S3962">
        <v>0</v>
      </c>
      <c r="T3962">
        <v>0</v>
      </c>
      <c r="U3962">
        <v>0</v>
      </c>
      <c r="V3962">
        <v>0</v>
      </c>
      <c r="W3962">
        <v>0</v>
      </c>
      <c r="X3962">
        <v>0</v>
      </c>
      <c r="Y3962">
        <v>38</v>
      </c>
      <c r="Z3962">
        <v>9</v>
      </c>
      <c r="AA3962">
        <v>53</v>
      </c>
      <c r="AB3962">
        <v>15</v>
      </c>
      <c r="AC3962">
        <v>102</v>
      </c>
      <c r="AD3962">
        <v>68</v>
      </c>
      <c r="AE3962">
        <v>90</v>
      </c>
      <c r="AF3962">
        <v>0</v>
      </c>
      <c r="AG3962">
        <v>50000</v>
      </c>
      <c r="AH3962">
        <v>50000</v>
      </c>
      <c r="AI3962">
        <v>0</v>
      </c>
      <c r="AJ3962">
        <v>0</v>
      </c>
      <c r="AK3962" t="s">
        <v>6</v>
      </c>
      <c r="AL3962">
        <v>0</v>
      </c>
      <c r="AM3962">
        <v>0</v>
      </c>
      <c r="AN3962">
        <v>0</v>
      </c>
      <c r="AO3962">
        <v>0</v>
      </c>
      <c r="AP3962">
        <v>0</v>
      </c>
      <c r="AQ3962">
        <v>0</v>
      </c>
      <c r="AR3962">
        <v>0</v>
      </c>
      <c r="AS3962">
        <v>0</v>
      </c>
      <c r="AT3962">
        <v>0</v>
      </c>
      <c r="AU3962">
        <v>0</v>
      </c>
      <c r="AV3962">
        <v>0</v>
      </c>
      <c r="AW3962">
        <v>0</v>
      </c>
      <c r="AX3962">
        <v>0</v>
      </c>
      <c r="AY3962">
        <v>0</v>
      </c>
      <c r="AZ3962">
        <v>0</v>
      </c>
      <c r="BA3962">
        <v>0</v>
      </c>
    </row>
    <row r="3963" spans="1:53" x14ac:dyDescent="0.4">
      <c r="A3963">
        <v>4007</v>
      </c>
      <c r="B3963" s="1">
        <v>44216</v>
      </c>
      <c r="C3963">
        <v>2</v>
      </c>
      <c r="D3963" s="1">
        <v>44216.415277777778</v>
      </c>
      <c r="E3963" s="1">
        <v>44216.740972222222</v>
      </c>
      <c r="F3963">
        <v>11930</v>
      </c>
      <c r="G3963">
        <v>0</v>
      </c>
      <c r="H3963">
        <v>0</v>
      </c>
      <c r="I3963">
        <v>0</v>
      </c>
      <c r="J3963">
        <v>0</v>
      </c>
      <c r="K3963">
        <v>0</v>
      </c>
      <c r="L3963">
        <v>0</v>
      </c>
      <c r="M3963">
        <v>1193</v>
      </c>
      <c r="N3963">
        <v>0</v>
      </c>
      <c r="O3963">
        <v>0</v>
      </c>
      <c r="P3963">
        <v>6644</v>
      </c>
      <c r="Q3963">
        <v>0</v>
      </c>
      <c r="R3963">
        <v>19767</v>
      </c>
      <c r="S3963">
        <v>0</v>
      </c>
      <c r="T3963">
        <v>0</v>
      </c>
      <c r="U3963">
        <v>0</v>
      </c>
      <c r="V3963">
        <v>0</v>
      </c>
      <c r="W3963">
        <v>0</v>
      </c>
      <c r="X3963">
        <v>0</v>
      </c>
      <c r="Y3963">
        <v>57</v>
      </c>
      <c r="Z3963">
        <v>15</v>
      </c>
      <c r="AA3963">
        <v>35</v>
      </c>
      <c r="AB3963">
        <v>7</v>
      </c>
      <c r="AC3963">
        <v>100</v>
      </c>
      <c r="AD3963">
        <v>64</v>
      </c>
      <c r="AE3963">
        <v>97</v>
      </c>
      <c r="AF3963">
        <v>0</v>
      </c>
      <c r="AG3963">
        <v>69767</v>
      </c>
      <c r="AH3963">
        <v>50000</v>
      </c>
      <c r="AI3963">
        <v>0</v>
      </c>
      <c r="AJ3963">
        <v>107</v>
      </c>
      <c r="AK3963" t="s">
        <v>40</v>
      </c>
      <c r="AL3963">
        <v>0</v>
      </c>
      <c r="AM3963">
        <v>0</v>
      </c>
      <c r="AN3963">
        <v>0</v>
      </c>
      <c r="AO3963">
        <v>0</v>
      </c>
      <c r="AP3963">
        <v>0</v>
      </c>
      <c r="AQ3963">
        <v>0</v>
      </c>
      <c r="AR3963">
        <v>0</v>
      </c>
      <c r="AS3963">
        <v>0</v>
      </c>
      <c r="AT3963">
        <v>0</v>
      </c>
      <c r="AU3963">
        <v>0</v>
      </c>
      <c r="AV3963">
        <v>0</v>
      </c>
      <c r="AW3963">
        <v>0</v>
      </c>
      <c r="AX3963">
        <v>0</v>
      </c>
      <c r="AY3963">
        <v>17</v>
      </c>
      <c r="AZ3963">
        <v>31</v>
      </c>
      <c r="BA3963">
        <v>2523</v>
      </c>
    </row>
    <row r="3964" spans="1:53" x14ac:dyDescent="0.4">
      <c r="A3964">
        <v>4008</v>
      </c>
      <c r="B3964" s="1">
        <v>44217</v>
      </c>
      <c r="C3964">
        <v>1</v>
      </c>
      <c r="D3964" s="1">
        <v>44217.291666666664</v>
      </c>
      <c r="E3964" s="1">
        <v>44217.413888888892</v>
      </c>
      <c r="F3964">
        <v>0</v>
      </c>
      <c r="G3964">
        <v>0</v>
      </c>
      <c r="H3964">
        <v>0</v>
      </c>
      <c r="I3964">
        <v>0</v>
      </c>
      <c r="J3964">
        <v>0</v>
      </c>
      <c r="K3964">
        <v>0</v>
      </c>
      <c r="L3964">
        <v>0</v>
      </c>
      <c r="M3964">
        <v>0</v>
      </c>
      <c r="N3964">
        <v>0</v>
      </c>
      <c r="O3964">
        <v>0</v>
      </c>
      <c r="P3964">
        <v>0</v>
      </c>
      <c r="Q3964">
        <v>0</v>
      </c>
      <c r="R3964">
        <v>0</v>
      </c>
      <c r="S3964">
        <v>0</v>
      </c>
      <c r="T3964">
        <v>0</v>
      </c>
      <c r="U3964">
        <v>0</v>
      </c>
      <c r="V3964">
        <v>0</v>
      </c>
      <c r="W3964">
        <v>0</v>
      </c>
      <c r="X3964">
        <v>0</v>
      </c>
      <c r="Y3964">
        <v>40</v>
      </c>
      <c r="Z3964">
        <v>10</v>
      </c>
      <c r="AA3964">
        <v>32</v>
      </c>
      <c r="AB3964">
        <v>8</v>
      </c>
      <c r="AC3964">
        <v>100</v>
      </c>
      <c r="AD3964">
        <v>61</v>
      </c>
      <c r="AE3964">
        <v>95</v>
      </c>
      <c r="AF3964">
        <v>0</v>
      </c>
      <c r="AG3964">
        <v>50000</v>
      </c>
      <c r="AH3964">
        <v>50000</v>
      </c>
      <c r="AI3964">
        <v>0</v>
      </c>
      <c r="AJ3964">
        <v>0</v>
      </c>
      <c r="AK3964" t="s">
        <v>6</v>
      </c>
      <c r="AL3964">
        <v>0</v>
      </c>
      <c r="AM3964">
        <v>0</v>
      </c>
      <c r="AN3964">
        <v>0</v>
      </c>
      <c r="AO3964">
        <v>0</v>
      </c>
      <c r="AP3964">
        <v>0</v>
      </c>
      <c r="AQ3964">
        <v>0</v>
      </c>
      <c r="AR3964">
        <v>0</v>
      </c>
      <c r="AS3964">
        <v>0</v>
      </c>
      <c r="AT3964">
        <v>0</v>
      </c>
      <c r="AU3964">
        <v>0</v>
      </c>
      <c r="AV3964">
        <v>0</v>
      </c>
      <c r="AW3964">
        <v>0</v>
      </c>
      <c r="AX3964">
        <v>0</v>
      </c>
      <c r="AY3964">
        <v>0</v>
      </c>
      <c r="AZ3964">
        <v>0</v>
      </c>
      <c r="BA3964">
        <v>0</v>
      </c>
    </row>
    <row r="3965" spans="1:53" x14ac:dyDescent="0.4">
      <c r="A3965">
        <v>4009</v>
      </c>
      <c r="B3965" s="1">
        <v>44217</v>
      </c>
      <c r="C3965">
        <v>2</v>
      </c>
      <c r="D3965" s="1">
        <v>44217.413888888892</v>
      </c>
      <c r="E3965" s="1">
        <v>44217.743750000001</v>
      </c>
      <c r="F3965">
        <v>12660</v>
      </c>
      <c r="G3965">
        <v>840</v>
      </c>
      <c r="H3965">
        <v>0</v>
      </c>
      <c r="I3965">
        <v>0</v>
      </c>
      <c r="J3965">
        <v>0</v>
      </c>
      <c r="K3965">
        <v>0</v>
      </c>
      <c r="L3965">
        <v>0</v>
      </c>
      <c r="M3965">
        <v>1350</v>
      </c>
      <c r="N3965">
        <v>0</v>
      </c>
      <c r="O3965">
        <v>0</v>
      </c>
      <c r="P3965">
        <v>12606</v>
      </c>
      <c r="Q3965">
        <v>0</v>
      </c>
      <c r="R3965">
        <v>27456</v>
      </c>
      <c r="S3965">
        <v>0</v>
      </c>
      <c r="T3965">
        <v>0</v>
      </c>
      <c r="U3965">
        <v>0</v>
      </c>
      <c r="V3965">
        <v>1</v>
      </c>
      <c r="W3965">
        <v>0</v>
      </c>
      <c r="X3965">
        <v>0</v>
      </c>
      <c r="Y3965">
        <v>53</v>
      </c>
      <c r="Z3965">
        <v>18</v>
      </c>
      <c r="AA3965">
        <v>21</v>
      </c>
      <c r="AB3965">
        <v>13</v>
      </c>
      <c r="AC3965">
        <v>123</v>
      </c>
      <c r="AD3965">
        <v>64</v>
      </c>
      <c r="AE3965">
        <v>100</v>
      </c>
      <c r="AF3965">
        <v>1056</v>
      </c>
      <c r="AG3965">
        <v>77456</v>
      </c>
      <c r="AH3965">
        <v>50000</v>
      </c>
      <c r="AI3965">
        <v>0</v>
      </c>
      <c r="AJ3965">
        <v>84</v>
      </c>
      <c r="AK3965" t="s">
        <v>16</v>
      </c>
      <c r="AL3965">
        <v>0</v>
      </c>
      <c r="AM3965">
        <v>0</v>
      </c>
      <c r="AN3965">
        <v>0</v>
      </c>
      <c r="AO3965">
        <v>0</v>
      </c>
      <c r="AP3965">
        <v>0</v>
      </c>
      <c r="AQ3965">
        <v>0</v>
      </c>
      <c r="AR3965">
        <v>0</v>
      </c>
      <c r="AS3965">
        <v>0</v>
      </c>
      <c r="AT3965">
        <v>0</v>
      </c>
      <c r="AU3965">
        <v>0</v>
      </c>
      <c r="AV3965">
        <v>0</v>
      </c>
      <c r="AW3965">
        <v>0</v>
      </c>
      <c r="AX3965">
        <v>0</v>
      </c>
      <c r="AY3965">
        <v>25</v>
      </c>
      <c r="AZ3965">
        <v>39</v>
      </c>
      <c r="BA3965">
        <v>3705</v>
      </c>
    </row>
    <row r="3966" spans="1:53" x14ac:dyDescent="0.4">
      <c r="A3966">
        <v>4010</v>
      </c>
      <c r="B3966" s="1">
        <v>44218</v>
      </c>
      <c r="C3966">
        <v>1</v>
      </c>
      <c r="D3966" s="1">
        <v>44218.291666666664</v>
      </c>
      <c r="E3966" s="1">
        <v>44218.415277777778</v>
      </c>
      <c r="F3966">
        <v>0</v>
      </c>
      <c r="G3966">
        <v>0</v>
      </c>
      <c r="H3966">
        <v>0</v>
      </c>
      <c r="I3966">
        <v>0</v>
      </c>
      <c r="J3966">
        <v>0</v>
      </c>
      <c r="K3966">
        <v>0</v>
      </c>
      <c r="L3966">
        <v>0</v>
      </c>
      <c r="M3966">
        <v>0</v>
      </c>
      <c r="N3966">
        <v>0</v>
      </c>
      <c r="O3966">
        <v>0</v>
      </c>
      <c r="P3966">
        <v>0</v>
      </c>
      <c r="Q3966">
        <v>0</v>
      </c>
      <c r="R3966">
        <v>0</v>
      </c>
      <c r="S3966">
        <v>0</v>
      </c>
      <c r="T3966">
        <v>0</v>
      </c>
      <c r="U3966">
        <v>0</v>
      </c>
      <c r="V3966">
        <v>0</v>
      </c>
      <c r="W3966">
        <v>0</v>
      </c>
      <c r="X3966">
        <v>0</v>
      </c>
      <c r="Y3966">
        <v>28</v>
      </c>
      <c r="Z3966">
        <v>10</v>
      </c>
      <c r="AA3966">
        <v>123</v>
      </c>
      <c r="AB3966">
        <v>62</v>
      </c>
      <c r="AC3966">
        <v>120</v>
      </c>
      <c r="AD3966">
        <v>60</v>
      </c>
      <c r="AE3966">
        <v>100</v>
      </c>
      <c r="AF3966">
        <v>0</v>
      </c>
      <c r="AG3966">
        <v>50000</v>
      </c>
      <c r="AH3966">
        <v>50000</v>
      </c>
      <c r="AI3966">
        <v>0</v>
      </c>
      <c r="AJ3966">
        <v>0</v>
      </c>
      <c r="AK3966" t="s">
        <v>6</v>
      </c>
      <c r="AL3966">
        <v>0</v>
      </c>
      <c r="AM3966">
        <v>0</v>
      </c>
      <c r="AN3966">
        <v>0</v>
      </c>
      <c r="AO3966">
        <v>0</v>
      </c>
      <c r="AP3966">
        <v>0</v>
      </c>
      <c r="AQ3966">
        <v>0</v>
      </c>
      <c r="AR3966">
        <v>0</v>
      </c>
      <c r="AS3966">
        <v>0</v>
      </c>
      <c r="AT3966">
        <v>0</v>
      </c>
      <c r="AU3966">
        <v>0</v>
      </c>
      <c r="AV3966">
        <v>0</v>
      </c>
      <c r="AW3966">
        <v>0</v>
      </c>
      <c r="AX3966">
        <v>0</v>
      </c>
      <c r="AY3966">
        <v>0</v>
      </c>
      <c r="AZ3966">
        <v>0</v>
      </c>
      <c r="BA3966">
        <v>0</v>
      </c>
    </row>
    <row r="3967" spans="1:53" x14ac:dyDescent="0.4">
      <c r="A3967">
        <v>4011</v>
      </c>
      <c r="B3967" s="1">
        <v>44218</v>
      </c>
      <c r="C3967">
        <v>2</v>
      </c>
      <c r="D3967" s="1">
        <v>44218.415277777778</v>
      </c>
      <c r="E3967" s="1">
        <v>44218.742361111108</v>
      </c>
      <c r="F3967">
        <v>10150</v>
      </c>
      <c r="G3967">
        <v>0</v>
      </c>
      <c r="H3967">
        <v>0</v>
      </c>
      <c r="I3967">
        <v>0</v>
      </c>
      <c r="J3967">
        <v>0</v>
      </c>
      <c r="K3967">
        <v>0</v>
      </c>
      <c r="L3967">
        <v>0</v>
      </c>
      <c r="M3967">
        <v>1015</v>
      </c>
      <c r="N3967">
        <v>0</v>
      </c>
      <c r="O3967">
        <v>0</v>
      </c>
      <c r="P3967">
        <v>17303</v>
      </c>
      <c r="Q3967">
        <v>0</v>
      </c>
      <c r="R3967">
        <v>28468</v>
      </c>
      <c r="S3967">
        <v>0</v>
      </c>
      <c r="T3967">
        <v>0</v>
      </c>
      <c r="U3967">
        <v>0</v>
      </c>
      <c r="V3967">
        <v>0</v>
      </c>
      <c r="W3967">
        <v>1</v>
      </c>
      <c r="X3967">
        <v>0</v>
      </c>
      <c r="Y3967">
        <v>44</v>
      </c>
      <c r="Z3967">
        <v>20</v>
      </c>
      <c r="AA3967">
        <v>127</v>
      </c>
      <c r="AB3967">
        <v>61</v>
      </c>
      <c r="AC3967">
        <v>134</v>
      </c>
      <c r="AD3967">
        <v>61</v>
      </c>
      <c r="AE3967">
        <v>93</v>
      </c>
      <c r="AF3967">
        <v>1980</v>
      </c>
      <c r="AG3967">
        <v>78468</v>
      </c>
      <c r="AH3967">
        <v>50000</v>
      </c>
      <c r="AI3967">
        <v>0</v>
      </c>
      <c r="AJ3967">
        <v>107</v>
      </c>
      <c r="AK3967" t="s">
        <v>40</v>
      </c>
      <c r="AL3967">
        <v>0</v>
      </c>
      <c r="AM3967">
        <v>0</v>
      </c>
      <c r="AN3967">
        <v>0</v>
      </c>
      <c r="AO3967">
        <v>0</v>
      </c>
      <c r="AP3967">
        <v>0</v>
      </c>
      <c r="AQ3967">
        <v>0</v>
      </c>
      <c r="AR3967">
        <v>0</v>
      </c>
      <c r="AS3967">
        <v>0</v>
      </c>
      <c r="AT3967">
        <v>0</v>
      </c>
      <c r="AU3967">
        <v>0</v>
      </c>
      <c r="AV3967">
        <v>0</v>
      </c>
      <c r="AW3967">
        <v>0</v>
      </c>
      <c r="AX3967">
        <v>594</v>
      </c>
      <c r="AY3967">
        <v>26</v>
      </c>
      <c r="AZ3967">
        <v>44</v>
      </c>
      <c r="BA3967">
        <v>3202</v>
      </c>
    </row>
    <row r="3968" spans="1:53" x14ac:dyDescent="0.4">
      <c r="A3968">
        <v>4012</v>
      </c>
      <c r="B3968" s="1">
        <v>44219</v>
      </c>
      <c r="C3968">
        <v>1</v>
      </c>
      <c r="D3968" s="1">
        <v>44219.291666666664</v>
      </c>
      <c r="E3968" s="1">
        <v>44219.414583333331</v>
      </c>
      <c r="F3968">
        <v>0</v>
      </c>
      <c r="G3968">
        <v>0</v>
      </c>
      <c r="H3968">
        <v>0</v>
      </c>
      <c r="I3968">
        <v>0</v>
      </c>
      <c r="J3968">
        <v>0</v>
      </c>
      <c r="K3968">
        <v>0</v>
      </c>
      <c r="L3968">
        <v>0</v>
      </c>
      <c r="M3968">
        <v>0</v>
      </c>
      <c r="N3968">
        <v>0</v>
      </c>
      <c r="O3968">
        <v>0</v>
      </c>
      <c r="P3968">
        <v>0</v>
      </c>
      <c r="Q3968">
        <v>0</v>
      </c>
      <c r="R3968">
        <v>0</v>
      </c>
      <c r="S3968">
        <v>0</v>
      </c>
      <c r="T3968">
        <v>0</v>
      </c>
      <c r="U3968">
        <v>0</v>
      </c>
      <c r="V3968">
        <v>0</v>
      </c>
      <c r="W3968">
        <v>0</v>
      </c>
      <c r="X3968">
        <v>0</v>
      </c>
      <c r="Y3968">
        <v>25</v>
      </c>
      <c r="Z3968">
        <v>13</v>
      </c>
      <c r="AA3968">
        <v>134</v>
      </c>
      <c r="AB3968">
        <v>65</v>
      </c>
      <c r="AC3968">
        <v>144</v>
      </c>
      <c r="AD3968">
        <v>63</v>
      </c>
      <c r="AE3968">
        <v>95</v>
      </c>
      <c r="AF3968">
        <v>0</v>
      </c>
      <c r="AG3968">
        <v>50000</v>
      </c>
      <c r="AH3968">
        <v>50000</v>
      </c>
      <c r="AI3968">
        <v>0</v>
      </c>
      <c r="AJ3968">
        <v>0</v>
      </c>
      <c r="AK3968" t="s">
        <v>6</v>
      </c>
      <c r="AL3968">
        <v>0</v>
      </c>
      <c r="AM3968">
        <v>0</v>
      </c>
      <c r="AN3968">
        <v>0</v>
      </c>
      <c r="AO3968">
        <v>0</v>
      </c>
      <c r="AP3968">
        <v>0</v>
      </c>
      <c r="AQ3968">
        <v>0</v>
      </c>
      <c r="AR3968">
        <v>0</v>
      </c>
      <c r="AS3968">
        <v>0</v>
      </c>
      <c r="AT3968">
        <v>0</v>
      </c>
      <c r="AU3968">
        <v>0</v>
      </c>
      <c r="AV3968">
        <v>0</v>
      </c>
      <c r="AW3968">
        <v>0</v>
      </c>
      <c r="AX3968">
        <v>0</v>
      </c>
      <c r="AY3968">
        <v>0</v>
      </c>
      <c r="AZ3968">
        <v>0</v>
      </c>
      <c r="BA3968">
        <v>0</v>
      </c>
    </row>
    <row r="3969" spans="1:53" x14ac:dyDescent="0.4">
      <c r="A3969">
        <v>4013</v>
      </c>
      <c r="B3969" s="1">
        <v>44219</v>
      </c>
      <c r="C3969">
        <v>2</v>
      </c>
      <c r="D3969" s="1">
        <v>44219.414583333331</v>
      </c>
      <c r="E3969" s="1">
        <v>44219.727777777778</v>
      </c>
      <c r="F3969">
        <v>26940</v>
      </c>
      <c r="G3969">
        <v>1920</v>
      </c>
      <c r="H3969">
        <v>0</v>
      </c>
      <c r="I3969">
        <v>0</v>
      </c>
      <c r="J3969">
        <v>0</v>
      </c>
      <c r="K3969">
        <v>0</v>
      </c>
      <c r="L3969">
        <v>0</v>
      </c>
      <c r="M3969">
        <v>2886</v>
      </c>
      <c r="N3969">
        <v>0</v>
      </c>
      <c r="O3969">
        <v>0</v>
      </c>
      <c r="P3969">
        <v>12397</v>
      </c>
      <c r="Q3969">
        <v>0</v>
      </c>
      <c r="R3969">
        <v>44143</v>
      </c>
      <c r="S3969">
        <v>0</v>
      </c>
      <c r="T3969">
        <v>0</v>
      </c>
      <c r="U3969">
        <v>0</v>
      </c>
      <c r="V3969">
        <v>2</v>
      </c>
      <c r="W3969">
        <v>2</v>
      </c>
      <c r="X3969">
        <v>0</v>
      </c>
      <c r="Y3969">
        <v>37</v>
      </c>
      <c r="Z3969">
        <v>19</v>
      </c>
      <c r="AA3969">
        <v>128</v>
      </c>
      <c r="AB3969">
        <v>58</v>
      </c>
      <c r="AC3969">
        <v>146</v>
      </c>
      <c r="AD3969">
        <v>78</v>
      </c>
      <c r="AE3969">
        <v>93</v>
      </c>
      <c r="AF3969">
        <v>0</v>
      </c>
      <c r="AG3969">
        <v>94143</v>
      </c>
      <c r="AH3969">
        <v>50000</v>
      </c>
      <c r="AI3969">
        <v>0</v>
      </c>
      <c r="AJ3969">
        <v>107</v>
      </c>
      <c r="AK3969" t="s">
        <v>40</v>
      </c>
      <c r="AL3969">
        <v>0</v>
      </c>
      <c r="AM3969">
        <v>0</v>
      </c>
      <c r="AN3969">
        <v>0</v>
      </c>
      <c r="AO3969">
        <v>0</v>
      </c>
      <c r="AP3969">
        <v>0</v>
      </c>
      <c r="AQ3969">
        <v>0</v>
      </c>
      <c r="AR3969">
        <v>0</v>
      </c>
      <c r="AS3969">
        <v>0</v>
      </c>
      <c r="AT3969">
        <v>0</v>
      </c>
      <c r="AU3969">
        <v>0</v>
      </c>
      <c r="AV3969">
        <v>0</v>
      </c>
      <c r="AW3969">
        <v>0</v>
      </c>
      <c r="AX3969">
        <v>748</v>
      </c>
      <c r="AY3969">
        <v>30</v>
      </c>
      <c r="AZ3969">
        <v>65</v>
      </c>
      <c r="BA3969">
        <v>4735</v>
      </c>
    </row>
    <row r="3970" spans="1:53" x14ac:dyDescent="0.4">
      <c r="A3970">
        <v>4014</v>
      </c>
      <c r="B3970" s="1">
        <v>44220</v>
      </c>
      <c r="C3970">
        <v>1</v>
      </c>
      <c r="D3970" s="1">
        <v>44220.291666666664</v>
      </c>
      <c r="E3970" s="1">
        <v>44220.413194444445</v>
      </c>
      <c r="F3970">
        <v>0</v>
      </c>
      <c r="G3970">
        <v>0</v>
      </c>
      <c r="H3970">
        <v>0</v>
      </c>
      <c r="I3970">
        <v>0</v>
      </c>
      <c r="J3970">
        <v>0</v>
      </c>
      <c r="K3970">
        <v>0</v>
      </c>
      <c r="L3970">
        <v>0</v>
      </c>
      <c r="M3970">
        <v>0</v>
      </c>
      <c r="N3970">
        <v>0</v>
      </c>
      <c r="O3970">
        <v>0</v>
      </c>
      <c r="P3970">
        <v>0</v>
      </c>
      <c r="Q3970">
        <v>0</v>
      </c>
      <c r="R3970">
        <v>0</v>
      </c>
      <c r="S3970">
        <v>0</v>
      </c>
      <c r="T3970">
        <v>0</v>
      </c>
      <c r="U3970">
        <v>0</v>
      </c>
      <c r="V3970">
        <v>0</v>
      </c>
      <c r="W3970">
        <v>0</v>
      </c>
      <c r="X3970">
        <v>0</v>
      </c>
      <c r="Y3970">
        <v>29</v>
      </c>
      <c r="Z3970">
        <v>9</v>
      </c>
      <c r="AA3970">
        <v>119</v>
      </c>
      <c r="AB3970">
        <v>55</v>
      </c>
      <c r="AC3970">
        <v>138</v>
      </c>
      <c r="AD3970">
        <v>77</v>
      </c>
      <c r="AE3970">
        <v>85</v>
      </c>
      <c r="AF3970">
        <v>0</v>
      </c>
      <c r="AG3970">
        <v>50000</v>
      </c>
      <c r="AH3970">
        <v>50000</v>
      </c>
      <c r="AI3970">
        <v>0</v>
      </c>
      <c r="AJ3970">
        <v>0</v>
      </c>
      <c r="AK3970" t="s">
        <v>6</v>
      </c>
      <c r="AL3970">
        <v>0</v>
      </c>
      <c r="AM3970">
        <v>0</v>
      </c>
      <c r="AN3970">
        <v>0</v>
      </c>
      <c r="AO3970">
        <v>0</v>
      </c>
      <c r="AP3970">
        <v>0</v>
      </c>
      <c r="AQ3970">
        <v>0</v>
      </c>
      <c r="AR3970">
        <v>0</v>
      </c>
      <c r="AS3970">
        <v>0</v>
      </c>
      <c r="AT3970">
        <v>0</v>
      </c>
      <c r="AU3970">
        <v>0</v>
      </c>
      <c r="AV3970">
        <v>0</v>
      </c>
      <c r="AW3970">
        <v>0</v>
      </c>
      <c r="AX3970">
        <v>0</v>
      </c>
      <c r="AY3970">
        <v>0</v>
      </c>
      <c r="AZ3970">
        <v>0</v>
      </c>
      <c r="BA3970">
        <v>0</v>
      </c>
    </row>
    <row r="3971" spans="1:53" x14ac:dyDescent="0.4">
      <c r="A3971">
        <v>4015</v>
      </c>
      <c r="B3971" s="1">
        <v>44220</v>
      </c>
      <c r="C3971">
        <v>2</v>
      </c>
      <c r="D3971" s="1">
        <v>44220.413194444445</v>
      </c>
      <c r="E3971" s="1">
        <v>44220.739583333336</v>
      </c>
      <c r="F3971">
        <v>23650</v>
      </c>
      <c r="G3971">
        <v>4300</v>
      </c>
      <c r="H3971">
        <v>0</v>
      </c>
      <c r="I3971">
        <v>0</v>
      </c>
      <c r="J3971">
        <v>0</v>
      </c>
      <c r="K3971">
        <v>0</v>
      </c>
      <c r="L3971">
        <v>0</v>
      </c>
      <c r="M3971">
        <v>2795</v>
      </c>
      <c r="N3971">
        <v>0</v>
      </c>
      <c r="O3971">
        <v>0</v>
      </c>
      <c r="P3971">
        <v>13442</v>
      </c>
      <c r="Q3971">
        <v>0</v>
      </c>
      <c r="R3971">
        <v>44187</v>
      </c>
      <c r="S3971">
        <v>0</v>
      </c>
      <c r="T3971">
        <v>0</v>
      </c>
      <c r="U3971">
        <v>0</v>
      </c>
      <c r="V3971">
        <v>1</v>
      </c>
      <c r="W3971">
        <v>1</v>
      </c>
      <c r="X3971">
        <v>0</v>
      </c>
      <c r="Y3971">
        <v>55</v>
      </c>
      <c r="Z3971">
        <v>15</v>
      </c>
      <c r="AA3971">
        <v>91</v>
      </c>
      <c r="AB3971">
        <v>53</v>
      </c>
      <c r="AC3971">
        <v>140</v>
      </c>
      <c r="AD3971">
        <v>86</v>
      </c>
      <c r="AE3971">
        <v>82</v>
      </c>
      <c r="AF3971">
        <v>3025</v>
      </c>
      <c r="AG3971">
        <v>94187</v>
      </c>
      <c r="AH3971">
        <v>50000</v>
      </c>
      <c r="AI3971">
        <v>0</v>
      </c>
      <c r="AJ3971">
        <v>107</v>
      </c>
      <c r="AK3971" t="s">
        <v>40</v>
      </c>
      <c r="AL3971">
        <v>0</v>
      </c>
      <c r="AM3971">
        <v>0</v>
      </c>
      <c r="AN3971">
        <v>0</v>
      </c>
      <c r="AO3971">
        <v>0</v>
      </c>
      <c r="AP3971">
        <v>0</v>
      </c>
      <c r="AQ3971">
        <v>0</v>
      </c>
      <c r="AR3971">
        <v>0</v>
      </c>
      <c r="AS3971">
        <v>0</v>
      </c>
      <c r="AT3971">
        <v>0</v>
      </c>
      <c r="AU3971">
        <v>0</v>
      </c>
      <c r="AV3971">
        <v>0</v>
      </c>
      <c r="AW3971">
        <v>0</v>
      </c>
      <c r="AX3971">
        <v>440</v>
      </c>
      <c r="AY3971">
        <v>31</v>
      </c>
      <c r="AZ3971">
        <v>62</v>
      </c>
      <c r="BA3971">
        <v>4846</v>
      </c>
    </row>
    <row r="3972" spans="1:53" x14ac:dyDescent="0.4">
      <c r="A3972">
        <v>4016</v>
      </c>
      <c r="B3972" s="1">
        <v>44221</v>
      </c>
      <c r="C3972">
        <v>1</v>
      </c>
      <c r="D3972" s="1">
        <v>44221.291666666664</v>
      </c>
      <c r="E3972" s="1">
        <v>44221.747916666667</v>
      </c>
      <c r="F3972">
        <v>17220</v>
      </c>
      <c r="G3972">
        <v>400</v>
      </c>
      <c r="H3972">
        <v>0</v>
      </c>
      <c r="I3972">
        <v>0</v>
      </c>
      <c r="J3972">
        <v>0</v>
      </c>
      <c r="K3972">
        <v>0</v>
      </c>
      <c r="L3972">
        <v>0</v>
      </c>
      <c r="M3972">
        <v>1762</v>
      </c>
      <c r="N3972">
        <v>0</v>
      </c>
      <c r="O3972">
        <v>0</v>
      </c>
      <c r="P3972">
        <v>6226</v>
      </c>
      <c r="Q3972">
        <v>0</v>
      </c>
      <c r="R3972">
        <v>25608</v>
      </c>
      <c r="S3972">
        <v>0</v>
      </c>
      <c r="T3972">
        <v>0</v>
      </c>
      <c r="U3972">
        <v>0</v>
      </c>
      <c r="V3972">
        <v>0</v>
      </c>
      <c r="W3972">
        <v>2</v>
      </c>
      <c r="X3972">
        <v>0</v>
      </c>
      <c r="Y3972">
        <v>40</v>
      </c>
      <c r="Z3972">
        <v>18</v>
      </c>
      <c r="AA3972">
        <v>103</v>
      </c>
      <c r="AB3972">
        <v>46</v>
      </c>
      <c r="AC3972">
        <v>136</v>
      </c>
      <c r="AD3972">
        <v>83</v>
      </c>
      <c r="AE3972">
        <v>93</v>
      </c>
      <c r="AF3972">
        <v>2140</v>
      </c>
      <c r="AG3972">
        <v>75608</v>
      </c>
      <c r="AH3972">
        <v>50000</v>
      </c>
      <c r="AI3972">
        <v>0</v>
      </c>
      <c r="AJ3972">
        <v>107</v>
      </c>
      <c r="AK3972" t="s">
        <v>40</v>
      </c>
      <c r="AL3972">
        <v>0</v>
      </c>
      <c r="AM3972">
        <v>0</v>
      </c>
      <c r="AN3972">
        <v>0</v>
      </c>
      <c r="AO3972">
        <v>0</v>
      </c>
      <c r="AP3972">
        <v>0</v>
      </c>
      <c r="AQ3972">
        <v>0</v>
      </c>
      <c r="AR3972">
        <v>0</v>
      </c>
      <c r="AS3972">
        <v>0</v>
      </c>
      <c r="AT3972">
        <v>0</v>
      </c>
      <c r="AU3972">
        <v>0</v>
      </c>
      <c r="AV3972">
        <v>0</v>
      </c>
      <c r="AW3972">
        <v>0</v>
      </c>
      <c r="AX3972">
        <v>0</v>
      </c>
      <c r="AY3972">
        <v>22</v>
      </c>
      <c r="AZ3972">
        <v>42</v>
      </c>
      <c r="BA3972">
        <v>3101</v>
      </c>
    </row>
    <row r="3973" spans="1:53" x14ac:dyDescent="0.4">
      <c r="A3973">
        <v>4017</v>
      </c>
      <c r="B3973" s="1">
        <v>44222</v>
      </c>
      <c r="C3973">
        <v>1</v>
      </c>
      <c r="D3973" s="1">
        <v>44222.291666666664</v>
      </c>
      <c r="E3973" s="1">
        <v>44222.420138888891</v>
      </c>
      <c r="F3973">
        <v>0</v>
      </c>
      <c r="G3973">
        <v>0</v>
      </c>
      <c r="H3973">
        <v>0</v>
      </c>
      <c r="I3973">
        <v>0</v>
      </c>
      <c r="J3973">
        <v>0</v>
      </c>
      <c r="K3973">
        <v>0</v>
      </c>
      <c r="L3973">
        <v>0</v>
      </c>
      <c r="M3973">
        <v>0</v>
      </c>
      <c r="N3973">
        <v>0</v>
      </c>
      <c r="O3973">
        <v>0</v>
      </c>
      <c r="P3973">
        <v>0</v>
      </c>
      <c r="Q3973">
        <v>0</v>
      </c>
      <c r="R3973">
        <v>0</v>
      </c>
      <c r="S3973">
        <v>0</v>
      </c>
      <c r="T3973">
        <v>0</v>
      </c>
      <c r="U3973">
        <v>0</v>
      </c>
      <c r="V3973">
        <v>0</v>
      </c>
      <c r="W3973">
        <v>0</v>
      </c>
      <c r="X3973">
        <v>0</v>
      </c>
      <c r="Y3973">
        <v>30</v>
      </c>
      <c r="Z3973">
        <v>12</v>
      </c>
      <c r="AA3973">
        <v>101</v>
      </c>
      <c r="AB3973">
        <v>41</v>
      </c>
      <c r="AC3973">
        <v>135</v>
      </c>
      <c r="AD3973">
        <v>82</v>
      </c>
      <c r="AE3973">
        <v>90</v>
      </c>
      <c r="AF3973">
        <v>0</v>
      </c>
      <c r="AG3973">
        <v>50000</v>
      </c>
      <c r="AH3973">
        <v>50000</v>
      </c>
      <c r="AI3973">
        <v>0</v>
      </c>
      <c r="AJ3973">
        <v>0</v>
      </c>
      <c r="AK3973" t="s">
        <v>6</v>
      </c>
      <c r="AL3973">
        <v>0</v>
      </c>
      <c r="AM3973">
        <v>0</v>
      </c>
      <c r="AN3973">
        <v>0</v>
      </c>
      <c r="AO3973">
        <v>0</v>
      </c>
      <c r="AP3973">
        <v>0</v>
      </c>
      <c r="AQ3973">
        <v>0</v>
      </c>
      <c r="AR3973">
        <v>0</v>
      </c>
      <c r="AS3973">
        <v>0</v>
      </c>
      <c r="AT3973">
        <v>0</v>
      </c>
      <c r="AU3973">
        <v>0</v>
      </c>
      <c r="AV3973">
        <v>0</v>
      </c>
      <c r="AW3973">
        <v>0</v>
      </c>
      <c r="AX3973">
        <v>0</v>
      </c>
      <c r="AY3973">
        <v>0</v>
      </c>
      <c r="AZ3973">
        <v>0</v>
      </c>
      <c r="BA3973">
        <v>0</v>
      </c>
    </row>
    <row r="3974" spans="1:53" x14ac:dyDescent="0.4">
      <c r="A3974">
        <v>4018</v>
      </c>
      <c r="B3974" s="1">
        <v>44222</v>
      </c>
      <c r="C3974">
        <v>2</v>
      </c>
      <c r="D3974" s="1">
        <v>44222.420138888891</v>
      </c>
      <c r="E3974" s="1">
        <v>44222.737500000003</v>
      </c>
      <c r="F3974">
        <v>20220</v>
      </c>
      <c r="G3974">
        <v>1480</v>
      </c>
      <c r="H3974">
        <v>0</v>
      </c>
      <c r="I3974">
        <v>0</v>
      </c>
      <c r="J3974">
        <v>500</v>
      </c>
      <c r="K3974">
        <v>0</v>
      </c>
      <c r="L3974">
        <v>0</v>
      </c>
      <c r="M3974">
        <v>2120</v>
      </c>
      <c r="N3974">
        <v>0</v>
      </c>
      <c r="O3974">
        <v>0</v>
      </c>
      <c r="P3974">
        <v>11825</v>
      </c>
      <c r="Q3974">
        <v>0</v>
      </c>
      <c r="R3974">
        <v>35145</v>
      </c>
      <c r="S3974">
        <v>0</v>
      </c>
      <c r="T3974">
        <v>0</v>
      </c>
      <c r="U3974">
        <v>0</v>
      </c>
      <c r="V3974">
        <v>1</v>
      </c>
      <c r="W3974">
        <v>0</v>
      </c>
      <c r="X3974">
        <v>0</v>
      </c>
      <c r="Y3974">
        <v>54</v>
      </c>
      <c r="Z3974">
        <v>18</v>
      </c>
      <c r="AA3974">
        <v>84</v>
      </c>
      <c r="AB3974">
        <v>38</v>
      </c>
      <c r="AC3974">
        <v>137</v>
      </c>
      <c r="AD3974">
        <v>73</v>
      </c>
      <c r="AE3974">
        <v>110</v>
      </c>
      <c r="AF3974">
        <v>0</v>
      </c>
      <c r="AG3974">
        <v>85145</v>
      </c>
      <c r="AH3974">
        <v>50000</v>
      </c>
      <c r="AI3974">
        <v>0</v>
      </c>
      <c r="AJ3974">
        <v>107</v>
      </c>
      <c r="AK3974" t="s">
        <v>40</v>
      </c>
      <c r="AL3974">
        <v>0</v>
      </c>
      <c r="AM3974">
        <v>0</v>
      </c>
      <c r="AN3974">
        <v>0</v>
      </c>
      <c r="AO3974">
        <v>0</v>
      </c>
      <c r="AP3974">
        <v>0</v>
      </c>
      <c r="AQ3974">
        <v>0</v>
      </c>
      <c r="AR3974">
        <v>0</v>
      </c>
      <c r="AS3974">
        <v>0</v>
      </c>
      <c r="AT3974">
        <v>0</v>
      </c>
      <c r="AU3974">
        <v>0</v>
      </c>
      <c r="AV3974">
        <v>0</v>
      </c>
      <c r="AW3974">
        <v>0</v>
      </c>
      <c r="AX3974">
        <v>-1056</v>
      </c>
      <c r="AY3974">
        <v>29</v>
      </c>
      <c r="AZ3974">
        <v>51</v>
      </c>
      <c r="BA3974">
        <v>4716</v>
      </c>
    </row>
    <row r="3975" spans="1:53" x14ac:dyDescent="0.4">
      <c r="A3975">
        <v>4019</v>
      </c>
      <c r="B3975" s="1">
        <v>44223</v>
      </c>
      <c r="C3975">
        <v>1</v>
      </c>
      <c r="D3975" s="1">
        <v>44223.291666666664</v>
      </c>
      <c r="E3975" s="1">
        <v>44223.441666666666</v>
      </c>
      <c r="F3975">
        <v>0</v>
      </c>
      <c r="G3975">
        <v>0</v>
      </c>
      <c r="H3975">
        <v>0</v>
      </c>
      <c r="I3975">
        <v>0</v>
      </c>
      <c r="J3975">
        <v>0</v>
      </c>
      <c r="K3975">
        <v>0</v>
      </c>
      <c r="L3975">
        <v>0</v>
      </c>
      <c r="M3975">
        <v>0</v>
      </c>
      <c r="N3975">
        <v>0</v>
      </c>
      <c r="O3975">
        <v>0</v>
      </c>
      <c r="P3975">
        <v>0</v>
      </c>
      <c r="Q3975">
        <v>0</v>
      </c>
      <c r="R3975">
        <v>0</v>
      </c>
      <c r="S3975">
        <v>0</v>
      </c>
      <c r="T3975">
        <v>0</v>
      </c>
      <c r="U3975">
        <v>0</v>
      </c>
      <c r="V3975">
        <v>0</v>
      </c>
      <c r="W3975">
        <v>0</v>
      </c>
      <c r="X3975">
        <v>0</v>
      </c>
      <c r="Y3975">
        <v>25</v>
      </c>
      <c r="Z3975">
        <v>9</v>
      </c>
      <c r="AA3975">
        <v>143</v>
      </c>
      <c r="AB3975">
        <v>88</v>
      </c>
      <c r="AC3975">
        <v>137</v>
      </c>
      <c r="AD3975">
        <v>66</v>
      </c>
      <c r="AE3975">
        <v>100</v>
      </c>
      <c r="AF3975">
        <v>0</v>
      </c>
      <c r="AG3975">
        <v>50000</v>
      </c>
      <c r="AH3975">
        <v>50000</v>
      </c>
      <c r="AI3975">
        <v>0</v>
      </c>
      <c r="AJ3975">
        <v>0</v>
      </c>
      <c r="AK3975" t="s">
        <v>6</v>
      </c>
      <c r="AL3975">
        <v>0</v>
      </c>
      <c r="AM3975">
        <v>0</v>
      </c>
      <c r="AN3975">
        <v>0</v>
      </c>
      <c r="AO3975">
        <v>0</v>
      </c>
      <c r="AP3975">
        <v>0</v>
      </c>
      <c r="AQ3975">
        <v>0</v>
      </c>
      <c r="AR3975">
        <v>0</v>
      </c>
      <c r="AS3975">
        <v>0</v>
      </c>
      <c r="AT3975">
        <v>0</v>
      </c>
      <c r="AU3975">
        <v>0</v>
      </c>
      <c r="AV3975">
        <v>0</v>
      </c>
      <c r="AW3975">
        <v>0</v>
      </c>
      <c r="AX3975">
        <v>0</v>
      </c>
      <c r="AY3975">
        <v>0</v>
      </c>
      <c r="AZ3975">
        <v>0</v>
      </c>
      <c r="BA3975">
        <v>0</v>
      </c>
    </row>
    <row r="3976" spans="1:53" x14ac:dyDescent="0.4">
      <c r="A3976">
        <v>4020</v>
      </c>
      <c r="B3976" s="1">
        <v>44223</v>
      </c>
      <c r="C3976">
        <v>2</v>
      </c>
      <c r="D3976" s="1">
        <v>44223.441666666666</v>
      </c>
      <c r="E3976" s="1">
        <v>44223.741666666669</v>
      </c>
      <c r="F3976">
        <v>16170</v>
      </c>
      <c r="G3976">
        <v>2530</v>
      </c>
      <c r="H3976">
        <v>0</v>
      </c>
      <c r="I3976">
        <v>0</v>
      </c>
      <c r="J3976">
        <v>100</v>
      </c>
      <c r="K3976">
        <v>0</v>
      </c>
      <c r="L3976">
        <v>0</v>
      </c>
      <c r="M3976">
        <v>1860</v>
      </c>
      <c r="N3976">
        <v>0</v>
      </c>
      <c r="O3976">
        <v>0</v>
      </c>
      <c r="P3976">
        <v>10087</v>
      </c>
      <c r="Q3976">
        <v>0</v>
      </c>
      <c r="R3976">
        <v>30547</v>
      </c>
      <c r="S3976">
        <v>0</v>
      </c>
      <c r="T3976">
        <v>0</v>
      </c>
      <c r="U3976">
        <v>0</v>
      </c>
      <c r="V3976">
        <v>0</v>
      </c>
      <c r="W3976">
        <v>0</v>
      </c>
      <c r="X3976">
        <v>0</v>
      </c>
      <c r="Y3976">
        <v>53</v>
      </c>
      <c r="Z3976">
        <v>16</v>
      </c>
      <c r="AA3976">
        <v>132</v>
      </c>
      <c r="AB3976">
        <v>88</v>
      </c>
      <c r="AC3976">
        <v>146</v>
      </c>
      <c r="AD3976">
        <v>70</v>
      </c>
      <c r="AE3976">
        <v>137</v>
      </c>
      <c r="AF3976">
        <v>0</v>
      </c>
      <c r="AG3976">
        <v>80547</v>
      </c>
      <c r="AH3976">
        <v>50000</v>
      </c>
      <c r="AI3976">
        <v>0</v>
      </c>
      <c r="AJ3976">
        <v>84</v>
      </c>
      <c r="AK3976" t="s">
        <v>16</v>
      </c>
      <c r="AL3976">
        <v>0</v>
      </c>
      <c r="AM3976">
        <v>0</v>
      </c>
      <c r="AN3976">
        <v>0</v>
      </c>
      <c r="AO3976">
        <v>0</v>
      </c>
      <c r="AP3976">
        <v>0</v>
      </c>
      <c r="AQ3976">
        <v>0</v>
      </c>
      <c r="AR3976">
        <v>0</v>
      </c>
      <c r="AS3976">
        <v>0</v>
      </c>
      <c r="AT3976">
        <v>0</v>
      </c>
      <c r="AU3976">
        <v>0</v>
      </c>
      <c r="AV3976">
        <v>0</v>
      </c>
      <c r="AW3976">
        <v>0</v>
      </c>
      <c r="AX3976">
        <v>1034</v>
      </c>
      <c r="AY3976">
        <v>20</v>
      </c>
      <c r="AZ3976">
        <v>42</v>
      </c>
      <c r="BA3976">
        <v>3216</v>
      </c>
    </row>
    <row r="3977" spans="1:53" x14ac:dyDescent="0.4">
      <c r="A3977">
        <v>4021</v>
      </c>
      <c r="B3977" s="1">
        <v>44224</v>
      </c>
      <c r="C3977">
        <v>1</v>
      </c>
      <c r="D3977" s="1">
        <v>44224.291666666664</v>
      </c>
      <c r="E3977" s="1">
        <v>44224.413194444445</v>
      </c>
      <c r="F3977">
        <v>0</v>
      </c>
      <c r="G3977">
        <v>0</v>
      </c>
      <c r="H3977">
        <v>0</v>
      </c>
      <c r="I3977">
        <v>0</v>
      </c>
      <c r="J3977">
        <v>0</v>
      </c>
      <c r="K3977">
        <v>0</v>
      </c>
      <c r="L3977">
        <v>0</v>
      </c>
      <c r="M3977">
        <v>0</v>
      </c>
      <c r="N3977">
        <v>0</v>
      </c>
      <c r="O3977">
        <v>0</v>
      </c>
      <c r="P3977">
        <v>0</v>
      </c>
      <c r="Q3977">
        <v>0</v>
      </c>
      <c r="R3977">
        <v>0</v>
      </c>
      <c r="S3977">
        <v>0</v>
      </c>
      <c r="T3977">
        <v>0</v>
      </c>
      <c r="U3977">
        <v>0</v>
      </c>
      <c r="V3977">
        <v>0</v>
      </c>
      <c r="W3977">
        <v>0</v>
      </c>
      <c r="X3977">
        <v>0</v>
      </c>
      <c r="Y3977">
        <v>26</v>
      </c>
      <c r="Z3977">
        <v>10</v>
      </c>
      <c r="AA3977">
        <v>127</v>
      </c>
      <c r="AB3977">
        <v>89</v>
      </c>
      <c r="AC3977">
        <v>140</v>
      </c>
      <c r="AD3977">
        <v>63</v>
      </c>
      <c r="AE3977">
        <v>135</v>
      </c>
      <c r="AF3977">
        <v>0</v>
      </c>
      <c r="AG3977">
        <v>50000</v>
      </c>
      <c r="AH3977">
        <v>50000</v>
      </c>
      <c r="AI3977">
        <v>0</v>
      </c>
      <c r="AJ3977">
        <v>0</v>
      </c>
      <c r="AK3977" t="s">
        <v>6</v>
      </c>
      <c r="AL3977">
        <v>0</v>
      </c>
      <c r="AM3977">
        <v>0</v>
      </c>
      <c r="AN3977">
        <v>0</v>
      </c>
      <c r="AO3977">
        <v>0</v>
      </c>
      <c r="AP3977">
        <v>0</v>
      </c>
      <c r="AQ3977">
        <v>0</v>
      </c>
      <c r="AR3977">
        <v>0</v>
      </c>
      <c r="AS3977">
        <v>0</v>
      </c>
      <c r="AT3977">
        <v>0</v>
      </c>
      <c r="AU3977">
        <v>0</v>
      </c>
      <c r="AV3977">
        <v>0</v>
      </c>
      <c r="AW3977">
        <v>0</v>
      </c>
      <c r="AX3977">
        <v>0</v>
      </c>
      <c r="AY3977">
        <v>0</v>
      </c>
      <c r="AZ3977">
        <v>0</v>
      </c>
      <c r="BA3977">
        <v>0</v>
      </c>
    </row>
    <row r="3978" spans="1:53" x14ac:dyDescent="0.4">
      <c r="A3978">
        <v>4022</v>
      </c>
      <c r="B3978" s="1">
        <v>44224</v>
      </c>
      <c r="C3978">
        <v>2</v>
      </c>
      <c r="D3978" s="1">
        <v>44224.413194444445</v>
      </c>
      <c r="E3978" s="1">
        <v>44224.743750000001</v>
      </c>
      <c r="F3978">
        <v>7890</v>
      </c>
      <c r="G3978">
        <v>0</v>
      </c>
      <c r="H3978">
        <v>0</v>
      </c>
      <c r="I3978">
        <v>0</v>
      </c>
      <c r="J3978">
        <v>0</v>
      </c>
      <c r="K3978">
        <v>0</v>
      </c>
      <c r="L3978">
        <v>0</v>
      </c>
      <c r="M3978">
        <v>789</v>
      </c>
      <c r="N3978">
        <v>0</v>
      </c>
      <c r="O3978">
        <v>0</v>
      </c>
      <c r="P3978">
        <v>9251</v>
      </c>
      <c r="Q3978">
        <v>0</v>
      </c>
      <c r="R3978">
        <v>17930</v>
      </c>
      <c r="S3978">
        <v>0</v>
      </c>
      <c r="T3978">
        <v>0</v>
      </c>
      <c r="U3978">
        <v>0</v>
      </c>
      <c r="V3978">
        <v>0</v>
      </c>
      <c r="W3978">
        <v>1</v>
      </c>
      <c r="X3978">
        <v>0</v>
      </c>
      <c r="Y3978">
        <v>39</v>
      </c>
      <c r="Z3978">
        <v>10</v>
      </c>
      <c r="AA3978">
        <v>126</v>
      </c>
      <c r="AB3978">
        <v>91</v>
      </c>
      <c r="AC3978">
        <v>133</v>
      </c>
      <c r="AD3978">
        <v>64</v>
      </c>
      <c r="AE3978">
        <v>130</v>
      </c>
      <c r="AF3978">
        <v>0</v>
      </c>
      <c r="AG3978">
        <v>67930</v>
      </c>
      <c r="AH3978">
        <v>50000</v>
      </c>
      <c r="AI3978">
        <v>0</v>
      </c>
      <c r="AJ3978">
        <v>107</v>
      </c>
      <c r="AK3978" t="s">
        <v>40</v>
      </c>
      <c r="AL3978">
        <v>0</v>
      </c>
      <c r="AM3978">
        <v>0</v>
      </c>
      <c r="AN3978">
        <v>0</v>
      </c>
      <c r="AO3978">
        <v>0</v>
      </c>
      <c r="AP3978">
        <v>0</v>
      </c>
      <c r="AQ3978">
        <v>0</v>
      </c>
      <c r="AR3978">
        <v>0</v>
      </c>
      <c r="AS3978">
        <v>0</v>
      </c>
      <c r="AT3978">
        <v>0</v>
      </c>
      <c r="AU3978">
        <v>0</v>
      </c>
      <c r="AV3978">
        <v>0</v>
      </c>
      <c r="AW3978">
        <v>0</v>
      </c>
      <c r="AX3978">
        <v>0</v>
      </c>
      <c r="AY3978">
        <v>18</v>
      </c>
      <c r="AZ3978">
        <v>27</v>
      </c>
      <c r="BA3978">
        <v>2517</v>
      </c>
    </row>
    <row r="3979" spans="1:53" x14ac:dyDescent="0.4">
      <c r="A3979">
        <v>4023</v>
      </c>
      <c r="B3979" s="1">
        <v>44225</v>
      </c>
      <c r="C3979">
        <v>1</v>
      </c>
      <c r="D3979" s="1">
        <v>44225.291666666664</v>
      </c>
      <c r="E3979" s="1">
        <v>44225.443749999999</v>
      </c>
      <c r="F3979">
        <v>0</v>
      </c>
      <c r="G3979">
        <v>0</v>
      </c>
      <c r="H3979">
        <v>0</v>
      </c>
      <c r="I3979">
        <v>0</v>
      </c>
      <c r="J3979">
        <v>0</v>
      </c>
      <c r="K3979">
        <v>0</v>
      </c>
      <c r="L3979">
        <v>0</v>
      </c>
      <c r="M3979">
        <v>0</v>
      </c>
      <c r="N3979">
        <v>0</v>
      </c>
      <c r="O3979">
        <v>0</v>
      </c>
      <c r="P3979">
        <v>0</v>
      </c>
      <c r="Q3979">
        <v>0</v>
      </c>
      <c r="R3979">
        <v>0</v>
      </c>
      <c r="S3979">
        <v>0</v>
      </c>
      <c r="T3979">
        <v>0</v>
      </c>
      <c r="U3979">
        <v>0</v>
      </c>
      <c r="V3979">
        <v>0</v>
      </c>
      <c r="W3979">
        <v>0</v>
      </c>
      <c r="X3979">
        <v>0</v>
      </c>
      <c r="Y3979">
        <v>27</v>
      </c>
      <c r="Z3979">
        <v>9</v>
      </c>
      <c r="AA3979">
        <v>122</v>
      </c>
      <c r="AB3979">
        <v>91</v>
      </c>
      <c r="AC3979">
        <v>130</v>
      </c>
      <c r="AD3979">
        <v>64</v>
      </c>
      <c r="AE3979">
        <v>130</v>
      </c>
      <c r="AF3979">
        <v>0</v>
      </c>
      <c r="AG3979">
        <v>50000</v>
      </c>
      <c r="AH3979">
        <v>50000</v>
      </c>
      <c r="AI3979">
        <v>0</v>
      </c>
      <c r="AJ3979">
        <v>0</v>
      </c>
      <c r="AK3979" t="s">
        <v>6</v>
      </c>
      <c r="AL3979">
        <v>0</v>
      </c>
      <c r="AM3979">
        <v>0</v>
      </c>
      <c r="AN3979">
        <v>0</v>
      </c>
      <c r="AO3979">
        <v>0</v>
      </c>
      <c r="AP3979">
        <v>0</v>
      </c>
      <c r="AQ3979">
        <v>0</v>
      </c>
      <c r="AR3979">
        <v>0</v>
      </c>
      <c r="AS3979">
        <v>0</v>
      </c>
      <c r="AT3979">
        <v>0</v>
      </c>
      <c r="AU3979">
        <v>0</v>
      </c>
      <c r="AV3979">
        <v>0</v>
      </c>
      <c r="AW3979">
        <v>0</v>
      </c>
      <c r="AX3979">
        <v>0</v>
      </c>
      <c r="AY3979">
        <v>0</v>
      </c>
      <c r="AZ3979">
        <v>0</v>
      </c>
      <c r="BA3979">
        <v>0</v>
      </c>
    </row>
    <row r="3980" spans="1:53" x14ac:dyDescent="0.4">
      <c r="A3980">
        <v>4024</v>
      </c>
      <c r="B3980" s="1">
        <v>44225</v>
      </c>
      <c r="C3980">
        <v>2</v>
      </c>
      <c r="D3980" s="1">
        <v>44225.443749999999</v>
      </c>
      <c r="E3980" s="1">
        <v>44225.739583333336</v>
      </c>
      <c r="F3980">
        <v>17080</v>
      </c>
      <c r="G3980">
        <v>280</v>
      </c>
      <c r="H3980">
        <v>0</v>
      </c>
      <c r="I3980">
        <v>0</v>
      </c>
      <c r="J3980">
        <v>0</v>
      </c>
      <c r="K3980">
        <v>0</v>
      </c>
      <c r="L3980">
        <v>0</v>
      </c>
      <c r="M3980">
        <v>1736</v>
      </c>
      <c r="N3980">
        <v>0</v>
      </c>
      <c r="O3980">
        <v>0</v>
      </c>
      <c r="P3980">
        <v>19888</v>
      </c>
      <c r="Q3980">
        <v>0</v>
      </c>
      <c r="R3980">
        <v>38984</v>
      </c>
      <c r="S3980">
        <v>0</v>
      </c>
      <c r="T3980">
        <v>0</v>
      </c>
      <c r="U3980">
        <v>0</v>
      </c>
      <c r="V3980">
        <v>2</v>
      </c>
      <c r="W3980">
        <v>0</v>
      </c>
      <c r="X3980">
        <v>0</v>
      </c>
      <c r="Y3980">
        <v>48</v>
      </c>
      <c r="Z3980">
        <v>12</v>
      </c>
      <c r="AA3980">
        <v>95</v>
      </c>
      <c r="AB3980">
        <v>82</v>
      </c>
      <c r="AC3980">
        <v>96</v>
      </c>
      <c r="AD3980">
        <v>57</v>
      </c>
      <c r="AE3980">
        <v>139</v>
      </c>
      <c r="AF3980">
        <v>0</v>
      </c>
      <c r="AG3980">
        <v>88984</v>
      </c>
      <c r="AH3980">
        <v>50000</v>
      </c>
      <c r="AI3980">
        <v>0</v>
      </c>
      <c r="AJ3980">
        <v>84</v>
      </c>
      <c r="AK3980" t="s">
        <v>16</v>
      </c>
      <c r="AL3980">
        <v>0</v>
      </c>
      <c r="AM3980">
        <v>0</v>
      </c>
      <c r="AN3980">
        <v>0</v>
      </c>
      <c r="AO3980">
        <v>0</v>
      </c>
      <c r="AP3980">
        <v>0</v>
      </c>
      <c r="AQ3980">
        <v>0</v>
      </c>
      <c r="AR3980">
        <v>0</v>
      </c>
      <c r="AS3980">
        <v>0</v>
      </c>
      <c r="AT3980">
        <v>0</v>
      </c>
      <c r="AU3980">
        <v>0</v>
      </c>
      <c r="AV3980">
        <v>0</v>
      </c>
      <c r="AW3980">
        <v>0</v>
      </c>
      <c r="AX3980">
        <v>0</v>
      </c>
      <c r="AY3980">
        <v>29</v>
      </c>
      <c r="AZ3980">
        <v>60</v>
      </c>
      <c r="BA3980">
        <v>4227</v>
      </c>
    </row>
    <row r="3981" spans="1:53" x14ac:dyDescent="0.4">
      <c r="A3981">
        <v>4025</v>
      </c>
      <c r="B3981" s="1">
        <v>44226</v>
      </c>
      <c r="C3981">
        <v>1</v>
      </c>
      <c r="D3981" s="1">
        <v>44226.291666666664</v>
      </c>
      <c r="E3981" s="1">
        <v>44226.413888888892</v>
      </c>
      <c r="F3981">
        <v>0</v>
      </c>
      <c r="G3981">
        <v>0</v>
      </c>
      <c r="H3981">
        <v>0</v>
      </c>
      <c r="I3981">
        <v>0</v>
      </c>
      <c r="J3981">
        <v>0</v>
      </c>
      <c r="K3981">
        <v>0</v>
      </c>
      <c r="L3981">
        <v>0</v>
      </c>
      <c r="M3981">
        <v>0</v>
      </c>
      <c r="N3981">
        <v>0</v>
      </c>
      <c r="O3981">
        <v>0</v>
      </c>
      <c r="P3981">
        <v>0</v>
      </c>
      <c r="Q3981">
        <v>0</v>
      </c>
      <c r="R3981">
        <v>0</v>
      </c>
      <c r="S3981">
        <v>0</v>
      </c>
      <c r="T3981">
        <v>0</v>
      </c>
      <c r="U3981">
        <v>0</v>
      </c>
      <c r="V3981">
        <v>0</v>
      </c>
      <c r="W3981">
        <v>0</v>
      </c>
      <c r="X3981">
        <v>0</v>
      </c>
      <c r="Y3981">
        <v>30</v>
      </c>
      <c r="Z3981">
        <v>6</v>
      </c>
      <c r="AA3981">
        <v>113</v>
      </c>
      <c r="AB3981">
        <v>74</v>
      </c>
      <c r="AC3981">
        <v>157</v>
      </c>
      <c r="AD3981">
        <v>58</v>
      </c>
      <c r="AE3981">
        <v>140</v>
      </c>
      <c r="AF3981">
        <v>0</v>
      </c>
      <c r="AG3981">
        <v>50000</v>
      </c>
      <c r="AH3981">
        <v>50000</v>
      </c>
      <c r="AI3981">
        <v>0</v>
      </c>
      <c r="AJ3981">
        <v>0</v>
      </c>
      <c r="AK3981" t="s">
        <v>6</v>
      </c>
      <c r="AL3981">
        <v>0</v>
      </c>
      <c r="AM3981">
        <v>0</v>
      </c>
      <c r="AN3981">
        <v>0</v>
      </c>
      <c r="AO3981">
        <v>0</v>
      </c>
      <c r="AP3981">
        <v>0</v>
      </c>
      <c r="AQ3981">
        <v>0</v>
      </c>
      <c r="AR3981">
        <v>0</v>
      </c>
      <c r="AS3981">
        <v>0</v>
      </c>
      <c r="AT3981">
        <v>0</v>
      </c>
      <c r="AU3981">
        <v>0</v>
      </c>
      <c r="AV3981">
        <v>0</v>
      </c>
      <c r="AW3981">
        <v>0</v>
      </c>
      <c r="AX3981">
        <v>0</v>
      </c>
      <c r="AY3981">
        <v>0</v>
      </c>
      <c r="AZ3981">
        <v>0</v>
      </c>
      <c r="BA3981">
        <v>0</v>
      </c>
    </row>
    <row r="3982" spans="1:53" x14ac:dyDescent="0.4">
      <c r="A3982">
        <v>4026</v>
      </c>
      <c r="B3982" s="1">
        <v>44226</v>
      </c>
      <c r="C3982">
        <v>2</v>
      </c>
      <c r="D3982" s="1">
        <v>44226.413888888892</v>
      </c>
      <c r="E3982" s="1">
        <v>44226.740972222222</v>
      </c>
      <c r="F3982">
        <v>25520</v>
      </c>
      <c r="G3982">
        <v>3800</v>
      </c>
      <c r="H3982">
        <v>0</v>
      </c>
      <c r="I3982">
        <v>0</v>
      </c>
      <c r="J3982">
        <v>100</v>
      </c>
      <c r="K3982">
        <v>0</v>
      </c>
      <c r="L3982">
        <v>0</v>
      </c>
      <c r="M3982">
        <v>2922</v>
      </c>
      <c r="N3982">
        <v>0</v>
      </c>
      <c r="O3982">
        <v>0</v>
      </c>
      <c r="P3982">
        <v>9988</v>
      </c>
      <c r="Q3982">
        <v>0</v>
      </c>
      <c r="R3982">
        <v>42130</v>
      </c>
      <c r="S3982">
        <v>0</v>
      </c>
      <c r="T3982">
        <v>0</v>
      </c>
      <c r="U3982">
        <v>0</v>
      </c>
      <c r="V3982">
        <v>1</v>
      </c>
      <c r="W3982">
        <v>0</v>
      </c>
      <c r="X3982">
        <v>0</v>
      </c>
      <c r="Y3982">
        <v>62</v>
      </c>
      <c r="Z3982">
        <v>3</v>
      </c>
      <c r="AA3982">
        <v>112</v>
      </c>
      <c r="AB3982">
        <v>68</v>
      </c>
      <c r="AC3982">
        <v>166</v>
      </c>
      <c r="AD3982">
        <v>66</v>
      </c>
      <c r="AE3982">
        <v>137</v>
      </c>
      <c r="AF3982">
        <v>1903</v>
      </c>
      <c r="AG3982">
        <v>92130</v>
      </c>
      <c r="AH3982">
        <v>50000</v>
      </c>
      <c r="AI3982">
        <v>0</v>
      </c>
      <c r="AJ3982">
        <v>107</v>
      </c>
      <c r="AK3982" t="s">
        <v>40</v>
      </c>
      <c r="AL3982">
        <v>0</v>
      </c>
      <c r="AM3982">
        <v>0</v>
      </c>
      <c r="AN3982">
        <v>0</v>
      </c>
      <c r="AO3982">
        <v>0</v>
      </c>
      <c r="AP3982">
        <v>0</v>
      </c>
      <c r="AQ3982">
        <v>0</v>
      </c>
      <c r="AR3982">
        <v>0</v>
      </c>
      <c r="AS3982">
        <v>0</v>
      </c>
      <c r="AT3982">
        <v>0</v>
      </c>
      <c r="AU3982">
        <v>0</v>
      </c>
      <c r="AV3982">
        <v>0</v>
      </c>
      <c r="AW3982">
        <v>0</v>
      </c>
      <c r="AX3982">
        <v>-462</v>
      </c>
      <c r="AY3982">
        <v>32</v>
      </c>
      <c r="AZ3982">
        <v>58</v>
      </c>
      <c r="BA3982">
        <v>5284</v>
      </c>
    </row>
    <row r="3983" spans="1:53" x14ac:dyDescent="0.4">
      <c r="A3983">
        <v>4027</v>
      </c>
      <c r="B3983" s="1">
        <v>44227</v>
      </c>
      <c r="C3983">
        <v>1</v>
      </c>
      <c r="D3983" s="1">
        <v>44227.291666666664</v>
      </c>
      <c r="E3983" s="1">
        <v>44227.442361111112</v>
      </c>
      <c r="F3983">
        <v>0</v>
      </c>
      <c r="G3983">
        <v>0</v>
      </c>
      <c r="H3983">
        <v>0</v>
      </c>
      <c r="I3983">
        <v>0</v>
      </c>
      <c r="J3983">
        <v>0</v>
      </c>
      <c r="K3983">
        <v>0</v>
      </c>
      <c r="L3983">
        <v>0</v>
      </c>
      <c r="M3983">
        <v>0</v>
      </c>
      <c r="N3983">
        <v>0</v>
      </c>
      <c r="O3983">
        <v>0</v>
      </c>
      <c r="P3983">
        <v>0</v>
      </c>
      <c r="Q3983">
        <v>0</v>
      </c>
      <c r="R3983">
        <v>0</v>
      </c>
      <c r="S3983">
        <v>0</v>
      </c>
      <c r="T3983">
        <v>0</v>
      </c>
      <c r="U3983">
        <v>0</v>
      </c>
      <c r="V3983">
        <v>0</v>
      </c>
      <c r="W3983">
        <v>0</v>
      </c>
      <c r="X3983">
        <v>0</v>
      </c>
      <c r="Y3983">
        <v>33</v>
      </c>
      <c r="Z3983">
        <v>2</v>
      </c>
      <c r="AA3983">
        <v>110</v>
      </c>
      <c r="AB3983">
        <v>58</v>
      </c>
      <c r="AC3983">
        <v>165</v>
      </c>
      <c r="AD3983">
        <v>63</v>
      </c>
      <c r="AE3983">
        <v>135</v>
      </c>
      <c r="AF3983">
        <v>0</v>
      </c>
      <c r="AG3983">
        <v>50000</v>
      </c>
      <c r="AH3983">
        <v>50000</v>
      </c>
      <c r="AI3983">
        <v>0</v>
      </c>
      <c r="AJ3983">
        <v>0</v>
      </c>
      <c r="AK3983" t="s">
        <v>6</v>
      </c>
      <c r="AL3983">
        <v>0</v>
      </c>
      <c r="AM3983">
        <v>0</v>
      </c>
      <c r="AN3983">
        <v>0</v>
      </c>
      <c r="AO3983">
        <v>0</v>
      </c>
      <c r="AP3983">
        <v>0</v>
      </c>
      <c r="AQ3983">
        <v>0</v>
      </c>
      <c r="AR3983">
        <v>0</v>
      </c>
      <c r="AS3983">
        <v>0</v>
      </c>
      <c r="AT3983">
        <v>0</v>
      </c>
      <c r="AU3983">
        <v>0</v>
      </c>
      <c r="AV3983">
        <v>0</v>
      </c>
      <c r="AW3983">
        <v>0</v>
      </c>
      <c r="AX3983">
        <v>0</v>
      </c>
      <c r="AY3983">
        <v>0</v>
      </c>
      <c r="AZ3983">
        <v>0</v>
      </c>
      <c r="BA3983">
        <v>0</v>
      </c>
    </row>
    <row r="3984" spans="1:53" x14ac:dyDescent="0.4">
      <c r="A3984">
        <v>4028</v>
      </c>
      <c r="B3984" s="1">
        <v>44228</v>
      </c>
      <c r="C3984">
        <v>1</v>
      </c>
      <c r="D3984" s="1">
        <v>44228.291666666664</v>
      </c>
      <c r="E3984" s="1">
        <v>44228.443055555559</v>
      </c>
      <c r="F3984">
        <v>0</v>
      </c>
      <c r="G3984">
        <v>0</v>
      </c>
      <c r="H3984">
        <v>0</v>
      </c>
      <c r="I3984">
        <v>0</v>
      </c>
      <c r="J3984">
        <v>0</v>
      </c>
      <c r="K3984">
        <v>0</v>
      </c>
      <c r="L3984">
        <v>0</v>
      </c>
      <c r="M3984">
        <v>0</v>
      </c>
      <c r="N3984">
        <v>0</v>
      </c>
      <c r="O3984">
        <v>0</v>
      </c>
      <c r="P3984">
        <v>0</v>
      </c>
      <c r="Q3984">
        <v>0</v>
      </c>
      <c r="R3984">
        <v>0</v>
      </c>
      <c r="S3984">
        <v>0</v>
      </c>
      <c r="T3984">
        <v>0</v>
      </c>
      <c r="U3984">
        <v>0</v>
      </c>
      <c r="V3984">
        <v>0</v>
      </c>
      <c r="W3984">
        <v>0</v>
      </c>
      <c r="X3984">
        <v>0</v>
      </c>
      <c r="Y3984">
        <v>28</v>
      </c>
      <c r="Z3984">
        <v>10</v>
      </c>
      <c r="AA3984">
        <v>128</v>
      </c>
      <c r="AB3984">
        <v>56</v>
      </c>
      <c r="AC3984">
        <v>100</v>
      </c>
      <c r="AD3984">
        <v>56</v>
      </c>
      <c r="AE3984">
        <v>120</v>
      </c>
      <c r="AF3984">
        <v>0</v>
      </c>
      <c r="AG3984">
        <v>50000</v>
      </c>
      <c r="AH3984">
        <v>50000</v>
      </c>
      <c r="AI3984">
        <v>0</v>
      </c>
      <c r="AJ3984">
        <v>0</v>
      </c>
      <c r="AK3984" t="s">
        <v>6</v>
      </c>
      <c r="AL3984">
        <v>0</v>
      </c>
      <c r="AM3984">
        <v>0</v>
      </c>
      <c r="AN3984">
        <v>0</v>
      </c>
      <c r="AO3984">
        <v>0</v>
      </c>
      <c r="AP3984">
        <v>0</v>
      </c>
      <c r="AQ3984">
        <v>0</v>
      </c>
      <c r="AR3984">
        <v>0</v>
      </c>
      <c r="AS3984">
        <v>0</v>
      </c>
      <c r="AT3984">
        <v>0</v>
      </c>
      <c r="AU3984">
        <v>0</v>
      </c>
      <c r="AV3984">
        <v>0</v>
      </c>
      <c r="AW3984">
        <v>0</v>
      </c>
      <c r="AX3984">
        <v>0</v>
      </c>
      <c r="AY3984">
        <v>0</v>
      </c>
      <c r="AZ3984">
        <v>0</v>
      </c>
      <c r="BA3984">
        <v>0</v>
      </c>
    </row>
    <row r="3985" spans="1:53" x14ac:dyDescent="0.4">
      <c r="A3985">
        <v>4029</v>
      </c>
      <c r="B3985" s="1">
        <v>44228</v>
      </c>
      <c r="C3985">
        <v>2</v>
      </c>
      <c r="D3985" s="1">
        <v>44228.443055555559</v>
      </c>
      <c r="E3985" s="1">
        <v>44228.741666666669</v>
      </c>
      <c r="F3985">
        <v>12540</v>
      </c>
      <c r="G3985">
        <v>400</v>
      </c>
      <c r="H3985">
        <v>0</v>
      </c>
      <c r="I3985">
        <v>0</v>
      </c>
      <c r="J3985">
        <v>0</v>
      </c>
      <c r="K3985">
        <v>0</v>
      </c>
      <c r="L3985">
        <v>0</v>
      </c>
      <c r="M3985">
        <v>1294</v>
      </c>
      <c r="N3985">
        <v>0</v>
      </c>
      <c r="O3985">
        <v>0</v>
      </c>
      <c r="P3985">
        <v>10274</v>
      </c>
      <c r="Q3985">
        <v>0</v>
      </c>
      <c r="R3985">
        <v>24508</v>
      </c>
      <c r="S3985">
        <v>0</v>
      </c>
      <c r="T3985">
        <v>0</v>
      </c>
      <c r="U3985">
        <v>0</v>
      </c>
      <c r="V3985">
        <v>0</v>
      </c>
      <c r="W3985">
        <v>1</v>
      </c>
      <c r="X3985">
        <v>0</v>
      </c>
      <c r="Y3985">
        <v>45</v>
      </c>
      <c r="Z3985">
        <v>19</v>
      </c>
      <c r="AA3985">
        <v>112</v>
      </c>
      <c r="AB3985">
        <v>51</v>
      </c>
      <c r="AC3985">
        <v>89</v>
      </c>
      <c r="AD3985">
        <v>50</v>
      </c>
      <c r="AE3985">
        <v>118</v>
      </c>
      <c r="AF3985">
        <v>0</v>
      </c>
      <c r="AG3985">
        <v>74508</v>
      </c>
      <c r="AH3985">
        <v>50000</v>
      </c>
      <c r="AI3985">
        <v>0</v>
      </c>
      <c r="AJ3985">
        <v>107</v>
      </c>
      <c r="AK3985" t="s">
        <v>40</v>
      </c>
      <c r="AL3985">
        <v>0</v>
      </c>
      <c r="AM3985">
        <v>0</v>
      </c>
      <c r="AN3985">
        <v>0</v>
      </c>
      <c r="AO3985">
        <v>0</v>
      </c>
      <c r="AP3985">
        <v>0</v>
      </c>
      <c r="AQ3985">
        <v>0</v>
      </c>
      <c r="AR3985">
        <v>0</v>
      </c>
      <c r="AS3985">
        <v>0</v>
      </c>
      <c r="AT3985">
        <v>0</v>
      </c>
      <c r="AU3985">
        <v>0</v>
      </c>
      <c r="AV3985">
        <v>0</v>
      </c>
      <c r="AW3985">
        <v>0</v>
      </c>
      <c r="AX3985">
        <v>594</v>
      </c>
      <c r="AY3985">
        <v>22</v>
      </c>
      <c r="AZ3985">
        <v>38</v>
      </c>
      <c r="BA3985">
        <v>2852</v>
      </c>
    </row>
    <row r="3986" spans="1:53" x14ac:dyDescent="0.4">
      <c r="A3986">
        <v>4030</v>
      </c>
      <c r="B3986" s="1">
        <v>44229</v>
      </c>
      <c r="C3986">
        <v>1</v>
      </c>
      <c r="D3986" s="1">
        <v>44229.291666666664</v>
      </c>
      <c r="E3986" s="1">
        <v>44229.441666666666</v>
      </c>
      <c r="F3986">
        <v>0</v>
      </c>
      <c r="G3986">
        <v>0</v>
      </c>
      <c r="H3986">
        <v>0</v>
      </c>
      <c r="I3986">
        <v>0</v>
      </c>
      <c r="J3986">
        <v>0</v>
      </c>
      <c r="K3986">
        <v>0</v>
      </c>
      <c r="L3986">
        <v>0</v>
      </c>
      <c r="M3986">
        <v>0</v>
      </c>
      <c r="N3986">
        <v>0</v>
      </c>
      <c r="O3986">
        <v>0</v>
      </c>
      <c r="P3986">
        <v>0</v>
      </c>
      <c r="Q3986">
        <v>0</v>
      </c>
      <c r="R3986">
        <v>0</v>
      </c>
      <c r="S3986">
        <v>0</v>
      </c>
      <c r="T3986">
        <v>0</v>
      </c>
      <c r="U3986">
        <v>0</v>
      </c>
      <c r="V3986">
        <v>0</v>
      </c>
      <c r="W3986">
        <v>0</v>
      </c>
      <c r="X3986">
        <v>0</v>
      </c>
      <c r="Y3986">
        <v>31</v>
      </c>
      <c r="Z3986">
        <v>9</v>
      </c>
      <c r="AA3986">
        <v>108</v>
      </c>
      <c r="AB3986">
        <v>50</v>
      </c>
      <c r="AC3986">
        <v>84</v>
      </c>
      <c r="AD3986">
        <v>50</v>
      </c>
      <c r="AE3986">
        <v>110</v>
      </c>
      <c r="AF3986">
        <v>0</v>
      </c>
      <c r="AG3986">
        <v>50000</v>
      </c>
      <c r="AH3986">
        <v>50000</v>
      </c>
      <c r="AI3986">
        <v>0</v>
      </c>
      <c r="AJ3986">
        <v>0</v>
      </c>
      <c r="AK3986" t="s">
        <v>6</v>
      </c>
      <c r="AL3986">
        <v>0</v>
      </c>
      <c r="AM3986">
        <v>0</v>
      </c>
      <c r="AN3986">
        <v>0</v>
      </c>
      <c r="AO3986">
        <v>0</v>
      </c>
      <c r="AP3986">
        <v>0</v>
      </c>
      <c r="AQ3986">
        <v>0</v>
      </c>
      <c r="AR3986">
        <v>0</v>
      </c>
      <c r="AS3986">
        <v>0</v>
      </c>
      <c r="AT3986">
        <v>0</v>
      </c>
      <c r="AU3986">
        <v>0</v>
      </c>
      <c r="AV3986">
        <v>0</v>
      </c>
      <c r="AW3986">
        <v>0</v>
      </c>
      <c r="AX3986">
        <v>0</v>
      </c>
      <c r="AY3986">
        <v>0</v>
      </c>
      <c r="AZ3986">
        <v>0</v>
      </c>
      <c r="BA3986">
        <v>0</v>
      </c>
    </row>
    <row r="3987" spans="1:53" x14ac:dyDescent="0.4">
      <c r="A3987">
        <v>4031</v>
      </c>
      <c r="B3987" s="1">
        <v>44229</v>
      </c>
      <c r="C3987">
        <v>2</v>
      </c>
      <c r="D3987" s="1">
        <v>44229.441666666666</v>
      </c>
      <c r="E3987" s="1">
        <v>44229.73541666667</v>
      </c>
      <c r="F3987">
        <v>14420</v>
      </c>
      <c r="G3987">
        <v>0</v>
      </c>
      <c r="H3987">
        <v>0</v>
      </c>
      <c r="I3987">
        <v>0</v>
      </c>
      <c r="J3987">
        <v>0</v>
      </c>
      <c r="K3987">
        <v>0</v>
      </c>
      <c r="L3987">
        <v>0</v>
      </c>
      <c r="M3987">
        <v>1442</v>
      </c>
      <c r="N3987">
        <v>0</v>
      </c>
      <c r="O3987">
        <v>0</v>
      </c>
      <c r="P3987">
        <v>16236</v>
      </c>
      <c r="Q3987">
        <v>0</v>
      </c>
      <c r="R3987">
        <v>32098</v>
      </c>
      <c r="S3987">
        <v>0</v>
      </c>
      <c r="T3987">
        <v>0</v>
      </c>
      <c r="U3987">
        <v>0</v>
      </c>
      <c r="V3987">
        <v>3</v>
      </c>
      <c r="W3987">
        <v>0</v>
      </c>
      <c r="X3987">
        <v>0</v>
      </c>
      <c r="Y3987">
        <v>32</v>
      </c>
      <c r="Z3987">
        <v>16</v>
      </c>
      <c r="AA3987">
        <v>86</v>
      </c>
      <c r="AB3987">
        <v>45</v>
      </c>
      <c r="AC3987">
        <v>85</v>
      </c>
      <c r="AD3987">
        <v>57</v>
      </c>
      <c r="AE3987">
        <v>113</v>
      </c>
      <c r="AF3987">
        <v>0</v>
      </c>
      <c r="AG3987">
        <v>82098</v>
      </c>
      <c r="AH3987">
        <v>50000</v>
      </c>
      <c r="AI3987">
        <v>0</v>
      </c>
      <c r="AJ3987">
        <v>84</v>
      </c>
      <c r="AK3987" t="s">
        <v>16</v>
      </c>
      <c r="AL3987">
        <v>0</v>
      </c>
      <c r="AM3987">
        <v>0</v>
      </c>
      <c r="AN3987">
        <v>0</v>
      </c>
      <c r="AO3987">
        <v>0</v>
      </c>
      <c r="AP3987">
        <v>0</v>
      </c>
      <c r="AQ3987">
        <v>0</v>
      </c>
      <c r="AR3987">
        <v>0</v>
      </c>
      <c r="AS3987">
        <v>0</v>
      </c>
      <c r="AT3987">
        <v>0</v>
      </c>
      <c r="AU3987">
        <v>0</v>
      </c>
      <c r="AV3987">
        <v>0</v>
      </c>
      <c r="AW3987">
        <v>0</v>
      </c>
      <c r="AX3987">
        <v>-2112</v>
      </c>
      <c r="AY3987">
        <v>27</v>
      </c>
      <c r="AZ3987">
        <v>52</v>
      </c>
      <c r="BA3987">
        <v>3737</v>
      </c>
    </row>
    <row r="3988" spans="1:53" x14ac:dyDescent="0.4">
      <c r="A3988">
        <v>4032</v>
      </c>
      <c r="B3988" s="1">
        <v>44230</v>
      </c>
      <c r="C3988">
        <v>1</v>
      </c>
      <c r="D3988" s="1">
        <v>44230.291666666664</v>
      </c>
      <c r="E3988" s="1">
        <v>44230.413888888892</v>
      </c>
      <c r="F3988">
        <v>0</v>
      </c>
      <c r="G3988">
        <v>0</v>
      </c>
      <c r="H3988">
        <v>0</v>
      </c>
      <c r="I3988">
        <v>0</v>
      </c>
      <c r="J3988">
        <v>0</v>
      </c>
      <c r="K3988">
        <v>0</v>
      </c>
      <c r="L3988">
        <v>0</v>
      </c>
      <c r="M3988">
        <v>0</v>
      </c>
      <c r="N3988">
        <v>0</v>
      </c>
      <c r="O3988">
        <v>0</v>
      </c>
      <c r="P3988">
        <v>0</v>
      </c>
      <c r="Q3988">
        <v>0</v>
      </c>
      <c r="R3988">
        <v>0</v>
      </c>
      <c r="S3988">
        <v>0</v>
      </c>
      <c r="T3988">
        <v>0</v>
      </c>
      <c r="U3988">
        <v>0</v>
      </c>
      <c r="V3988">
        <v>0</v>
      </c>
      <c r="W3988">
        <v>0</v>
      </c>
      <c r="X3988">
        <v>0</v>
      </c>
      <c r="Y3988">
        <v>33</v>
      </c>
      <c r="Z3988">
        <v>9</v>
      </c>
      <c r="AA3988">
        <v>88</v>
      </c>
      <c r="AB3988">
        <v>38</v>
      </c>
      <c r="AC3988">
        <v>142</v>
      </c>
      <c r="AD3988">
        <v>54</v>
      </c>
      <c r="AE3988">
        <v>110</v>
      </c>
      <c r="AF3988">
        <v>0</v>
      </c>
      <c r="AG3988">
        <v>50000</v>
      </c>
      <c r="AH3988">
        <v>50000</v>
      </c>
      <c r="AI3988">
        <v>0</v>
      </c>
      <c r="AJ3988">
        <v>0</v>
      </c>
      <c r="AK3988" t="s">
        <v>6</v>
      </c>
      <c r="AL3988">
        <v>0</v>
      </c>
      <c r="AM3988">
        <v>0</v>
      </c>
      <c r="AN3988">
        <v>0</v>
      </c>
      <c r="AO3988">
        <v>0</v>
      </c>
      <c r="AP3988">
        <v>0</v>
      </c>
      <c r="AQ3988">
        <v>0</v>
      </c>
      <c r="AR3988">
        <v>0</v>
      </c>
      <c r="AS3988">
        <v>0</v>
      </c>
      <c r="AT3988">
        <v>0</v>
      </c>
      <c r="AU3988">
        <v>0</v>
      </c>
      <c r="AV3988">
        <v>0</v>
      </c>
      <c r="AW3988">
        <v>0</v>
      </c>
      <c r="AX3988">
        <v>0</v>
      </c>
      <c r="AY3988">
        <v>0</v>
      </c>
      <c r="AZ3988">
        <v>0</v>
      </c>
      <c r="BA3988">
        <v>0</v>
      </c>
    </row>
    <row r="3989" spans="1:53" x14ac:dyDescent="0.4">
      <c r="A3989">
        <v>4033</v>
      </c>
      <c r="B3989" s="1">
        <v>44230</v>
      </c>
      <c r="C3989">
        <v>2</v>
      </c>
      <c r="D3989" s="1">
        <v>44230.413888888892</v>
      </c>
      <c r="E3989" s="1">
        <v>44230.740972222222</v>
      </c>
      <c r="F3989">
        <v>14820</v>
      </c>
      <c r="G3989">
        <v>0</v>
      </c>
      <c r="H3989">
        <v>0</v>
      </c>
      <c r="I3989">
        <v>0</v>
      </c>
      <c r="J3989">
        <v>400</v>
      </c>
      <c r="K3989">
        <v>0</v>
      </c>
      <c r="L3989">
        <v>0</v>
      </c>
      <c r="M3989">
        <v>1442</v>
      </c>
      <c r="N3989">
        <v>0</v>
      </c>
      <c r="O3989">
        <v>0</v>
      </c>
      <c r="P3989">
        <v>11814</v>
      </c>
      <c r="Q3989">
        <v>0</v>
      </c>
      <c r="R3989">
        <v>27676</v>
      </c>
      <c r="S3989">
        <v>0</v>
      </c>
      <c r="T3989">
        <v>0</v>
      </c>
      <c r="U3989">
        <v>0</v>
      </c>
      <c r="V3989">
        <v>1</v>
      </c>
      <c r="W3989">
        <v>4</v>
      </c>
      <c r="X3989">
        <v>0</v>
      </c>
      <c r="Y3989">
        <v>30</v>
      </c>
      <c r="Z3989">
        <v>17</v>
      </c>
      <c r="AA3989">
        <v>35</v>
      </c>
      <c r="AB3989">
        <v>31</v>
      </c>
      <c r="AC3989">
        <v>134</v>
      </c>
      <c r="AD3989">
        <v>52</v>
      </c>
      <c r="AE3989">
        <v>106</v>
      </c>
      <c r="AF3989">
        <v>2420</v>
      </c>
      <c r="AG3989">
        <v>77676</v>
      </c>
      <c r="AH3989">
        <v>50000</v>
      </c>
      <c r="AI3989">
        <v>0</v>
      </c>
      <c r="AJ3989">
        <v>107</v>
      </c>
      <c r="AK3989" t="s">
        <v>40</v>
      </c>
      <c r="AL3989">
        <v>0</v>
      </c>
      <c r="AM3989">
        <v>0</v>
      </c>
      <c r="AN3989">
        <v>0</v>
      </c>
      <c r="AO3989">
        <v>0</v>
      </c>
      <c r="AP3989">
        <v>0</v>
      </c>
      <c r="AQ3989">
        <v>0</v>
      </c>
      <c r="AR3989">
        <v>0</v>
      </c>
      <c r="AS3989">
        <v>0</v>
      </c>
      <c r="AT3989">
        <v>0</v>
      </c>
      <c r="AU3989">
        <v>0</v>
      </c>
      <c r="AV3989">
        <v>0</v>
      </c>
      <c r="AW3989">
        <v>0</v>
      </c>
      <c r="AX3989">
        <v>1166</v>
      </c>
      <c r="AY3989">
        <v>26</v>
      </c>
      <c r="AZ3989">
        <v>44</v>
      </c>
      <c r="BA3989">
        <v>3969</v>
      </c>
    </row>
    <row r="3990" spans="1:53" x14ac:dyDescent="0.4">
      <c r="A3990">
        <v>4034</v>
      </c>
      <c r="B3990" s="1">
        <v>44231</v>
      </c>
      <c r="C3990">
        <v>1</v>
      </c>
      <c r="D3990" s="1">
        <v>44231.291666666664</v>
      </c>
      <c r="E3990" s="1">
        <v>44231.413888888892</v>
      </c>
      <c r="F3990">
        <v>0</v>
      </c>
      <c r="G3990">
        <v>0</v>
      </c>
      <c r="H3990">
        <v>0</v>
      </c>
      <c r="I3990">
        <v>0</v>
      </c>
      <c r="J3990">
        <v>0</v>
      </c>
      <c r="K3990">
        <v>0</v>
      </c>
      <c r="L3990">
        <v>0</v>
      </c>
      <c r="M3990">
        <v>0</v>
      </c>
      <c r="N3990">
        <v>0</v>
      </c>
      <c r="O3990">
        <v>0</v>
      </c>
      <c r="P3990">
        <v>0</v>
      </c>
      <c r="Q3990">
        <v>0</v>
      </c>
      <c r="R3990">
        <v>0</v>
      </c>
      <c r="S3990">
        <v>0</v>
      </c>
      <c r="T3990">
        <v>0</v>
      </c>
      <c r="U3990">
        <v>0</v>
      </c>
      <c r="V3990">
        <v>0</v>
      </c>
      <c r="W3990">
        <v>1</v>
      </c>
      <c r="X3990">
        <v>0</v>
      </c>
      <c r="Y3990">
        <v>28</v>
      </c>
      <c r="Z3990">
        <v>20</v>
      </c>
      <c r="AA3990">
        <v>40</v>
      </c>
      <c r="AB3990">
        <v>26</v>
      </c>
      <c r="AC3990">
        <v>134</v>
      </c>
      <c r="AD3990">
        <v>51</v>
      </c>
      <c r="AE3990">
        <v>105</v>
      </c>
      <c r="AF3990">
        <v>0</v>
      </c>
      <c r="AG3990">
        <v>50000</v>
      </c>
      <c r="AH3990">
        <v>50000</v>
      </c>
      <c r="AI3990">
        <v>0</v>
      </c>
      <c r="AJ3990">
        <v>0</v>
      </c>
      <c r="AK3990" t="s">
        <v>6</v>
      </c>
      <c r="AL3990">
        <v>0</v>
      </c>
      <c r="AM3990">
        <v>0</v>
      </c>
      <c r="AN3990">
        <v>0</v>
      </c>
      <c r="AO3990">
        <v>0</v>
      </c>
      <c r="AP3990">
        <v>0</v>
      </c>
      <c r="AQ3990">
        <v>0</v>
      </c>
      <c r="AR3990">
        <v>0</v>
      </c>
      <c r="AS3990">
        <v>0</v>
      </c>
      <c r="AT3990">
        <v>0</v>
      </c>
      <c r="AU3990">
        <v>0</v>
      </c>
      <c r="AV3990">
        <v>0</v>
      </c>
      <c r="AW3990">
        <v>0</v>
      </c>
      <c r="AX3990">
        <v>0</v>
      </c>
      <c r="AY3990">
        <v>0</v>
      </c>
      <c r="AZ3990">
        <v>0</v>
      </c>
      <c r="BA3990">
        <v>0</v>
      </c>
    </row>
    <row r="3991" spans="1:53" x14ac:dyDescent="0.4">
      <c r="A3991">
        <v>4035</v>
      </c>
      <c r="B3991" s="1">
        <v>44231</v>
      </c>
      <c r="C3991">
        <v>2</v>
      </c>
      <c r="D3991" s="1">
        <v>44231.413888888892</v>
      </c>
      <c r="E3991" s="1">
        <v>44231.740277777775</v>
      </c>
      <c r="F3991">
        <v>14150</v>
      </c>
      <c r="G3991">
        <v>0</v>
      </c>
      <c r="H3991">
        <v>0</v>
      </c>
      <c r="I3991">
        <v>0</v>
      </c>
      <c r="J3991">
        <v>0</v>
      </c>
      <c r="K3991">
        <v>0</v>
      </c>
      <c r="L3991">
        <v>0</v>
      </c>
      <c r="M3991">
        <v>1415</v>
      </c>
      <c r="N3991">
        <v>0</v>
      </c>
      <c r="O3991">
        <v>0</v>
      </c>
      <c r="P3991">
        <v>10054</v>
      </c>
      <c r="Q3991">
        <v>0</v>
      </c>
      <c r="R3991">
        <v>25619</v>
      </c>
      <c r="S3991">
        <v>0</v>
      </c>
      <c r="T3991">
        <v>0</v>
      </c>
      <c r="U3991">
        <v>0</v>
      </c>
      <c r="V3991">
        <v>1</v>
      </c>
      <c r="W3991">
        <v>0</v>
      </c>
      <c r="X3991">
        <v>0</v>
      </c>
      <c r="Y3991">
        <v>49</v>
      </c>
      <c r="Z3991">
        <v>24</v>
      </c>
      <c r="AA3991">
        <v>21</v>
      </c>
      <c r="AB3991">
        <v>20</v>
      </c>
      <c r="AC3991">
        <v>118</v>
      </c>
      <c r="AD3991">
        <v>48</v>
      </c>
      <c r="AE3991">
        <v>99</v>
      </c>
      <c r="AF3991">
        <v>0</v>
      </c>
      <c r="AG3991">
        <v>75619</v>
      </c>
      <c r="AH3991">
        <v>50000</v>
      </c>
      <c r="AI3991">
        <v>0</v>
      </c>
      <c r="AJ3991">
        <v>107</v>
      </c>
      <c r="AK3991" t="s">
        <v>40</v>
      </c>
      <c r="AL3991">
        <v>0</v>
      </c>
      <c r="AM3991">
        <v>0</v>
      </c>
      <c r="AN3991">
        <v>0</v>
      </c>
      <c r="AO3991">
        <v>0</v>
      </c>
      <c r="AP3991">
        <v>0</v>
      </c>
      <c r="AQ3991">
        <v>0</v>
      </c>
      <c r="AR3991">
        <v>0</v>
      </c>
      <c r="AS3991">
        <v>0</v>
      </c>
      <c r="AT3991">
        <v>0</v>
      </c>
      <c r="AU3991">
        <v>0</v>
      </c>
      <c r="AV3991">
        <v>0</v>
      </c>
      <c r="AW3991">
        <v>0</v>
      </c>
      <c r="AX3991">
        <v>0</v>
      </c>
      <c r="AY3991">
        <v>25</v>
      </c>
      <c r="AZ3991">
        <v>40</v>
      </c>
      <c r="BA3991">
        <v>3433</v>
      </c>
    </row>
    <row r="3992" spans="1:53" x14ac:dyDescent="0.4">
      <c r="A3992">
        <v>4036</v>
      </c>
      <c r="B3992" s="1">
        <v>44232</v>
      </c>
      <c r="C3992">
        <v>1</v>
      </c>
      <c r="D3992" s="1">
        <v>44232.291666666664</v>
      </c>
      <c r="E3992" s="1">
        <v>44232.443749999999</v>
      </c>
      <c r="F3992">
        <v>0</v>
      </c>
      <c r="G3992">
        <v>0</v>
      </c>
      <c r="H3992">
        <v>0</v>
      </c>
      <c r="I3992">
        <v>0</v>
      </c>
      <c r="J3992">
        <v>0</v>
      </c>
      <c r="K3992">
        <v>0</v>
      </c>
      <c r="L3992">
        <v>0</v>
      </c>
      <c r="M3992">
        <v>0</v>
      </c>
      <c r="N3992">
        <v>0</v>
      </c>
      <c r="O3992">
        <v>0</v>
      </c>
      <c r="P3992">
        <v>0</v>
      </c>
      <c r="Q3992">
        <v>0</v>
      </c>
      <c r="R3992">
        <v>0</v>
      </c>
      <c r="S3992">
        <v>0</v>
      </c>
      <c r="T3992">
        <v>0</v>
      </c>
      <c r="U3992">
        <v>0</v>
      </c>
      <c r="V3992">
        <v>0</v>
      </c>
      <c r="W3992">
        <v>0</v>
      </c>
      <c r="X3992">
        <v>0</v>
      </c>
      <c r="Y3992">
        <v>41</v>
      </c>
      <c r="Z3992">
        <v>10</v>
      </c>
      <c r="AA3992">
        <v>19</v>
      </c>
      <c r="AB3992">
        <v>12</v>
      </c>
      <c r="AC3992">
        <v>117</v>
      </c>
      <c r="AD3992">
        <v>48</v>
      </c>
      <c r="AE3992">
        <v>90</v>
      </c>
      <c r="AF3992">
        <v>0</v>
      </c>
      <c r="AG3992">
        <v>50000</v>
      </c>
      <c r="AH3992">
        <v>50000</v>
      </c>
      <c r="AI3992">
        <v>0</v>
      </c>
      <c r="AJ3992">
        <v>0</v>
      </c>
      <c r="AK3992" t="s">
        <v>6</v>
      </c>
      <c r="AL3992">
        <v>0</v>
      </c>
      <c r="AM3992">
        <v>0</v>
      </c>
      <c r="AN3992">
        <v>0</v>
      </c>
      <c r="AO3992">
        <v>0</v>
      </c>
      <c r="AP3992">
        <v>0</v>
      </c>
      <c r="AQ3992">
        <v>0</v>
      </c>
      <c r="AR3992">
        <v>0</v>
      </c>
      <c r="AS3992">
        <v>0</v>
      </c>
      <c r="AT3992">
        <v>0</v>
      </c>
      <c r="AU3992">
        <v>0</v>
      </c>
      <c r="AV3992">
        <v>0</v>
      </c>
      <c r="AW3992">
        <v>0</v>
      </c>
      <c r="AX3992">
        <v>0</v>
      </c>
      <c r="AY3992">
        <v>0</v>
      </c>
      <c r="AZ3992">
        <v>0</v>
      </c>
      <c r="BA3992">
        <v>0</v>
      </c>
    </row>
    <row r="3993" spans="1:53" x14ac:dyDescent="0.4">
      <c r="A3993">
        <v>4037</v>
      </c>
      <c r="B3993" s="1">
        <v>44232</v>
      </c>
      <c r="C3993">
        <v>2</v>
      </c>
      <c r="D3993" s="1">
        <v>44232.443749999999</v>
      </c>
      <c r="E3993" s="1">
        <v>44232.734722222223</v>
      </c>
      <c r="F3993">
        <v>9270</v>
      </c>
      <c r="G3993">
        <v>0</v>
      </c>
      <c r="H3993">
        <v>0</v>
      </c>
      <c r="I3993">
        <v>0</v>
      </c>
      <c r="J3993">
        <v>0</v>
      </c>
      <c r="K3993">
        <v>0</v>
      </c>
      <c r="L3993">
        <v>0</v>
      </c>
      <c r="M3993">
        <v>927</v>
      </c>
      <c r="N3993">
        <v>0</v>
      </c>
      <c r="O3993">
        <v>0</v>
      </c>
      <c r="P3993">
        <v>13123</v>
      </c>
      <c r="Q3993">
        <v>0</v>
      </c>
      <c r="R3993">
        <v>23320</v>
      </c>
      <c r="S3993">
        <v>0</v>
      </c>
      <c r="T3993">
        <v>0</v>
      </c>
      <c r="U3993">
        <v>0</v>
      </c>
      <c r="V3993">
        <v>1</v>
      </c>
      <c r="W3993">
        <v>0</v>
      </c>
      <c r="X3993">
        <v>0</v>
      </c>
      <c r="Y3993">
        <v>38</v>
      </c>
      <c r="Z3993">
        <v>16</v>
      </c>
      <c r="AA3993">
        <v>122</v>
      </c>
      <c r="AB3993">
        <v>72</v>
      </c>
      <c r="AC3993">
        <v>114</v>
      </c>
      <c r="AD3993">
        <v>55</v>
      </c>
      <c r="AE3993">
        <v>105</v>
      </c>
      <c r="AF3993">
        <v>0</v>
      </c>
      <c r="AG3993">
        <v>73320</v>
      </c>
      <c r="AH3993">
        <v>50000</v>
      </c>
      <c r="AI3993">
        <v>0</v>
      </c>
      <c r="AJ3993">
        <v>84</v>
      </c>
      <c r="AK3993" t="s">
        <v>16</v>
      </c>
      <c r="AL3993">
        <v>0</v>
      </c>
      <c r="AM3993">
        <v>0</v>
      </c>
      <c r="AN3993">
        <v>0</v>
      </c>
      <c r="AO3993">
        <v>0</v>
      </c>
      <c r="AP3993">
        <v>0</v>
      </c>
      <c r="AQ3993">
        <v>0</v>
      </c>
      <c r="AR3993">
        <v>0</v>
      </c>
      <c r="AS3993">
        <v>0</v>
      </c>
      <c r="AT3993">
        <v>0</v>
      </c>
      <c r="AU3993">
        <v>0</v>
      </c>
      <c r="AV3993">
        <v>0</v>
      </c>
      <c r="AW3993">
        <v>0</v>
      </c>
      <c r="AX3993">
        <v>0</v>
      </c>
      <c r="AY3993">
        <v>22</v>
      </c>
      <c r="AZ3993">
        <v>36</v>
      </c>
      <c r="BA3993">
        <v>3290</v>
      </c>
    </row>
    <row r="3994" spans="1:53" x14ac:dyDescent="0.4">
      <c r="A3994">
        <v>4038</v>
      </c>
      <c r="B3994" s="1">
        <v>44233</v>
      </c>
      <c r="C3994">
        <v>1</v>
      </c>
      <c r="D3994" s="1">
        <v>44233.291666666664</v>
      </c>
      <c r="E3994" s="1">
        <v>44233.413888888892</v>
      </c>
      <c r="F3994">
        <v>0</v>
      </c>
      <c r="G3994">
        <v>0</v>
      </c>
      <c r="H3994">
        <v>0</v>
      </c>
      <c r="I3994">
        <v>0</v>
      </c>
      <c r="J3994">
        <v>0</v>
      </c>
      <c r="K3994">
        <v>0</v>
      </c>
      <c r="L3994">
        <v>0</v>
      </c>
      <c r="M3994">
        <v>0</v>
      </c>
      <c r="N3994">
        <v>0</v>
      </c>
      <c r="O3994">
        <v>0</v>
      </c>
      <c r="P3994">
        <v>0</v>
      </c>
      <c r="Q3994">
        <v>0</v>
      </c>
      <c r="R3994">
        <v>0</v>
      </c>
      <c r="S3994">
        <v>0</v>
      </c>
      <c r="T3994">
        <v>0</v>
      </c>
      <c r="U3994">
        <v>0</v>
      </c>
      <c r="V3994">
        <v>0</v>
      </c>
      <c r="W3994">
        <v>0</v>
      </c>
      <c r="X3994">
        <v>0</v>
      </c>
      <c r="Y3994">
        <v>28</v>
      </c>
      <c r="Z3994">
        <v>8</v>
      </c>
      <c r="AA3994">
        <v>125</v>
      </c>
      <c r="AB3994">
        <v>78</v>
      </c>
      <c r="AC3994">
        <v>117</v>
      </c>
      <c r="AD3994">
        <v>60</v>
      </c>
      <c r="AE3994">
        <v>130</v>
      </c>
      <c r="AF3994">
        <v>0</v>
      </c>
      <c r="AG3994">
        <v>50000</v>
      </c>
      <c r="AH3994">
        <v>50000</v>
      </c>
      <c r="AI3994">
        <v>0</v>
      </c>
      <c r="AJ3994">
        <v>0</v>
      </c>
      <c r="AK3994" t="s">
        <v>6</v>
      </c>
      <c r="AL3994">
        <v>0</v>
      </c>
      <c r="AM3994">
        <v>0</v>
      </c>
      <c r="AN3994">
        <v>0</v>
      </c>
      <c r="AO3994">
        <v>0</v>
      </c>
      <c r="AP3994">
        <v>0</v>
      </c>
      <c r="AQ3994">
        <v>0</v>
      </c>
      <c r="AR3994">
        <v>0</v>
      </c>
      <c r="AS3994">
        <v>0</v>
      </c>
      <c r="AT3994">
        <v>0</v>
      </c>
      <c r="AU3994">
        <v>0</v>
      </c>
      <c r="AV3994">
        <v>0</v>
      </c>
      <c r="AW3994">
        <v>0</v>
      </c>
      <c r="AX3994">
        <v>0</v>
      </c>
      <c r="AY3994">
        <v>0</v>
      </c>
      <c r="AZ3994">
        <v>0</v>
      </c>
      <c r="BA3994">
        <v>0</v>
      </c>
    </row>
    <row r="3995" spans="1:53" x14ac:dyDescent="0.4">
      <c r="A3995">
        <v>4039</v>
      </c>
      <c r="B3995" s="1">
        <v>44233</v>
      </c>
      <c r="C3995">
        <v>2</v>
      </c>
      <c r="D3995" s="1">
        <v>44233.413888888892</v>
      </c>
      <c r="E3995" s="1">
        <v>44233.749305555553</v>
      </c>
      <c r="F3995">
        <v>29860</v>
      </c>
      <c r="G3995">
        <v>3140</v>
      </c>
      <c r="H3995">
        <v>0</v>
      </c>
      <c r="I3995">
        <v>0</v>
      </c>
      <c r="J3995">
        <v>0</v>
      </c>
      <c r="K3995">
        <v>0</v>
      </c>
      <c r="L3995">
        <v>0</v>
      </c>
      <c r="M3995">
        <v>3300</v>
      </c>
      <c r="N3995">
        <v>0</v>
      </c>
      <c r="O3995">
        <v>0</v>
      </c>
      <c r="P3995">
        <v>10978</v>
      </c>
      <c r="Q3995">
        <v>0</v>
      </c>
      <c r="R3995">
        <v>47278</v>
      </c>
      <c r="S3995">
        <v>0</v>
      </c>
      <c r="T3995">
        <v>0</v>
      </c>
      <c r="U3995">
        <v>0</v>
      </c>
      <c r="V3995">
        <v>2</v>
      </c>
      <c r="W3995">
        <v>0</v>
      </c>
      <c r="X3995">
        <v>0</v>
      </c>
      <c r="Y3995">
        <v>47</v>
      </c>
      <c r="Z3995">
        <v>22</v>
      </c>
      <c r="AA3995">
        <v>118</v>
      </c>
      <c r="AB3995">
        <v>70</v>
      </c>
      <c r="AC3995">
        <v>82</v>
      </c>
      <c r="AD3995">
        <v>63</v>
      </c>
      <c r="AE3995">
        <v>139</v>
      </c>
      <c r="AF3995">
        <v>2704</v>
      </c>
      <c r="AG3995">
        <v>97278</v>
      </c>
      <c r="AH3995">
        <v>50000</v>
      </c>
      <c r="AI3995">
        <v>0</v>
      </c>
      <c r="AJ3995">
        <v>105</v>
      </c>
      <c r="AL3995">
        <v>0</v>
      </c>
      <c r="AM3995">
        <v>0</v>
      </c>
      <c r="AN3995">
        <v>0</v>
      </c>
      <c r="AO3995">
        <v>0</v>
      </c>
      <c r="AP3995">
        <v>0</v>
      </c>
      <c r="AQ3995">
        <v>0</v>
      </c>
      <c r="AR3995">
        <v>0</v>
      </c>
      <c r="AS3995">
        <v>0</v>
      </c>
      <c r="AT3995">
        <v>0</v>
      </c>
      <c r="AU3995">
        <v>0</v>
      </c>
      <c r="AV3995">
        <v>0</v>
      </c>
      <c r="AW3995">
        <v>0</v>
      </c>
      <c r="AX3995">
        <v>1738</v>
      </c>
      <c r="AY3995">
        <v>31</v>
      </c>
      <c r="AZ3995">
        <v>72</v>
      </c>
      <c r="BA3995">
        <v>4893</v>
      </c>
    </row>
    <row r="3996" spans="1:53" x14ac:dyDescent="0.4">
      <c r="A3996">
        <v>4040</v>
      </c>
      <c r="B3996" s="1">
        <v>44234</v>
      </c>
      <c r="C3996">
        <v>1</v>
      </c>
      <c r="D3996" s="1">
        <v>44234.291666666664</v>
      </c>
      <c r="E3996" s="1">
        <v>44234.438194444447</v>
      </c>
      <c r="F3996">
        <v>0</v>
      </c>
      <c r="G3996">
        <v>0</v>
      </c>
      <c r="H3996">
        <v>0</v>
      </c>
      <c r="I3996">
        <v>0</v>
      </c>
      <c r="J3996">
        <v>0</v>
      </c>
      <c r="K3996">
        <v>0</v>
      </c>
      <c r="L3996">
        <v>0</v>
      </c>
      <c r="M3996">
        <v>0</v>
      </c>
      <c r="N3996">
        <v>0</v>
      </c>
      <c r="O3996">
        <v>0</v>
      </c>
      <c r="P3996">
        <v>0</v>
      </c>
      <c r="Q3996">
        <v>0</v>
      </c>
      <c r="R3996">
        <v>0</v>
      </c>
      <c r="S3996">
        <v>0</v>
      </c>
      <c r="T3996">
        <v>0</v>
      </c>
      <c r="U3996">
        <v>0</v>
      </c>
      <c r="V3996">
        <v>0</v>
      </c>
      <c r="W3996">
        <v>0</v>
      </c>
      <c r="X3996">
        <v>0</v>
      </c>
      <c r="Y3996">
        <v>28</v>
      </c>
      <c r="Z3996">
        <v>9</v>
      </c>
      <c r="AA3996">
        <v>127</v>
      </c>
      <c r="AB3996">
        <v>70</v>
      </c>
      <c r="AC3996">
        <v>85</v>
      </c>
      <c r="AD3996">
        <v>63</v>
      </c>
      <c r="AE3996">
        <v>135</v>
      </c>
      <c r="AF3996">
        <v>0</v>
      </c>
      <c r="AG3996">
        <v>50000</v>
      </c>
      <c r="AH3996">
        <v>50000</v>
      </c>
      <c r="AI3996">
        <v>0</v>
      </c>
      <c r="AJ3996">
        <v>0</v>
      </c>
      <c r="AK3996" t="s">
        <v>6</v>
      </c>
      <c r="AL3996">
        <v>0</v>
      </c>
      <c r="AM3996">
        <v>0</v>
      </c>
      <c r="AN3996">
        <v>0</v>
      </c>
      <c r="AO3996">
        <v>0</v>
      </c>
      <c r="AP3996">
        <v>0</v>
      </c>
      <c r="AQ3996">
        <v>0</v>
      </c>
      <c r="AR3996">
        <v>0</v>
      </c>
      <c r="AS3996">
        <v>0</v>
      </c>
      <c r="AT3996">
        <v>0</v>
      </c>
      <c r="AU3996">
        <v>0</v>
      </c>
      <c r="AV3996">
        <v>0</v>
      </c>
      <c r="AW3996">
        <v>0</v>
      </c>
      <c r="AX3996">
        <v>0</v>
      </c>
      <c r="AY3996">
        <v>0</v>
      </c>
      <c r="AZ3996">
        <v>0</v>
      </c>
      <c r="BA3996">
        <v>0</v>
      </c>
    </row>
    <row r="3997" spans="1:53" x14ac:dyDescent="0.4">
      <c r="A3997">
        <v>4041</v>
      </c>
      <c r="B3997" s="1">
        <v>44234</v>
      </c>
      <c r="C3997">
        <v>2</v>
      </c>
      <c r="D3997" s="1">
        <v>44234.438194444447</v>
      </c>
      <c r="E3997" s="1">
        <v>44234.738888888889</v>
      </c>
      <c r="F3997">
        <v>26310</v>
      </c>
      <c r="G3997">
        <v>2600</v>
      </c>
      <c r="H3997">
        <v>0</v>
      </c>
      <c r="I3997">
        <v>0</v>
      </c>
      <c r="J3997">
        <v>0</v>
      </c>
      <c r="K3997">
        <v>960</v>
      </c>
      <c r="L3997">
        <v>0</v>
      </c>
      <c r="M3997">
        <v>2987</v>
      </c>
      <c r="N3997">
        <v>0</v>
      </c>
      <c r="O3997">
        <v>0</v>
      </c>
      <c r="P3997">
        <v>13519</v>
      </c>
      <c r="Q3997">
        <v>0</v>
      </c>
      <c r="R3997">
        <v>46376</v>
      </c>
      <c r="S3997">
        <v>0</v>
      </c>
      <c r="T3997">
        <v>0</v>
      </c>
      <c r="U3997">
        <v>0</v>
      </c>
      <c r="V3997">
        <v>1</v>
      </c>
      <c r="W3997">
        <v>1</v>
      </c>
      <c r="X3997">
        <v>0</v>
      </c>
      <c r="Y3997">
        <v>49</v>
      </c>
      <c r="Z3997">
        <v>26</v>
      </c>
      <c r="AA3997">
        <v>141</v>
      </c>
      <c r="AB3997">
        <v>75</v>
      </c>
      <c r="AC3997">
        <v>104</v>
      </c>
      <c r="AD3997">
        <v>65</v>
      </c>
      <c r="AE3997">
        <v>161</v>
      </c>
      <c r="AF3997">
        <v>0</v>
      </c>
      <c r="AG3997">
        <v>96376</v>
      </c>
      <c r="AH3997">
        <v>50000</v>
      </c>
      <c r="AI3997">
        <v>0</v>
      </c>
      <c r="AJ3997">
        <v>84</v>
      </c>
      <c r="AK3997" t="s">
        <v>16</v>
      </c>
      <c r="AL3997">
        <v>0</v>
      </c>
      <c r="AM3997">
        <v>0</v>
      </c>
      <c r="AN3997">
        <v>0</v>
      </c>
      <c r="AO3997">
        <v>0</v>
      </c>
      <c r="AP3997">
        <v>0</v>
      </c>
      <c r="AQ3997">
        <v>0</v>
      </c>
      <c r="AR3997">
        <v>0</v>
      </c>
      <c r="AS3997">
        <v>0</v>
      </c>
      <c r="AT3997">
        <v>0</v>
      </c>
      <c r="AU3997">
        <v>0</v>
      </c>
      <c r="AV3997">
        <v>0</v>
      </c>
      <c r="AW3997">
        <v>0</v>
      </c>
      <c r="AX3997">
        <v>0</v>
      </c>
      <c r="AY3997">
        <v>34</v>
      </c>
      <c r="AZ3997">
        <v>69</v>
      </c>
      <c r="BA3997">
        <v>5406</v>
      </c>
    </row>
    <row r="3998" spans="1:53" x14ac:dyDescent="0.4">
      <c r="A3998">
        <v>4042</v>
      </c>
      <c r="B3998" s="1">
        <v>44235</v>
      </c>
      <c r="C3998">
        <v>1</v>
      </c>
      <c r="D3998" s="1">
        <v>44235.291666666664</v>
      </c>
      <c r="E3998" s="1">
        <v>44235.439583333333</v>
      </c>
      <c r="F3998">
        <v>0</v>
      </c>
      <c r="G3998">
        <v>0</v>
      </c>
      <c r="H3998">
        <v>0</v>
      </c>
      <c r="I3998">
        <v>0</v>
      </c>
      <c r="J3998">
        <v>0</v>
      </c>
      <c r="K3998">
        <v>0</v>
      </c>
      <c r="L3998">
        <v>0</v>
      </c>
      <c r="M3998">
        <v>0</v>
      </c>
      <c r="N3998">
        <v>0</v>
      </c>
      <c r="O3998">
        <v>0</v>
      </c>
      <c r="P3998">
        <v>0</v>
      </c>
      <c r="Q3998">
        <v>0</v>
      </c>
      <c r="R3998">
        <v>0</v>
      </c>
      <c r="S3998">
        <v>0</v>
      </c>
      <c r="T3998">
        <v>0</v>
      </c>
      <c r="U3998">
        <v>0</v>
      </c>
      <c r="V3998">
        <v>0</v>
      </c>
      <c r="W3998">
        <v>0</v>
      </c>
      <c r="X3998">
        <v>0</v>
      </c>
      <c r="Y3998">
        <v>27</v>
      </c>
      <c r="Z3998">
        <v>8</v>
      </c>
      <c r="AA3998">
        <v>138</v>
      </c>
      <c r="AB3998">
        <v>72</v>
      </c>
      <c r="AC3998">
        <v>117</v>
      </c>
      <c r="AD3998">
        <v>65</v>
      </c>
      <c r="AE3998">
        <v>105</v>
      </c>
      <c r="AF3998">
        <v>0</v>
      </c>
      <c r="AG3998">
        <v>50000</v>
      </c>
      <c r="AH3998">
        <v>50000</v>
      </c>
      <c r="AI3998">
        <v>0</v>
      </c>
      <c r="AJ3998">
        <v>0</v>
      </c>
      <c r="AK3998" t="s">
        <v>6</v>
      </c>
      <c r="AL3998">
        <v>0</v>
      </c>
      <c r="AM3998">
        <v>0</v>
      </c>
      <c r="AN3998">
        <v>0</v>
      </c>
      <c r="AO3998">
        <v>0</v>
      </c>
      <c r="AP3998">
        <v>0</v>
      </c>
      <c r="AQ3998">
        <v>0</v>
      </c>
      <c r="AR3998">
        <v>0</v>
      </c>
      <c r="AS3998">
        <v>0</v>
      </c>
      <c r="AT3998">
        <v>0</v>
      </c>
      <c r="AU3998">
        <v>0</v>
      </c>
      <c r="AV3998">
        <v>0</v>
      </c>
      <c r="AW3998">
        <v>0</v>
      </c>
      <c r="AX3998">
        <v>0</v>
      </c>
      <c r="AY3998">
        <v>0</v>
      </c>
      <c r="AZ3998">
        <v>0</v>
      </c>
      <c r="BA3998">
        <v>0</v>
      </c>
    </row>
    <row r="3999" spans="1:53" x14ac:dyDescent="0.4">
      <c r="A3999">
        <v>4043</v>
      </c>
      <c r="B3999" s="1">
        <v>44235</v>
      </c>
      <c r="C3999">
        <v>2</v>
      </c>
      <c r="D3999" s="1">
        <v>44235.439583333333</v>
      </c>
      <c r="E3999" s="1">
        <v>44235.751388888886</v>
      </c>
      <c r="F3999">
        <v>12670</v>
      </c>
      <c r="G3999">
        <v>680</v>
      </c>
      <c r="H3999">
        <v>0</v>
      </c>
      <c r="I3999">
        <v>0</v>
      </c>
      <c r="J3999">
        <v>0</v>
      </c>
      <c r="K3999">
        <v>0</v>
      </c>
      <c r="L3999">
        <v>0</v>
      </c>
      <c r="M3999">
        <v>1335</v>
      </c>
      <c r="N3999">
        <v>0</v>
      </c>
      <c r="O3999">
        <v>0</v>
      </c>
      <c r="P3999">
        <v>11429</v>
      </c>
      <c r="Q3999">
        <v>0</v>
      </c>
      <c r="R3999">
        <v>26114</v>
      </c>
      <c r="S3999">
        <v>0</v>
      </c>
      <c r="T3999">
        <v>0</v>
      </c>
      <c r="U3999">
        <v>0</v>
      </c>
      <c r="V3999">
        <v>1</v>
      </c>
      <c r="W3999">
        <v>0</v>
      </c>
      <c r="X3999">
        <v>0</v>
      </c>
      <c r="Y3999">
        <v>44</v>
      </c>
      <c r="Z3999">
        <v>13</v>
      </c>
      <c r="AA3999">
        <v>102</v>
      </c>
      <c r="AB3999">
        <v>79</v>
      </c>
      <c r="AC3999">
        <v>105</v>
      </c>
      <c r="AD3999">
        <v>61</v>
      </c>
      <c r="AE3999">
        <v>109</v>
      </c>
      <c r="AF3999">
        <v>0</v>
      </c>
      <c r="AG3999">
        <v>76114</v>
      </c>
      <c r="AH3999">
        <v>50000</v>
      </c>
      <c r="AI3999">
        <v>0</v>
      </c>
      <c r="AJ3999">
        <v>107</v>
      </c>
      <c r="AK3999" t="s">
        <v>40</v>
      </c>
      <c r="AL3999">
        <v>0</v>
      </c>
      <c r="AM3999">
        <v>0</v>
      </c>
      <c r="AN3999">
        <v>0</v>
      </c>
      <c r="AO3999">
        <v>0</v>
      </c>
      <c r="AP3999">
        <v>0</v>
      </c>
      <c r="AQ3999">
        <v>0</v>
      </c>
      <c r="AR3999">
        <v>0</v>
      </c>
      <c r="AS3999">
        <v>0</v>
      </c>
      <c r="AT3999">
        <v>0</v>
      </c>
      <c r="AU3999">
        <v>0</v>
      </c>
      <c r="AV3999">
        <v>0</v>
      </c>
      <c r="AW3999">
        <v>0</v>
      </c>
      <c r="AX3999">
        <v>-1320</v>
      </c>
      <c r="AY3999">
        <v>24</v>
      </c>
      <c r="AZ3999">
        <v>39</v>
      </c>
      <c r="BA3999">
        <v>2990</v>
      </c>
    </row>
    <row r="4000" spans="1:53" x14ac:dyDescent="0.4">
      <c r="A4000">
        <v>4044</v>
      </c>
      <c r="B4000" s="1">
        <v>44236</v>
      </c>
      <c r="C4000">
        <v>1</v>
      </c>
      <c r="D4000" s="1">
        <v>44236.291666666664</v>
      </c>
      <c r="E4000" s="1">
        <v>44236.441666666666</v>
      </c>
      <c r="F4000">
        <v>0</v>
      </c>
      <c r="G4000">
        <v>0</v>
      </c>
      <c r="H4000">
        <v>0</v>
      </c>
      <c r="I4000">
        <v>0</v>
      </c>
      <c r="J4000">
        <v>0</v>
      </c>
      <c r="K4000">
        <v>0</v>
      </c>
      <c r="L4000">
        <v>0</v>
      </c>
      <c r="M4000">
        <v>0</v>
      </c>
      <c r="N4000">
        <v>0</v>
      </c>
      <c r="O4000">
        <v>0</v>
      </c>
      <c r="P4000">
        <v>0</v>
      </c>
      <c r="Q4000">
        <v>0</v>
      </c>
      <c r="R4000">
        <v>0</v>
      </c>
      <c r="S4000">
        <v>0</v>
      </c>
      <c r="T4000">
        <v>0</v>
      </c>
      <c r="U4000">
        <v>0</v>
      </c>
      <c r="V4000">
        <v>0</v>
      </c>
      <c r="W4000">
        <v>0</v>
      </c>
      <c r="X4000">
        <v>0</v>
      </c>
      <c r="Y4000">
        <v>30</v>
      </c>
      <c r="Z4000">
        <v>10</v>
      </c>
      <c r="AA4000">
        <v>100</v>
      </c>
      <c r="AB4000">
        <v>72</v>
      </c>
      <c r="AC4000">
        <v>102</v>
      </c>
      <c r="AD4000">
        <v>56</v>
      </c>
      <c r="AE4000">
        <v>100</v>
      </c>
      <c r="AF4000">
        <v>0</v>
      </c>
      <c r="AG4000">
        <v>50000</v>
      </c>
      <c r="AH4000">
        <v>50000</v>
      </c>
      <c r="AI4000">
        <v>0</v>
      </c>
      <c r="AJ4000">
        <v>0</v>
      </c>
      <c r="AK4000" t="s">
        <v>6</v>
      </c>
      <c r="AL4000">
        <v>0</v>
      </c>
      <c r="AM4000">
        <v>0</v>
      </c>
      <c r="AN4000">
        <v>0</v>
      </c>
      <c r="AO4000">
        <v>0</v>
      </c>
      <c r="AP4000">
        <v>0</v>
      </c>
      <c r="AQ4000">
        <v>0</v>
      </c>
      <c r="AR4000">
        <v>0</v>
      </c>
      <c r="AS4000">
        <v>0</v>
      </c>
      <c r="AT4000">
        <v>0</v>
      </c>
      <c r="AU4000">
        <v>0</v>
      </c>
      <c r="AV4000">
        <v>0</v>
      </c>
      <c r="AW4000">
        <v>0</v>
      </c>
      <c r="AX4000">
        <v>0</v>
      </c>
      <c r="AY4000">
        <v>0</v>
      </c>
      <c r="AZ4000">
        <v>0</v>
      </c>
      <c r="BA4000">
        <v>0</v>
      </c>
    </row>
    <row r="4001" spans="1:53" x14ac:dyDescent="0.4">
      <c r="A4001">
        <v>4045</v>
      </c>
      <c r="B4001" s="1">
        <v>44236</v>
      </c>
      <c r="C4001">
        <v>2</v>
      </c>
      <c r="D4001" s="1">
        <v>44236.441666666666</v>
      </c>
      <c r="E4001" s="1">
        <v>44236.734027777777</v>
      </c>
      <c r="F4001">
        <v>18370</v>
      </c>
      <c r="G4001">
        <v>540</v>
      </c>
      <c r="H4001">
        <v>0</v>
      </c>
      <c r="I4001">
        <v>0</v>
      </c>
      <c r="J4001">
        <v>0</v>
      </c>
      <c r="K4001">
        <v>0</v>
      </c>
      <c r="L4001">
        <v>0</v>
      </c>
      <c r="M4001">
        <v>1891</v>
      </c>
      <c r="N4001">
        <v>0</v>
      </c>
      <c r="O4001">
        <v>0</v>
      </c>
      <c r="P4001">
        <v>14564</v>
      </c>
      <c r="Q4001">
        <v>0</v>
      </c>
      <c r="R4001">
        <v>35365</v>
      </c>
      <c r="S4001">
        <v>0</v>
      </c>
      <c r="T4001">
        <v>0</v>
      </c>
      <c r="U4001">
        <v>0</v>
      </c>
      <c r="V4001">
        <v>3</v>
      </c>
      <c r="W4001">
        <v>1</v>
      </c>
      <c r="X4001">
        <v>0</v>
      </c>
      <c r="Y4001">
        <v>29</v>
      </c>
      <c r="Z4001">
        <v>14</v>
      </c>
      <c r="AA4001">
        <v>93</v>
      </c>
      <c r="AB4001">
        <v>72</v>
      </c>
      <c r="AC4001">
        <v>108</v>
      </c>
      <c r="AD4001">
        <v>52</v>
      </c>
      <c r="AE4001">
        <v>125</v>
      </c>
      <c r="AF4001">
        <v>0</v>
      </c>
      <c r="AG4001">
        <v>85365</v>
      </c>
      <c r="AH4001">
        <v>50000</v>
      </c>
      <c r="AI4001">
        <v>0</v>
      </c>
      <c r="AJ4001">
        <v>84</v>
      </c>
      <c r="AK4001" t="s">
        <v>16</v>
      </c>
      <c r="AL4001">
        <v>0</v>
      </c>
      <c r="AM4001">
        <v>0</v>
      </c>
      <c r="AN4001">
        <v>0</v>
      </c>
      <c r="AO4001">
        <v>0</v>
      </c>
      <c r="AP4001">
        <v>0</v>
      </c>
      <c r="AQ4001">
        <v>0</v>
      </c>
      <c r="AR4001">
        <v>0</v>
      </c>
      <c r="AS4001">
        <v>0</v>
      </c>
      <c r="AT4001">
        <v>0</v>
      </c>
      <c r="AU4001">
        <v>0</v>
      </c>
      <c r="AV4001">
        <v>0</v>
      </c>
      <c r="AW4001">
        <v>0</v>
      </c>
      <c r="AX4001">
        <v>-462</v>
      </c>
      <c r="AY4001">
        <v>28</v>
      </c>
      <c r="AZ4001">
        <v>55</v>
      </c>
      <c r="BA4001">
        <v>4061</v>
      </c>
    </row>
    <row r="4002" spans="1:53" x14ac:dyDescent="0.4">
      <c r="A4002">
        <v>4046</v>
      </c>
      <c r="B4002" s="1">
        <v>44237</v>
      </c>
      <c r="C4002">
        <v>1</v>
      </c>
      <c r="D4002" s="1">
        <v>44237.291666666664</v>
      </c>
      <c r="E4002" s="1">
        <v>44237.417361111111</v>
      </c>
      <c r="F4002">
        <v>0</v>
      </c>
      <c r="G4002">
        <v>0</v>
      </c>
      <c r="H4002">
        <v>0</v>
      </c>
      <c r="I4002">
        <v>0</v>
      </c>
      <c r="J4002">
        <v>0</v>
      </c>
      <c r="K4002">
        <v>0</v>
      </c>
      <c r="L4002">
        <v>0</v>
      </c>
      <c r="M4002">
        <v>0</v>
      </c>
      <c r="N4002">
        <v>0</v>
      </c>
      <c r="O4002">
        <v>0</v>
      </c>
      <c r="P4002">
        <v>0</v>
      </c>
      <c r="Q4002">
        <v>0</v>
      </c>
      <c r="R4002">
        <v>0</v>
      </c>
      <c r="S4002">
        <v>0</v>
      </c>
      <c r="T4002">
        <v>0</v>
      </c>
      <c r="U4002">
        <v>0</v>
      </c>
      <c r="V4002">
        <v>1</v>
      </c>
      <c r="W4002">
        <v>0</v>
      </c>
      <c r="X4002">
        <v>0</v>
      </c>
      <c r="Y4002">
        <v>23</v>
      </c>
      <c r="Z4002">
        <v>7</v>
      </c>
      <c r="AA4002">
        <v>85</v>
      </c>
      <c r="AB4002">
        <v>71</v>
      </c>
      <c r="AC4002">
        <v>108</v>
      </c>
      <c r="AD4002">
        <v>52</v>
      </c>
      <c r="AE4002">
        <v>110</v>
      </c>
      <c r="AF4002">
        <v>0</v>
      </c>
      <c r="AG4002">
        <v>50000</v>
      </c>
      <c r="AH4002">
        <v>50000</v>
      </c>
      <c r="AI4002">
        <v>0</v>
      </c>
      <c r="AJ4002">
        <v>0</v>
      </c>
      <c r="AK4002" t="s">
        <v>6</v>
      </c>
      <c r="AL4002">
        <v>0</v>
      </c>
      <c r="AM4002">
        <v>0</v>
      </c>
      <c r="AN4002">
        <v>0</v>
      </c>
      <c r="AO4002">
        <v>0</v>
      </c>
      <c r="AP4002">
        <v>0</v>
      </c>
      <c r="AQ4002">
        <v>0</v>
      </c>
      <c r="AR4002">
        <v>0</v>
      </c>
      <c r="AS4002">
        <v>0</v>
      </c>
      <c r="AT4002">
        <v>0</v>
      </c>
      <c r="AU4002">
        <v>0</v>
      </c>
      <c r="AV4002">
        <v>0</v>
      </c>
      <c r="AW4002">
        <v>0</v>
      </c>
      <c r="AX4002">
        <v>0</v>
      </c>
      <c r="AY4002">
        <v>0</v>
      </c>
      <c r="AZ4002">
        <v>0</v>
      </c>
      <c r="BA4002">
        <v>0</v>
      </c>
    </row>
    <row r="4003" spans="1:53" x14ac:dyDescent="0.4">
      <c r="A4003">
        <v>4047</v>
      </c>
      <c r="B4003" s="1">
        <v>44237</v>
      </c>
      <c r="C4003">
        <v>2</v>
      </c>
      <c r="D4003" s="1">
        <v>44237.417361111111</v>
      </c>
      <c r="E4003" s="1">
        <v>44237.743055555555</v>
      </c>
      <c r="F4003">
        <v>14990</v>
      </c>
      <c r="G4003">
        <v>0</v>
      </c>
      <c r="H4003">
        <v>0</v>
      </c>
      <c r="I4003">
        <v>0</v>
      </c>
      <c r="J4003">
        <v>100</v>
      </c>
      <c r="K4003">
        <v>0</v>
      </c>
      <c r="L4003">
        <v>0</v>
      </c>
      <c r="M4003">
        <v>1489</v>
      </c>
      <c r="N4003">
        <v>0</v>
      </c>
      <c r="O4003">
        <v>0</v>
      </c>
      <c r="P4003">
        <v>6798</v>
      </c>
      <c r="Q4003">
        <v>0</v>
      </c>
      <c r="R4003">
        <v>23177</v>
      </c>
      <c r="S4003">
        <v>0</v>
      </c>
      <c r="T4003">
        <v>0</v>
      </c>
      <c r="U4003">
        <v>0</v>
      </c>
      <c r="V4003">
        <v>3</v>
      </c>
      <c r="W4003">
        <v>0</v>
      </c>
      <c r="X4003">
        <v>0</v>
      </c>
      <c r="Y4003">
        <v>22</v>
      </c>
      <c r="Z4003">
        <v>15</v>
      </c>
      <c r="AA4003">
        <v>78</v>
      </c>
      <c r="AB4003">
        <v>68</v>
      </c>
      <c r="AC4003">
        <v>105</v>
      </c>
      <c r="AD4003">
        <v>52</v>
      </c>
      <c r="AE4003">
        <v>111</v>
      </c>
      <c r="AF4003">
        <v>1056</v>
      </c>
      <c r="AG4003">
        <v>73177</v>
      </c>
      <c r="AH4003">
        <v>50000</v>
      </c>
      <c r="AI4003">
        <v>0</v>
      </c>
      <c r="AJ4003">
        <v>109</v>
      </c>
      <c r="AK4003" t="s">
        <v>29</v>
      </c>
      <c r="AL4003">
        <v>0</v>
      </c>
      <c r="AM4003">
        <v>0</v>
      </c>
      <c r="AN4003">
        <v>0</v>
      </c>
      <c r="AO4003">
        <v>0</v>
      </c>
      <c r="AP4003">
        <v>0</v>
      </c>
      <c r="AQ4003">
        <v>0</v>
      </c>
      <c r="AR4003">
        <v>0</v>
      </c>
      <c r="AS4003">
        <v>0</v>
      </c>
      <c r="AT4003">
        <v>0</v>
      </c>
      <c r="AU4003">
        <v>0</v>
      </c>
      <c r="AV4003">
        <v>0</v>
      </c>
      <c r="AW4003">
        <v>0</v>
      </c>
      <c r="AX4003">
        <v>0</v>
      </c>
      <c r="AY4003">
        <v>20</v>
      </c>
      <c r="AZ4003">
        <v>39</v>
      </c>
      <c r="BA4003">
        <v>2632</v>
      </c>
    </row>
    <row r="4004" spans="1:53" x14ac:dyDescent="0.4">
      <c r="A4004">
        <v>4048</v>
      </c>
      <c r="B4004" s="1">
        <v>44238</v>
      </c>
      <c r="C4004">
        <v>1</v>
      </c>
      <c r="D4004" s="1">
        <v>44238.291666666664</v>
      </c>
      <c r="E4004" s="1">
        <v>44238.438194444447</v>
      </c>
      <c r="F4004">
        <v>0</v>
      </c>
      <c r="G4004">
        <v>0</v>
      </c>
      <c r="H4004">
        <v>0</v>
      </c>
      <c r="I4004">
        <v>0</v>
      </c>
      <c r="J4004">
        <v>0</v>
      </c>
      <c r="K4004">
        <v>0</v>
      </c>
      <c r="L4004">
        <v>0</v>
      </c>
      <c r="M4004">
        <v>0</v>
      </c>
      <c r="N4004">
        <v>0</v>
      </c>
      <c r="O4004">
        <v>0</v>
      </c>
      <c r="P4004">
        <v>0</v>
      </c>
      <c r="Q4004">
        <v>0</v>
      </c>
      <c r="R4004">
        <v>0</v>
      </c>
      <c r="S4004">
        <v>0</v>
      </c>
      <c r="T4004">
        <v>0</v>
      </c>
      <c r="U4004">
        <v>0</v>
      </c>
      <c r="V4004">
        <v>1</v>
      </c>
      <c r="W4004">
        <v>0</v>
      </c>
      <c r="X4004">
        <v>0</v>
      </c>
      <c r="Y4004">
        <v>20</v>
      </c>
      <c r="Z4004">
        <v>5</v>
      </c>
      <c r="AA4004">
        <v>127</v>
      </c>
      <c r="AB4004">
        <v>68</v>
      </c>
      <c r="AC4004">
        <v>105</v>
      </c>
      <c r="AD4004">
        <v>50</v>
      </c>
      <c r="AE4004">
        <v>100</v>
      </c>
      <c r="AF4004">
        <v>0</v>
      </c>
      <c r="AG4004">
        <v>50000</v>
      </c>
      <c r="AH4004">
        <v>50000</v>
      </c>
      <c r="AI4004">
        <v>0</v>
      </c>
      <c r="AJ4004">
        <v>0</v>
      </c>
      <c r="AK4004" t="s">
        <v>6</v>
      </c>
      <c r="AL4004">
        <v>0</v>
      </c>
      <c r="AM4004">
        <v>0</v>
      </c>
      <c r="AN4004">
        <v>0</v>
      </c>
      <c r="AO4004">
        <v>0</v>
      </c>
      <c r="AP4004">
        <v>0</v>
      </c>
      <c r="AQ4004">
        <v>0</v>
      </c>
      <c r="AR4004">
        <v>0</v>
      </c>
      <c r="AS4004">
        <v>0</v>
      </c>
      <c r="AT4004">
        <v>0</v>
      </c>
      <c r="AU4004">
        <v>0</v>
      </c>
      <c r="AV4004">
        <v>0</v>
      </c>
      <c r="AW4004">
        <v>0</v>
      </c>
      <c r="AX4004">
        <v>0</v>
      </c>
      <c r="AY4004">
        <v>0</v>
      </c>
      <c r="AZ4004">
        <v>0</v>
      </c>
      <c r="BA4004">
        <v>0</v>
      </c>
    </row>
    <row r="4005" spans="1:53" x14ac:dyDescent="0.4">
      <c r="A4005">
        <v>4049</v>
      </c>
      <c r="B4005" s="1">
        <v>44238</v>
      </c>
      <c r="C4005">
        <v>2</v>
      </c>
      <c r="D4005" s="1">
        <v>44238.438194444447</v>
      </c>
      <c r="E4005" s="1">
        <v>44238.784722222219</v>
      </c>
      <c r="F4005">
        <v>36420</v>
      </c>
      <c r="G4005">
        <v>560</v>
      </c>
      <c r="H4005">
        <v>30</v>
      </c>
      <c r="I4005">
        <v>0</v>
      </c>
      <c r="J4005">
        <v>0</v>
      </c>
      <c r="K4005">
        <v>0</v>
      </c>
      <c r="L4005">
        <v>0</v>
      </c>
      <c r="M4005">
        <v>3701</v>
      </c>
      <c r="N4005">
        <v>0</v>
      </c>
      <c r="O4005">
        <v>0</v>
      </c>
      <c r="P4005">
        <v>7183</v>
      </c>
      <c r="Q4005">
        <v>0</v>
      </c>
      <c r="R4005">
        <v>47894</v>
      </c>
      <c r="S4005">
        <v>0</v>
      </c>
      <c r="T4005">
        <v>0</v>
      </c>
      <c r="U4005">
        <v>0</v>
      </c>
      <c r="V4005">
        <v>3</v>
      </c>
      <c r="W4005">
        <v>2</v>
      </c>
      <c r="X4005">
        <v>0</v>
      </c>
      <c r="Y4005">
        <v>33</v>
      </c>
      <c r="Z4005">
        <v>17</v>
      </c>
      <c r="AA4005">
        <v>98</v>
      </c>
      <c r="AB4005">
        <v>68</v>
      </c>
      <c r="AC4005">
        <v>103</v>
      </c>
      <c r="AD4005">
        <v>58</v>
      </c>
      <c r="AE4005">
        <v>125</v>
      </c>
      <c r="AF4005">
        <v>1749</v>
      </c>
      <c r="AG4005">
        <v>97894</v>
      </c>
      <c r="AH4005">
        <v>50000</v>
      </c>
      <c r="AI4005">
        <v>0</v>
      </c>
      <c r="AJ4005">
        <v>84</v>
      </c>
      <c r="AK4005" t="s">
        <v>16</v>
      </c>
      <c r="AL4005">
        <v>0</v>
      </c>
      <c r="AM4005">
        <v>0</v>
      </c>
      <c r="AN4005">
        <v>0</v>
      </c>
      <c r="AO4005">
        <v>0</v>
      </c>
      <c r="AP4005">
        <v>0</v>
      </c>
      <c r="AQ4005">
        <v>0</v>
      </c>
      <c r="AR4005">
        <v>0</v>
      </c>
      <c r="AS4005">
        <v>0</v>
      </c>
      <c r="AT4005">
        <v>0</v>
      </c>
      <c r="AU4005">
        <v>0</v>
      </c>
      <c r="AV4005">
        <v>0</v>
      </c>
      <c r="AW4005">
        <v>0</v>
      </c>
      <c r="AX4005">
        <v>0</v>
      </c>
      <c r="AY4005">
        <v>40</v>
      </c>
      <c r="AZ4005">
        <v>75</v>
      </c>
      <c r="BA4005">
        <v>6383</v>
      </c>
    </row>
    <row r="4006" spans="1:53" x14ac:dyDescent="0.4">
      <c r="A4006">
        <v>4050</v>
      </c>
      <c r="B4006" s="1">
        <v>44239</v>
      </c>
      <c r="C4006">
        <v>1</v>
      </c>
      <c r="D4006" s="1">
        <v>44239.291666666664</v>
      </c>
      <c r="E4006" s="1">
        <v>44239.414583333331</v>
      </c>
      <c r="F4006">
        <v>0</v>
      </c>
      <c r="G4006">
        <v>0</v>
      </c>
      <c r="H4006">
        <v>0</v>
      </c>
      <c r="I4006">
        <v>0</v>
      </c>
      <c r="J4006">
        <v>0</v>
      </c>
      <c r="K4006">
        <v>0</v>
      </c>
      <c r="L4006">
        <v>0</v>
      </c>
      <c r="M4006">
        <v>0</v>
      </c>
      <c r="N4006">
        <v>0</v>
      </c>
      <c r="O4006">
        <v>0</v>
      </c>
      <c r="P4006">
        <v>0</v>
      </c>
      <c r="Q4006">
        <v>0</v>
      </c>
      <c r="R4006">
        <v>0</v>
      </c>
      <c r="S4006">
        <v>0</v>
      </c>
      <c r="T4006">
        <v>0</v>
      </c>
      <c r="U4006">
        <v>0</v>
      </c>
      <c r="V4006">
        <v>0</v>
      </c>
      <c r="W4006">
        <v>0</v>
      </c>
      <c r="X4006">
        <v>0</v>
      </c>
      <c r="Y4006">
        <v>31</v>
      </c>
      <c r="Z4006">
        <v>9</v>
      </c>
      <c r="AA4006">
        <v>100</v>
      </c>
      <c r="AB4006">
        <v>62</v>
      </c>
      <c r="AC4006">
        <v>100</v>
      </c>
      <c r="AD4006">
        <v>56</v>
      </c>
      <c r="AE4006">
        <v>120</v>
      </c>
      <c r="AF4006">
        <v>0</v>
      </c>
      <c r="AG4006">
        <v>50000</v>
      </c>
      <c r="AH4006">
        <v>50000</v>
      </c>
      <c r="AI4006">
        <v>0</v>
      </c>
      <c r="AJ4006">
        <v>0</v>
      </c>
      <c r="AK4006" t="s">
        <v>6</v>
      </c>
      <c r="AL4006">
        <v>0</v>
      </c>
      <c r="AM4006">
        <v>0</v>
      </c>
      <c r="AN4006">
        <v>0</v>
      </c>
      <c r="AO4006">
        <v>0</v>
      </c>
      <c r="AP4006">
        <v>0</v>
      </c>
      <c r="AQ4006">
        <v>0</v>
      </c>
      <c r="AR4006">
        <v>0</v>
      </c>
      <c r="AS4006">
        <v>0</v>
      </c>
      <c r="AT4006">
        <v>0</v>
      </c>
      <c r="AU4006">
        <v>0</v>
      </c>
      <c r="AV4006">
        <v>0</v>
      </c>
      <c r="AW4006">
        <v>0</v>
      </c>
      <c r="AX4006">
        <v>0</v>
      </c>
      <c r="AY4006">
        <v>0</v>
      </c>
      <c r="AZ4006">
        <v>0</v>
      </c>
      <c r="BA4006">
        <v>0</v>
      </c>
    </row>
    <row r="4007" spans="1:53" x14ac:dyDescent="0.4">
      <c r="A4007">
        <v>4051</v>
      </c>
      <c r="B4007" s="1">
        <v>44240</v>
      </c>
      <c r="C4007">
        <v>1</v>
      </c>
      <c r="D4007" s="1">
        <v>44240.291666666664</v>
      </c>
      <c r="E4007" s="1">
        <v>44240.409722222219</v>
      </c>
      <c r="F4007">
        <v>0</v>
      </c>
      <c r="G4007">
        <v>0</v>
      </c>
      <c r="H4007">
        <v>0</v>
      </c>
      <c r="I4007">
        <v>0</v>
      </c>
      <c r="J4007">
        <v>0</v>
      </c>
      <c r="K4007">
        <v>0</v>
      </c>
      <c r="L4007">
        <v>0</v>
      </c>
      <c r="M4007">
        <v>0</v>
      </c>
      <c r="N4007">
        <v>0</v>
      </c>
      <c r="O4007">
        <v>0</v>
      </c>
      <c r="P4007">
        <v>0</v>
      </c>
      <c r="Q4007">
        <v>0</v>
      </c>
      <c r="R4007">
        <v>0</v>
      </c>
      <c r="S4007">
        <v>0</v>
      </c>
      <c r="T4007">
        <v>0</v>
      </c>
      <c r="U4007">
        <v>0</v>
      </c>
      <c r="V4007">
        <v>0</v>
      </c>
      <c r="W4007">
        <v>0</v>
      </c>
      <c r="X4007">
        <v>0</v>
      </c>
      <c r="Y4007">
        <v>33</v>
      </c>
      <c r="Z4007">
        <v>11</v>
      </c>
      <c r="AA4007">
        <v>73</v>
      </c>
      <c r="AB4007">
        <v>54</v>
      </c>
      <c r="AC4007">
        <v>116</v>
      </c>
      <c r="AD4007">
        <v>48</v>
      </c>
      <c r="AE4007">
        <v>100</v>
      </c>
      <c r="AF4007">
        <v>0</v>
      </c>
      <c r="AG4007">
        <v>50000</v>
      </c>
      <c r="AH4007">
        <v>50000</v>
      </c>
      <c r="AI4007">
        <v>0</v>
      </c>
      <c r="AJ4007">
        <v>0</v>
      </c>
      <c r="AK4007" t="s">
        <v>6</v>
      </c>
      <c r="AL4007">
        <v>0</v>
      </c>
      <c r="AM4007">
        <v>0</v>
      </c>
      <c r="AN4007">
        <v>0</v>
      </c>
      <c r="AO4007">
        <v>0</v>
      </c>
      <c r="AP4007">
        <v>0</v>
      </c>
      <c r="AQ4007">
        <v>0</v>
      </c>
      <c r="AR4007">
        <v>0</v>
      </c>
      <c r="AS4007">
        <v>0</v>
      </c>
      <c r="AT4007">
        <v>0</v>
      </c>
      <c r="AU4007">
        <v>0</v>
      </c>
      <c r="AV4007">
        <v>0</v>
      </c>
      <c r="AW4007">
        <v>0</v>
      </c>
      <c r="AX4007">
        <v>0</v>
      </c>
      <c r="AY4007">
        <v>0</v>
      </c>
      <c r="AZ4007">
        <v>0</v>
      </c>
      <c r="BA4007">
        <v>0</v>
      </c>
    </row>
    <row r="4008" spans="1:53" x14ac:dyDescent="0.4">
      <c r="A4008">
        <v>4052</v>
      </c>
      <c r="B4008" s="1">
        <v>44240</v>
      </c>
      <c r="C4008">
        <v>2</v>
      </c>
      <c r="D4008" s="1">
        <v>44240.409722222219</v>
      </c>
      <c r="E4008" s="1">
        <v>44240.749305555553</v>
      </c>
      <c r="F4008">
        <v>29420</v>
      </c>
      <c r="G4008">
        <v>3280</v>
      </c>
      <c r="H4008">
        <v>0</v>
      </c>
      <c r="I4008">
        <v>0</v>
      </c>
      <c r="J4008">
        <v>130</v>
      </c>
      <c r="K4008">
        <v>0</v>
      </c>
      <c r="L4008">
        <v>0</v>
      </c>
      <c r="M4008">
        <v>3257</v>
      </c>
      <c r="N4008">
        <v>0</v>
      </c>
      <c r="O4008">
        <v>0</v>
      </c>
      <c r="P4008">
        <v>3322</v>
      </c>
      <c r="Q4008">
        <v>0</v>
      </c>
      <c r="R4008">
        <v>39149</v>
      </c>
      <c r="S4008">
        <v>0</v>
      </c>
      <c r="T4008">
        <v>0</v>
      </c>
      <c r="U4008">
        <v>0</v>
      </c>
      <c r="V4008">
        <v>1</v>
      </c>
      <c r="W4008">
        <v>0</v>
      </c>
      <c r="X4008">
        <v>0</v>
      </c>
      <c r="Y4008">
        <v>62</v>
      </c>
      <c r="Z4008">
        <v>17</v>
      </c>
      <c r="AA4008">
        <v>32</v>
      </c>
      <c r="AB4008">
        <v>53</v>
      </c>
      <c r="AC4008">
        <v>94</v>
      </c>
      <c r="AD4008">
        <v>50</v>
      </c>
      <c r="AE4008">
        <v>113</v>
      </c>
      <c r="AF4008">
        <v>1496</v>
      </c>
      <c r="AG4008">
        <v>89149</v>
      </c>
      <c r="AH4008">
        <v>50000</v>
      </c>
      <c r="AI4008">
        <v>0</v>
      </c>
      <c r="AJ4008">
        <v>107</v>
      </c>
      <c r="AK4008" t="s">
        <v>40</v>
      </c>
      <c r="AL4008">
        <v>0</v>
      </c>
      <c r="AM4008">
        <v>0</v>
      </c>
      <c r="AN4008">
        <v>0</v>
      </c>
      <c r="AO4008">
        <v>0</v>
      </c>
      <c r="AP4008">
        <v>0</v>
      </c>
      <c r="AQ4008">
        <v>0</v>
      </c>
      <c r="AR4008">
        <v>0</v>
      </c>
      <c r="AS4008">
        <v>0</v>
      </c>
      <c r="AT4008">
        <v>0</v>
      </c>
      <c r="AU4008">
        <v>0</v>
      </c>
      <c r="AV4008">
        <v>0</v>
      </c>
      <c r="AW4008">
        <v>0</v>
      </c>
      <c r="AX4008">
        <v>-1056</v>
      </c>
      <c r="AY4008">
        <v>26</v>
      </c>
      <c r="AZ4008">
        <v>56</v>
      </c>
      <c r="BA4008">
        <v>4136</v>
      </c>
    </row>
    <row r="4009" spans="1:53" x14ac:dyDescent="0.4">
      <c r="A4009">
        <v>4053</v>
      </c>
      <c r="B4009" s="1">
        <v>44241</v>
      </c>
      <c r="C4009">
        <v>1</v>
      </c>
      <c r="D4009" s="1">
        <v>44241.291666666664</v>
      </c>
      <c r="E4009" s="1">
        <v>44241.438888888886</v>
      </c>
      <c r="F4009">
        <v>0</v>
      </c>
      <c r="G4009">
        <v>0</v>
      </c>
      <c r="H4009">
        <v>0</v>
      </c>
      <c r="I4009">
        <v>0</v>
      </c>
      <c r="J4009">
        <v>0</v>
      </c>
      <c r="K4009">
        <v>0</v>
      </c>
      <c r="L4009">
        <v>0</v>
      </c>
      <c r="M4009">
        <v>0</v>
      </c>
      <c r="N4009">
        <v>0</v>
      </c>
      <c r="O4009">
        <v>0</v>
      </c>
      <c r="P4009">
        <v>0</v>
      </c>
      <c r="Q4009">
        <v>0</v>
      </c>
      <c r="R4009">
        <v>0</v>
      </c>
      <c r="S4009">
        <v>0</v>
      </c>
      <c r="T4009">
        <v>0</v>
      </c>
      <c r="U4009">
        <v>0</v>
      </c>
      <c r="V4009">
        <v>0</v>
      </c>
      <c r="W4009">
        <v>0</v>
      </c>
      <c r="X4009">
        <v>0</v>
      </c>
      <c r="Y4009">
        <v>39</v>
      </c>
      <c r="Z4009">
        <v>9</v>
      </c>
      <c r="AA4009">
        <v>27</v>
      </c>
      <c r="AB4009">
        <v>51</v>
      </c>
      <c r="AC4009">
        <v>90</v>
      </c>
      <c r="AD4009">
        <v>49</v>
      </c>
      <c r="AE4009">
        <v>105</v>
      </c>
      <c r="AF4009">
        <v>0</v>
      </c>
      <c r="AG4009">
        <v>50000</v>
      </c>
      <c r="AH4009">
        <v>50000</v>
      </c>
      <c r="AI4009">
        <v>0</v>
      </c>
      <c r="AJ4009">
        <v>0</v>
      </c>
      <c r="AK4009" t="s">
        <v>6</v>
      </c>
      <c r="AL4009">
        <v>0</v>
      </c>
      <c r="AM4009">
        <v>0</v>
      </c>
      <c r="AN4009">
        <v>0</v>
      </c>
      <c r="AO4009">
        <v>0</v>
      </c>
      <c r="AP4009">
        <v>0</v>
      </c>
      <c r="AQ4009">
        <v>0</v>
      </c>
      <c r="AR4009">
        <v>0</v>
      </c>
      <c r="AS4009">
        <v>0</v>
      </c>
      <c r="AT4009">
        <v>0</v>
      </c>
      <c r="AU4009">
        <v>0</v>
      </c>
      <c r="AV4009">
        <v>0</v>
      </c>
      <c r="AW4009">
        <v>0</v>
      </c>
      <c r="AX4009">
        <v>0</v>
      </c>
      <c r="AY4009">
        <v>0</v>
      </c>
      <c r="AZ4009">
        <v>0</v>
      </c>
      <c r="BA4009">
        <v>0</v>
      </c>
    </row>
    <row r="4010" spans="1:53" x14ac:dyDescent="0.4">
      <c r="A4010">
        <v>4054</v>
      </c>
      <c r="B4010" s="1">
        <v>44241</v>
      </c>
      <c r="C4010">
        <v>2</v>
      </c>
      <c r="D4010" s="1">
        <v>44241.438888888886</v>
      </c>
      <c r="E4010" s="1">
        <v>44241.744444444441</v>
      </c>
      <c r="F4010">
        <v>29045</v>
      </c>
      <c r="G4010">
        <v>1500</v>
      </c>
      <c r="H4010">
        <v>0</v>
      </c>
      <c r="I4010">
        <v>0</v>
      </c>
      <c r="J4010">
        <v>0</v>
      </c>
      <c r="K4010">
        <v>1440</v>
      </c>
      <c r="L4010">
        <v>0</v>
      </c>
      <c r="M4010">
        <v>3198</v>
      </c>
      <c r="N4010">
        <v>0</v>
      </c>
      <c r="O4010">
        <v>0</v>
      </c>
      <c r="P4010">
        <v>9383</v>
      </c>
      <c r="Q4010">
        <v>0</v>
      </c>
      <c r="R4010">
        <v>44566</v>
      </c>
      <c r="S4010">
        <v>0</v>
      </c>
      <c r="T4010">
        <v>0</v>
      </c>
      <c r="U4010">
        <v>0</v>
      </c>
      <c r="V4010">
        <v>5</v>
      </c>
      <c r="W4010">
        <v>0</v>
      </c>
      <c r="X4010">
        <v>0</v>
      </c>
      <c r="Y4010">
        <v>17</v>
      </c>
      <c r="Z4010">
        <v>22</v>
      </c>
      <c r="AA4010">
        <v>33</v>
      </c>
      <c r="AB4010">
        <v>50</v>
      </c>
      <c r="AC4010">
        <v>79</v>
      </c>
      <c r="AD4010">
        <v>47</v>
      </c>
      <c r="AE4010">
        <v>79</v>
      </c>
      <c r="AF4010">
        <v>9662</v>
      </c>
      <c r="AG4010">
        <v>94566</v>
      </c>
      <c r="AH4010">
        <v>50000</v>
      </c>
      <c r="AI4010">
        <v>0</v>
      </c>
      <c r="AJ4010">
        <v>107</v>
      </c>
      <c r="AK4010" t="s">
        <v>40</v>
      </c>
      <c r="AL4010">
        <v>0</v>
      </c>
      <c r="AM4010">
        <v>0</v>
      </c>
      <c r="AN4010">
        <v>0</v>
      </c>
      <c r="AO4010">
        <v>0</v>
      </c>
      <c r="AP4010">
        <v>0</v>
      </c>
      <c r="AQ4010">
        <v>0</v>
      </c>
      <c r="AR4010">
        <v>0</v>
      </c>
      <c r="AS4010">
        <v>0</v>
      </c>
      <c r="AT4010">
        <v>0</v>
      </c>
      <c r="AU4010">
        <v>0</v>
      </c>
      <c r="AV4010">
        <v>0</v>
      </c>
      <c r="AW4010">
        <v>0</v>
      </c>
      <c r="AX4010">
        <v>594</v>
      </c>
      <c r="AY4010">
        <v>31</v>
      </c>
      <c r="AZ4010">
        <v>66</v>
      </c>
      <c r="BA4010">
        <v>5013</v>
      </c>
    </row>
    <row r="4011" spans="1:53" x14ac:dyDescent="0.4">
      <c r="A4011">
        <v>4055</v>
      </c>
      <c r="B4011" s="1">
        <v>44242</v>
      </c>
      <c r="C4011">
        <v>1</v>
      </c>
      <c r="D4011" s="1">
        <v>44242.291666666664</v>
      </c>
      <c r="E4011" s="1">
        <v>44242.414583333331</v>
      </c>
      <c r="F4011">
        <v>0</v>
      </c>
      <c r="G4011">
        <v>0</v>
      </c>
      <c r="H4011">
        <v>0</v>
      </c>
      <c r="I4011">
        <v>0</v>
      </c>
      <c r="J4011">
        <v>0</v>
      </c>
      <c r="K4011">
        <v>0</v>
      </c>
      <c r="L4011">
        <v>0</v>
      </c>
      <c r="M4011">
        <v>0</v>
      </c>
      <c r="N4011">
        <v>0</v>
      </c>
      <c r="O4011">
        <v>0</v>
      </c>
      <c r="P4011">
        <v>0</v>
      </c>
      <c r="Q4011">
        <v>0</v>
      </c>
      <c r="R4011">
        <v>0</v>
      </c>
      <c r="S4011">
        <v>0</v>
      </c>
      <c r="T4011">
        <v>0</v>
      </c>
      <c r="U4011">
        <v>0</v>
      </c>
      <c r="V4011">
        <v>2</v>
      </c>
      <c r="W4011">
        <v>0</v>
      </c>
      <c r="X4011">
        <v>0</v>
      </c>
      <c r="Y4011">
        <v>18</v>
      </c>
      <c r="Z4011">
        <v>7</v>
      </c>
      <c r="AA4011">
        <v>49</v>
      </c>
      <c r="AB4011">
        <v>41</v>
      </c>
      <c r="AC4011">
        <v>120</v>
      </c>
      <c r="AD4011">
        <v>45</v>
      </c>
      <c r="AE4011">
        <v>125</v>
      </c>
      <c r="AF4011">
        <v>0</v>
      </c>
      <c r="AG4011">
        <v>50000</v>
      </c>
      <c r="AH4011">
        <v>50000</v>
      </c>
      <c r="AI4011">
        <v>0</v>
      </c>
      <c r="AJ4011">
        <v>0</v>
      </c>
      <c r="AK4011" t="s">
        <v>6</v>
      </c>
      <c r="AL4011">
        <v>0</v>
      </c>
      <c r="AM4011">
        <v>0</v>
      </c>
      <c r="AN4011">
        <v>0</v>
      </c>
      <c r="AO4011">
        <v>0</v>
      </c>
      <c r="AP4011">
        <v>0</v>
      </c>
      <c r="AQ4011">
        <v>0</v>
      </c>
      <c r="AR4011">
        <v>0</v>
      </c>
      <c r="AS4011">
        <v>0</v>
      </c>
      <c r="AT4011">
        <v>0</v>
      </c>
      <c r="AU4011">
        <v>0</v>
      </c>
      <c r="AV4011">
        <v>0</v>
      </c>
      <c r="AW4011">
        <v>0</v>
      </c>
      <c r="AX4011">
        <v>0</v>
      </c>
      <c r="AY4011">
        <v>0</v>
      </c>
      <c r="AZ4011">
        <v>0</v>
      </c>
      <c r="BA4011">
        <v>0</v>
      </c>
    </row>
    <row r="4012" spans="1:53" x14ac:dyDescent="0.4">
      <c r="A4012">
        <v>4056</v>
      </c>
      <c r="B4012" s="1">
        <v>44242</v>
      </c>
      <c r="C4012">
        <v>2</v>
      </c>
      <c r="D4012" s="1">
        <v>44242.414583333331</v>
      </c>
      <c r="E4012" s="1">
        <v>44242.757638888892</v>
      </c>
      <c r="F4012">
        <v>19670</v>
      </c>
      <c r="G4012">
        <v>400</v>
      </c>
      <c r="H4012">
        <v>0</v>
      </c>
      <c r="I4012">
        <v>0</v>
      </c>
      <c r="J4012">
        <v>0</v>
      </c>
      <c r="K4012">
        <v>1440</v>
      </c>
      <c r="L4012">
        <v>0</v>
      </c>
      <c r="M4012">
        <v>2151</v>
      </c>
      <c r="N4012">
        <v>0</v>
      </c>
      <c r="O4012">
        <v>0</v>
      </c>
      <c r="P4012">
        <v>11374</v>
      </c>
      <c r="Q4012">
        <v>0</v>
      </c>
      <c r="R4012">
        <v>35035</v>
      </c>
      <c r="S4012">
        <v>0</v>
      </c>
      <c r="T4012">
        <v>0</v>
      </c>
      <c r="U4012">
        <v>0</v>
      </c>
      <c r="V4012">
        <v>2</v>
      </c>
      <c r="W4012">
        <v>2</v>
      </c>
      <c r="X4012">
        <v>0</v>
      </c>
      <c r="Y4012">
        <v>38</v>
      </c>
      <c r="Z4012">
        <v>12</v>
      </c>
      <c r="AA4012">
        <v>74</v>
      </c>
      <c r="AB4012">
        <v>36</v>
      </c>
      <c r="AC4012">
        <v>151</v>
      </c>
      <c r="AD4012">
        <v>43</v>
      </c>
      <c r="AE4012">
        <v>110</v>
      </c>
      <c r="AF4012">
        <v>0</v>
      </c>
      <c r="AG4012">
        <v>85035</v>
      </c>
      <c r="AH4012">
        <v>50000</v>
      </c>
      <c r="AI4012">
        <v>0</v>
      </c>
      <c r="AJ4012">
        <v>85</v>
      </c>
      <c r="AK4012" t="s">
        <v>7</v>
      </c>
      <c r="AL4012">
        <v>0</v>
      </c>
      <c r="AM4012">
        <v>0</v>
      </c>
      <c r="AN4012">
        <v>0</v>
      </c>
      <c r="AO4012">
        <v>0</v>
      </c>
      <c r="AP4012">
        <v>0</v>
      </c>
      <c r="AQ4012">
        <v>0</v>
      </c>
      <c r="AR4012">
        <v>0</v>
      </c>
      <c r="AS4012">
        <v>0</v>
      </c>
      <c r="AT4012">
        <v>0</v>
      </c>
      <c r="AU4012">
        <v>0</v>
      </c>
      <c r="AV4012">
        <v>0</v>
      </c>
      <c r="AW4012">
        <v>0</v>
      </c>
      <c r="AX4012">
        <v>0</v>
      </c>
      <c r="AY4012">
        <v>29</v>
      </c>
      <c r="AZ4012">
        <v>51</v>
      </c>
      <c r="BA4012">
        <v>4554</v>
      </c>
    </row>
    <row r="4013" spans="1:53" x14ac:dyDescent="0.4">
      <c r="A4013">
        <v>4057</v>
      </c>
      <c r="B4013" s="1">
        <v>44243</v>
      </c>
      <c r="C4013">
        <v>1</v>
      </c>
      <c r="D4013" s="1">
        <v>44243.291666666664</v>
      </c>
      <c r="E4013" s="1">
        <v>44243.418055555558</v>
      </c>
      <c r="F4013">
        <v>0</v>
      </c>
      <c r="G4013">
        <v>0</v>
      </c>
      <c r="H4013">
        <v>0</v>
      </c>
      <c r="I4013">
        <v>0</v>
      </c>
      <c r="J4013">
        <v>0</v>
      </c>
      <c r="K4013">
        <v>0</v>
      </c>
      <c r="L4013">
        <v>0</v>
      </c>
      <c r="M4013">
        <v>0</v>
      </c>
      <c r="N4013">
        <v>0</v>
      </c>
      <c r="O4013">
        <v>0</v>
      </c>
      <c r="P4013">
        <v>0</v>
      </c>
      <c r="Q4013">
        <v>0</v>
      </c>
      <c r="R4013">
        <v>0</v>
      </c>
      <c r="S4013">
        <v>0</v>
      </c>
      <c r="T4013">
        <v>0</v>
      </c>
      <c r="U4013">
        <v>0</v>
      </c>
      <c r="V4013">
        <v>0</v>
      </c>
      <c r="W4013">
        <v>0</v>
      </c>
      <c r="X4013">
        <v>0</v>
      </c>
      <c r="Y4013">
        <v>32</v>
      </c>
      <c r="Z4013">
        <v>7</v>
      </c>
      <c r="AA4013">
        <v>84</v>
      </c>
      <c r="AB4013">
        <v>85</v>
      </c>
      <c r="AC4013">
        <v>154</v>
      </c>
      <c r="AD4013">
        <v>40</v>
      </c>
      <c r="AE4013">
        <v>110</v>
      </c>
      <c r="AF4013">
        <v>0</v>
      </c>
      <c r="AG4013">
        <v>50000</v>
      </c>
      <c r="AH4013">
        <v>50000</v>
      </c>
      <c r="AI4013">
        <v>0</v>
      </c>
      <c r="AJ4013">
        <v>0</v>
      </c>
      <c r="AK4013" t="s">
        <v>6</v>
      </c>
      <c r="AL4013">
        <v>0</v>
      </c>
      <c r="AM4013">
        <v>0</v>
      </c>
      <c r="AN4013">
        <v>0</v>
      </c>
      <c r="AO4013">
        <v>0</v>
      </c>
      <c r="AP4013">
        <v>0</v>
      </c>
      <c r="AQ4013">
        <v>0</v>
      </c>
      <c r="AR4013">
        <v>0</v>
      </c>
      <c r="AS4013">
        <v>0</v>
      </c>
      <c r="AT4013">
        <v>0</v>
      </c>
      <c r="AU4013">
        <v>0</v>
      </c>
      <c r="AV4013">
        <v>0</v>
      </c>
      <c r="AW4013">
        <v>0</v>
      </c>
      <c r="AX4013">
        <v>0</v>
      </c>
      <c r="AY4013">
        <v>0</v>
      </c>
      <c r="AZ4013">
        <v>0</v>
      </c>
      <c r="BA4013">
        <v>0</v>
      </c>
    </row>
    <row r="4014" spans="1:53" x14ac:dyDescent="0.4">
      <c r="A4014">
        <v>4058</v>
      </c>
      <c r="B4014" s="1">
        <v>44244</v>
      </c>
      <c r="C4014">
        <v>1</v>
      </c>
      <c r="D4014" s="1">
        <v>44244.291666666664</v>
      </c>
      <c r="E4014" s="1">
        <v>44244.439583333333</v>
      </c>
      <c r="F4014">
        <v>0</v>
      </c>
      <c r="G4014">
        <v>0</v>
      </c>
      <c r="H4014">
        <v>0</v>
      </c>
      <c r="I4014">
        <v>0</v>
      </c>
      <c r="J4014">
        <v>0</v>
      </c>
      <c r="K4014">
        <v>0</v>
      </c>
      <c r="L4014">
        <v>0</v>
      </c>
      <c r="M4014">
        <v>0</v>
      </c>
      <c r="N4014">
        <v>0</v>
      </c>
      <c r="O4014">
        <v>0</v>
      </c>
      <c r="P4014">
        <v>0</v>
      </c>
      <c r="Q4014">
        <v>0</v>
      </c>
      <c r="R4014">
        <v>0</v>
      </c>
      <c r="S4014">
        <v>0</v>
      </c>
      <c r="T4014">
        <v>0</v>
      </c>
      <c r="U4014">
        <v>0</v>
      </c>
      <c r="V4014">
        <v>0</v>
      </c>
      <c r="W4014">
        <v>0</v>
      </c>
      <c r="X4014">
        <v>0</v>
      </c>
      <c r="Y4014">
        <v>33</v>
      </c>
      <c r="Z4014">
        <v>6</v>
      </c>
      <c r="AA4014">
        <v>79</v>
      </c>
      <c r="AB4014">
        <v>77</v>
      </c>
      <c r="AC4014">
        <v>194</v>
      </c>
      <c r="AD4014">
        <v>38</v>
      </c>
      <c r="AE4014">
        <v>120</v>
      </c>
      <c r="AF4014">
        <v>0</v>
      </c>
      <c r="AG4014">
        <v>50000</v>
      </c>
      <c r="AH4014">
        <v>50000</v>
      </c>
      <c r="AI4014">
        <v>0</v>
      </c>
      <c r="AJ4014">
        <v>0</v>
      </c>
      <c r="AK4014" t="s">
        <v>6</v>
      </c>
      <c r="AL4014">
        <v>0</v>
      </c>
      <c r="AM4014">
        <v>0</v>
      </c>
      <c r="AN4014">
        <v>0</v>
      </c>
      <c r="AO4014">
        <v>0</v>
      </c>
      <c r="AP4014">
        <v>0</v>
      </c>
      <c r="AQ4014">
        <v>0</v>
      </c>
      <c r="AR4014">
        <v>0</v>
      </c>
      <c r="AS4014">
        <v>0</v>
      </c>
      <c r="AT4014">
        <v>0</v>
      </c>
      <c r="AU4014">
        <v>0</v>
      </c>
      <c r="AV4014">
        <v>0</v>
      </c>
      <c r="AW4014">
        <v>0</v>
      </c>
      <c r="AX4014">
        <v>0</v>
      </c>
      <c r="AY4014">
        <v>0</v>
      </c>
      <c r="AZ4014">
        <v>0</v>
      </c>
      <c r="BA4014">
        <v>0</v>
      </c>
    </row>
    <row r="4015" spans="1:53" x14ac:dyDescent="0.4">
      <c r="A4015">
        <v>4059</v>
      </c>
      <c r="B4015" s="1">
        <v>44244</v>
      </c>
      <c r="C4015">
        <v>2</v>
      </c>
      <c r="D4015" s="1">
        <v>44244.439583333333</v>
      </c>
      <c r="E4015" s="1">
        <v>44244.78125</v>
      </c>
      <c r="F4015">
        <v>21140</v>
      </c>
      <c r="G4015">
        <v>0</v>
      </c>
      <c r="H4015">
        <v>0</v>
      </c>
      <c r="I4015">
        <v>0</v>
      </c>
      <c r="J4015">
        <v>0</v>
      </c>
      <c r="K4015">
        <v>0</v>
      </c>
      <c r="L4015">
        <v>0</v>
      </c>
      <c r="M4015">
        <v>2114</v>
      </c>
      <c r="N4015">
        <v>0</v>
      </c>
      <c r="O4015">
        <v>0</v>
      </c>
      <c r="P4015">
        <v>7403</v>
      </c>
      <c r="Q4015">
        <v>0</v>
      </c>
      <c r="R4015">
        <v>30657</v>
      </c>
      <c r="S4015">
        <v>0</v>
      </c>
      <c r="T4015">
        <v>0</v>
      </c>
      <c r="U4015">
        <v>0</v>
      </c>
      <c r="V4015">
        <v>1</v>
      </c>
      <c r="W4015">
        <v>1</v>
      </c>
      <c r="X4015">
        <v>0</v>
      </c>
      <c r="Y4015">
        <v>44</v>
      </c>
      <c r="Z4015">
        <v>17</v>
      </c>
      <c r="AA4015">
        <v>64</v>
      </c>
      <c r="AB4015">
        <v>73</v>
      </c>
      <c r="AC4015">
        <v>174</v>
      </c>
      <c r="AD4015">
        <v>35</v>
      </c>
      <c r="AE4015">
        <v>136</v>
      </c>
      <c r="AF4015">
        <v>1056</v>
      </c>
      <c r="AG4015">
        <v>80657</v>
      </c>
      <c r="AH4015">
        <v>50000</v>
      </c>
      <c r="AI4015">
        <v>0</v>
      </c>
      <c r="AJ4015">
        <v>84</v>
      </c>
      <c r="AK4015" t="s">
        <v>16</v>
      </c>
      <c r="AL4015">
        <v>0</v>
      </c>
      <c r="AM4015">
        <v>0</v>
      </c>
      <c r="AN4015">
        <v>0</v>
      </c>
      <c r="AO4015">
        <v>0</v>
      </c>
      <c r="AP4015">
        <v>0</v>
      </c>
      <c r="AQ4015">
        <v>0</v>
      </c>
      <c r="AR4015">
        <v>0</v>
      </c>
      <c r="AS4015">
        <v>0</v>
      </c>
      <c r="AT4015">
        <v>0</v>
      </c>
      <c r="AU4015">
        <v>0</v>
      </c>
      <c r="AV4015">
        <v>0</v>
      </c>
      <c r="AW4015">
        <v>0</v>
      </c>
      <c r="AX4015">
        <v>0</v>
      </c>
      <c r="AY4015">
        <v>29</v>
      </c>
      <c r="AZ4015">
        <v>49</v>
      </c>
      <c r="BA4015">
        <v>4278</v>
      </c>
    </row>
    <row r="4016" spans="1:53" x14ac:dyDescent="0.4">
      <c r="A4016">
        <v>4060</v>
      </c>
      <c r="B4016" s="1">
        <v>44245</v>
      </c>
      <c r="C4016">
        <v>1</v>
      </c>
      <c r="D4016" s="1">
        <v>44245.291666666664</v>
      </c>
      <c r="E4016" s="1">
        <v>44245.431250000001</v>
      </c>
      <c r="F4016">
        <v>0</v>
      </c>
      <c r="G4016">
        <v>0</v>
      </c>
      <c r="H4016">
        <v>0</v>
      </c>
      <c r="I4016">
        <v>0</v>
      </c>
      <c r="J4016">
        <v>0</v>
      </c>
      <c r="K4016">
        <v>0</v>
      </c>
      <c r="L4016">
        <v>0</v>
      </c>
      <c r="M4016">
        <v>0</v>
      </c>
      <c r="N4016">
        <v>0</v>
      </c>
      <c r="O4016">
        <v>0</v>
      </c>
      <c r="P4016">
        <v>0</v>
      </c>
      <c r="Q4016">
        <v>0</v>
      </c>
      <c r="R4016">
        <v>0</v>
      </c>
      <c r="S4016">
        <v>0</v>
      </c>
      <c r="T4016">
        <v>0</v>
      </c>
      <c r="U4016">
        <v>0</v>
      </c>
      <c r="V4016">
        <v>0</v>
      </c>
      <c r="W4016">
        <v>0</v>
      </c>
      <c r="X4016">
        <v>0</v>
      </c>
      <c r="Y4016">
        <v>33</v>
      </c>
      <c r="Z4016">
        <v>10</v>
      </c>
      <c r="AA4016">
        <v>66</v>
      </c>
      <c r="AB4016">
        <v>68</v>
      </c>
      <c r="AC4016">
        <v>170</v>
      </c>
      <c r="AD4016">
        <v>34</v>
      </c>
      <c r="AE4016">
        <v>130</v>
      </c>
      <c r="AF4016">
        <v>0</v>
      </c>
      <c r="AG4016">
        <v>50000</v>
      </c>
      <c r="AH4016">
        <v>50000</v>
      </c>
      <c r="AI4016">
        <v>0</v>
      </c>
      <c r="AJ4016">
        <v>0</v>
      </c>
      <c r="AK4016" t="s">
        <v>6</v>
      </c>
      <c r="AL4016">
        <v>0</v>
      </c>
      <c r="AM4016">
        <v>0</v>
      </c>
      <c r="AN4016">
        <v>0</v>
      </c>
      <c r="AO4016">
        <v>0</v>
      </c>
      <c r="AP4016">
        <v>0</v>
      </c>
      <c r="AQ4016">
        <v>0</v>
      </c>
      <c r="AR4016">
        <v>0</v>
      </c>
      <c r="AS4016">
        <v>0</v>
      </c>
      <c r="AT4016">
        <v>0</v>
      </c>
      <c r="AU4016">
        <v>0</v>
      </c>
      <c r="AV4016">
        <v>0</v>
      </c>
      <c r="AW4016">
        <v>0</v>
      </c>
      <c r="AX4016">
        <v>0</v>
      </c>
      <c r="AY4016">
        <v>0</v>
      </c>
      <c r="AZ4016">
        <v>0</v>
      </c>
      <c r="BA4016">
        <v>0</v>
      </c>
    </row>
    <row r="4017" spans="1:53" x14ac:dyDescent="0.4">
      <c r="A4017">
        <v>4061</v>
      </c>
      <c r="B4017" s="1">
        <v>44245</v>
      </c>
      <c r="C4017">
        <v>2</v>
      </c>
      <c r="D4017" s="1">
        <v>44245.431250000001</v>
      </c>
      <c r="E4017" s="1">
        <v>44245.747916666667</v>
      </c>
      <c r="F4017">
        <v>19220</v>
      </c>
      <c r="G4017">
        <v>680</v>
      </c>
      <c r="H4017">
        <v>0</v>
      </c>
      <c r="I4017">
        <v>0</v>
      </c>
      <c r="J4017">
        <v>0</v>
      </c>
      <c r="K4017">
        <v>0</v>
      </c>
      <c r="L4017">
        <v>0</v>
      </c>
      <c r="M4017">
        <v>1990</v>
      </c>
      <c r="N4017">
        <v>0</v>
      </c>
      <c r="O4017">
        <v>0</v>
      </c>
      <c r="P4017">
        <v>11704</v>
      </c>
      <c r="Q4017">
        <v>0</v>
      </c>
      <c r="R4017">
        <v>33594</v>
      </c>
      <c r="S4017">
        <v>0</v>
      </c>
      <c r="T4017">
        <v>0</v>
      </c>
      <c r="U4017">
        <v>0</v>
      </c>
      <c r="V4017">
        <v>1</v>
      </c>
      <c r="W4017">
        <v>2</v>
      </c>
      <c r="X4017">
        <v>0</v>
      </c>
      <c r="Y4017">
        <v>44</v>
      </c>
      <c r="Z4017">
        <v>17</v>
      </c>
      <c r="AA4017">
        <v>52</v>
      </c>
      <c r="AB4017">
        <v>74</v>
      </c>
      <c r="AC4017">
        <v>182</v>
      </c>
      <c r="AD4017">
        <v>43</v>
      </c>
      <c r="AE4017">
        <v>159</v>
      </c>
      <c r="AF4017">
        <v>0</v>
      </c>
      <c r="AG4017">
        <v>83594</v>
      </c>
      <c r="AH4017">
        <v>50000</v>
      </c>
      <c r="AI4017">
        <v>0</v>
      </c>
      <c r="AJ4017">
        <v>105</v>
      </c>
      <c r="AL4017">
        <v>0</v>
      </c>
      <c r="AM4017">
        <v>0</v>
      </c>
      <c r="AN4017">
        <v>0</v>
      </c>
      <c r="AO4017">
        <v>0</v>
      </c>
      <c r="AP4017">
        <v>0</v>
      </c>
      <c r="AQ4017">
        <v>0</v>
      </c>
      <c r="AR4017">
        <v>0</v>
      </c>
      <c r="AS4017">
        <v>0</v>
      </c>
      <c r="AT4017">
        <v>0</v>
      </c>
      <c r="AU4017">
        <v>0</v>
      </c>
      <c r="AV4017">
        <v>0</v>
      </c>
      <c r="AW4017">
        <v>0</v>
      </c>
      <c r="AX4017">
        <v>1474</v>
      </c>
      <c r="AY4017">
        <v>27</v>
      </c>
      <c r="AZ4017">
        <v>54</v>
      </c>
      <c r="BA4017">
        <v>3923</v>
      </c>
    </row>
    <row r="4018" spans="1:53" x14ac:dyDescent="0.4">
      <c r="A4018">
        <v>4062</v>
      </c>
      <c r="B4018" s="1">
        <v>44246</v>
      </c>
      <c r="C4018">
        <v>1</v>
      </c>
      <c r="D4018" s="1">
        <v>44246.291666666664</v>
      </c>
      <c r="E4018" s="1">
        <v>44246.40902777778</v>
      </c>
      <c r="F4018">
        <v>0</v>
      </c>
      <c r="G4018">
        <v>0</v>
      </c>
      <c r="H4018">
        <v>0</v>
      </c>
      <c r="I4018">
        <v>0</v>
      </c>
      <c r="J4018">
        <v>0</v>
      </c>
      <c r="K4018">
        <v>0</v>
      </c>
      <c r="L4018">
        <v>0</v>
      </c>
      <c r="M4018">
        <v>0</v>
      </c>
      <c r="N4018">
        <v>0</v>
      </c>
      <c r="O4018">
        <v>0</v>
      </c>
      <c r="P4018">
        <v>0</v>
      </c>
      <c r="Q4018">
        <v>0</v>
      </c>
      <c r="R4018">
        <v>0</v>
      </c>
      <c r="S4018">
        <v>0</v>
      </c>
      <c r="T4018">
        <v>0</v>
      </c>
      <c r="U4018">
        <v>0</v>
      </c>
      <c r="V4018">
        <v>0</v>
      </c>
      <c r="W4018">
        <v>0</v>
      </c>
      <c r="X4018">
        <v>0</v>
      </c>
      <c r="Y4018">
        <v>34</v>
      </c>
      <c r="Z4018">
        <v>8</v>
      </c>
      <c r="AA4018">
        <v>64</v>
      </c>
      <c r="AB4018">
        <v>69</v>
      </c>
      <c r="AC4018">
        <v>183</v>
      </c>
      <c r="AD4018">
        <v>42</v>
      </c>
      <c r="AE4018">
        <v>110</v>
      </c>
      <c r="AF4018">
        <v>0</v>
      </c>
      <c r="AG4018">
        <v>50000</v>
      </c>
      <c r="AH4018">
        <v>50000</v>
      </c>
      <c r="AI4018">
        <v>0</v>
      </c>
      <c r="AJ4018">
        <v>0</v>
      </c>
      <c r="AK4018" t="s">
        <v>6</v>
      </c>
      <c r="AL4018">
        <v>0</v>
      </c>
      <c r="AM4018">
        <v>0</v>
      </c>
      <c r="AN4018">
        <v>0</v>
      </c>
      <c r="AO4018">
        <v>0</v>
      </c>
      <c r="AP4018">
        <v>0</v>
      </c>
      <c r="AQ4018">
        <v>0</v>
      </c>
      <c r="AR4018">
        <v>0</v>
      </c>
      <c r="AS4018">
        <v>0</v>
      </c>
      <c r="AT4018">
        <v>0</v>
      </c>
      <c r="AU4018">
        <v>0</v>
      </c>
      <c r="AV4018">
        <v>0</v>
      </c>
      <c r="AW4018">
        <v>0</v>
      </c>
      <c r="AX4018">
        <v>0</v>
      </c>
      <c r="AY4018">
        <v>0</v>
      </c>
      <c r="AZ4018">
        <v>0</v>
      </c>
      <c r="BA4018">
        <v>0</v>
      </c>
    </row>
    <row r="4019" spans="1:53" x14ac:dyDescent="0.4">
      <c r="A4019">
        <v>4063</v>
      </c>
      <c r="B4019" s="1">
        <v>44246</v>
      </c>
      <c r="C4019">
        <v>2</v>
      </c>
      <c r="D4019" s="1">
        <v>44246.40902777778</v>
      </c>
      <c r="E4019" s="1">
        <v>44246.749305555553</v>
      </c>
      <c r="F4019">
        <v>24370</v>
      </c>
      <c r="G4019">
        <v>560</v>
      </c>
      <c r="H4019">
        <v>0</v>
      </c>
      <c r="I4019">
        <v>0</v>
      </c>
      <c r="J4019">
        <v>0</v>
      </c>
      <c r="K4019">
        <v>0</v>
      </c>
      <c r="L4019">
        <v>0</v>
      </c>
      <c r="M4019">
        <v>2493</v>
      </c>
      <c r="N4019">
        <v>0</v>
      </c>
      <c r="O4019">
        <v>0</v>
      </c>
      <c r="P4019">
        <v>22319</v>
      </c>
      <c r="Q4019">
        <v>0</v>
      </c>
      <c r="R4019">
        <v>49742</v>
      </c>
      <c r="S4019">
        <v>0</v>
      </c>
      <c r="T4019">
        <v>0</v>
      </c>
      <c r="U4019">
        <v>0</v>
      </c>
      <c r="V4019">
        <v>4</v>
      </c>
      <c r="W4019">
        <v>0</v>
      </c>
      <c r="X4019">
        <v>0</v>
      </c>
      <c r="Y4019">
        <v>34</v>
      </c>
      <c r="Z4019">
        <v>22</v>
      </c>
      <c r="AA4019">
        <v>79</v>
      </c>
      <c r="AB4019">
        <v>75</v>
      </c>
      <c r="AC4019">
        <v>201</v>
      </c>
      <c r="AD4019">
        <v>50</v>
      </c>
      <c r="AE4019">
        <v>139</v>
      </c>
      <c r="AF4019">
        <v>693</v>
      </c>
      <c r="AG4019">
        <v>99742</v>
      </c>
      <c r="AH4019">
        <v>50000</v>
      </c>
      <c r="AI4019">
        <v>0</v>
      </c>
      <c r="AJ4019">
        <v>84</v>
      </c>
      <c r="AK4019" t="s">
        <v>16</v>
      </c>
      <c r="AL4019">
        <v>0</v>
      </c>
      <c r="AM4019">
        <v>0</v>
      </c>
      <c r="AN4019">
        <v>0</v>
      </c>
      <c r="AO4019">
        <v>0</v>
      </c>
      <c r="AP4019">
        <v>0</v>
      </c>
      <c r="AQ4019">
        <v>0</v>
      </c>
      <c r="AR4019">
        <v>0</v>
      </c>
      <c r="AS4019">
        <v>0</v>
      </c>
      <c r="AT4019">
        <v>0</v>
      </c>
      <c r="AU4019">
        <v>0</v>
      </c>
      <c r="AV4019">
        <v>0</v>
      </c>
      <c r="AW4019">
        <v>0</v>
      </c>
      <c r="AX4019">
        <v>-1584</v>
      </c>
      <c r="AY4019">
        <v>43</v>
      </c>
      <c r="AZ4019">
        <v>76</v>
      </c>
      <c r="BA4019">
        <v>6061</v>
      </c>
    </row>
    <row r="4020" spans="1:53" x14ac:dyDescent="0.4">
      <c r="A4020">
        <v>4064</v>
      </c>
      <c r="B4020" s="1">
        <v>44247</v>
      </c>
      <c r="C4020">
        <v>1</v>
      </c>
      <c r="D4020" s="1">
        <v>44247.291666666664</v>
      </c>
      <c r="E4020" s="1">
        <v>44247.408333333333</v>
      </c>
      <c r="F4020">
        <v>0</v>
      </c>
      <c r="G4020">
        <v>0</v>
      </c>
      <c r="H4020">
        <v>0</v>
      </c>
      <c r="I4020">
        <v>0</v>
      </c>
      <c r="J4020">
        <v>0</v>
      </c>
      <c r="K4020">
        <v>0</v>
      </c>
      <c r="L4020">
        <v>0</v>
      </c>
      <c r="M4020">
        <v>0</v>
      </c>
      <c r="N4020">
        <v>0</v>
      </c>
      <c r="O4020">
        <v>0</v>
      </c>
      <c r="P4020">
        <v>0</v>
      </c>
      <c r="Q4020">
        <v>0</v>
      </c>
      <c r="R4020">
        <v>0</v>
      </c>
      <c r="S4020">
        <v>0</v>
      </c>
      <c r="T4020">
        <v>0</v>
      </c>
      <c r="U4020">
        <v>0</v>
      </c>
      <c r="V4020">
        <v>0</v>
      </c>
      <c r="W4020">
        <v>1</v>
      </c>
      <c r="X4020">
        <v>0</v>
      </c>
      <c r="Y4020">
        <v>24</v>
      </c>
      <c r="Z4020">
        <v>5</v>
      </c>
      <c r="AA4020">
        <v>135</v>
      </c>
      <c r="AB4020">
        <v>72</v>
      </c>
      <c r="AC4020">
        <v>106</v>
      </c>
      <c r="AD4020">
        <v>49</v>
      </c>
      <c r="AE4020">
        <v>95</v>
      </c>
      <c r="AF4020">
        <v>0</v>
      </c>
      <c r="AG4020">
        <v>50000</v>
      </c>
      <c r="AH4020">
        <v>50000</v>
      </c>
      <c r="AI4020">
        <v>0</v>
      </c>
      <c r="AJ4020">
        <v>0</v>
      </c>
      <c r="AK4020" t="s">
        <v>6</v>
      </c>
      <c r="AL4020">
        <v>0</v>
      </c>
      <c r="AM4020">
        <v>0</v>
      </c>
      <c r="AN4020">
        <v>0</v>
      </c>
      <c r="AO4020">
        <v>0</v>
      </c>
      <c r="AP4020">
        <v>0</v>
      </c>
      <c r="AQ4020">
        <v>0</v>
      </c>
      <c r="AR4020">
        <v>0</v>
      </c>
      <c r="AS4020">
        <v>0</v>
      </c>
      <c r="AT4020">
        <v>0</v>
      </c>
      <c r="AU4020">
        <v>0</v>
      </c>
      <c r="AV4020">
        <v>0</v>
      </c>
      <c r="AW4020">
        <v>0</v>
      </c>
      <c r="AX4020">
        <v>0</v>
      </c>
      <c r="AY4020">
        <v>0</v>
      </c>
      <c r="AZ4020">
        <v>0</v>
      </c>
      <c r="BA4020">
        <v>0</v>
      </c>
    </row>
    <row r="4021" spans="1:53" x14ac:dyDescent="0.4">
      <c r="A4021">
        <v>4065</v>
      </c>
      <c r="B4021" s="1">
        <v>44248</v>
      </c>
      <c r="C4021">
        <v>1</v>
      </c>
      <c r="D4021" s="1">
        <v>44248.291666666664</v>
      </c>
      <c r="E4021" s="1">
        <v>44248.438888888886</v>
      </c>
      <c r="F4021">
        <v>0</v>
      </c>
      <c r="G4021">
        <v>0</v>
      </c>
      <c r="H4021">
        <v>0</v>
      </c>
      <c r="I4021">
        <v>0</v>
      </c>
      <c r="J4021">
        <v>0</v>
      </c>
      <c r="K4021">
        <v>0</v>
      </c>
      <c r="L4021">
        <v>0</v>
      </c>
      <c r="M4021">
        <v>0</v>
      </c>
      <c r="N4021">
        <v>0</v>
      </c>
      <c r="O4021">
        <v>0</v>
      </c>
      <c r="P4021">
        <v>0</v>
      </c>
      <c r="Q4021">
        <v>0</v>
      </c>
      <c r="R4021">
        <v>0</v>
      </c>
      <c r="S4021">
        <v>0</v>
      </c>
      <c r="T4021">
        <v>0</v>
      </c>
      <c r="U4021">
        <v>0</v>
      </c>
      <c r="V4021">
        <v>0</v>
      </c>
      <c r="W4021">
        <v>0</v>
      </c>
      <c r="X4021">
        <v>0</v>
      </c>
      <c r="Y4021">
        <v>28</v>
      </c>
      <c r="Z4021">
        <v>8</v>
      </c>
      <c r="AA4021">
        <v>132</v>
      </c>
      <c r="AB4021">
        <v>63</v>
      </c>
      <c r="AC4021">
        <v>128</v>
      </c>
      <c r="AD4021">
        <v>54</v>
      </c>
      <c r="AE4021">
        <v>100</v>
      </c>
      <c r="AF4021">
        <v>0</v>
      </c>
      <c r="AG4021">
        <v>50000</v>
      </c>
      <c r="AH4021">
        <v>50000</v>
      </c>
      <c r="AI4021">
        <v>0</v>
      </c>
      <c r="AJ4021">
        <v>0</v>
      </c>
      <c r="AK4021" t="s">
        <v>6</v>
      </c>
      <c r="AL4021">
        <v>0</v>
      </c>
      <c r="AM4021">
        <v>0</v>
      </c>
      <c r="AN4021">
        <v>0</v>
      </c>
      <c r="AO4021">
        <v>0</v>
      </c>
      <c r="AP4021">
        <v>0</v>
      </c>
      <c r="AQ4021">
        <v>0</v>
      </c>
      <c r="AR4021">
        <v>0</v>
      </c>
      <c r="AS4021">
        <v>0</v>
      </c>
      <c r="AT4021">
        <v>0</v>
      </c>
      <c r="AU4021">
        <v>0</v>
      </c>
      <c r="AV4021">
        <v>0</v>
      </c>
      <c r="AW4021">
        <v>0</v>
      </c>
      <c r="AX4021">
        <v>0</v>
      </c>
      <c r="AY4021">
        <v>0</v>
      </c>
      <c r="AZ4021">
        <v>0</v>
      </c>
      <c r="BA4021">
        <v>0</v>
      </c>
    </row>
    <row r="4022" spans="1:53" x14ac:dyDescent="0.4">
      <c r="A4022">
        <v>4066</v>
      </c>
      <c r="B4022" s="1">
        <v>44248</v>
      </c>
      <c r="C4022">
        <v>2</v>
      </c>
      <c r="D4022" s="1">
        <v>44248.438888888886</v>
      </c>
      <c r="E4022" s="1">
        <v>44248.75</v>
      </c>
      <c r="F4022">
        <v>28385</v>
      </c>
      <c r="G4022">
        <v>1340</v>
      </c>
      <c r="H4022">
        <v>0</v>
      </c>
      <c r="I4022">
        <v>0</v>
      </c>
      <c r="J4022">
        <v>230</v>
      </c>
      <c r="K4022">
        <v>0</v>
      </c>
      <c r="L4022">
        <v>0</v>
      </c>
      <c r="M4022">
        <v>2950</v>
      </c>
      <c r="N4022">
        <v>0</v>
      </c>
      <c r="O4022">
        <v>0</v>
      </c>
      <c r="P4022">
        <v>12683</v>
      </c>
      <c r="Q4022">
        <v>0</v>
      </c>
      <c r="R4022">
        <v>45128</v>
      </c>
      <c r="S4022">
        <v>0</v>
      </c>
      <c r="T4022">
        <v>0</v>
      </c>
      <c r="U4022">
        <v>0</v>
      </c>
      <c r="V4022">
        <v>2</v>
      </c>
      <c r="W4022">
        <v>0</v>
      </c>
      <c r="X4022">
        <v>0</v>
      </c>
      <c r="Y4022">
        <v>48</v>
      </c>
      <c r="Z4022">
        <v>18</v>
      </c>
      <c r="AA4022">
        <v>139</v>
      </c>
      <c r="AB4022">
        <v>55</v>
      </c>
      <c r="AC4022">
        <v>112</v>
      </c>
      <c r="AD4022">
        <v>54</v>
      </c>
      <c r="AE4022">
        <v>88</v>
      </c>
      <c r="AF4022">
        <v>0</v>
      </c>
      <c r="AG4022">
        <v>95128</v>
      </c>
      <c r="AH4022">
        <v>50000</v>
      </c>
      <c r="AI4022">
        <v>0</v>
      </c>
      <c r="AJ4022">
        <v>85</v>
      </c>
      <c r="AK4022" t="s">
        <v>7</v>
      </c>
      <c r="AL4022">
        <v>0</v>
      </c>
      <c r="AM4022">
        <v>0</v>
      </c>
      <c r="AN4022">
        <v>0</v>
      </c>
      <c r="AO4022">
        <v>0</v>
      </c>
      <c r="AP4022">
        <v>0</v>
      </c>
      <c r="AQ4022">
        <v>0</v>
      </c>
      <c r="AR4022">
        <v>0</v>
      </c>
      <c r="AS4022">
        <v>0</v>
      </c>
      <c r="AT4022">
        <v>0</v>
      </c>
      <c r="AU4022">
        <v>0</v>
      </c>
      <c r="AV4022">
        <v>0</v>
      </c>
      <c r="AW4022">
        <v>0</v>
      </c>
      <c r="AX4022">
        <v>-1056</v>
      </c>
      <c r="AY4022">
        <v>33</v>
      </c>
      <c r="AZ4022">
        <v>69</v>
      </c>
      <c r="BA4022">
        <v>4816</v>
      </c>
    </row>
    <row r="4023" spans="1:53" x14ac:dyDescent="0.4">
      <c r="A4023">
        <v>4067</v>
      </c>
      <c r="B4023" s="1">
        <v>44249</v>
      </c>
      <c r="C4023">
        <v>1</v>
      </c>
      <c r="D4023" s="1">
        <v>44249.291666666664</v>
      </c>
      <c r="E4023" s="1">
        <v>44249.442361111112</v>
      </c>
      <c r="F4023">
        <v>0</v>
      </c>
      <c r="G4023">
        <v>0</v>
      </c>
      <c r="H4023">
        <v>0</v>
      </c>
      <c r="I4023">
        <v>0</v>
      </c>
      <c r="J4023">
        <v>0</v>
      </c>
      <c r="K4023">
        <v>0</v>
      </c>
      <c r="L4023">
        <v>0</v>
      </c>
      <c r="M4023">
        <v>0</v>
      </c>
      <c r="N4023">
        <v>0</v>
      </c>
      <c r="O4023">
        <v>0</v>
      </c>
      <c r="P4023">
        <v>0</v>
      </c>
      <c r="Q4023">
        <v>0</v>
      </c>
      <c r="R4023">
        <v>0</v>
      </c>
      <c r="S4023">
        <v>0</v>
      </c>
      <c r="T4023">
        <v>0</v>
      </c>
      <c r="U4023">
        <v>0</v>
      </c>
      <c r="V4023">
        <v>0</v>
      </c>
      <c r="W4023">
        <v>0</v>
      </c>
      <c r="X4023">
        <v>0</v>
      </c>
      <c r="Y4023">
        <v>28</v>
      </c>
      <c r="Z4023">
        <v>8</v>
      </c>
      <c r="AA4023">
        <v>140</v>
      </c>
      <c r="AB4023">
        <v>52</v>
      </c>
      <c r="AC4023">
        <v>107</v>
      </c>
      <c r="AD4023">
        <v>50</v>
      </c>
      <c r="AE4023">
        <v>80</v>
      </c>
      <c r="AF4023">
        <v>0</v>
      </c>
      <c r="AG4023">
        <v>50000</v>
      </c>
      <c r="AH4023">
        <v>50000</v>
      </c>
      <c r="AI4023">
        <v>0</v>
      </c>
      <c r="AJ4023">
        <v>0</v>
      </c>
      <c r="AK4023" t="s">
        <v>6</v>
      </c>
      <c r="AL4023">
        <v>0</v>
      </c>
      <c r="AM4023">
        <v>0</v>
      </c>
      <c r="AN4023">
        <v>0</v>
      </c>
      <c r="AO4023">
        <v>0</v>
      </c>
      <c r="AP4023">
        <v>0</v>
      </c>
      <c r="AQ4023">
        <v>0</v>
      </c>
      <c r="AR4023">
        <v>0</v>
      </c>
      <c r="AS4023">
        <v>0</v>
      </c>
      <c r="AT4023">
        <v>0</v>
      </c>
      <c r="AU4023">
        <v>0</v>
      </c>
      <c r="AV4023">
        <v>0</v>
      </c>
      <c r="AW4023">
        <v>0</v>
      </c>
      <c r="AX4023">
        <v>0</v>
      </c>
      <c r="AY4023">
        <v>0</v>
      </c>
      <c r="AZ4023">
        <v>0</v>
      </c>
      <c r="BA4023">
        <v>0</v>
      </c>
    </row>
    <row r="4024" spans="1:53" x14ac:dyDescent="0.4">
      <c r="A4024">
        <v>4068</v>
      </c>
      <c r="B4024" s="1">
        <v>44249</v>
      </c>
      <c r="C4024">
        <v>2</v>
      </c>
      <c r="D4024" s="1">
        <v>44249.442361111112</v>
      </c>
      <c r="E4024" s="1">
        <v>44249.744444444441</v>
      </c>
      <c r="F4024">
        <v>21450</v>
      </c>
      <c r="G4024">
        <v>2120</v>
      </c>
      <c r="H4024">
        <v>0</v>
      </c>
      <c r="I4024">
        <v>0</v>
      </c>
      <c r="J4024">
        <v>0</v>
      </c>
      <c r="K4024">
        <v>0</v>
      </c>
      <c r="L4024">
        <v>0</v>
      </c>
      <c r="M4024">
        <v>2357</v>
      </c>
      <c r="N4024">
        <v>0</v>
      </c>
      <c r="O4024">
        <v>0</v>
      </c>
      <c r="P4024">
        <v>17369</v>
      </c>
      <c r="Q4024">
        <v>0</v>
      </c>
      <c r="R4024">
        <v>43296</v>
      </c>
      <c r="S4024">
        <v>0</v>
      </c>
      <c r="T4024">
        <v>0</v>
      </c>
      <c r="U4024">
        <v>0</v>
      </c>
      <c r="V4024">
        <v>0</v>
      </c>
      <c r="W4024">
        <v>1</v>
      </c>
      <c r="X4024">
        <v>0</v>
      </c>
      <c r="Y4024">
        <v>58</v>
      </c>
      <c r="Z4024">
        <v>26</v>
      </c>
      <c r="AA4024">
        <v>124</v>
      </c>
      <c r="AB4024">
        <v>58</v>
      </c>
      <c r="AC4024">
        <v>101</v>
      </c>
      <c r="AD4024">
        <v>57</v>
      </c>
      <c r="AE4024">
        <v>96</v>
      </c>
      <c r="AF4024">
        <v>605</v>
      </c>
      <c r="AG4024">
        <v>93296</v>
      </c>
      <c r="AH4024">
        <v>50000</v>
      </c>
      <c r="AI4024">
        <v>0</v>
      </c>
      <c r="AJ4024">
        <v>84</v>
      </c>
      <c r="AK4024" t="s">
        <v>16</v>
      </c>
      <c r="AL4024">
        <v>0</v>
      </c>
      <c r="AM4024">
        <v>0</v>
      </c>
      <c r="AN4024">
        <v>0</v>
      </c>
      <c r="AO4024">
        <v>0</v>
      </c>
      <c r="AP4024">
        <v>0</v>
      </c>
      <c r="AQ4024">
        <v>0</v>
      </c>
      <c r="AR4024">
        <v>0</v>
      </c>
      <c r="AS4024">
        <v>0</v>
      </c>
      <c r="AT4024">
        <v>0</v>
      </c>
      <c r="AU4024">
        <v>0</v>
      </c>
      <c r="AV4024">
        <v>0</v>
      </c>
      <c r="AW4024">
        <v>0</v>
      </c>
      <c r="AX4024">
        <v>-1584</v>
      </c>
      <c r="AY4024">
        <v>38</v>
      </c>
      <c r="AZ4024">
        <v>63</v>
      </c>
      <c r="BA4024">
        <v>5913</v>
      </c>
    </row>
    <row r="4025" spans="1:53" x14ac:dyDescent="0.4">
      <c r="A4025">
        <v>4069</v>
      </c>
      <c r="B4025" s="1">
        <v>44250</v>
      </c>
      <c r="C4025">
        <v>1</v>
      </c>
      <c r="D4025" s="1">
        <v>44250.291666666664</v>
      </c>
      <c r="E4025" s="1">
        <v>44250.441666666666</v>
      </c>
      <c r="F4025">
        <v>0</v>
      </c>
      <c r="G4025">
        <v>0</v>
      </c>
      <c r="H4025">
        <v>0</v>
      </c>
      <c r="I4025">
        <v>0</v>
      </c>
      <c r="J4025">
        <v>0</v>
      </c>
      <c r="K4025">
        <v>0</v>
      </c>
      <c r="L4025">
        <v>0</v>
      </c>
      <c r="M4025">
        <v>0</v>
      </c>
      <c r="N4025">
        <v>0</v>
      </c>
      <c r="O4025">
        <v>0</v>
      </c>
      <c r="P4025">
        <v>0</v>
      </c>
      <c r="Q4025">
        <v>0</v>
      </c>
      <c r="R4025">
        <v>0</v>
      </c>
      <c r="S4025">
        <v>0</v>
      </c>
      <c r="T4025">
        <v>0</v>
      </c>
      <c r="U4025">
        <v>0</v>
      </c>
      <c r="V4025">
        <v>0</v>
      </c>
      <c r="W4025">
        <v>0</v>
      </c>
      <c r="X4025">
        <v>0</v>
      </c>
      <c r="Y4025">
        <v>30</v>
      </c>
      <c r="Z4025">
        <v>6</v>
      </c>
      <c r="AA4025">
        <v>130</v>
      </c>
      <c r="AB4025">
        <v>51</v>
      </c>
      <c r="AC4025">
        <v>110</v>
      </c>
      <c r="AD4025">
        <v>51</v>
      </c>
      <c r="AE4025">
        <v>95</v>
      </c>
      <c r="AF4025">
        <v>0</v>
      </c>
      <c r="AG4025">
        <v>50000</v>
      </c>
      <c r="AH4025">
        <v>50000</v>
      </c>
      <c r="AI4025">
        <v>0</v>
      </c>
      <c r="AJ4025">
        <v>0</v>
      </c>
      <c r="AK4025" t="s">
        <v>6</v>
      </c>
      <c r="AL4025">
        <v>0</v>
      </c>
      <c r="AM4025">
        <v>0</v>
      </c>
      <c r="AN4025">
        <v>0</v>
      </c>
      <c r="AO4025">
        <v>0</v>
      </c>
      <c r="AP4025">
        <v>0</v>
      </c>
      <c r="AQ4025">
        <v>0</v>
      </c>
      <c r="AR4025">
        <v>0</v>
      </c>
      <c r="AS4025">
        <v>0</v>
      </c>
      <c r="AT4025">
        <v>0</v>
      </c>
      <c r="AU4025">
        <v>0</v>
      </c>
      <c r="AV4025">
        <v>0</v>
      </c>
      <c r="AW4025">
        <v>0</v>
      </c>
      <c r="AX4025">
        <v>0</v>
      </c>
      <c r="AY4025">
        <v>0</v>
      </c>
      <c r="AZ4025">
        <v>0</v>
      </c>
      <c r="BA4025">
        <v>0</v>
      </c>
    </row>
    <row r="4026" spans="1:53" x14ac:dyDescent="0.4">
      <c r="A4026">
        <v>4070</v>
      </c>
      <c r="B4026" s="1">
        <v>44250</v>
      </c>
      <c r="C4026">
        <v>2</v>
      </c>
      <c r="D4026" s="1">
        <v>44250.441666666666</v>
      </c>
      <c r="E4026" s="1">
        <v>44250.783333333333</v>
      </c>
      <c r="F4026">
        <v>34330</v>
      </c>
      <c r="G4026">
        <v>2820</v>
      </c>
      <c r="H4026">
        <v>0</v>
      </c>
      <c r="I4026">
        <v>0</v>
      </c>
      <c r="J4026">
        <v>0</v>
      </c>
      <c r="K4026">
        <v>0</v>
      </c>
      <c r="L4026">
        <v>0</v>
      </c>
      <c r="M4026">
        <v>3715</v>
      </c>
      <c r="N4026">
        <v>0</v>
      </c>
      <c r="O4026">
        <v>0</v>
      </c>
      <c r="P4026">
        <v>14553</v>
      </c>
      <c r="Q4026">
        <v>0</v>
      </c>
      <c r="R4026">
        <v>55418</v>
      </c>
      <c r="S4026">
        <v>0</v>
      </c>
      <c r="T4026">
        <v>0</v>
      </c>
      <c r="U4026">
        <v>0</v>
      </c>
      <c r="V4026">
        <v>1</v>
      </c>
      <c r="W4026">
        <v>0</v>
      </c>
      <c r="X4026">
        <v>0</v>
      </c>
      <c r="Y4026">
        <v>66</v>
      </c>
      <c r="Z4026">
        <v>25</v>
      </c>
      <c r="AA4026">
        <v>117</v>
      </c>
      <c r="AB4026">
        <v>50</v>
      </c>
      <c r="AC4026">
        <v>116</v>
      </c>
      <c r="AD4026">
        <v>51</v>
      </c>
      <c r="AE4026">
        <v>93</v>
      </c>
      <c r="AF4026">
        <v>1210</v>
      </c>
      <c r="AG4026">
        <v>105418</v>
      </c>
      <c r="AH4026">
        <v>50000</v>
      </c>
      <c r="AI4026">
        <v>0</v>
      </c>
      <c r="AJ4026">
        <v>84</v>
      </c>
      <c r="AK4026" t="s">
        <v>16</v>
      </c>
      <c r="AL4026">
        <v>0</v>
      </c>
      <c r="AM4026">
        <v>0</v>
      </c>
      <c r="AN4026">
        <v>0</v>
      </c>
      <c r="AO4026">
        <v>0</v>
      </c>
      <c r="AP4026">
        <v>0</v>
      </c>
      <c r="AQ4026">
        <v>0</v>
      </c>
      <c r="AR4026">
        <v>0</v>
      </c>
      <c r="AS4026">
        <v>0</v>
      </c>
      <c r="AT4026">
        <v>0</v>
      </c>
      <c r="AU4026">
        <v>0</v>
      </c>
      <c r="AV4026">
        <v>0</v>
      </c>
      <c r="AW4026">
        <v>0</v>
      </c>
      <c r="AX4026">
        <v>902</v>
      </c>
      <c r="AY4026">
        <v>39</v>
      </c>
      <c r="AZ4026">
        <v>85</v>
      </c>
      <c r="BA4026">
        <v>6044</v>
      </c>
    </row>
    <row r="4027" spans="1:53" x14ac:dyDescent="0.4">
      <c r="A4027">
        <v>4071</v>
      </c>
      <c r="B4027" s="1">
        <v>44251</v>
      </c>
      <c r="C4027">
        <v>1</v>
      </c>
      <c r="D4027" s="1">
        <v>44251.291666666664</v>
      </c>
      <c r="E4027" s="1">
        <v>44251.415972222225</v>
      </c>
      <c r="F4027">
        <v>0</v>
      </c>
      <c r="G4027">
        <v>0</v>
      </c>
      <c r="H4027">
        <v>0</v>
      </c>
      <c r="I4027">
        <v>0</v>
      </c>
      <c r="J4027">
        <v>0</v>
      </c>
      <c r="K4027">
        <v>0</v>
      </c>
      <c r="L4027">
        <v>0</v>
      </c>
      <c r="M4027">
        <v>0</v>
      </c>
      <c r="N4027">
        <v>0</v>
      </c>
      <c r="O4027">
        <v>0</v>
      </c>
      <c r="P4027">
        <v>0</v>
      </c>
      <c r="Q4027">
        <v>0</v>
      </c>
      <c r="R4027">
        <v>0</v>
      </c>
      <c r="S4027">
        <v>0</v>
      </c>
      <c r="T4027">
        <v>0</v>
      </c>
      <c r="U4027">
        <v>0</v>
      </c>
      <c r="V4027">
        <v>0</v>
      </c>
      <c r="W4027">
        <v>0</v>
      </c>
      <c r="X4027">
        <v>0</v>
      </c>
      <c r="Y4027">
        <v>30</v>
      </c>
      <c r="Z4027">
        <v>6</v>
      </c>
      <c r="AA4027">
        <v>130</v>
      </c>
      <c r="AB4027">
        <v>50</v>
      </c>
      <c r="AC4027">
        <v>116</v>
      </c>
      <c r="AD4027">
        <v>50</v>
      </c>
      <c r="AE4027">
        <v>90</v>
      </c>
      <c r="AF4027">
        <v>0</v>
      </c>
      <c r="AG4027">
        <v>50000</v>
      </c>
      <c r="AH4027">
        <v>50000</v>
      </c>
      <c r="AI4027">
        <v>0</v>
      </c>
      <c r="AJ4027">
        <v>0</v>
      </c>
      <c r="AK4027" t="s">
        <v>6</v>
      </c>
      <c r="AL4027">
        <v>0</v>
      </c>
      <c r="AM4027">
        <v>0</v>
      </c>
      <c r="AN4027">
        <v>0</v>
      </c>
      <c r="AO4027">
        <v>0</v>
      </c>
      <c r="AP4027">
        <v>0</v>
      </c>
      <c r="AQ4027">
        <v>0</v>
      </c>
      <c r="AR4027">
        <v>0</v>
      </c>
      <c r="AS4027">
        <v>0</v>
      </c>
      <c r="AT4027">
        <v>0</v>
      </c>
      <c r="AU4027">
        <v>0</v>
      </c>
      <c r="AV4027">
        <v>0</v>
      </c>
      <c r="AW4027">
        <v>0</v>
      </c>
      <c r="AX4027">
        <v>0</v>
      </c>
      <c r="AY4027">
        <v>0</v>
      </c>
      <c r="AZ4027">
        <v>0</v>
      </c>
      <c r="BA4027">
        <v>0</v>
      </c>
    </row>
    <row r="4028" spans="1:53" x14ac:dyDescent="0.4">
      <c r="A4028">
        <v>4072</v>
      </c>
      <c r="B4028" s="1">
        <v>44251</v>
      </c>
      <c r="C4028">
        <v>2</v>
      </c>
      <c r="D4028" s="1">
        <v>44251.415972222225</v>
      </c>
      <c r="E4028" s="1">
        <v>44251.8125</v>
      </c>
      <c r="F4028">
        <v>39110</v>
      </c>
      <c r="G4028">
        <v>380</v>
      </c>
      <c r="H4028">
        <v>0</v>
      </c>
      <c r="I4028">
        <v>0</v>
      </c>
      <c r="J4028">
        <v>300</v>
      </c>
      <c r="K4028">
        <v>0</v>
      </c>
      <c r="L4028">
        <v>0</v>
      </c>
      <c r="M4028">
        <v>3919</v>
      </c>
      <c r="N4028">
        <v>0</v>
      </c>
      <c r="O4028">
        <v>0</v>
      </c>
      <c r="P4028">
        <v>9042</v>
      </c>
      <c r="Q4028">
        <v>0</v>
      </c>
      <c r="R4028">
        <v>52151</v>
      </c>
      <c r="S4028">
        <v>0</v>
      </c>
      <c r="T4028">
        <v>0</v>
      </c>
      <c r="U4028">
        <v>0</v>
      </c>
      <c r="V4028">
        <v>1</v>
      </c>
      <c r="W4028">
        <v>2</v>
      </c>
      <c r="X4028">
        <v>0</v>
      </c>
      <c r="Y4028">
        <v>52</v>
      </c>
      <c r="Z4028">
        <v>21</v>
      </c>
      <c r="AA4028">
        <v>140</v>
      </c>
      <c r="AB4028">
        <v>49</v>
      </c>
      <c r="AC4028">
        <v>109</v>
      </c>
      <c r="AD4028">
        <v>56</v>
      </c>
      <c r="AE4028">
        <v>82</v>
      </c>
      <c r="AF4028">
        <v>1749</v>
      </c>
      <c r="AG4028">
        <v>102151</v>
      </c>
      <c r="AH4028">
        <v>50000</v>
      </c>
      <c r="AI4028">
        <v>0</v>
      </c>
      <c r="AJ4028">
        <v>108</v>
      </c>
      <c r="AK4028" t="s">
        <v>30</v>
      </c>
      <c r="AL4028">
        <v>0</v>
      </c>
      <c r="AM4028">
        <v>0</v>
      </c>
      <c r="AN4028">
        <v>0</v>
      </c>
      <c r="AO4028">
        <v>0</v>
      </c>
      <c r="AP4028">
        <v>0</v>
      </c>
      <c r="AQ4028">
        <v>0</v>
      </c>
      <c r="AR4028">
        <v>0</v>
      </c>
      <c r="AS4028">
        <v>0</v>
      </c>
      <c r="AT4028">
        <v>0</v>
      </c>
      <c r="AU4028">
        <v>0</v>
      </c>
      <c r="AV4028">
        <v>0</v>
      </c>
      <c r="AW4028">
        <v>0</v>
      </c>
      <c r="AX4028">
        <v>-1320</v>
      </c>
      <c r="AY4028">
        <v>42</v>
      </c>
      <c r="AZ4028">
        <v>80</v>
      </c>
      <c r="BA4028">
        <v>6914</v>
      </c>
    </row>
    <row r="4029" spans="1:53" x14ac:dyDescent="0.4">
      <c r="A4029">
        <v>4073</v>
      </c>
      <c r="B4029" s="1">
        <v>44252</v>
      </c>
      <c r="C4029">
        <v>1</v>
      </c>
      <c r="D4029" s="1">
        <v>44252.291666666664</v>
      </c>
      <c r="E4029" s="1">
        <v>44252.413888888892</v>
      </c>
      <c r="F4029">
        <v>0</v>
      </c>
      <c r="G4029">
        <v>0</v>
      </c>
      <c r="H4029">
        <v>0</v>
      </c>
      <c r="I4029">
        <v>0</v>
      </c>
      <c r="J4029">
        <v>0</v>
      </c>
      <c r="K4029">
        <v>0</v>
      </c>
      <c r="L4029">
        <v>0</v>
      </c>
      <c r="M4029">
        <v>0</v>
      </c>
      <c r="N4029">
        <v>0</v>
      </c>
      <c r="O4029">
        <v>0</v>
      </c>
      <c r="P4029">
        <v>0</v>
      </c>
      <c r="Q4029">
        <v>0</v>
      </c>
      <c r="R4029">
        <v>0</v>
      </c>
      <c r="S4029">
        <v>0</v>
      </c>
      <c r="T4029">
        <v>0</v>
      </c>
      <c r="U4029">
        <v>0</v>
      </c>
      <c r="V4029">
        <v>0</v>
      </c>
      <c r="W4029">
        <v>0</v>
      </c>
      <c r="X4029">
        <v>0</v>
      </c>
      <c r="Y4029">
        <v>28</v>
      </c>
      <c r="Z4029">
        <v>9</v>
      </c>
      <c r="AA4029">
        <v>138</v>
      </c>
      <c r="AB4029">
        <v>46</v>
      </c>
      <c r="AC4029">
        <v>105</v>
      </c>
      <c r="AD4029">
        <v>55</v>
      </c>
      <c r="AE4029">
        <v>75</v>
      </c>
      <c r="AF4029">
        <v>0</v>
      </c>
      <c r="AG4029">
        <v>50000</v>
      </c>
      <c r="AH4029">
        <v>50000</v>
      </c>
      <c r="AI4029">
        <v>0</v>
      </c>
      <c r="AJ4029">
        <v>0</v>
      </c>
      <c r="AK4029" t="s">
        <v>6</v>
      </c>
      <c r="AL4029">
        <v>0</v>
      </c>
      <c r="AM4029">
        <v>0</v>
      </c>
      <c r="AN4029">
        <v>0</v>
      </c>
      <c r="AO4029">
        <v>0</v>
      </c>
      <c r="AP4029">
        <v>0</v>
      </c>
      <c r="AQ4029">
        <v>0</v>
      </c>
      <c r="AR4029">
        <v>0</v>
      </c>
      <c r="AS4029">
        <v>0</v>
      </c>
      <c r="AT4029">
        <v>0</v>
      </c>
      <c r="AU4029">
        <v>0</v>
      </c>
      <c r="AV4029">
        <v>0</v>
      </c>
      <c r="AW4029">
        <v>0</v>
      </c>
      <c r="AX4029">
        <v>0</v>
      </c>
      <c r="AY4029">
        <v>0</v>
      </c>
      <c r="AZ4029">
        <v>0</v>
      </c>
      <c r="BA4029">
        <v>0</v>
      </c>
    </row>
    <row r="4030" spans="1:53" x14ac:dyDescent="0.4">
      <c r="A4030">
        <v>4074</v>
      </c>
      <c r="B4030" s="1">
        <v>44252</v>
      </c>
      <c r="C4030">
        <v>2</v>
      </c>
      <c r="D4030" s="1">
        <v>44252.413888888892</v>
      </c>
      <c r="E4030" s="1">
        <v>44252.791666666664</v>
      </c>
      <c r="F4030">
        <v>23160</v>
      </c>
      <c r="G4030">
        <v>540</v>
      </c>
      <c r="H4030">
        <v>0</v>
      </c>
      <c r="I4030">
        <v>0</v>
      </c>
      <c r="J4030">
        <v>0</v>
      </c>
      <c r="K4030">
        <v>0</v>
      </c>
      <c r="L4030">
        <v>0</v>
      </c>
      <c r="M4030">
        <v>2370</v>
      </c>
      <c r="N4030">
        <v>0</v>
      </c>
      <c r="O4030">
        <v>0</v>
      </c>
      <c r="P4030">
        <v>8085</v>
      </c>
      <c r="Q4030">
        <v>0</v>
      </c>
      <c r="R4030">
        <v>34155</v>
      </c>
      <c r="S4030">
        <v>0</v>
      </c>
      <c r="T4030">
        <v>0</v>
      </c>
      <c r="U4030">
        <v>0</v>
      </c>
      <c r="V4030">
        <v>3</v>
      </c>
      <c r="W4030">
        <v>2</v>
      </c>
      <c r="X4030">
        <v>0</v>
      </c>
      <c r="Y4030">
        <v>24</v>
      </c>
      <c r="Z4030">
        <v>12</v>
      </c>
      <c r="AA4030">
        <v>97</v>
      </c>
      <c r="AB4030">
        <v>47</v>
      </c>
      <c r="AC4030">
        <v>92</v>
      </c>
      <c r="AD4030">
        <v>60</v>
      </c>
      <c r="AE4030">
        <v>75</v>
      </c>
      <c r="AF4030">
        <v>770</v>
      </c>
      <c r="AG4030">
        <v>84115</v>
      </c>
      <c r="AH4030">
        <v>50000</v>
      </c>
      <c r="AI4030">
        <v>-40</v>
      </c>
      <c r="AJ4030">
        <v>84</v>
      </c>
      <c r="AK4030" t="s">
        <v>16</v>
      </c>
      <c r="AL4030">
        <v>0</v>
      </c>
      <c r="AM4030">
        <v>0</v>
      </c>
      <c r="AN4030">
        <v>0</v>
      </c>
      <c r="AO4030">
        <v>0</v>
      </c>
      <c r="AP4030">
        <v>0</v>
      </c>
      <c r="AQ4030">
        <v>0</v>
      </c>
      <c r="AR4030">
        <v>0</v>
      </c>
      <c r="AS4030">
        <v>0</v>
      </c>
      <c r="AT4030">
        <v>0</v>
      </c>
      <c r="AU4030">
        <v>0</v>
      </c>
      <c r="AV4030">
        <v>0</v>
      </c>
      <c r="AW4030">
        <v>0</v>
      </c>
      <c r="AX4030">
        <v>0</v>
      </c>
      <c r="AY4030">
        <v>32</v>
      </c>
      <c r="AZ4030">
        <v>50</v>
      </c>
      <c r="BA4030">
        <v>5316</v>
      </c>
    </row>
    <row r="4031" spans="1:53" x14ac:dyDescent="0.4">
      <c r="A4031">
        <v>4075</v>
      </c>
      <c r="B4031" s="1">
        <v>44253</v>
      </c>
      <c r="C4031">
        <v>1</v>
      </c>
      <c r="D4031" s="1">
        <v>44253.291666666664</v>
      </c>
      <c r="E4031" s="1">
        <v>44253.450694444444</v>
      </c>
      <c r="F4031">
        <v>0</v>
      </c>
      <c r="G4031">
        <v>0</v>
      </c>
      <c r="H4031">
        <v>0</v>
      </c>
      <c r="I4031">
        <v>0</v>
      </c>
      <c r="J4031">
        <v>0</v>
      </c>
      <c r="K4031">
        <v>0</v>
      </c>
      <c r="L4031">
        <v>0</v>
      </c>
      <c r="M4031">
        <v>0</v>
      </c>
      <c r="N4031">
        <v>0</v>
      </c>
      <c r="O4031">
        <v>0</v>
      </c>
      <c r="P4031">
        <v>0</v>
      </c>
      <c r="Q4031">
        <v>0</v>
      </c>
      <c r="R4031">
        <v>0</v>
      </c>
      <c r="S4031">
        <v>0</v>
      </c>
      <c r="T4031">
        <v>0</v>
      </c>
      <c r="U4031">
        <v>0</v>
      </c>
      <c r="V4031">
        <v>0</v>
      </c>
      <c r="W4031">
        <v>1</v>
      </c>
      <c r="X4031">
        <v>0</v>
      </c>
      <c r="Y4031">
        <v>22</v>
      </c>
      <c r="Z4031">
        <v>9</v>
      </c>
      <c r="AA4031">
        <v>144</v>
      </c>
      <c r="AB4031">
        <v>47</v>
      </c>
      <c r="AC4031">
        <v>134</v>
      </c>
      <c r="AD4031">
        <v>58</v>
      </c>
      <c r="AE4031">
        <v>120</v>
      </c>
      <c r="AF4031">
        <v>0</v>
      </c>
      <c r="AG4031">
        <v>50000</v>
      </c>
      <c r="AH4031">
        <v>50000</v>
      </c>
      <c r="AI4031">
        <v>0</v>
      </c>
      <c r="AJ4031">
        <v>0</v>
      </c>
      <c r="AK4031" t="s">
        <v>6</v>
      </c>
      <c r="AL4031">
        <v>0</v>
      </c>
      <c r="AM4031">
        <v>0</v>
      </c>
      <c r="AN4031">
        <v>0</v>
      </c>
      <c r="AO4031">
        <v>0</v>
      </c>
      <c r="AP4031">
        <v>0</v>
      </c>
      <c r="AQ4031">
        <v>0</v>
      </c>
      <c r="AR4031">
        <v>0</v>
      </c>
      <c r="AS4031">
        <v>0</v>
      </c>
      <c r="AT4031">
        <v>0</v>
      </c>
      <c r="AU4031">
        <v>0</v>
      </c>
      <c r="AV4031">
        <v>0</v>
      </c>
      <c r="AW4031">
        <v>0</v>
      </c>
      <c r="AX4031">
        <v>0</v>
      </c>
      <c r="AY4031">
        <v>0</v>
      </c>
      <c r="AZ4031">
        <v>0</v>
      </c>
      <c r="BA4031">
        <v>0</v>
      </c>
    </row>
    <row r="4032" spans="1:53" x14ac:dyDescent="0.4">
      <c r="A4032">
        <v>4076</v>
      </c>
      <c r="B4032" s="1">
        <v>44253</v>
      </c>
      <c r="C4032">
        <v>2</v>
      </c>
      <c r="D4032" s="1">
        <v>44253.450694444444</v>
      </c>
      <c r="E4032" s="1">
        <v>44253.740277777775</v>
      </c>
      <c r="F4032">
        <v>21200</v>
      </c>
      <c r="G4032">
        <v>1080</v>
      </c>
      <c r="H4032">
        <v>0</v>
      </c>
      <c r="I4032">
        <v>0</v>
      </c>
      <c r="J4032">
        <v>0</v>
      </c>
      <c r="K4032">
        <v>0</v>
      </c>
      <c r="L4032">
        <v>0</v>
      </c>
      <c r="M4032">
        <v>2228</v>
      </c>
      <c r="N4032">
        <v>0</v>
      </c>
      <c r="O4032">
        <v>0</v>
      </c>
      <c r="P4032">
        <v>20482</v>
      </c>
      <c r="Q4032">
        <v>0</v>
      </c>
      <c r="R4032">
        <v>44990</v>
      </c>
      <c r="S4032">
        <v>0</v>
      </c>
      <c r="T4032">
        <v>0</v>
      </c>
      <c r="U4032">
        <v>0</v>
      </c>
      <c r="V4032">
        <v>4</v>
      </c>
      <c r="W4032">
        <v>0</v>
      </c>
      <c r="X4032">
        <v>0</v>
      </c>
      <c r="Y4032">
        <v>25</v>
      </c>
      <c r="Z4032">
        <v>17</v>
      </c>
      <c r="AA4032">
        <v>151</v>
      </c>
      <c r="AB4032">
        <v>44</v>
      </c>
      <c r="AC4032">
        <v>137</v>
      </c>
      <c r="AD4032">
        <v>60</v>
      </c>
      <c r="AE4032">
        <v>155</v>
      </c>
      <c r="AF4032">
        <v>2365</v>
      </c>
      <c r="AG4032">
        <v>94990</v>
      </c>
      <c r="AH4032">
        <v>50000</v>
      </c>
      <c r="AI4032">
        <v>0</v>
      </c>
      <c r="AJ4032">
        <v>98</v>
      </c>
      <c r="AK4032" t="s">
        <v>35</v>
      </c>
      <c r="AL4032">
        <v>0</v>
      </c>
      <c r="AM4032">
        <v>0</v>
      </c>
      <c r="AN4032">
        <v>0</v>
      </c>
      <c r="AO4032">
        <v>0</v>
      </c>
      <c r="AP4032">
        <v>0</v>
      </c>
      <c r="AQ4032">
        <v>0</v>
      </c>
      <c r="AR4032">
        <v>0</v>
      </c>
      <c r="AS4032">
        <v>0</v>
      </c>
      <c r="AT4032">
        <v>0</v>
      </c>
      <c r="AU4032">
        <v>0</v>
      </c>
      <c r="AV4032">
        <v>0</v>
      </c>
      <c r="AW4032">
        <v>0</v>
      </c>
      <c r="AX4032">
        <v>0</v>
      </c>
      <c r="AY4032">
        <v>34</v>
      </c>
      <c r="AZ4032">
        <v>68</v>
      </c>
      <c r="BA4032">
        <v>5156</v>
      </c>
    </row>
    <row r="4033" spans="1:53" x14ac:dyDescent="0.4">
      <c r="A4033">
        <v>4077</v>
      </c>
      <c r="B4033" s="1">
        <v>44253</v>
      </c>
      <c r="C4033">
        <v>3</v>
      </c>
      <c r="D4033" s="1">
        <v>44253.740277777775</v>
      </c>
      <c r="E4033" s="1">
        <v>44253.957638888889</v>
      </c>
      <c r="F4033">
        <v>24570</v>
      </c>
      <c r="G4033">
        <v>0</v>
      </c>
      <c r="H4033">
        <v>0</v>
      </c>
      <c r="I4033">
        <v>0</v>
      </c>
      <c r="J4033">
        <v>100</v>
      </c>
      <c r="K4033">
        <v>0</v>
      </c>
      <c r="L4033">
        <v>0</v>
      </c>
      <c r="M4033">
        <v>2447</v>
      </c>
      <c r="N4033">
        <v>0</v>
      </c>
      <c r="O4033">
        <v>0</v>
      </c>
      <c r="P4033">
        <v>-20482</v>
      </c>
      <c r="Q4033">
        <v>0</v>
      </c>
      <c r="R4033">
        <v>6435</v>
      </c>
      <c r="S4033">
        <v>0</v>
      </c>
      <c r="T4033">
        <v>0</v>
      </c>
      <c r="U4033">
        <v>0</v>
      </c>
      <c r="V4033">
        <v>4</v>
      </c>
      <c r="W4033">
        <v>0</v>
      </c>
      <c r="X4033">
        <v>0</v>
      </c>
      <c r="Y4033">
        <v>29</v>
      </c>
      <c r="Z4033">
        <v>18</v>
      </c>
      <c r="AA4033">
        <v>162</v>
      </c>
      <c r="AB4033">
        <v>45</v>
      </c>
      <c r="AC4033">
        <v>144</v>
      </c>
      <c r="AD4033">
        <v>60</v>
      </c>
      <c r="AE4033">
        <v>155</v>
      </c>
      <c r="AF4033">
        <v>3080</v>
      </c>
      <c r="AG4033">
        <v>101425</v>
      </c>
      <c r="AH4033">
        <v>50000</v>
      </c>
      <c r="AI4033">
        <v>0</v>
      </c>
      <c r="AJ4033">
        <v>107</v>
      </c>
      <c r="AK4033" t="s">
        <v>40</v>
      </c>
      <c r="AL4033">
        <v>0</v>
      </c>
      <c r="AM4033">
        <v>0</v>
      </c>
      <c r="AN4033">
        <v>0</v>
      </c>
      <c r="AO4033">
        <v>0</v>
      </c>
      <c r="AP4033">
        <v>0</v>
      </c>
      <c r="AQ4033">
        <v>0</v>
      </c>
      <c r="AR4033">
        <v>0</v>
      </c>
      <c r="AS4033">
        <v>0</v>
      </c>
      <c r="AT4033">
        <v>0</v>
      </c>
      <c r="AU4033">
        <v>0</v>
      </c>
      <c r="AV4033">
        <v>0</v>
      </c>
      <c r="AW4033">
        <v>0</v>
      </c>
      <c r="AX4033">
        <v>4576</v>
      </c>
      <c r="AY4033">
        <v>4</v>
      </c>
      <c r="AZ4033">
        <v>9</v>
      </c>
      <c r="BA4033">
        <v>1502</v>
      </c>
    </row>
    <row r="4034" spans="1:53" x14ac:dyDescent="0.4">
      <c r="A4034">
        <v>4078</v>
      </c>
      <c r="B4034" s="1">
        <v>44254</v>
      </c>
      <c r="C4034">
        <v>1</v>
      </c>
      <c r="D4034" s="1">
        <v>44254.291666666664</v>
      </c>
      <c r="E4034" s="1">
        <v>44254.413194444445</v>
      </c>
      <c r="F4034">
        <v>0</v>
      </c>
      <c r="G4034">
        <v>0</v>
      </c>
      <c r="H4034">
        <v>0</v>
      </c>
      <c r="I4034">
        <v>0</v>
      </c>
      <c r="J4034">
        <v>0</v>
      </c>
      <c r="K4034">
        <v>0</v>
      </c>
      <c r="L4034">
        <v>0</v>
      </c>
      <c r="M4034">
        <v>0</v>
      </c>
      <c r="N4034">
        <v>0</v>
      </c>
      <c r="O4034">
        <v>0</v>
      </c>
      <c r="P4034">
        <v>0</v>
      </c>
      <c r="Q4034">
        <v>0</v>
      </c>
      <c r="R4034">
        <v>0</v>
      </c>
      <c r="S4034">
        <v>0</v>
      </c>
      <c r="T4034">
        <v>0</v>
      </c>
      <c r="U4034">
        <v>0</v>
      </c>
      <c r="V4034">
        <v>0</v>
      </c>
      <c r="W4034">
        <v>1</v>
      </c>
      <c r="X4034">
        <v>0</v>
      </c>
      <c r="Y4034">
        <v>26</v>
      </c>
      <c r="Z4034">
        <v>8</v>
      </c>
      <c r="AA4034">
        <v>112</v>
      </c>
      <c r="AB4034">
        <v>40</v>
      </c>
      <c r="AC4034">
        <v>142</v>
      </c>
      <c r="AD4034">
        <v>56</v>
      </c>
      <c r="AE4034">
        <v>100</v>
      </c>
      <c r="AF4034">
        <v>0</v>
      </c>
      <c r="AG4034">
        <v>50000</v>
      </c>
      <c r="AH4034">
        <v>50000</v>
      </c>
      <c r="AI4034">
        <v>0</v>
      </c>
      <c r="AJ4034">
        <v>0</v>
      </c>
      <c r="AK4034" t="s">
        <v>6</v>
      </c>
      <c r="AL4034">
        <v>0</v>
      </c>
      <c r="AM4034">
        <v>0</v>
      </c>
      <c r="AN4034">
        <v>0</v>
      </c>
      <c r="AO4034">
        <v>0</v>
      </c>
      <c r="AP4034">
        <v>0</v>
      </c>
      <c r="AQ4034">
        <v>0</v>
      </c>
      <c r="AR4034">
        <v>0</v>
      </c>
      <c r="AS4034">
        <v>0</v>
      </c>
      <c r="AT4034">
        <v>0</v>
      </c>
      <c r="AU4034">
        <v>0</v>
      </c>
      <c r="AV4034">
        <v>0</v>
      </c>
      <c r="AW4034">
        <v>0</v>
      </c>
      <c r="AX4034">
        <v>0</v>
      </c>
      <c r="AY4034">
        <v>0</v>
      </c>
      <c r="AZ4034">
        <v>0</v>
      </c>
      <c r="BA4034">
        <v>0</v>
      </c>
    </row>
    <row r="4035" spans="1:53" x14ac:dyDescent="0.4">
      <c r="A4035">
        <v>4079</v>
      </c>
      <c r="B4035" s="1">
        <v>44254</v>
      </c>
      <c r="C4035">
        <v>2</v>
      </c>
      <c r="D4035" s="1">
        <v>44254.413194444445</v>
      </c>
      <c r="E4035" s="1">
        <v>44254.736805555556</v>
      </c>
      <c r="F4035">
        <v>21800</v>
      </c>
      <c r="G4035">
        <v>1660</v>
      </c>
      <c r="H4035">
        <v>0</v>
      </c>
      <c r="I4035">
        <v>0</v>
      </c>
      <c r="J4035">
        <v>0</v>
      </c>
      <c r="K4035">
        <v>960</v>
      </c>
      <c r="L4035">
        <v>0</v>
      </c>
      <c r="M4035">
        <v>2442</v>
      </c>
      <c r="N4035">
        <v>0</v>
      </c>
      <c r="O4035">
        <v>0</v>
      </c>
      <c r="P4035">
        <v>28809</v>
      </c>
      <c r="Q4035">
        <v>0</v>
      </c>
      <c r="R4035">
        <v>55671</v>
      </c>
      <c r="S4035">
        <v>0</v>
      </c>
      <c r="T4035">
        <v>0</v>
      </c>
      <c r="U4035">
        <v>0</v>
      </c>
      <c r="V4035">
        <v>1</v>
      </c>
      <c r="W4035">
        <v>0</v>
      </c>
      <c r="X4035">
        <v>0</v>
      </c>
      <c r="Y4035">
        <v>77</v>
      </c>
      <c r="Z4035">
        <v>9</v>
      </c>
      <c r="AA4035">
        <v>78</v>
      </c>
      <c r="AB4035">
        <v>28</v>
      </c>
      <c r="AC4035">
        <v>148</v>
      </c>
      <c r="AD4035">
        <v>56</v>
      </c>
      <c r="AE4035">
        <v>98</v>
      </c>
      <c r="AF4035">
        <v>3113</v>
      </c>
      <c r="AG4035">
        <v>105671</v>
      </c>
      <c r="AH4035">
        <v>50000</v>
      </c>
      <c r="AI4035">
        <v>0</v>
      </c>
      <c r="AJ4035">
        <v>109</v>
      </c>
      <c r="AK4035" t="s">
        <v>29</v>
      </c>
      <c r="AL4035">
        <v>0</v>
      </c>
      <c r="AM4035">
        <v>0</v>
      </c>
      <c r="AN4035">
        <v>0</v>
      </c>
      <c r="AO4035">
        <v>0</v>
      </c>
      <c r="AP4035">
        <v>0</v>
      </c>
      <c r="AQ4035">
        <v>0</v>
      </c>
      <c r="AR4035">
        <v>0</v>
      </c>
      <c r="AS4035">
        <v>0</v>
      </c>
      <c r="AT4035">
        <v>0</v>
      </c>
      <c r="AU4035">
        <v>0</v>
      </c>
      <c r="AV4035">
        <v>0</v>
      </c>
      <c r="AW4035">
        <v>0</v>
      </c>
      <c r="AX4035">
        <v>-2508</v>
      </c>
      <c r="AY4035">
        <v>38</v>
      </c>
      <c r="AZ4035">
        <v>81</v>
      </c>
      <c r="BA4035">
        <v>5510</v>
      </c>
    </row>
    <row r="4036" spans="1:53" x14ac:dyDescent="0.4">
      <c r="A4036">
        <v>4080</v>
      </c>
      <c r="B4036" s="1">
        <v>44254</v>
      </c>
      <c r="C4036">
        <v>3</v>
      </c>
      <c r="D4036" s="1">
        <v>44254.736805555556</v>
      </c>
      <c r="E4036" s="1">
        <v>44254.956250000003</v>
      </c>
      <c r="F4036">
        <v>44170</v>
      </c>
      <c r="G4036">
        <v>1080</v>
      </c>
      <c r="H4036">
        <v>0</v>
      </c>
      <c r="I4036">
        <v>0</v>
      </c>
      <c r="J4036">
        <v>2904</v>
      </c>
      <c r="K4036">
        <v>480</v>
      </c>
      <c r="L4036">
        <v>0</v>
      </c>
      <c r="M4036">
        <v>4283</v>
      </c>
      <c r="N4036">
        <v>0</v>
      </c>
      <c r="O4036">
        <v>0</v>
      </c>
      <c r="P4036">
        <v>-28809</v>
      </c>
      <c r="Q4036">
        <v>0</v>
      </c>
      <c r="R4036">
        <v>18300</v>
      </c>
      <c r="S4036">
        <v>0</v>
      </c>
      <c r="T4036">
        <v>0</v>
      </c>
      <c r="U4036">
        <v>0</v>
      </c>
      <c r="V4036">
        <v>3</v>
      </c>
      <c r="W4036">
        <v>0</v>
      </c>
      <c r="X4036">
        <v>0</v>
      </c>
      <c r="Y4036">
        <v>73</v>
      </c>
      <c r="Z4036">
        <v>10</v>
      </c>
      <c r="AA4036">
        <v>81</v>
      </c>
      <c r="AB4036">
        <v>29</v>
      </c>
      <c r="AC4036">
        <v>149</v>
      </c>
      <c r="AD4036">
        <v>57</v>
      </c>
      <c r="AE4036">
        <v>103</v>
      </c>
      <c r="AF4036">
        <v>4543</v>
      </c>
      <c r="AG4036">
        <v>123971</v>
      </c>
      <c r="AH4036">
        <v>50000</v>
      </c>
      <c r="AI4036">
        <v>0</v>
      </c>
      <c r="AJ4036">
        <v>108</v>
      </c>
      <c r="AK4036" t="s">
        <v>30</v>
      </c>
      <c r="AL4036">
        <v>0</v>
      </c>
      <c r="AM4036">
        <v>0</v>
      </c>
      <c r="AN4036">
        <v>0</v>
      </c>
      <c r="AO4036">
        <v>0</v>
      </c>
      <c r="AP4036">
        <v>0</v>
      </c>
      <c r="AQ4036">
        <v>0</v>
      </c>
      <c r="AR4036">
        <v>0</v>
      </c>
      <c r="AS4036">
        <v>0</v>
      </c>
      <c r="AT4036">
        <v>0</v>
      </c>
      <c r="AU4036">
        <v>0</v>
      </c>
      <c r="AV4036">
        <v>0</v>
      </c>
      <c r="AW4036">
        <v>0</v>
      </c>
      <c r="AX4036">
        <v>14221</v>
      </c>
      <c r="AY4036">
        <v>11</v>
      </c>
      <c r="AZ4036">
        <v>25</v>
      </c>
      <c r="BA4036">
        <v>2534</v>
      </c>
    </row>
    <row r="4037" spans="1:53" x14ac:dyDescent="0.4">
      <c r="A4037">
        <v>4081</v>
      </c>
      <c r="B4037" s="1">
        <v>44255</v>
      </c>
      <c r="C4037">
        <v>1</v>
      </c>
      <c r="D4037" s="1">
        <v>44255.291666666664</v>
      </c>
      <c r="E4037" s="1">
        <v>44255.445138888892</v>
      </c>
      <c r="F4037">
        <v>0</v>
      </c>
      <c r="G4037">
        <v>0</v>
      </c>
      <c r="H4037">
        <v>0</v>
      </c>
      <c r="I4037">
        <v>0</v>
      </c>
      <c r="J4037">
        <v>0</v>
      </c>
      <c r="K4037">
        <v>0</v>
      </c>
      <c r="L4037">
        <v>0</v>
      </c>
      <c r="M4037">
        <v>0</v>
      </c>
      <c r="N4037">
        <v>0</v>
      </c>
      <c r="O4037">
        <v>0</v>
      </c>
      <c r="P4037">
        <v>0</v>
      </c>
      <c r="Q4037">
        <v>0</v>
      </c>
      <c r="R4037">
        <v>0</v>
      </c>
      <c r="S4037">
        <v>0</v>
      </c>
      <c r="T4037">
        <v>0</v>
      </c>
      <c r="U4037">
        <v>0</v>
      </c>
      <c r="V4037">
        <v>0</v>
      </c>
      <c r="W4037">
        <v>0</v>
      </c>
      <c r="X4037">
        <v>0</v>
      </c>
      <c r="Y4037">
        <v>30</v>
      </c>
      <c r="Z4037">
        <v>9</v>
      </c>
      <c r="AA4037">
        <v>123</v>
      </c>
      <c r="AB4037">
        <v>27</v>
      </c>
      <c r="AC4037">
        <v>148</v>
      </c>
      <c r="AD4037">
        <v>54</v>
      </c>
      <c r="AE4037">
        <v>100</v>
      </c>
      <c r="AF4037">
        <v>0</v>
      </c>
      <c r="AG4037">
        <v>50000</v>
      </c>
      <c r="AH4037">
        <v>50000</v>
      </c>
      <c r="AI4037">
        <v>0</v>
      </c>
      <c r="AJ4037">
        <v>0</v>
      </c>
      <c r="AK4037" t="s">
        <v>6</v>
      </c>
      <c r="AL4037">
        <v>0</v>
      </c>
      <c r="AM4037">
        <v>0</v>
      </c>
      <c r="AN4037">
        <v>0</v>
      </c>
      <c r="AO4037">
        <v>0</v>
      </c>
      <c r="AP4037">
        <v>0</v>
      </c>
      <c r="AQ4037">
        <v>0</v>
      </c>
      <c r="AR4037">
        <v>0</v>
      </c>
      <c r="AS4037">
        <v>0</v>
      </c>
      <c r="AT4037">
        <v>0</v>
      </c>
      <c r="AU4037">
        <v>0</v>
      </c>
      <c r="AV4037">
        <v>0</v>
      </c>
      <c r="AW4037">
        <v>0</v>
      </c>
      <c r="AX4037">
        <v>0</v>
      </c>
      <c r="AY4037">
        <v>0</v>
      </c>
      <c r="AZ4037">
        <v>0</v>
      </c>
      <c r="BA4037">
        <v>0</v>
      </c>
    </row>
    <row r="4038" spans="1:53" x14ac:dyDescent="0.4">
      <c r="A4038">
        <v>4082</v>
      </c>
      <c r="B4038" s="1">
        <v>44256</v>
      </c>
      <c r="C4038">
        <v>1</v>
      </c>
      <c r="D4038" s="1">
        <v>44256.291666666664</v>
      </c>
      <c r="E4038" s="1">
        <v>44256.413888888892</v>
      </c>
      <c r="F4038">
        <v>0</v>
      </c>
      <c r="G4038">
        <v>0</v>
      </c>
      <c r="H4038">
        <v>0</v>
      </c>
      <c r="I4038">
        <v>0</v>
      </c>
      <c r="J4038">
        <v>0</v>
      </c>
      <c r="K4038">
        <v>0</v>
      </c>
      <c r="L4038">
        <v>0</v>
      </c>
      <c r="M4038">
        <v>0</v>
      </c>
      <c r="N4038">
        <v>0</v>
      </c>
      <c r="O4038">
        <v>0</v>
      </c>
      <c r="P4038">
        <v>0</v>
      </c>
      <c r="Q4038">
        <v>0</v>
      </c>
      <c r="R4038">
        <v>0</v>
      </c>
      <c r="S4038">
        <v>0</v>
      </c>
      <c r="T4038">
        <v>0</v>
      </c>
      <c r="U4038">
        <v>0</v>
      </c>
      <c r="V4038">
        <v>0</v>
      </c>
      <c r="W4038">
        <v>0</v>
      </c>
      <c r="X4038">
        <v>0</v>
      </c>
      <c r="Y4038">
        <v>31</v>
      </c>
      <c r="Z4038">
        <v>10</v>
      </c>
      <c r="AA4038">
        <v>109</v>
      </c>
      <c r="AB4038">
        <v>29</v>
      </c>
      <c r="AC4038">
        <v>130</v>
      </c>
      <c r="AD4038">
        <v>53</v>
      </c>
      <c r="AE4038">
        <v>85</v>
      </c>
      <c r="AF4038">
        <v>0</v>
      </c>
      <c r="AG4038">
        <v>50000</v>
      </c>
      <c r="AH4038">
        <v>50000</v>
      </c>
      <c r="AI4038">
        <v>0</v>
      </c>
      <c r="AJ4038">
        <v>0</v>
      </c>
      <c r="AK4038" t="s">
        <v>6</v>
      </c>
      <c r="AL4038">
        <v>0</v>
      </c>
      <c r="AM4038">
        <v>0</v>
      </c>
      <c r="AN4038">
        <v>0</v>
      </c>
      <c r="AO4038">
        <v>0</v>
      </c>
      <c r="AP4038">
        <v>0</v>
      </c>
      <c r="AQ4038">
        <v>0</v>
      </c>
      <c r="AR4038">
        <v>0</v>
      </c>
      <c r="AS4038">
        <v>0</v>
      </c>
      <c r="AT4038">
        <v>0</v>
      </c>
      <c r="AU4038">
        <v>0</v>
      </c>
      <c r="AV4038">
        <v>0</v>
      </c>
      <c r="AW4038">
        <v>0</v>
      </c>
      <c r="AX4038">
        <v>0</v>
      </c>
      <c r="AY4038">
        <v>0</v>
      </c>
      <c r="AZ4038">
        <v>0</v>
      </c>
      <c r="BA4038">
        <v>0</v>
      </c>
    </row>
    <row r="4039" spans="1:53" x14ac:dyDescent="0.4">
      <c r="A4039">
        <v>4083</v>
      </c>
      <c r="B4039" s="1">
        <v>44256</v>
      </c>
      <c r="C4039">
        <v>2</v>
      </c>
      <c r="D4039" s="1">
        <v>44256.413888888892</v>
      </c>
      <c r="E4039" s="1">
        <v>44256.8125</v>
      </c>
      <c r="F4039">
        <v>35730</v>
      </c>
      <c r="G4039">
        <v>820</v>
      </c>
      <c r="H4039">
        <v>0</v>
      </c>
      <c r="I4039">
        <v>0</v>
      </c>
      <c r="J4039">
        <v>0</v>
      </c>
      <c r="K4039">
        <v>0</v>
      </c>
      <c r="L4039">
        <v>0</v>
      </c>
      <c r="M4039">
        <v>3655</v>
      </c>
      <c r="N4039">
        <v>0</v>
      </c>
      <c r="O4039">
        <v>0</v>
      </c>
      <c r="P4039">
        <v>12397</v>
      </c>
      <c r="Q4039">
        <v>0</v>
      </c>
      <c r="R4039">
        <v>52602</v>
      </c>
      <c r="S4039">
        <v>0</v>
      </c>
      <c r="T4039">
        <v>0</v>
      </c>
      <c r="U4039">
        <v>0</v>
      </c>
      <c r="V4039">
        <v>2</v>
      </c>
      <c r="W4039">
        <v>1</v>
      </c>
      <c r="X4039">
        <v>0</v>
      </c>
      <c r="Y4039">
        <v>64</v>
      </c>
      <c r="Z4039">
        <v>9</v>
      </c>
      <c r="AA4039">
        <v>62</v>
      </c>
      <c r="AB4039">
        <v>23</v>
      </c>
      <c r="AC4039">
        <v>135</v>
      </c>
      <c r="AD4039">
        <v>62</v>
      </c>
      <c r="AE4039">
        <v>92</v>
      </c>
      <c r="AF4039">
        <v>0</v>
      </c>
      <c r="AG4039">
        <v>102602</v>
      </c>
      <c r="AH4039">
        <v>50000</v>
      </c>
      <c r="AI4039">
        <v>0</v>
      </c>
      <c r="AJ4039">
        <v>85</v>
      </c>
      <c r="AK4039" t="s">
        <v>7</v>
      </c>
      <c r="AL4039">
        <v>0</v>
      </c>
      <c r="AM4039">
        <v>0</v>
      </c>
      <c r="AN4039">
        <v>0</v>
      </c>
      <c r="AO4039">
        <v>0</v>
      </c>
      <c r="AP4039">
        <v>0</v>
      </c>
      <c r="AQ4039">
        <v>0</v>
      </c>
      <c r="AR4039">
        <v>0</v>
      </c>
      <c r="AS4039">
        <v>0</v>
      </c>
      <c r="AT4039">
        <v>0</v>
      </c>
      <c r="AU4039">
        <v>0</v>
      </c>
      <c r="AV4039">
        <v>0</v>
      </c>
      <c r="AW4039">
        <v>0</v>
      </c>
      <c r="AX4039">
        <v>-1122</v>
      </c>
      <c r="AY4039">
        <v>38</v>
      </c>
      <c r="AZ4039">
        <v>80</v>
      </c>
      <c r="BA4039">
        <v>5762</v>
      </c>
    </row>
    <row r="4040" spans="1:53" x14ac:dyDescent="0.4">
      <c r="A4040">
        <v>4084</v>
      </c>
      <c r="B4040" s="1">
        <v>44257</v>
      </c>
      <c r="C4040">
        <v>1</v>
      </c>
      <c r="D4040" s="1">
        <v>44257.291666666664</v>
      </c>
      <c r="E4040" s="1">
        <v>44257.443749999999</v>
      </c>
      <c r="F4040">
        <v>0</v>
      </c>
      <c r="G4040">
        <v>0</v>
      </c>
      <c r="H4040">
        <v>0</v>
      </c>
      <c r="I4040">
        <v>0</v>
      </c>
      <c r="J4040">
        <v>0</v>
      </c>
      <c r="K4040">
        <v>0</v>
      </c>
      <c r="L4040">
        <v>0</v>
      </c>
      <c r="M4040">
        <v>0</v>
      </c>
      <c r="N4040">
        <v>0</v>
      </c>
      <c r="O4040">
        <v>0</v>
      </c>
      <c r="P4040">
        <v>0</v>
      </c>
      <c r="Q4040">
        <v>0</v>
      </c>
      <c r="R4040">
        <v>0</v>
      </c>
      <c r="S4040">
        <v>0</v>
      </c>
      <c r="T4040">
        <v>0</v>
      </c>
      <c r="U4040">
        <v>0</v>
      </c>
      <c r="V4040">
        <v>0</v>
      </c>
      <c r="W4040">
        <v>0</v>
      </c>
      <c r="X4040">
        <v>0</v>
      </c>
      <c r="Y4040">
        <v>32</v>
      </c>
      <c r="Z4040">
        <v>9</v>
      </c>
      <c r="AA4040">
        <v>106</v>
      </c>
      <c r="AB4040">
        <v>23</v>
      </c>
      <c r="AC4040">
        <v>137</v>
      </c>
      <c r="AD4040">
        <v>58</v>
      </c>
      <c r="AE4040">
        <v>90</v>
      </c>
      <c r="AF4040">
        <v>0</v>
      </c>
      <c r="AG4040">
        <v>50000</v>
      </c>
      <c r="AH4040">
        <v>50000</v>
      </c>
      <c r="AI4040">
        <v>0</v>
      </c>
      <c r="AJ4040">
        <v>0</v>
      </c>
      <c r="AK4040" t="s">
        <v>6</v>
      </c>
      <c r="AL4040">
        <v>0</v>
      </c>
      <c r="AM4040">
        <v>0</v>
      </c>
      <c r="AN4040">
        <v>0</v>
      </c>
      <c r="AO4040">
        <v>0</v>
      </c>
      <c r="AP4040">
        <v>0</v>
      </c>
      <c r="AQ4040">
        <v>0</v>
      </c>
      <c r="AR4040">
        <v>0</v>
      </c>
      <c r="AS4040">
        <v>0</v>
      </c>
      <c r="AT4040">
        <v>0</v>
      </c>
      <c r="AU4040">
        <v>0</v>
      </c>
      <c r="AV4040">
        <v>0</v>
      </c>
      <c r="AW4040">
        <v>0</v>
      </c>
      <c r="AX4040">
        <v>0</v>
      </c>
      <c r="AY4040">
        <v>0</v>
      </c>
      <c r="AZ4040">
        <v>0</v>
      </c>
      <c r="BA4040">
        <v>0</v>
      </c>
    </row>
    <row r="4041" spans="1:53" x14ac:dyDescent="0.4">
      <c r="A4041">
        <v>4085</v>
      </c>
      <c r="B4041" s="1">
        <v>44257</v>
      </c>
      <c r="C4041">
        <v>2</v>
      </c>
      <c r="D4041" s="1">
        <v>44257.443749999999</v>
      </c>
      <c r="E4041" s="1">
        <v>44257.75</v>
      </c>
      <c r="F4041">
        <v>21170</v>
      </c>
      <c r="G4041">
        <v>950</v>
      </c>
      <c r="H4041">
        <v>0</v>
      </c>
      <c r="I4041">
        <v>0</v>
      </c>
      <c r="J4041">
        <v>50</v>
      </c>
      <c r="K4041">
        <v>0</v>
      </c>
      <c r="L4041">
        <v>0</v>
      </c>
      <c r="M4041">
        <v>2207</v>
      </c>
      <c r="N4041">
        <v>0</v>
      </c>
      <c r="O4041">
        <v>0</v>
      </c>
      <c r="P4041">
        <v>13915</v>
      </c>
      <c r="Q4041">
        <v>0</v>
      </c>
      <c r="R4041">
        <v>38192</v>
      </c>
      <c r="S4041">
        <v>0</v>
      </c>
      <c r="T4041">
        <v>0</v>
      </c>
      <c r="U4041">
        <v>0</v>
      </c>
      <c r="V4041">
        <v>1</v>
      </c>
      <c r="W4041">
        <v>1</v>
      </c>
      <c r="X4041">
        <v>0</v>
      </c>
      <c r="Y4041">
        <v>52</v>
      </c>
      <c r="Z4041">
        <v>18</v>
      </c>
      <c r="AA4041">
        <v>86</v>
      </c>
      <c r="AB4041">
        <v>20</v>
      </c>
      <c r="AC4041">
        <v>137</v>
      </c>
      <c r="AD4041">
        <v>62</v>
      </c>
      <c r="AE4041">
        <v>119</v>
      </c>
      <c r="AF4041">
        <v>693</v>
      </c>
      <c r="AG4041">
        <v>88092</v>
      </c>
      <c r="AH4041">
        <v>50000</v>
      </c>
      <c r="AI4041">
        <v>-100</v>
      </c>
      <c r="AJ4041">
        <v>109</v>
      </c>
      <c r="AK4041" t="s">
        <v>29</v>
      </c>
      <c r="AL4041">
        <v>0</v>
      </c>
      <c r="AM4041">
        <v>0</v>
      </c>
      <c r="AN4041">
        <v>0</v>
      </c>
      <c r="AO4041">
        <v>0</v>
      </c>
      <c r="AP4041">
        <v>0</v>
      </c>
      <c r="AQ4041">
        <v>0</v>
      </c>
      <c r="AR4041">
        <v>0</v>
      </c>
      <c r="AS4041">
        <v>0</v>
      </c>
      <c r="AT4041">
        <v>0</v>
      </c>
      <c r="AU4041">
        <v>0</v>
      </c>
      <c r="AV4041">
        <v>0</v>
      </c>
      <c r="AW4041">
        <v>0</v>
      </c>
      <c r="AX4041">
        <v>0</v>
      </c>
      <c r="AY4041">
        <v>33</v>
      </c>
      <c r="AZ4041">
        <v>55</v>
      </c>
      <c r="BA4041">
        <v>5207</v>
      </c>
    </row>
    <row r="4042" spans="1:53" x14ac:dyDescent="0.4">
      <c r="A4042">
        <v>4086</v>
      </c>
      <c r="B4042" s="1">
        <v>44258</v>
      </c>
      <c r="C4042">
        <v>1</v>
      </c>
      <c r="D4042" s="1">
        <v>44258.291666666664</v>
      </c>
      <c r="E4042" s="1">
        <v>44258.44027777778</v>
      </c>
      <c r="F4042">
        <v>0</v>
      </c>
      <c r="G4042">
        <v>0</v>
      </c>
      <c r="H4042">
        <v>0</v>
      </c>
      <c r="I4042">
        <v>0</v>
      </c>
      <c r="J4042">
        <v>0</v>
      </c>
      <c r="K4042">
        <v>0</v>
      </c>
      <c r="L4042">
        <v>0</v>
      </c>
      <c r="M4042">
        <v>0</v>
      </c>
      <c r="N4042">
        <v>0</v>
      </c>
      <c r="O4042">
        <v>0</v>
      </c>
      <c r="P4042">
        <v>0</v>
      </c>
      <c r="Q4042">
        <v>0</v>
      </c>
      <c r="R4042">
        <v>0</v>
      </c>
      <c r="S4042">
        <v>0</v>
      </c>
      <c r="T4042">
        <v>0</v>
      </c>
      <c r="U4042">
        <v>0</v>
      </c>
      <c r="V4042">
        <v>0</v>
      </c>
      <c r="W4042">
        <v>0</v>
      </c>
      <c r="X4042">
        <v>0</v>
      </c>
      <c r="Y4042">
        <v>30</v>
      </c>
      <c r="Z4042">
        <v>7</v>
      </c>
      <c r="AA4042">
        <v>137</v>
      </c>
      <c r="AB4042">
        <v>20</v>
      </c>
      <c r="AC4042">
        <v>138</v>
      </c>
      <c r="AD4042">
        <v>62</v>
      </c>
      <c r="AE4042">
        <v>110</v>
      </c>
      <c r="AF4042">
        <v>0</v>
      </c>
      <c r="AG4042">
        <v>50000</v>
      </c>
      <c r="AH4042">
        <v>50000</v>
      </c>
      <c r="AI4042">
        <v>0</v>
      </c>
      <c r="AJ4042">
        <v>0</v>
      </c>
      <c r="AK4042" t="s">
        <v>6</v>
      </c>
      <c r="AL4042">
        <v>0</v>
      </c>
      <c r="AM4042">
        <v>0</v>
      </c>
      <c r="AN4042">
        <v>0</v>
      </c>
      <c r="AO4042">
        <v>0</v>
      </c>
      <c r="AP4042">
        <v>0</v>
      </c>
      <c r="AQ4042">
        <v>0</v>
      </c>
      <c r="AR4042">
        <v>0</v>
      </c>
      <c r="AS4042">
        <v>0</v>
      </c>
      <c r="AT4042">
        <v>0</v>
      </c>
      <c r="AU4042">
        <v>0</v>
      </c>
      <c r="AV4042">
        <v>0</v>
      </c>
      <c r="AW4042">
        <v>0</v>
      </c>
      <c r="AX4042">
        <v>0</v>
      </c>
      <c r="AY4042">
        <v>0</v>
      </c>
      <c r="AZ4042">
        <v>0</v>
      </c>
      <c r="BA4042">
        <v>0</v>
      </c>
    </row>
    <row r="4043" spans="1:53" x14ac:dyDescent="0.4">
      <c r="A4043">
        <v>4087</v>
      </c>
      <c r="B4043" s="1">
        <v>44258</v>
      </c>
      <c r="C4043">
        <v>2</v>
      </c>
      <c r="D4043" s="1">
        <v>44258.44027777778</v>
      </c>
      <c r="E4043" s="1">
        <v>44258.79583333333</v>
      </c>
      <c r="F4043">
        <v>42720</v>
      </c>
      <c r="G4043">
        <v>3030</v>
      </c>
      <c r="H4043">
        <v>0</v>
      </c>
      <c r="I4043">
        <v>0</v>
      </c>
      <c r="J4043">
        <v>100</v>
      </c>
      <c r="K4043">
        <v>0</v>
      </c>
      <c r="L4043">
        <v>0</v>
      </c>
      <c r="M4043">
        <v>4565</v>
      </c>
      <c r="N4043">
        <v>0</v>
      </c>
      <c r="O4043">
        <v>0</v>
      </c>
      <c r="P4043">
        <v>7084</v>
      </c>
      <c r="Q4043">
        <v>0</v>
      </c>
      <c r="R4043">
        <v>57299</v>
      </c>
      <c r="S4043">
        <v>0</v>
      </c>
      <c r="T4043">
        <v>0</v>
      </c>
      <c r="U4043">
        <v>0</v>
      </c>
      <c r="V4043">
        <v>1</v>
      </c>
      <c r="W4043">
        <v>3</v>
      </c>
      <c r="X4043">
        <v>0</v>
      </c>
      <c r="Y4043">
        <v>56</v>
      </c>
      <c r="Z4043">
        <v>18</v>
      </c>
      <c r="AA4043">
        <v>142</v>
      </c>
      <c r="AB4043">
        <v>24</v>
      </c>
      <c r="AC4043">
        <v>138</v>
      </c>
      <c r="AD4043">
        <v>82</v>
      </c>
      <c r="AE4043">
        <v>109</v>
      </c>
      <c r="AF4043">
        <v>0</v>
      </c>
      <c r="AG4043">
        <v>107299</v>
      </c>
      <c r="AH4043">
        <v>50000</v>
      </c>
      <c r="AI4043">
        <v>0</v>
      </c>
      <c r="AJ4043">
        <v>84</v>
      </c>
      <c r="AK4043" t="s">
        <v>16</v>
      </c>
      <c r="AL4043">
        <v>0</v>
      </c>
      <c r="AM4043">
        <v>0</v>
      </c>
      <c r="AN4043">
        <v>0</v>
      </c>
      <c r="AO4043">
        <v>0</v>
      </c>
      <c r="AP4043">
        <v>0</v>
      </c>
      <c r="AQ4043">
        <v>0</v>
      </c>
      <c r="AR4043">
        <v>0</v>
      </c>
      <c r="AS4043">
        <v>0</v>
      </c>
      <c r="AT4043">
        <v>0</v>
      </c>
      <c r="AU4043">
        <v>0</v>
      </c>
      <c r="AV4043">
        <v>0</v>
      </c>
      <c r="AW4043">
        <v>0</v>
      </c>
      <c r="AX4043">
        <v>1496</v>
      </c>
      <c r="AY4043">
        <v>44</v>
      </c>
      <c r="AZ4043">
        <v>87</v>
      </c>
      <c r="BA4043">
        <v>6897</v>
      </c>
    </row>
    <row r="4044" spans="1:53" x14ac:dyDescent="0.4">
      <c r="A4044">
        <v>4088</v>
      </c>
      <c r="B4044" s="1">
        <v>44259</v>
      </c>
      <c r="C4044">
        <v>1</v>
      </c>
      <c r="D4044" s="1">
        <v>44259.291666666664</v>
      </c>
      <c r="E4044" s="1">
        <v>44259.404166666667</v>
      </c>
      <c r="F4044">
        <v>0</v>
      </c>
      <c r="G4044">
        <v>0</v>
      </c>
      <c r="H4044">
        <v>0</v>
      </c>
      <c r="I4044">
        <v>0</v>
      </c>
      <c r="J4044">
        <v>0</v>
      </c>
      <c r="K4044">
        <v>0</v>
      </c>
      <c r="L4044">
        <v>0</v>
      </c>
      <c r="M4044">
        <v>0</v>
      </c>
      <c r="N4044">
        <v>0</v>
      </c>
      <c r="O4044">
        <v>0</v>
      </c>
      <c r="P4044">
        <v>0</v>
      </c>
      <c r="Q4044">
        <v>0</v>
      </c>
      <c r="R4044">
        <v>0</v>
      </c>
      <c r="S4044">
        <v>0</v>
      </c>
      <c r="T4044">
        <v>0</v>
      </c>
      <c r="U4044">
        <v>0</v>
      </c>
      <c r="V4044">
        <v>0</v>
      </c>
      <c r="W4044">
        <v>0</v>
      </c>
      <c r="X4044">
        <v>0</v>
      </c>
      <c r="Y4044">
        <v>30</v>
      </c>
      <c r="Z4044">
        <v>7</v>
      </c>
      <c r="AA4044">
        <v>135</v>
      </c>
      <c r="AB4044">
        <v>23</v>
      </c>
      <c r="AC4044">
        <v>141</v>
      </c>
      <c r="AD4044">
        <v>66</v>
      </c>
      <c r="AE4044">
        <v>110</v>
      </c>
      <c r="AF4044">
        <v>0</v>
      </c>
      <c r="AG4044">
        <v>50000</v>
      </c>
      <c r="AH4044">
        <v>50000</v>
      </c>
      <c r="AI4044">
        <v>0</v>
      </c>
      <c r="AJ4044">
        <v>0</v>
      </c>
      <c r="AK4044" t="s">
        <v>6</v>
      </c>
      <c r="AL4044">
        <v>0</v>
      </c>
      <c r="AM4044">
        <v>0</v>
      </c>
      <c r="AN4044">
        <v>0</v>
      </c>
      <c r="AO4044">
        <v>0</v>
      </c>
      <c r="AP4044">
        <v>0</v>
      </c>
      <c r="AQ4044">
        <v>0</v>
      </c>
      <c r="AR4044">
        <v>0</v>
      </c>
      <c r="AS4044">
        <v>0</v>
      </c>
      <c r="AT4044">
        <v>0</v>
      </c>
      <c r="AU4044">
        <v>0</v>
      </c>
      <c r="AV4044">
        <v>0</v>
      </c>
      <c r="AW4044">
        <v>0</v>
      </c>
      <c r="AX4044">
        <v>0</v>
      </c>
      <c r="AY4044">
        <v>0</v>
      </c>
      <c r="AZ4044">
        <v>0</v>
      </c>
      <c r="BA4044">
        <v>0</v>
      </c>
    </row>
    <row r="4045" spans="1:53" x14ac:dyDescent="0.4">
      <c r="A4045">
        <v>4089</v>
      </c>
      <c r="B4045" s="1">
        <v>44259</v>
      </c>
      <c r="C4045">
        <v>2</v>
      </c>
      <c r="D4045" s="1">
        <v>44259.404166666667</v>
      </c>
      <c r="E4045" s="1">
        <v>44259.805555555555</v>
      </c>
      <c r="F4045">
        <v>35650</v>
      </c>
      <c r="G4045">
        <v>1620</v>
      </c>
      <c r="H4045">
        <v>0</v>
      </c>
      <c r="I4045">
        <v>0</v>
      </c>
      <c r="J4045">
        <v>0</v>
      </c>
      <c r="K4045">
        <v>0</v>
      </c>
      <c r="L4045">
        <v>0</v>
      </c>
      <c r="M4045">
        <v>3727</v>
      </c>
      <c r="N4045">
        <v>0</v>
      </c>
      <c r="O4045">
        <v>0</v>
      </c>
      <c r="P4045">
        <v>9900</v>
      </c>
      <c r="Q4045">
        <v>0</v>
      </c>
      <c r="R4045">
        <v>50897</v>
      </c>
      <c r="S4045">
        <v>0</v>
      </c>
      <c r="T4045">
        <v>0</v>
      </c>
      <c r="U4045">
        <v>0</v>
      </c>
      <c r="V4045">
        <v>2</v>
      </c>
      <c r="W4045">
        <v>1</v>
      </c>
      <c r="X4045">
        <v>0</v>
      </c>
      <c r="Y4045">
        <v>39</v>
      </c>
      <c r="Z4045">
        <v>28</v>
      </c>
      <c r="AA4045">
        <v>160</v>
      </c>
      <c r="AB4045">
        <v>31</v>
      </c>
      <c r="AC4045">
        <v>149</v>
      </c>
      <c r="AD4045">
        <v>69</v>
      </c>
      <c r="AE4045">
        <v>115</v>
      </c>
      <c r="AF4045">
        <v>3397</v>
      </c>
      <c r="AG4045">
        <v>100897</v>
      </c>
      <c r="AH4045">
        <v>50000</v>
      </c>
      <c r="AI4045">
        <v>0</v>
      </c>
      <c r="AJ4045">
        <v>84</v>
      </c>
      <c r="AK4045" t="s">
        <v>16</v>
      </c>
      <c r="AL4045">
        <v>0</v>
      </c>
      <c r="AM4045">
        <v>0</v>
      </c>
      <c r="AN4045">
        <v>0</v>
      </c>
      <c r="AO4045">
        <v>0</v>
      </c>
      <c r="AP4045">
        <v>0</v>
      </c>
      <c r="AQ4045">
        <v>0</v>
      </c>
      <c r="AR4045">
        <v>0</v>
      </c>
      <c r="AS4045">
        <v>0</v>
      </c>
      <c r="AT4045">
        <v>0</v>
      </c>
      <c r="AU4045">
        <v>0</v>
      </c>
      <c r="AV4045">
        <v>0</v>
      </c>
      <c r="AW4045">
        <v>0</v>
      </c>
      <c r="AX4045">
        <v>1914</v>
      </c>
      <c r="AY4045">
        <v>41</v>
      </c>
      <c r="AZ4045">
        <v>74</v>
      </c>
      <c r="BA4045">
        <v>7425</v>
      </c>
    </row>
    <row r="4046" spans="1:53" x14ac:dyDescent="0.4">
      <c r="A4046">
        <v>4090</v>
      </c>
      <c r="B4046" s="1">
        <v>44260</v>
      </c>
      <c r="C4046">
        <v>1</v>
      </c>
      <c r="D4046" s="1">
        <v>44260.291666666664</v>
      </c>
      <c r="E4046" s="1">
        <v>44260.44027777778</v>
      </c>
      <c r="F4046">
        <v>0</v>
      </c>
      <c r="G4046">
        <v>0</v>
      </c>
      <c r="H4046">
        <v>0</v>
      </c>
      <c r="I4046">
        <v>0</v>
      </c>
      <c r="J4046">
        <v>0</v>
      </c>
      <c r="K4046">
        <v>0</v>
      </c>
      <c r="L4046">
        <v>0</v>
      </c>
      <c r="M4046">
        <v>0</v>
      </c>
      <c r="N4046">
        <v>0</v>
      </c>
      <c r="O4046">
        <v>0</v>
      </c>
      <c r="P4046">
        <v>0</v>
      </c>
      <c r="Q4046">
        <v>0</v>
      </c>
      <c r="R4046">
        <v>0</v>
      </c>
      <c r="S4046">
        <v>0</v>
      </c>
      <c r="T4046">
        <v>0</v>
      </c>
      <c r="U4046">
        <v>0</v>
      </c>
      <c r="V4046">
        <v>0</v>
      </c>
      <c r="W4046">
        <v>0</v>
      </c>
      <c r="X4046">
        <v>0</v>
      </c>
      <c r="Y4046">
        <v>31</v>
      </c>
      <c r="Z4046">
        <v>9</v>
      </c>
      <c r="AA4046">
        <v>114</v>
      </c>
      <c r="AB4046">
        <v>32</v>
      </c>
      <c r="AC4046">
        <v>104</v>
      </c>
      <c r="AD4046">
        <v>69</v>
      </c>
      <c r="AE4046">
        <v>115</v>
      </c>
      <c r="AF4046">
        <v>0</v>
      </c>
      <c r="AG4046">
        <v>50000</v>
      </c>
      <c r="AH4046">
        <v>50000</v>
      </c>
      <c r="AI4046">
        <v>0</v>
      </c>
      <c r="AJ4046">
        <v>0</v>
      </c>
      <c r="AK4046" t="s">
        <v>6</v>
      </c>
      <c r="AL4046">
        <v>0</v>
      </c>
      <c r="AM4046">
        <v>0</v>
      </c>
      <c r="AN4046">
        <v>0</v>
      </c>
      <c r="AO4046">
        <v>0</v>
      </c>
      <c r="AP4046">
        <v>0</v>
      </c>
      <c r="AQ4046">
        <v>0</v>
      </c>
      <c r="AR4046">
        <v>0</v>
      </c>
      <c r="AS4046">
        <v>0</v>
      </c>
      <c r="AT4046">
        <v>0</v>
      </c>
      <c r="AU4046">
        <v>0</v>
      </c>
      <c r="AV4046">
        <v>0</v>
      </c>
      <c r="AW4046">
        <v>0</v>
      </c>
      <c r="AX4046">
        <v>0</v>
      </c>
      <c r="AY4046">
        <v>0</v>
      </c>
      <c r="AZ4046">
        <v>0</v>
      </c>
      <c r="BA4046">
        <v>0</v>
      </c>
    </row>
    <row r="4047" spans="1:53" x14ac:dyDescent="0.4">
      <c r="A4047">
        <v>4091</v>
      </c>
      <c r="B4047" s="1">
        <v>44260</v>
      </c>
      <c r="C4047">
        <v>2</v>
      </c>
      <c r="D4047" s="1">
        <v>44260.44027777778</v>
      </c>
      <c r="E4047" s="1">
        <v>44260.731249999997</v>
      </c>
      <c r="F4047">
        <v>24520</v>
      </c>
      <c r="G4047">
        <v>400</v>
      </c>
      <c r="H4047">
        <v>0</v>
      </c>
      <c r="I4047">
        <v>0</v>
      </c>
      <c r="J4047">
        <v>0</v>
      </c>
      <c r="K4047">
        <v>0</v>
      </c>
      <c r="L4047">
        <v>0</v>
      </c>
      <c r="M4047">
        <v>2492</v>
      </c>
      <c r="N4047">
        <v>0</v>
      </c>
      <c r="O4047">
        <v>0</v>
      </c>
      <c r="P4047">
        <v>22033</v>
      </c>
      <c r="Q4047">
        <v>0</v>
      </c>
      <c r="R4047">
        <v>49445</v>
      </c>
      <c r="S4047">
        <v>0</v>
      </c>
      <c r="T4047">
        <v>0</v>
      </c>
      <c r="U4047">
        <v>0</v>
      </c>
      <c r="V4047">
        <v>1</v>
      </c>
      <c r="W4047">
        <v>1</v>
      </c>
      <c r="X4047">
        <v>0</v>
      </c>
      <c r="Y4047">
        <v>58</v>
      </c>
      <c r="Z4047">
        <v>32</v>
      </c>
      <c r="AA4047">
        <v>70</v>
      </c>
      <c r="AB4047">
        <v>24</v>
      </c>
      <c r="AC4047">
        <v>98</v>
      </c>
      <c r="AD4047">
        <v>70</v>
      </c>
      <c r="AE4047">
        <v>145</v>
      </c>
      <c r="AF4047">
        <v>770</v>
      </c>
      <c r="AG4047">
        <v>99445</v>
      </c>
      <c r="AH4047">
        <v>50000</v>
      </c>
      <c r="AI4047">
        <v>0</v>
      </c>
      <c r="AJ4047">
        <v>98</v>
      </c>
      <c r="AK4047" t="s">
        <v>35</v>
      </c>
      <c r="AL4047">
        <v>0</v>
      </c>
      <c r="AM4047">
        <v>0</v>
      </c>
      <c r="AN4047">
        <v>0</v>
      </c>
      <c r="AO4047">
        <v>0</v>
      </c>
      <c r="AP4047">
        <v>0</v>
      </c>
      <c r="AQ4047">
        <v>0</v>
      </c>
      <c r="AR4047">
        <v>0</v>
      </c>
      <c r="AS4047">
        <v>0</v>
      </c>
      <c r="AT4047">
        <v>0</v>
      </c>
      <c r="AU4047">
        <v>0</v>
      </c>
      <c r="AV4047">
        <v>0</v>
      </c>
      <c r="AW4047">
        <v>0</v>
      </c>
      <c r="AX4047">
        <v>0</v>
      </c>
      <c r="AY4047">
        <v>37</v>
      </c>
      <c r="AZ4047">
        <v>73</v>
      </c>
      <c r="BA4047">
        <v>5573</v>
      </c>
    </row>
    <row r="4048" spans="1:53" x14ac:dyDescent="0.4">
      <c r="A4048">
        <v>4092</v>
      </c>
      <c r="B4048" s="1">
        <v>44261</v>
      </c>
      <c r="C4048">
        <v>1</v>
      </c>
      <c r="D4048" s="1">
        <v>44261.291666666664</v>
      </c>
      <c r="E4048" s="1">
        <v>44261.404861111114</v>
      </c>
      <c r="F4048">
        <v>0</v>
      </c>
      <c r="G4048">
        <v>0</v>
      </c>
      <c r="H4048">
        <v>0</v>
      </c>
      <c r="I4048">
        <v>0</v>
      </c>
      <c r="J4048">
        <v>0</v>
      </c>
      <c r="K4048">
        <v>0</v>
      </c>
      <c r="L4048">
        <v>0</v>
      </c>
      <c r="M4048">
        <v>0</v>
      </c>
      <c r="N4048">
        <v>0</v>
      </c>
      <c r="O4048">
        <v>0</v>
      </c>
      <c r="P4048">
        <v>0</v>
      </c>
      <c r="Q4048">
        <v>0</v>
      </c>
      <c r="R4048">
        <v>0</v>
      </c>
      <c r="S4048">
        <v>0</v>
      </c>
      <c r="T4048">
        <v>0</v>
      </c>
      <c r="U4048">
        <v>0</v>
      </c>
      <c r="V4048">
        <v>0</v>
      </c>
      <c r="W4048">
        <v>0</v>
      </c>
      <c r="X4048">
        <v>0</v>
      </c>
      <c r="Y4048">
        <v>31</v>
      </c>
      <c r="Z4048">
        <v>10</v>
      </c>
      <c r="AA4048">
        <v>111</v>
      </c>
      <c r="AB4048">
        <v>27</v>
      </c>
      <c r="AC4048">
        <v>113</v>
      </c>
      <c r="AD4048">
        <v>60</v>
      </c>
      <c r="AE4048">
        <v>120</v>
      </c>
      <c r="AF4048">
        <v>0</v>
      </c>
      <c r="AG4048">
        <v>50000</v>
      </c>
      <c r="AH4048">
        <v>50000</v>
      </c>
      <c r="AI4048">
        <v>0</v>
      </c>
      <c r="AJ4048">
        <v>0</v>
      </c>
      <c r="AK4048" t="s">
        <v>6</v>
      </c>
      <c r="AL4048">
        <v>0</v>
      </c>
      <c r="AM4048">
        <v>0</v>
      </c>
      <c r="AN4048">
        <v>0</v>
      </c>
      <c r="AO4048">
        <v>0</v>
      </c>
      <c r="AP4048">
        <v>0</v>
      </c>
      <c r="AQ4048">
        <v>0</v>
      </c>
      <c r="AR4048">
        <v>0</v>
      </c>
      <c r="AS4048">
        <v>0</v>
      </c>
      <c r="AT4048">
        <v>0</v>
      </c>
      <c r="AU4048">
        <v>0</v>
      </c>
      <c r="AV4048">
        <v>0</v>
      </c>
      <c r="AW4048">
        <v>0</v>
      </c>
      <c r="AX4048">
        <v>0</v>
      </c>
      <c r="AY4048">
        <v>0</v>
      </c>
      <c r="AZ4048">
        <v>0</v>
      </c>
      <c r="BA4048">
        <v>0</v>
      </c>
    </row>
    <row r="4049" spans="1:53" x14ac:dyDescent="0.4">
      <c r="A4049">
        <v>4093</v>
      </c>
      <c r="B4049" s="1">
        <v>44261</v>
      </c>
      <c r="C4049">
        <v>2</v>
      </c>
      <c r="D4049" s="1">
        <v>44261.404861111114</v>
      </c>
      <c r="E4049" s="1">
        <v>44261.776388888888</v>
      </c>
      <c r="F4049">
        <v>38350</v>
      </c>
      <c r="G4049">
        <v>1920</v>
      </c>
      <c r="H4049">
        <v>90</v>
      </c>
      <c r="I4049">
        <v>0</v>
      </c>
      <c r="J4049">
        <v>0</v>
      </c>
      <c r="K4049">
        <v>0</v>
      </c>
      <c r="L4049">
        <v>0</v>
      </c>
      <c r="M4049">
        <v>4036</v>
      </c>
      <c r="N4049">
        <v>0</v>
      </c>
      <c r="O4049">
        <v>0</v>
      </c>
      <c r="P4049">
        <v>12826</v>
      </c>
      <c r="Q4049">
        <v>0</v>
      </c>
      <c r="R4049">
        <v>57222</v>
      </c>
      <c r="S4049">
        <v>0</v>
      </c>
      <c r="T4049">
        <v>0</v>
      </c>
      <c r="U4049">
        <v>0</v>
      </c>
      <c r="V4049">
        <v>3</v>
      </c>
      <c r="W4049">
        <v>0</v>
      </c>
      <c r="X4049">
        <v>0</v>
      </c>
      <c r="Y4049">
        <v>59</v>
      </c>
      <c r="Z4049">
        <v>23</v>
      </c>
      <c r="AA4049">
        <v>33</v>
      </c>
      <c r="AB4049">
        <v>12</v>
      </c>
      <c r="AC4049">
        <v>87</v>
      </c>
      <c r="AD4049">
        <v>65</v>
      </c>
      <c r="AE4049">
        <v>131</v>
      </c>
      <c r="AF4049">
        <v>1496</v>
      </c>
      <c r="AG4049">
        <v>107222</v>
      </c>
      <c r="AH4049">
        <v>50000</v>
      </c>
      <c r="AI4049">
        <v>0</v>
      </c>
      <c r="AJ4049">
        <v>98</v>
      </c>
      <c r="AK4049" t="s">
        <v>35</v>
      </c>
      <c r="AL4049">
        <v>0</v>
      </c>
      <c r="AM4049">
        <v>0</v>
      </c>
      <c r="AN4049">
        <v>0</v>
      </c>
      <c r="AO4049">
        <v>0</v>
      </c>
      <c r="AP4049">
        <v>0</v>
      </c>
      <c r="AQ4049">
        <v>0</v>
      </c>
      <c r="AR4049">
        <v>0</v>
      </c>
      <c r="AS4049">
        <v>0</v>
      </c>
      <c r="AT4049">
        <v>0</v>
      </c>
      <c r="AU4049">
        <v>0</v>
      </c>
      <c r="AV4049">
        <v>0</v>
      </c>
      <c r="AW4049">
        <v>0</v>
      </c>
      <c r="AX4049">
        <v>6248</v>
      </c>
      <c r="AY4049">
        <v>41</v>
      </c>
      <c r="AZ4049">
        <v>91</v>
      </c>
      <c r="BA4049">
        <v>6804</v>
      </c>
    </row>
    <row r="4050" spans="1:53" x14ac:dyDescent="0.4">
      <c r="A4050">
        <v>4094</v>
      </c>
      <c r="B4050" s="1">
        <v>44262</v>
      </c>
      <c r="C4050">
        <v>1</v>
      </c>
      <c r="D4050" s="1">
        <v>44262.291666666664</v>
      </c>
      <c r="E4050" s="1">
        <v>44262.433333333334</v>
      </c>
      <c r="F4050">
        <v>0</v>
      </c>
      <c r="G4050">
        <v>0</v>
      </c>
      <c r="H4050">
        <v>0</v>
      </c>
      <c r="I4050">
        <v>0</v>
      </c>
      <c r="J4050">
        <v>0</v>
      </c>
      <c r="K4050">
        <v>0</v>
      </c>
      <c r="L4050">
        <v>0</v>
      </c>
      <c r="M4050">
        <v>0</v>
      </c>
      <c r="N4050">
        <v>0</v>
      </c>
      <c r="O4050">
        <v>0</v>
      </c>
      <c r="P4050">
        <v>0</v>
      </c>
      <c r="Q4050">
        <v>0</v>
      </c>
      <c r="R4050">
        <v>0</v>
      </c>
      <c r="S4050">
        <v>0</v>
      </c>
      <c r="T4050">
        <v>0</v>
      </c>
      <c r="U4050">
        <v>0</v>
      </c>
      <c r="V4050">
        <v>0</v>
      </c>
      <c r="W4050">
        <v>0</v>
      </c>
      <c r="X4050">
        <v>0</v>
      </c>
      <c r="Y4050">
        <v>38</v>
      </c>
      <c r="Z4050">
        <v>9</v>
      </c>
      <c r="AA4050">
        <v>53</v>
      </c>
      <c r="AB4050">
        <v>9</v>
      </c>
      <c r="AC4050">
        <v>135</v>
      </c>
      <c r="AD4050">
        <v>58</v>
      </c>
      <c r="AE4050">
        <v>110</v>
      </c>
      <c r="AF4050">
        <v>0</v>
      </c>
      <c r="AG4050">
        <v>50000</v>
      </c>
      <c r="AH4050">
        <v>50000</v>
      </c>
      <c r="AI4050">
        <v>0</v>
      </c>
      <c r="AJ4050">
        <v>0</v>
      </c>
      <c r="AK4050" t="s">
        <v>6</v>
      </c>
      <c r="AL4050">
        <v>0</v>
      </c>
      <c r="AM4050">
        <v>0</v>
      </c>
      <c r="AN4050">
        <v>0</v>
      </c>
      <c r="AO4050">
        <v>0</v>
      </c>
      <c r="AP4050">
        <v>0</v>
      </c>
      <c r="AQ4050">
        <v>0</v>
      </c>
      <c r="AR4050">
        <v>0</v>
      </c>
      <c r="AS4050">
        <v>0</v>
      </c>
      <c r="AT4050">
        <v>0</v>
      </c>
      <c r="AU4050">
        <v>0</v>
      </c>
      <c r="AV4050">
        <v>0</v>
      </c>
      <c r="AW4050">
        <v>0</v>
      </c>
      <c r="AX4050">
        <v>0</v>
      </c>
      <c r="AY4050">
        <v>0</v>
      </c>
      <c r="AZ4050">
        <v>0</v>
      </c>
      <c r="BA4050">
        <v>0</v>
      </c>
    </row>
    <row r="4051" spans="1:53" x14ac:dyDescent="0.4">
      <c r="A4051">
        <v>4095</v>
      </c>
      <c r="B4051" s="1">
        <v>44262</v>
      </c>
      <c r="C4051">
        <v>2</v>
      </c>
      <c r="D4051" s="1">
        <v>44262.433333333334</v>
      </c>
      <c r="E4051" s="1">
        <v>44262.71597222222</v>
      </c>
      <c r="F4051">
        <v>25840</v>
      </c>
      <c r="G4051">
        <v>1200</v>
      </c>
      <c r="H4051">
        <v>0</v>
      </c>
      <c r="I4051">
        <v>0</v>
      </c>
      <c r="J4051">
        <v>0</v>
      </c>
      <c r="K4051">
        <v>0</v>
      </c>
      <c r="L4051">
        <v>0</v>
      </c>
      <c r="M4051">
        <v>2704</v>
      </c>
      <c r="N4051">
        <v>0</v>
      </c>
      <c r="O4051">
        <v>0</v>
      </c>
      <c r="P4051">
        <v>23281</v>
      </c>
      <c r="Q4051">
        <v>0</v>
      </c>
      <c r="R4051">
        <v>53025</v>
      </c>
      <c r="S4051">
        <v>0</v>
      </c>
      <c r="T4051">
        <v>0</v>
      </c>
      <c r="U4051">
        <v>0</v>
      </c>
      <c r="V4051">
        <v>1</v>
      </c>
      <c r="W4051">
        <v>2</v>
      </c>
      <c r="X4051">
        <v>0</v>
      </c>
      <c r="Y4051">
        <v>62</v>
      </c>
      <c r="Z4051">
        <v>21</v>
      </c>
      <c r="AA4051">
        <v>66</v>
      </c>
      <c r="AB4051">
        <v>3</v>
      </c>
      <c r="AC4051">
        <v>91</v>
      </c>
      <c r="AD4051">
        <v>66</v>
      </c>
      <c r="AE4051">
        <v>115</v>
      </c>
      <c r="AF4051">
        <v>2420</v>
      </c>
      <c r="AG4051">
        <v>103025</v>
      </c>
      <c r="AH4051">
        <v>50000</v>
      </c>
      <c r="AI4051">
        <v>0</v>
      </c>
      <c r="AJ4051">
        <v>107</v>
      </c>
      <c r="AK4051" t="s">
        <v>40</v>
      </c>
      <c r="AL4051">
        <v>0</v>
      </c>
      <c r="AM4051">
        <v>0</v>
      </c>
      <c r="AN4051">
        <v>0</v>
      </c>
      <c r="AO4051">
        <v>0</v>
      </c>
      <c r="AP4051">
        <v>0</v>
      </c>
      <c r="AQ4051">
        <v>0</v>
      </c>
      <c r="AR4051">
        <v>0</v>
      </c>
      <c r="AS4051">
        <v>0</v>
      </c>
      <c r="AT4051">
        <v>0</v>
      </c>
      <c r="AU4051">
        <v>0</v>
      </c>
      <c r="AV4051">
        <v>0</v>
      </c>
      <c r="AW4051">
        <v>0</v>
      </c>
      <c r="AX4051">
        <v>-1309</v>
      </c>
      <c r="AY4051">
        <v>39</v>
      </c>
      <c r="AZ4051">
        <v>87</v>
      </c>
      <c r="BA4051">
        <v>5228</v>
      </c>
    </row>
    <row r="4052" spans="1:53" x14ac:dyDescent="0.4">
      <c r="A4052">
        <v>4096</v>
      </c>
      <c r="B4052" s="1">
        <v>44263</v>
      </c>
      <c r="C4052">
        <v>1</v>
      </c>
      <c r="D4052" s="1">
        <v>44263.291666666664</v>
      </c>
      <c r="E4052" s="1">
        <v>44263.417361111111</v>
      </c>
      <c r="F4052">
        <v>0</v>
      </c>
      <c r="G4052">
        <v>0</v>
      </c>
      <c r="H4052">
        <v>0</v>
      </c>
      <c r="I4052">
        <v>0</v>
      </c>
      <c r="J4052">
        <v>0</v>
      </c>
      <c r="K4052">
        <v>0</v>
      </c>
      <c r="L4052">
        <v>0</v>
      </c>
      <c r="M4052">
        <v>0</v>
      </c>
      <c r="N4052">
        <v>0</v>
      </c>
      <c r="O4052">
        <v>0</v>
      </c>
      <c r="P4052">
        <v>0</v>
      </c>
      <c r="Q4052">
        <v>0</v>
      </c>
      <c r="R4052">
        <v>0</v>
      </c>
      <c r="S4052">
        <v>0</v>
      </c>
      <c r="T4052">
        <v>0</v>
      </c>
      <c r="U4052">
        <v>0</v>
      </c>
      <c r="V4052">
        <v>0</v>
      </c>
      <c r="W4052">
        <v>0</v>
      </c>
      <c r="X4052">
        <v>0</v>
      </c>
      <c r="Y4052">
        <v>36</v>
      </c>
      <c r="Z4052">
        <v>10</v>
      </c>
      <c r="AA4052">
        <v>74</v>
      </c>
      <c r="AB4052">
        <v>6</v>
      </c>
      <c r="AC4052">
        <v>90</v>
      </c>
      <c r="AD4052">
        <v>58</v>
      </c>
      <c r="AE4052">
        <v>110</v>
      </c>
      <c r="AF4052">
        <v>0</v>
      </c>
      <c r="AG4052">
        <v>50000</v>
      </c>
      <c r="AH4052">
        <v>50000</v>
      </c>
      <c r="AI4052">
        <v>0</v>
      </c>
      <c r="AJ4052">
        <v>0</v>
      </c>
      <c r="AK4052" t="s">
        <v>6</v>
      </c>
      <c r="AL4052">
        <v>0</v>
      </c>
      <c r="AM4052">
        <v>0</v>
      </c>
      <c r="AN4052">
        <v>0</v>
      </c>
      <c r="AO4052">
        <v>0</v>
      </c>
      <c r="AP4052">
        <v>0</v>
      </c>
      <c r="AQ4052">
        <v>0</v>
      </c>
      <c r="AR4052">
        <v>0</v>
      </c>
      <c r="AS4052">
        <v>0</v>
      </c>
      <c r="AT4052">
        <v>0</v>
      </c>
      <c r="AU4052">
        <v>0</v>
      </c>
      <c r="AV4052">
        <v>0</v>
      </c>
      <c r="AW4052">
        <v>0</v>
      </c>
      <c r="AX4052">
        <v>0</v>
      </c>
      <c r="AY4052">
        <v>0</v>
      </c>
      <c r="AZ4052">
        <v>0</v>
      </c>
      <c r="BA4052">
        <v>0</v>
      </c>
    </row>
    <row r="4053" spans="1:53" x14ac:dyDescent="0.4">
      <c r="A4053">
        <v>4097</v>
      </c>
      <c r="B4053" s="1">
        <v>44263</v>
      </c>
      <c r="C4053">
        <v>2</v>
      </c>
      <c r="D4053" s="1">
        <v>44263.417361111111</v>
      </c>
      <c r="E4053" s="1">
        <v>44263.803472222222</v>
      </c>
      <c r="F4053">
        <v>44620</v>
      </c>
      <c r="G4053">
        <v>2680</v>
      </c>
      <c r="H4053">
        <v>0</v>
      </c>
      <c r="I4053">
        <v>0</v>
      </c>
      <c r="J4053">
        <v>0</v>
      </c>
      <c r="K4053">
        <v>0</v>
      </c>
      <c r="L4053">
        <v>0</v>
      </c>
      <c r="M4053">
        <v>4730</v>
      </c>
      <c r="N4053">
        <v>0</v>
      </c>
      <c r="O4053">
        <v>0</v>
      </c>
      <c r="P4053">
        <v>9812</v>
      </c>
      <c r="Q4053">
        <v>0</v>
      </c>
      <c r="R4053">
        <v>61842</v>
      </c>
      <c r="S4053">
        <v>0</v>
      </c>
      <c r="T4053">
        <v>0</v>
      </c>
      <c r="U4053">
        <v>0</v>
      </c>
      <c r="V4053">
        <v>3</v>
      </c>
      <c r="W4053">
        <v>3</v>
      </c>
      <c r="X4053">
        <v>0</v>
      </c>
      <c r="Y4053">
        <v>45</v>
      </c>
      <c r="Z4053">
        <v>28</v>
      </c>
      <c r="AA4053">
        <v>62</v>
      </c>
      <c r="AB4053">
        <v>3</v>
      </c>
      <c r="AC4053">
        <v>107</v>
      </c>
      <c r="AD4053">
        <v>52</v>
      </c>
      <c r="AE4053">
        <v>162</v>
      </c>
      <c r="AF4053">
        <v>0</v>
      </c>
      <c r="AG4053">
        <v>111842</v>
      </c>
      <c r="AH4053">
        <v>50000</v>
      </c>
      <c r="AI4053">
        <v>0</v>
      </c>
      <c r="AJ4053">
        <v>85</v>
      </c>
      <c r="AK4053" t="s">
        <v>7</v>
      </c>
      <c r="AL4053">
        <v>0</v>
      </c>
      <c r="AM4053">
        <v>0</v>
      </c>
      <c r="AN4053">
        <v>0</v>
      </c>
      <c r="AO4053">
        <v>0</v>
      </c>
      <c r="AP4053">
        <v>0</v>
      </c>
      <c r="AQ4053">
        <v>0</v>
      </c>
      <c r="AR4053">
        <v>0</v>
      </c>
      <c r="AS4053">
        <v>0</v>
      </c>
      <c r="AT4053">
        <v>0</v>
      </c>
      <c r="AU4053">
        <v>0</v>
      </c>
      <c r="AV4053">
        <v>0</v>
      </c>
      <c r="AW4053">
        <v>0</v>
      </c>
      <c r="AX4053">
        <v>0</v>
      </c>
      <c r="AY4053">
        <v>41</v>
      </c>
      <c r="AZ4053">
        <v>88</v>
      </c>
      <c r="BA4053">
        <v>8201</v>
      </c>
    </row>
    <row r="4054" spans="1:53" x14ac:dyDescent="0.4">
      <c r="A4054">
        <v>4098</v>
      </c>
      <c r="B4054" s="1">
        <v>44264</v>
      </c>
      <c r="C4054">
        <v>1</v>
      </c>
      <c r="D4054" s="1">
        <v>44264.291666666664</v>
      </c>
      <c r="E4054" s="1">
        <v>44264.411805555559</v>
      </c>
      <c r="F4054">
        <v>0</v>
      </c>
      <c r="G4054">
        <v>0</v>
      </c>
      <c r="H4054">
        <v>0</v>
      </c>
      <c r="I4054">
        <v>0</v>
      </c>
      <c r="J4054">
        <v>0</v>
      </c>
      <c r="K4054">
        <v>0</v>
      </c>
      <c r="L4054">
        <v>0</v>
      </c>
      <c r="M4054">
        <v>0</v>
      </c>
      <c r="N4054">
        <v>0</v>
      </c>
      <c r="O4054">
        <v>0</v>
      </c>
      <c r="P4054">
        <v>0</v>
      </c>
      <c r="Q4054">
        <v>0</v>
      </c>
      <c r="R4054">
        <v>0</v>
      </c>
      <c r="S4054">
        <v>0</v>
      </c>
      <c r="T4054">
        <v>0</v>
      </c>
      <c r="U4054">
        <v>0</v>
      </c>
      <c r="V4054">
        <v>0</v>
      </c>
      <c r="W4054">
        <v>0</v>
      </c>
      <c r="X4054">
        <v>0</v>
      </c>
      <c r="Y4054">
        <v>37</v>
      </c>
      <c r="Z4054">
        <v>10</v>
      </c>
      <c r="AA4054">
        <v>59</v>
      </c>
      <c r="AB4054">
        <v>5</v>
      </c>
      <c r="AC4054">
        <v>150</v>
      </c>
      <c r="AD4054">
        <v>50</v>
      </c>
      <c r="AE4054">
        <v>100</v>
      </c>
      <c r="AF4054">
        <v>0</v>
      </c>
      <c r="AG4054">
        <v>50000</v>
      </c>
      <c r="AH4054">
        <v>50000</v>
      </c>
      <c r="AI4054">
        <v>0</v>
      </c>
      <c r="AJ4054">
        <v>0</v>
      </c>
      <c r="AK4054" t="s">
        <v>6</v>
      </c>
      <c r="AL4054">
        <v>0</v>
      </c>
      <c r="AM4054">
        <v>0</v>
      </c>
      <c r="AN4054">
        <v>0</v>
      </c>
      <c r="AO4054">
        <v>0</v>
      </c>
      <c r="AP4054">
        <v>0</v>
      </c>
      <c r="AQ4054">
        <v>0</v>
      </c>
      <c r="AR4054">
        <v>0</v>
      </c>
      <c r="AS4054">
        <v>0</v>
      </c>
      <c r="AT4054">
        <v>0</v>
      </c>
      <c r="AU4054">
        <v>0</v>
      </c>
      <c r="AV4054">
        <v>0</v>
      </c>
      <c r="AW4054">
        <v>0</v>
      </c>
      <c r="AX4054">
        <v>0</v>
      </c>
      <c r="AY4054">
        <v>0</v>
      </c>
      <c r="AZ4054">
        <v>0</v>
      </c>
      <c r="BA4054">
        <v>0</v>
      </c>
    </row>
    <row r="4055" spans="1:53" x14ac:dyDescent="0.4">
      <c r="A4055">
        <v>4099</v>
      </c>
      <c r="B4055" s="1">
        <v>44264</v>
      </c>
      <c r="C4055">
        <v>2</v>
      </c>
      <c r="D4055" s="1">
        <v>44264.411805555559</v>
      </c>
      <c r="E4055" s="1">
        <v>44264.786111111112</v>
      </c>
      <c r="F4055">
        <v>37470</v>
      </c>
      <c r="G4055">
        <v>2020</v>
      </c>
      <c r="H4055">
        <v>0</v>
      </c>
      <c r="I4055">
        <v>0</v>
      </c>
      <c r="J4055">
        <v>0</v>
      </c>
      <c r="K4055">
        <v>0</v>
      </c>
      <c r="L4055">
        <v>0</v>
      </c>
      <c r="M4055">
        <v>3949</v>
      </c>
      <c r="N4055">
        <v>0</v>
      </c>
      <c r="O4055">
        <v>0</v>
      </c>
      <c r="P4055">
        <v>16577</v>
      </c>
      <c r="Q4055">
        <v>0</v>
      </c>
      <c r="R4055">
        <v>60016</v>
      </c>
      <c r="S4055">
        <v>0</v>
      </c>
      <c r="T4055">
        <v>0</v>
      </c>
      <c r="U4055">
        <v>0</v>
      </c>
      <c r="V4055">
        <v>1</v>
      </c>
      <c r="W4055">
        <v>1</v>
      </c>
      <c r="X4055">
        <v>0</v>
      </c>
      <c r="Y4055">
        <v>74</v>
      </c>
      <c r="Z4055">
        <v>22</v>
      </c>
      <c r="AA4055">
        <v>58</v>
      </c>
      <c r="AB4055">
        <v>7</v>
      </c>
      <c r="AC4055">
        <v>150</v>
      </c>
      <c r="AD4055">
        <v>55</v>
      </c>
      <c r="AE4055">
        <v>122</v>
      </c>
      <c r="AF4055">
        <v>1969</v>
      </c>
      <c r="AG4055">
        <v>110016</v>
      </c>
      <c r="AH4055">
        <v>50000</v>
      </c>
      <c r="AI4055">
        <v>0</v>
      </c>
      <c r="AJ4055">
        <v>109</v>
      </c>
      <c r="AK4055" t="s">
        <v>29</v>
      </c>
      <c r="AL4055">
        <v>0</v>
      </c>
      <c r="AM4055">
        <v>0</v>
      </c>
      <c r="AN4055">
        <v>0</v>
      </c>
      <c r="AO4055">
        <v>0</v>
      </c>
      <c r="AP4055">
        <v>0</v>
      </c>
      <c r="AQ4055">
        <v>0</v>
      </c>
      <c r="AR4055">
        <v>0</v>
      </c>
      <c r="AS4055">
        <v>0</v>
      </c>
      <c r="AT4055">
        <v>0</v>
      </c>
      <c r="AU4055">
        <v>0</v>
      </c>
      <c r="AV4055">
        <v>0</v>
      </c>
      <c r="AW4055">
        <v>0</v>
      </c>
      <c r="AX4055">
        <v>-1056</v>
      </c>
      <c r="AY4055">
        <v>41</v>
      </c>
      <c r="AZ4055">
        <v>90</v>
      </c>
      <c r="BA4055">
        <v>6791</v>
      </c>
    </row>
    <row r="4056" spans="1:53" x14ac:dyDescent="0.4">
      <c r="A4056">
        <v>4100</v>
      </c>
      <c r="B4056" s="1">
        <v>44265</v>
      </c>
      <c r="C4056">
        <v>1</v>
      </c>
      <c r="D4056" s="1">
        <v>44265.291666666664</v>
      </c>
      <c r="E4056" s="1">
        <v>44265.429861111108</v>
      </c>
      <c r="F4056">
        <v>0</v>
      </c>
      <c r="G4056">
        <v>0</v>
      </c>
      <c r="H4056">
        <v>0</v>
      </c>
      <c r="I4056">
        <v>0</v>
      </c>
      <c r="J4056">
        <v>0</v>
      </c>
      <c r="K4056">
        <v>0</v>
      </c>
      <c r="L4056">
        <v>0</v>
      </c>
      <c r="M4056">
        <v>0</v>
      </c>
      <c r="N4056">
        <v>0</v>
      </c>
      <c r="O4056">
        <v>0</v>
      </c>
      <c r="P4056">
        <v>0</v>
      </c>
      <c r="Q4056">
        <v>0</v>
      </c>
      <c r="R4056">
        <v>0</v>
      </c>
      <c r="S4056">
        <v>0</v>
      </c>
      <c r="T4056">
        <v>0</v>
      </c>
      <c r="U4056">
        <v>0</v>
      </c>
      <c r="V4056">
        <v>0</v>
      </c>
      <c r="W4056">
        <v>0</v>
      </c>
      <c r="X4056">
        <v>0</v>
      </c>
      <c r="Y4056">
        <v>30</v>
      </c>
      <c r="Z4056">
        <v>9</v>
      </c>
      <c r="AA4056">
        <v>106</v>
      </c>
      <c r="AB4056">
        <v>60</v>
      </c>
      <c r="AC4056">
        <v>149</v>
      </c>
      <c r="AD4056">
        <v>57</v>
      </c>
      <c r="AE4056">
        <v>125</v>
      </c>
      <c r="AF4056">
        <v>0</v>
      </c>
      <c r="AG4056">
        <v>50000</v>
      </c>
      <c r="AH4056">
        <v>50000</v>
      </c>
      <c r="AI4056">
        <v>0</v>
      </c>
      <c r="AJ4056">
        <v>0</v>
      </c>
      <c r="AK4056" t="s">
        <v>6</v>
      </c>
      <c r="AL4056">
        <v>0</v>
      </c>
      <c r="AM4056">
        <v>0</v>
      </c>
      <c r="AN4056">
        <v>0</v>
      </c>
      <c r="AO4056">
        <v>0</v>
      </c>
      <c r="AP4056">
        <v>0</v>
      </c>
      <c r="AQ4056">
        <v>0</v>
      </c>
      <c r="AR4056">
        <v>0</v>
      </c>
      <c r="AS4056">
        <v>0</v>
      </c>
      <c r="AT4056">
        <v>0</v>
      </c>
      <c r="AU4056">
        <v>0</v>
      </c>
      <c r="AV4056">
        <v>0</v>
      </c>
      <c r="AW4056">
        <v>0</v>
      </c>
      <c r="AX4056">
        <v>0</v>
      </c>
      <c r="AY4056">
        <v>0</v>
      </c>
      <c r="AZ4056">
        <v>0</v>
      </c>
      <c r="BA4056">
        <v>0</v>
      </c>
    </row>
    <row r="4057" spans="1:53" x14ac:dyDescent="0.4">
      <c r="A4057">
        <v>4101</v>
      </c>
      <c r="B4057" s="1">
        <v>44265</v>
      </c>
      <c r="C4057">
        <v>2</v>
      </c>
      <c r="D4057" s="1">
        <v>44265.429861111108</v>
      </c>
      <c r="E4057" s="1">
        <v>44265.761111111111</v>
      </c>
      <c r="F4057">
        <v>34270</v>
      </c>
      <c r="G4057">
        <v>820</v>
      </c>
      <c r="H4057">
        <v>0</v>
      </c>
      <c r="I4057">
        <v>0</v>
      </c>
      <c r="J4057">
        <v>100</v>
      </c>
      <c r="K4057">
        <v>0</v>
      </c>
      <c r="L4057">
        <v>0</v>
      </c>
      <c r="M4057">
        <v>3499</v>
      </c>
      <c r="N4057">
        <v>0</v>
      </c>
      <c r="O4057">
        <v>0</v>
      </c>
      <c r="P4057">
        <v>20026</v>
      </c>
      <c r="Q4057">
        <v>0</v>
      </c>
      <c r="R4057">
        <v>58515</v>
      </c>
      <c r="S4057">
        <v>0</v>
      </c>
      <c r="T4057">
        <v>0</v>
      </c>
      <c r="U4057">
        <v>0</v>
      </c>
      <c r="V4057">
        <v>2</v>
      </c>
      <c r="W4057">
        <v>3</v>
      </c>
      <c r="X4057">
        <v>0</v>
      </c>
      <c r="Y4057">
        <v>45</v>
      </c>
      <c r="Z4057">
        <v>21</v>
      </c>
      <c r="AA4057">
        <v>131</v>
      </c>
      <c r="AB4057">
        <v>59</v>
      </c>
      <c r="AC4057">
        <v>146</v>
      </c>
      <c r="AD4057">
        <v>52</v>
      </c>
      <c r="AE4057">
        <v>96</v>
      </c>
      <c r="AF4057">
        <v>149</v>
      </c>
      <c r="AG4057">
        <v>108515</v>
      </c>
      <c r="AH4057">
        <v>50000</v>
      </c>
      <c r="AI4057">
        <v>0</v>
      </c>
      <c r="AJ4057">
        <v>85</v>
      </c>
      <c r="AK4057" t="s">
        <v>7</v>
      </c>
      <c r="AL4057">
        <v>0</v>
      </c>
      <c r="AM4057">
        <v>0</v>
      </c>
      <c r="AN4057">
        <v>0</v>
      </c>
      <c r="AO4057">
        <v>0</v>
      </c>
      <c r="AP4057">
        <v>0</v>
      </c>
      <c r="AQ4057">
        <v>0</v>
      </c>
      <c r="AR4057">
        <v>0</v>
      </c>
      <c r="AS4057">
        <v>0</v>
      </c>
      <c r="AT4057">
        <v>0</v>
      </c>
      <c r="AU4057">
        <v>0</v>
      </c>
      <c r="AV4057">
        <v>0</v>
      </c>
      <c r="AW4057">
        <v>0</v>
      </c>
      <c r="AX4057">
        <v>-176</v>
      </c>
      <c r="AY4057">
        <v>41</v>
      </c>
      <c r="AZ4057">
        <v>91</v>
      </c>
      <c r="BA4057">
        <v>6884</v>
      </c>
    </row>
    <row r="4058" spans="1:53" x14ac:dyDescent="0.4">
      <c r="A4058">
        <v>4102</v>
      </c>
      <c r="B4058" s="1">
        <v>44266</v>
      </c>
      <c r="C4058">
        <v>1</v>
      </c>
      <c r="D4058" s="1">
        <v>44266.291666666664</v>
      </c>
      <c r="E4058" s="1">
        <v>44266.445138888892</v>
      </c>
      <c r="F4058">
        <v>0</v>
      </c>
      <c r="G4058">
        <v>0</v>
      </c>
      <c r="H4058">
        <v>0</v>
      </c>
      <c r="I4058">
        <v>0</v>
      </c>
      <c r="J4058">
        <v>0</v>
      </c>
      <c r="K4058">
        <v>0</v>
      </c>
      <c r="L4058">
        <v>0</v>
      </c>
      <c r="M4058">
        <v>0</v>
      </c>
      <c r="N4058">
        <v>0</v>
      </c>
      <c r="O4058">
        <v>0</v>
      </c>
      <c r="P4058">
        <v>0</v>
      </c>
      <c r="Q4058">
        <v>0</v>
      </c>
      <c r="R4058">
        <v>0</v>
      </c>
      <c r="S4058">
        <v>0</v>
      </c>
      <c r="T4058">
        <v>0</v>
      </c>
      <c r="U4058">
        <v>0</v>
      </c>
      <c r="V4058">
        <v>0</v>
      </c>
      <c r="W4058">
        <v>0</v>
      </c>
      <c r="X4058">
        <v>0</v>
      </c>
      <c r="Y4058">
        <v>27</v>
      </c>
      <c r="Z4058">
        <v>10</v>
      </c>
      <c r="AA4058">
        <v>133</v>
      </c>
      <c r="AB4058">
        <v>58</v>
      </c>
      <c r="AC4058">
        <v>145</v>
      </c>
      <c r="AD4058">
        <v>50</v>
      </c>
      <c r="AE4058">
        <v>100</v>
      </c>
      <c r="AF4058">
        <v>0</v>
      </c>
      <c r="AG4058">
        <v>50000</v>
      </c>
      <c r="AH4058">
        <v>50000</v>
      </c>
      <c r="AI4058">
        <v>0</v>
      </c>
      <c r="AJ4058">
        <v>0</v>
      </c>
      <c r="AK4058" t="s">
        <v>6</v>
      </c>
      <c r="AL4058">
        <v>0</v>
      </c>
      <c r="AM4058">
        <v>0</v>
      </c>
      <c r="AN4058">
        <v>0</v>
      </c>
      <c r="AO4058">
        <v>0</v>
      </c>
      <c r="AP4058">
        <v>0</v>
      </c>
      <c r="AQ4058">
        <v>0</v>
      </c>
      <c r="AR4058">
        <v>0</v>
      </c>
      <c r="AS4058">
        <v>0</v>
      </c>
      <c r="AT4058">
        <v>0</v>
      </c>
      <c r="AU4058">
        <v>0</v>
      </c>
      <c r="AV4058">
        <v>0</v>
      </c>
      <c r="AW4058">
        <v>0</v>
      </c>
      <c r="AX4058">
        <v>0</v>
      </c>
      <c r="AY4058">
        <v>0</v>
      </c>
      <c r="AZ4058">
        <v>0</v>
      </c>
      <c r="BA4058">
        <v>0</v>
      </c>
    </row>
    <row r="4059" spans="1:53" x14ac:dyDescent="0.4">
      <c r="A4059">
        <v>4103</v>
      </c>
      <c r="B4059" s="1">
        <v>44266</v>
      </c>
      <c r="C4059">
        <v>2</v>
      </c>
      <c r="D4059" s="1">
        <v>44266.445138888892</v>
      </c>
      <c r="E4059" s="1">
        <v>44266.749305555553</v>
      </c>
      <c r="F4059">
        <v>28320</v>
      </c>
      <c r="G4059">
        <v>0</v>
      </c>
      <c r="H4059">
        <v>0</v>
      </c>
      <c r="I4059">
        <v>0</v>
      </c>
      <c r="J4059">
        <v>0</v>
      </c>
      <c r="K4059">
        <v>0</v>
      </c>
      <c r="L4059">
        <v>0</v>
      </c>
      <c r="M4059">
        <v>2832</v>
      </c>
      <c r="N4059">
        <v>0</v>
      </c>
      <c r="O4059">
        <v>0</v>
      </c>
      <c r="P4059">
        <v>19701</v>
      </c>
      <c r="Q4059">
        <v>0</v>
      </c>
      <c r="R4059">
        <v>50853</v>
      </c>
      <c r="S4059">
        <v>0</v>
      </c>
      <c r="T4059">
        <v>0</v>
      </c>
      <c r="U4059">
        <v>0</v>
      </c>
      <c r="V4059">
        <v>3</v>
      </c>
      <c r="W4059">
        <v>3</v>
      </c>
      <c r="X4059">
        <v>0</v>
      </c>
      <c r="Y4059">
        <v>33</v>
      </c>
      <c r="Z4059">
        <v>18</v>
      </c>
      <c r="AA4059">
        <v>86</v>
      </c>
      <c r="AB4059">
        <v>58</v>
      </c>
      <c r="AC4059">
        <v>128</v>
      </c>
      <c r="AD4059">
        <v>56</v>
      </c>
      <c r="AE4059">
        <v>100</v>
      </c>
      <c r="AF4059">
        <v>693</v>
      </c>
      <c r="AG4059">
        <v>100853</v>
      </c>
      <c r="AH4059">
        <v>50000</v>
      </c>
      <c r="AI4059">
        <v>0</v>
      </c>
      <c r="AJ4059">
        <v>107</v>
      </c>
      <c r="AK4059" t="s">
        <v>40</v>
      </c>
      <c r="AL4059">
        <v>0</v>
      </c>
      <c r="AM4059">
        <v>0</v>
      </c>
      <c r="AN4059">
        <v>0</v>
      </c>
      <c r="AO4059">
        <v>0</v>
      </c>
      <c r="AP4059">
        <v>0</v>
      </c>
      <c r="AQ4059">
        <v>0</v>
      </c>
      <c r="AR4059">
        <v>0</v>
      </c>
      <c r="AS4059">
        <v>0</v>
      </c>
      <c r="AT4059">
        <v>0</v>
      </c>
      <c r="AU4059">
        <v>0</v>
      </c>
      <c r="AV4059">
        <v>0</v>
      </c>
      <c r="AW4059">
        <v>0</v>
      </c>
      <c r="AX4059">
        <v>0</v>
      </c>
      <c r="AY4059">
        <v>38</v>
      </c>
      <c r="AZ4059">
        <v>80</v>
      </c>
      <c r="BA4059">
        <v>6009</v>
      </c>
    </row>
    <row r="4060" spans="1:53" x14ac:dyDescent="0.4">
      <c r="A4060">
        <v>4104</v>
      </c>
      <c r="B4060" s="1">
        <v>44267</v>
      </c>
      <c r="C4060">
        <v>1</v>
      </c>
      <c r="D4060" s="1">
        <v>44267.291666666664</v>
      </c>
      <c r="E4060" s="1">
        <v>44267.439583333333</v>
      </c>
      <c r="F4060">
        <v>0</v>
      </c>
      <c r="G4060">
        <v>0</v>
      </c>
      <c r="H4060">
        <v>0</v>
      </c>
      <c r="I4060">
        <v>0</v>
      </c>
      <c r="J4060">
        <v>0</v>
      </c>
      <c r="K4060">
        <v>0</v>
      </c>
      <c r="L4060">
        <v>0</v>
      </c>
      <c r="M4060">
        <v>0</v>
      </c>
      <c r="N4060">
        <v>0</v>
      </c>
      <c r="O4060">
        <v>0</v>
      </c>
      <c r="P4060">
        <v>0</v>
      </c>
      <c r="Q4060">
        <v>0</v>
      </c>
      <c r="R4060">
        <v>0</v>
      </c>
      <c r="S4060">
        <v>0</v>
      </c>
      <c r="T4060">
        <v>0</v>
      </c>
      <c r="U4060">
        <v>0</v>
      </c>
      <c r="V4060">
        <v>0</v>
      </c>
      <c r="W4060">
        <v>0</v>
      </c>
      <c r="X4060">
        <v>0</v>
      </c>
      <c r="Y4060">
        <v>32</v>
      </c>
      <c r="Z4060">
        <v>9</v>
      </c>
      <c r="AA4060">
        <v>90</v>
      </c>
      <c r="AB4060">
        <v>56</v>
      </c>
      <c r="AC4060">
        <v>131</v>
      </c>
      <c r="AD4060">
        <v>58</v>
      </c>
      <c r="AE4060">
        <v>100</v>
      </c>
      <c r="AF4060">
        <v>0</v>
      </c>
      <c r="AG4060">
        <v>50000</v>
      </c>
      <c r="AH4060">
        <v>50000</v>
      </c>
      <c r="AI4060">
        <v>0</v>
      </c>
      <c r="AJ4060">
        <v>0</v>
      </c>
      <c r="AK4060" t="s">
        <v>6</v>
      </c>
      <c r="AL4060">
        <v>0</v>
      </c>
      <c r="AM4060">
        <v>0</v>
      </c>
      <c r="AN4060">
        <v>0</v>
      </c>
      <c r="AO4060">
        <v>0</v>
      </c>
      <c r="AP4060">
        <v>0</v>
      </c>
      <c r="AQ4060">
        <v>0</v>
      </c>
      <c r="AR4060">
        <v>0</v>
      </c>
      <c r="AS4060">
        <v>0</v>
      </c>
      <c r="AT4060">
        <v>0</v>
      </c>
      <c r="AU4060">
        <v>0</v>
      </c>
      <c r="AV4060">
        <v>0</v>
      </c>
      <c r="AW4060">
        <v>0</v>
      </c>
      <c r="AX4060">
        <v>0</v>
      </c>
      <c r="AY4060">
        <v>0</v>
      </c>
      <c r="AZ4060">
        <v>0</v>
      </c>
      <c r="BA4060">
        <v>0</v>
      </c>
    </row>
    <row r="4061" spans="1:53" x14ac:dyDescent="0.4">
      <c r="A4061">
        <v>4105</v>
      </c>
      <c r="B4061" s="1">
        <v>44267</v>
      </c>
      <c r="C4061">
        <v>2</v>
      </c>
      <c r="D4061" s="1">
        <v>44267.439583333333</v>
      </c>
      <c r="E4061" s="1">
        <v>44267.744444444441</v>
      </c>
      <c r="F4061">
        <v>26020</v>
      </c>
      <c r="G4061">
        <v>940</v>
      </c>
      <c r="H4061">
        <v>0</v>
      </c>
      <c r="I4061">
        <v>0</v>
      </c>
      <c r="J4061">
        <v>0</v>
      </c>
      <c r="K4061">
        <v>0</v>
      </c>
      <c r="L4061">
        <v>0</v>
      </c>
      <c r="M4061">
        <v>2696</v>
      </c>
      <c r="N4061">
        <v>0</v>
      </c>
      <c r="O4061">
        <v>0</v>
      </c>
      <c r="P4061">
        <v>17490</v>
      </c>
      <c r="Q4061">
        <v>0</v>
      </c>
      <c r="R4061">
        <v>47146</v>
      </c>
      <c r="S4061">
        <v>0</v>
      </c>
      <c r="T4061">
        <v>0</v>
      </c>
      <c r="U4061">
        <v>0</v>
      </c>
      <c r="V4061">
        <v>0</v>
      </c>
      <c r="W4061">
        <v>2</v>
      </c>
      <c r="X4061">
        <v>0</v>
      </c>
      <c r="Y4061">
        <v>65</v>
      </c>
      <c r="Z4061">
        <v>21</v>
      </c>
      <c r="AA4061">
        <v>67</v>
      </c>
      <c r="AB4061">
        <v>45</v>
      </c>
      <c r="AC4061">
        <v>156</v>
      </c>
      <c r="AD4061">
        <v>62</v>
      </c>
      <c r="AE4061">
        <v>133</v>
      </c>
      <c r="AF4061">
        <v>693</v>
      </c>
      <c r="AG4061">
        <v>97146</v>
      </c>
      <c r="AH4061">
        <v>50000</v>
      </c>
      <c r="AI4061">
        <v>0</v>
      </c>
      <c r="AJ4061">
        <v>84</v>
      </c>
      <c r="AK4061" t="s">
        <v>16</v>
      </c>
      <c r="AL4061">
        <v>0</v>
      </c>
      <c r="AM4061">
        <v>0</v>
      </c>
      <c r="AN4061">
        <v>0</v>
      </c>
      <c r="AO4061">
        <v>0</v>
      </c>
      <c r="AP4061">
        <v>0</v>
      </c>
      <c r="AQ4061">
        <v>0</v>
      </c>
      <c r="AR4061">
        <v>0</v>
      </c>
      <c r="AS4061">
        <v>0</v>
      </c>
      <c r="AT4061">
        <v>0</v>
      </c>
      <c r="AU4061">
        <v>0</v>
      </c>
      <c r="AV4061">
        <v>0</v>
      </c>
      <c r="AW4061">
        <v>0</v>
      </c>
      <c r="AX4061">
        <v>-693</v>
      </c>
      <c r="AY4061">
        <v>37</v>
      </c>
      <c r="AZ4061">
        <v>72</v>
      </c>
      <c r="BA4061">
        <v>6095</v>
      </c>
    </row>
    <row r="4062" spans="1:53" x14ac:dyDescent="0.4">
      <c r="A4062">
        <v>4106</v>
      </c>
      <c r="B4062" s="1">
        <v>44267</v>
      </c>
      <c r="C4062">
        <v>3</v>
      </c>
      <c r="D4062" s="1">
        <v>44267.744444444441</v>
      </c>
      <c r="E4062" s="1">
        <v>44267.954861111109</v>
      </c>
      <c r="F4062">
        <v>30940</v>
      </c>
      <c r="G4062">
        <v>820</v>
      </c>
      <c r="H4062">
        <v>0</v>
      </c>
      <c r="I4062">
        <v>0</v>
      </c>
      <c r="J4062">
        <v>699</v>
      </c>
      <c r="K4062">
        <v>0</v>
      </c>
      <c r="L4062">
        <v>0</v>
      </c>
      <c r="M4062">
        <v>3107</v>
      </c>
      <c r="N4062">
        <v>0</v>
      </c>
      <c r="O4062">
        <v>0</v>
      </c>
      <c r="P4062">
        <v>-17490</v>
      </c>
      <c r="Q4062">
        <v>0</v>
      </c>
      <c r="R4062">
        <v>16678</v>
      </c>
      <c r="S4062">
        <v>0</v>
      </c>
      <c r="T4062">
        <v>0</v>
      </c>
      <c r="U4062">
        <v>0</v>
      </c>
      <c r="V4062">
        <v>2</v>
      </c>
      <c r="W4062">
        <v>0</v>
      </c>
      <c r="X4062">
        <v>0</v>
      </c>
      <c r="Y4062">
        <v>72</v>
      </c>
      <c r="Z4062">
        <v>18</v>
      </c>
      <c r="AA4062">
        <v>77</v>
      </c>
      <c r="AB4062">
        <v>48</v>
      </c>
      <c r="AC4062">
        <v>159</v>
      </c>
      <c r="AD4062">
        <v>62</v>
      </c>
      <c r="AE4062">
        <v>131</v>
      </c>
      <c r="AF4062">
        <v>693</v>
      </c>
      <c r="AG4062">
        <v>113824</v>
      </c>
      <c r="AH4062">
        <v>50000</v>
      </c>
      <c r="AI4062">
        <v>0</v>
      </c>
      <c r="AJ4062">
        <v>84</v>
      </c>
      <c r="AK4062" t="s">
        <v>16</v>
      </c>
      <c r="AL4062">
        <v>0</v>
      </c>
      <c r="AM4062">
        <v>0</v>
      </c>
      <c r="AN4062">
        <v>0</v>
      </c>
      <c r="AO4062">
        <v>0</v>
      </c>
      <c r="AP4062">
        <v>0</v>
      </c>
      <c r="AQ4062">
        <v>0</v>
      </c>
      <c r="AR4062">
        <v>0</v>
      </c>
      <c r="AS4062">
        <v>0</v>
      </c>
      <c r="AT4062">
        <v>0</v>
      </c>
      <c r="AU4062">
        <v>0</v>
      </c>
      <c r="AV4062">
        <v>0</v>
      </c>
      <c r="AW4062">
        <v>0</v>
      </c>
      <c r="AX4062">
        <v>31146</v>
      </c>
      <c r="AY4062">
        <v>15</v>
      </c>
      <c r="AZ4062">
        <v>44</v>
      </c>
      <c r="BA4062">
        <v>2147</v>
      </c>
    </row>
    <row r="4063" spans="1:53" x14ac:dyDescent="0.4">
      <c r="A4063">
        <v>4107</v>
      </c>
      <c r="B4063" s="1">
        <v>44268</v>
      </c>
      <c r="C4063">
        <v>1</v>
      </c>
      <c r="D4063" s="1">
        <v>44268.291666666664</v>
      </c>
      <c r="E4063" s="1">
        <v>44268.415277777778</v>
      </c>
      <c r="F4063">
        <v>0</v>
      </c>
      <c r="G4063">
        <v>0</v>
      </c>
      <c r="H4063">
        <v>0</v>
      </c>
      <c r="I4063">
        <v>0</v>
      </c>
      <c r="J4063">
        <v>0</v>
      </c>
      <c r="K4063">
        <v>0</v>
      </c>
      <c r="L4063">
        <v>0</v>
      </c>
      <c r="M4063">
        <v>0</v>
      </c>
      <c r="N4063">
        <v>0</v>
      </c>
      <c r="O4063">
        <v>0</v>
      </c>
      <c r="P4063">
        <v>0</v>
      </c>
      <c r="Q4063">
        <v>0</v>
      </c>
      <c r="R4063">
        <v>0</v>
      </c>
      <c r="S4063">
        <v>0</v>
      </c>
      <c r="T4063">
        <v>0</v>
      </c>
      <c r="U4063">
        <v>0</v>
      </c>
      <c r="V4063">
        <v>0</v>
      </c>
      <c r="W4063">
        <v>0</v>
      </c>
      <c r="X4063">
        <v>0</v>
      </c>
      <c r="Y4063">
        <v>27</v>
      </c>
      <c r="Z4063">
        <v>10</v>
      </c>
      <c r="AA4063">
        <v>140</v>
      </c>
      <c r="AB4063">
        <v>47</v>
      </c>
      <c r="AC4063">
        <v>124</v>
      </c>
      <c r="AD4063">
        <v>56</v>
      </c>
      <c r="AE4063">
        <v>130</v>
      </c>
      <c r="AF4063">
        <v>0</v>
      </c>
      <c r="AG4063">
        <v>50000</v>
      </c>
      <c r="AH4063">
        <v>50000</v>
      </c>
      <c r="AI4063">
        <v>0</v>
      </c>
      <c r="AJ4063">
        <v>0</v>
      </c>
      <c r="AK4063" t="s">
        <v>6</v>
      </c>
      <c r="AL4063">
        <v>0</v>
      </c>
      <c r="AM4063">
        <v>0</v>
      </c>
      <c r="AN4063">
        <v>0</v>
      </c>
      <c r="AO4063">
        <v>0</v>
      </c>
      <c r="AP4063">
        <v>0</v>
      </c>
      <c r="AQ4063">
        <v>0</v>
      </c>
      <c r="AR4063">
        <v>0</v>
      </c>
      <c r="AS4063">
        <v>0</v>
      </c>
      <c r="AT4063">
        <v>0</v>
      </c>
      <c r="AU4063">
        <v>0</v>
      </c>
      <c r="AV4063">
        <v>0</v>
      </c>
      <c r="AW4063">
        <v>0</v>
      </c>
      <c r="AX4063">
        <v>0</v>
      </c>
      <c r="AY4063">
        <v>0</v>
      </c>
      <c r="AZ4063">
        <v>0</v>
      </c>
      <c r="BA4063">
        <v>0</v>
      </c>
    </row>
    <row r="4064" spans="1:53" x14ac:dyDescent="0.4">
      <c r="A4064">
        <v>4108</v>
      </c>
      <c r="B4064" s="1">
        <v>44268</v>
      </c>
      <c r="C4064">
        <v>2</v>
      </c>
      <c r="D4064" s="1">
        <v>44268.415277777778</v>
      </c>
      <c r="E4064" s="1">
        <v>44268.743750000001</v>
      </c>
      <c r="F4064">
        <v>39320</v>
      </c>
      <c r="G4064">
        <v>2600</v>
      </c>
      <c r="H4064">
        <v>0</v>
      </c>
      <c r="I4064">
        <v>0</v>
      </c>
      <c r="J4064">
        <v>0</v>
      </c>
      <c r="K4064">
        <v>1920</v>
      </c>
      <c r="L4064">
        <v>0</v>
      </c>
      <c r="M4064">
        <v>4384</v>
      </c>
      <c r="N4064">
        <v>0</v>
      </c>
      <c r="O4064">
        <v>0</v>
      </c>
      <c r="P4064">
        <v>12232</v>
      </c>
      <c r="Q4064">
        <v>0</v>
      </c>
      <c r="R4064">
        <v>60456</v>
      </c>
      <c r="S4064">
        <v>0</v>
      </c>
      <c r="T4064">
        <v>0</v>
      </c>
      <c r="U4064">
        <v>0</v>
      </c>
      <c r="V4064">
        <v>3</v>
      </c>
      <c r="W4064">
        <v>0</v>
      </c>
      <c r="X4064">
        <v>0</v>
      </c>
      <c r="Y4064">
        <v>43</v>
      </c>
      <c r="Z4064">
        <v>42</v>
      </c>
      <c r="AA4064">
        <v>120</v>
      </c>
      <c r="AB4064">
        <v>53</v>
      </c>
      <c r="AC4064">
        <v>130</v>
      </c>
      <c r="AD4064">
        <v>65</v>
      </c>
      <c r="AE4064">
        <v>181</v>
      </c>
      <c r="AF4064">
        <v>0</v>
      </c>
      <c r="AG4064">
        <v>110456</v>
      </c>
      <c r="AH4064">
        <v>50000</v>
      </c>
      <c r="AI4064">
        <v>0</v>
      </c>
      <c r="AJ4064">
        <v>84</v>
      </c>
      <c r="AK4064" t="s">
        <v>16</v>
      </c>
      <c r="AL4064">
        <v>0</v>
      </c>
      <c r="AM4064">
        <v>0</v>
      </c>
      <c r="AN4064">
        <v>0</v>
      </c>
      <c r="AO4064">
        <v>0</v>
      </c>
      <c r="AP4064">
        <v>0</v>
      </c>
      <c r="AQ4064">
        <v>0</v>
      </c>
      <c r="AR4064">
        <v>0</v>
      </c>
      <c r="AS4064">
        <v>0</v>
      </c>
      <c r="AT4064">
        <v>0</v>
      </c>
      <c r="AU4064">
        <v>0</v>
      </c>
      <c r="AV4064">
        <v>0</v>
      </c>
      <c r="AW4064">
        <v>0</v>
      </c>
      <c r="AX4064">
        <v>1914</v>
      </c>
      <c r="AY4064">
        <v>38</v>
      </c>
      <c r="AZ4064">
        <v>89</v>
      </c>
      <c r="BA4064">
        <v>6306</v>
      </c>
    </row>
    <row r="4065" spans="1:53" x14ac:dyDescent="0.4">
      <c r="A4065">
        <v>4109</v>
      </c>
      <c r="B4065" s="1">
        <v>44269</v>
      </c>
      <c r="C4065">
        <v>1</v>
      </c>
      <c r="D4065" s="1">
        <v>44269.291666666664</v>
      </c>
      <c r="E4065" s="1">
        <v>44269.438888888886</v>
      </c>
      <c r="F4065">
        <v>0</v>
      </c>
      <c r="G4065">
        <v>0</v>
      </c>
      <c r="H4065">
        <v>0</v>
      </c>
      <c r="I4065">
        <v>0</v>
      </c>
      <c r="J4065">
        <v>0</v>
      </c>
      <c r="K4065">
        <v>0</v>
      </c>
      <c r="L4065">
        <v>0</v>
      </c>
      <c r="M4065">
        <v>0</v>
      </c>
      <c r="N4065">
        <v>0</v>
      </c>
      <c r="O4065">
        <v>0</v>
      </c>
      <c r="P4065">
        <v>0</v>
      </c>
      <c r="Q4065">
        <v>0</v>
      </c>
      <c r="R4065">
        <v>0</v>
      </c>
      <c r="S4065">
        <v>0</v>
      </c>
      <c r="T4065">
        <v>0</v>
      </c>
      <c r="U4065">
        <v>0</v>
      </c>
      <c r="V4065">
        <v>0</v>
      </c>
      <c r="W4065">
        <v>0</v>
      </c>
      <c r="X4065">
        <v>0</v>
      </c>
      <c r="Y4065">
        <v>29</v>
      </c>
      <c r="Z4065">
        <v>8</v>
      </c>
      <c r="AA4065">
        <v>128</v>
      </c>
      <c r="AB4065">
        <v>49</v>
      </c>
      <c r="AC4065">
        <v>130</v>
      </c>
      <c r="AD4065">
        <v>62</v>
      </c>
      <c r="AE4065">
        <v>130</v>
      </c>
      <c r="AF4065">
        <v>0</v>
      </c>
      <c r="AG4065">
        <v>49990</v>
      </c>
      <c r="AH4065">
        <v>50000</v>
      </c>
      <c r="AI4065">
        <v>-10</v>
      </c>
      <c r="AJ4065">
        <v>0</v>
      </c>
      <c r="AK4065" t="s">
        <v>6</v>
      </c>
      <c r="AL4065">
        <v>0</v>
      </c>
      <c r="AM4065">
        <v>0</v>
      </c>
      <c r="AN4065">
        <v>0</v>
      </c>
      <c r="AO4065">
        <v>0</v>
      </c>
      <c r="AP4065">
        <v>0</v>
      </c>
      <c r="AQ4065">
        <v>0</v>
      </c>
      <c r="AR4065">
        <v>0</v>
      </c>
      <c r="AS4065">
        <v>0</v>
      </c>
      <c r="AT4065">
        <v>0</v>
      </c>
      <c r="AU4065">
        <v>0</v>
      </c>
      <c r="AV4065">
        <v>0</v>
      </c>
      <c r="AW4065">
        <v>0</v>
      </c>
      <c r="AX4065">
        <v>0</v>
      </c>
      <c r="AY4065">
        <v>0</v>
      </c>
      <c r="AZ4065">
        <v>0</v>
      </c>
      <c r="BA4065">
        <v>0</v>
      </c>
    </row>
    <row r="4066" spans="1:53" x14ac:dyDescent="0.4">
      <c r="A4066">
        <v>4110</v>
      </c>
      <c r="B4066" s="1">
        <v>44269</v>
      </c>
      <c r="C4066">
        <v>2</v>
      </c>
      <c r="D4066" s="1">
        <v>44269.438888888886</v>
      </c>
      <c r="E4066" s="1">
        <v>44269.775694444441</v>
      </c>
      <c r="F4066">
        <v>38030</v>
      </c>
      <c r="G4066">
        <v>1080</v>
      </c>
      <c r="H4066">
        <v>0</v>
      </c>
      <c r="I4066">
        <v>0</v>
      </c>
      <c r="J4066">
        <v>0</v>
      </c>
      <c r="K4066">
        <v>0</v>
      </c>
      <c r="L4066">
        <v>0</v>
      </c>
      <c r="M4066">
        <v>3911</v>
      </c>
      <c r="N4066">
        <v>0</v>
      </c>
      <c r="O4066">
        <v>0</v>
      </c>
      <c r="P4066">
        <v>10802</v>
      </c>
      <c r="Q4066">
        <v>0</v>
      </c>
      <c r="R4066">
        <v>53823</v>
      </c>
      <c r="S4066">
        <v>0</v>
      </c>
      <c r="T4066">
        <v>0</v>
      </c>
      <c r="U4066">
        <v>0</v>
      </c>
      <c r="V4066">
        <v>3</v>
      </c>
      <c r="W4066">
        <v>2</v>
      </c>
      <c r="X4066">
        <v>0</v>
      </c>
      <c r="Y4066">
        <v>23</v>
      </c>
      <c r="Z4066">
        <v>17</v>
      </c>
      <c r="AA4066">
        <v>154</v>
      </c>
      <c r="AB4066">
        <v>56</v>
      </c>
      <c r="AC4066">
        <v>170</v>
      </c>
      <c r="AD4066">
        <v>61</v>
      </c>
      <c r="AE4066">
        <v>104</v>
      </c>
      <c r="AF4066">
        <v>12004</v>
      </c>
      <c r="AG4066">
        <v>103813</v>
      </c>
      <c r="AH4066">
        <v>50000</v>
      </c>
      <c r="AI4066">
        <v>-10</v>
      </c>
      <c r="AJ4066">
        <v>85</v>
      </c>
      <c r="AK4066" t="s">
        <v>7</v>
      </c>
      <c r="AL4066">
        <v>0</v>
      </c>
      <c r="AM4066">
        <v>0</v>
      </c>
      <c r="AN4066">
        <v>0</v>
      </c>
      <c r="AO4066">
        <v>0</v>
      </c>
      <c r="AP4066">
        <v>0</v>
      </c>
      <c r="AQ4066">
        <v>0</v>
      </c>
      <c r="AR4066">
        <v>0</v>
      </c>
      <c r="AS4066">
        <v>0</v>
      </c>
      <c r="AT4066">
        <v>0</v>
      </c>
      <c r="AU4066">
        <v>0</v>
      </c>
      <c r="AV4066">
        <v>0</v>
      </c>
      <c r="AW4066">
        <v>0</v>
      </c>
      <c r="AX4066">
        <v>0</v>
      </c>
      <c r="AY4066">
        <v>40</v>
      </c>
      <c r="AZ4066">
        <v>84</v>
      </c>
      <c r="BA4066">
        <v>6457</v>
      </c>
    </row>
    <row r="4067" spans="1:53" x14ac:dyDescent="0.4">
      <c r="A4067">
        <v>4111</v>
      </c>
      <c r="B4067" s="1">
        <v>44270</v>
      </c>
      <c r="C4067">
        <v>1</v>
      </c>
      <c r="D4067" s="1">
        <v>44270.291666666664</v>
      </c>
      <c r="E4067" s="1">
        <v>44270.417361111111</v>
      </c>
      <c r="F4067">
        <v>0</v>
      </c>
      <c r="G4067">
        <v>0</v>
      </c>
      <c r="H4067">
        <v>0</v>
      </c>
      <c r="I4067">
        <v>0</v>
      </c>
      <c r="J4067">
        <v>0</v>
      </c>
      <c r="K4067">
        <v>0</v>
      </c>
      <c r="L4067">
        <v>0</v>
      </c>
      <c r="M4067">
        <v>0</v>
      </c>
      <c r="N4067">
        <v>0</v>
      </c>
      <c r="O4067">
        <v>0</v>
      </c>
      <c r="P4067">
        <v>0</v>
      </c>
      <c r="Q4067">
        <v>0</v>
      </c>
      <c r="R4067">
        <v>0</v>
      </c>
      <c r="S4067">
        <v>0</v>
      </c>
      <c r="T4067">
        <v>0</v>
      </c>
      <c r="U4067">
        <v>0</v>
      </c>
      <c r="V4067">
        <v>0</v>
      </c>
      <c r="W4067">
        <v>2</v>
      </c>
      <c r="X4067">
        <v>0</v>
      </c>
      <c r="Y4067">
        <v>20</v>
      </c>
      <c r="Z4067">
        <v>9</v>
      </c>
      <c r="AA4067">
        <v>110</v>
      </c>
      <c r="AB4067">
        <v>56</v>
      </c>
      <c r="AC4067">
        <v>130</v>
      </c>
      <c r="AD4067">
        <v>60</v>
      </c>
      <c r="AE4067">
        <v>100</v>
      </c>
      <c r="AF4067">
        <v>0</v>
      </c>
      <c r="AG4067">
        <v>50000</v>
      </c>
      <c r="AH4067">
        <v>50000</v>
      </c>
      <c r="AI4067">
        <v>0</v>
      </c>
      <c r="AJ4067">
        <v>0</v>
      </c>
      <c r="AK4067" t="s">
        <v>6</v>
      </c>
      <c r="AL4067">
        <v>0</v>
      </c>
      <c r="AM4067">
        <v>0</v>
      </c>
      <c r="AN4067">
        <v>0</v>
      </c>
      <c r="AO4067">
        <v>0</v>
      </c>
      <c r="AP4067">
        <v>0</v>
      </c>
      <c r="AQ4067">
        <v>0</v>
      </c>
      <c r="AR4067">
        <v>0</v>
      </c>
      <c r="AS4067">
        <v>0</v>
      </c>
      <c r="AT4067">
        <v>0</v>
      </c>
      <c r="AU4067">
        <v>0</v>
      </c>
      <c r="AV4067">
        <v>0</v>
      </c>
      <c r="AW4067">
        <v>0</v>
      </c>
      <c r="AX4067">
        <v>0</v>
      </c>
      <c r="AY4067">
        <v>0</v>
      </c>
      <c r="AZ4067">
        <v>0</v>
      </c>
      <c r="BA4067">
        <v>0</v>
      </c>
    </row>
    <row r="4068" spans="1:53" x14ac:dyDescent="0.4">
      <c r="A4068">
        <v>4112</v>
      </c>
      <c r="B4068" s="1">
        <v>44270</v>
      </c>
      <c r="C4068">
        <v>2</v>
      </c>
      <c r="D4068" s="1">
        <v>44270.417361111111</v>
      </c>
      <c r="E4068" s="1">
        <v>44270.759722222225</v>
      </c>
      <c r="F4068">
        <v>31680</v>
      </c>
      <c r="G4068">
        <v>1080</v>
      </c>
      <c r="H4068">
        <v>0</v>
      </c>
      <c r="I4068">
        <v>0</v>
      </c>
      <c r="J4068">
        <v>200</v>
      </c>
      <c r="K4068">
        <v>0</v>
      </c>
      <c r="L4068">
        <v>0</v>
      </c>
      <c r="M4068">
        <v>3256</v>
      </c>
      <c r="N4068">
        <v>0</v>
      </c>
      <c r="O4068">
        <v>0</v>
      </c>
      <c r="P4068">
        <v>21010</v>
      </c>
      <c r="Q4068">
        <v>0</v>
      </c>
      <c r="R4068">
        <v>56826</v>
      </c>
      <c r="S4068">
        <v>0</v>
      </c>
      <c r="T4068">
        <v>0</v>
      </c>
      <c r="U4068">
        <v>0</v>
      </c>
      <c r="V4068">
        <v>2</v>
      </c>
      <c r="W4068">
        <v>3</v>
      </c>
      <c r="X4068">
        <v>0</v>
      </c>
      <c r="Y4068">
        <v>44</v>
      </c>
      <c r="Z4068">
        <v>27</v>
      </c>
      <c r="AA4068">
        <v>35</v>
      </c>
      <c r="AB4068">
        <v>51</v>
      </c>
      <c r="AC4068">
        <v>141</v>
      </c>
      <c r="AD4068">
        <v>71</v>
      </c>
      <c r="AE4068">
        <v>131</v>
      </c>
      <c r="AF4068">
        <v>6380</v>
      </c>
      <c r="AG4068">
        <v>106826</v>
      </c>
      <c r="AH4068">
        <v>50000</v>
      </c>
      <c r="AI4068">
        <v>0</v>
      </c>
      <c r="AJ4068">
        <v>85</v>
      </c>
      <c r="AK4068" t="s">
        <v>7</v>
      </c>
      <c r="AL4068">
        <v>0</v>
      </c>
      <c r="AM4068">
        <v>0</v>
      </c>
      <c r="AN4068">
        <v>0</v>
      </c>
      <c r="AO4068">
        <v>0</v>
      </c>
      <c r="AP4068">
        <v>0</v>
      </c>
      <c r="AQ4068">
        <v>0</v>
      </c>
      <c r="AR4068">
        <v>0</v>
      </c>
      <c r="AS4068">
        <v>0</v>
      </c>
      <c r="AT4068">
        <v>0</v>
      </c>
      <c r="AU4068">
        <v>0</v>
      </c>
      <c r="AV4068">
        <v>0</v>
      </c>
      <c r="AW4068">
        <v>0</v>
      </c>
      <c r="AX4068">
        <v>1188</v>
      </c>
      <c r="AY4068">
        <v>42</v>
      </c>
      <c r="AZ4068">
        <v>86</v>
      </c>
      <c r="BA4068">
        <v>7136</v>
      </c>
    </row>
    <row r="4069" spans="1:53" x14ac:dyDescent="0.4">
      <c r="A4069">
        <v>4113</v>
      </c>
      <c r="B4069" s="1">
        <v>44271</v>
      </c>
      <c r="C4069">
        <v>1</v>
      </c>
      <c r="D4069" s="1">
        <v>44271.291666666664</v>
      </c>
      <c r="E4069" s="1">
        <v>44271.44027777778</v>
      </c>
      <c r="F4069">
        <v>0</v>
      </c>
      <c r="G4069">
        <v>0</v>
      </c>
      <c r="H4069">
        <v>0</v>
      </c>
      <c r="I4069">
        <v>0</v>
      </c>
      <c r="J4069">
        <v>0</v>
      </c>
      <c r="K4069">
        <v>0</v>
      </c>
      <c r="L4069">
        <v>0</v>
      </c>
      <c r="M4069">
        <v>0</v>
      </c>
      <c r="N4069">
        <v>0</v>
      </c>
      <c r="O4069">
        <v>0</v>
      </c>
      <c r="P4069">
        <v>0</v>
      </c>
      <c r="Q4069">
        <v>0</v>
      </c>
      <c r="R4069">
        <v>0</v>
      </c>
      <c r="S4069">
        <v>0</v>
      </c>
      <c r="T4069">
        <v>0</v>
      </c>
      <c r="U4069">
        <v>0</v>
      </c>
      <c r="V4069">
        <v>0</v>
      </c>
      <c r="W4069">
        <v>0</v>
      </c>
      <c r="X4069">
        <v>0</v>
      </c>
      <c r="Y4069">
        <v>27</v>
      </c>
      <c r="Z4069">
        <v>10</v>
      </c>
      <c r="AA4069">
        <v>135</v>
      </c>
      <c r="AB4069">
        <v>52</v>
      </c>
      <c r="AC4069">
        <v>143</v>
      </c>
      <c r="AD4069">
        <v>68</v>
      </c>
      <c r="AE4069">
        <v>130</v>
      </c>
      <c r="AF4069">
        <v>0</v>
      </c>
      <c r="AG4069">
        <v>50000</v>
      </c>
      <c r="AH4069">
        <v>50000</v>
      </c>
      <c r="AI4069">
        <v>0</v>
      </c>
      <c r="AJ4069">
        <v>0</v>
      </c>
      <c r="AK4069" t="s">
        <v>6</v>
      </c>
      <c r="AL4069">
        <v>0</v>
      </c>
      <c r="AM4069">
        <v>0</v>
      </c>
      <c r="AN4069">
        <v>0</v>
      </c>
      <c r="AO4069">
        <v>0</v>
      </c>
      <c r="AP4069">
        <v>0</v>
      </c>
      <c r="AQ4069">
        <v>0</v>
      </c>
      <c r="AR4069">
        <v>0</v>
      </c>
      <c r="AS4069">
        <v>0</v>
      </c>
      <c r="AT4069">
        <v>0</v>
      </c>
      <c r="AU4069">
        <v>0</v>
      </c>
      <c r="AV4069">
        <v>0</v>
      </c>
      <c r="AW4069">
        <v>0</v>
      </c>
      <c r="AX4069">
        <v>0</v>
      </c>
      <c r="AY4069">
        <v>0</v>
      </c>
      <c r="AZ4069">
        <v>0</v>
      </c>
      <c r="BA4069">
        <v>0</v>
      </c>
    </row>
    <row r="4070" spans="1:53" x14ac:dyDescent="0.4">
      <c r="A4070">
        <v>4114</v>
      </c>
      <c r="B4070" s="1">
        <v>44271</v>
      </c>
      <c r="C4070">
        <v>2</v>
      </c>
      <c r="D4070" s="1">
        <v>44271.44027777778</v>
      </c>
      <c r="E4070" s="1">
        <v>44271.741666666669</v>
      </c>
      <c r="F4070">
        <v>34630</v>
      </c>
      <c r="G4070">
        <v>1740</v>
      </c>
      <c r="H4070">
        <v>0</v>
      </c>
      <c r="I4070">
        <v>0</v>
      </c>
      <c r="J4070">
        <v>0</v>
      </c>
      <c r="K4070">
        <v>0</v>
      </c>
      <c r="L4070">
        <v>0</v>
      </c>
      <c r="M4070">
        <v>3637</v>
      </c>
      <c r="N4070">
        <v>0</v>
      </c>
      <c r="O4070">
        <v>0</v>
      </c>
      <c r="P4070">
        <v>14520</v>
      </c>
      <c r="Q4070">
        <v>0</v>
      </c>
      <c r="R4070">
        <v>54527</v>
      </c>
      <c r="S4070">
        <v>0</v>
      </c>
      <c r="T4070">
        <v>0</v>
      </c>
      <c r="U4070">
        <v>0</v>
      </c>
      <c r="V4070">
        <v>2</v>
      </c>
      <c r="W4070">
        <v>2</v>
      </c>
      <c r="X4070">
        <v>0</v>
      </c>
      <c r="Y4070">
        <v>47</v>
      </c>
      <c r="Z4070">
        <v>19</v>
      </c>
      <c r="AA4070">
        <v>135</v>
      </c>
      <c r="AB4070">
        <v>52</v>
      </c>
      <c r="AC4070">
        <v>140</v>
      </c>
      <c r="AD4070">
        <v>76</v>
      </c>
      <c r="AE4070">
        <v>147</v>
      </c>
      <c r="AF4070">
        <v>0</v>
      </c>
      <c r="AG4070">
        <v>104527</v>
      </c>
      <c r="AH4070">
        <v>50000</v>
      </c>
      <c r="AI4070">
        <v>0</v>
      </c>
      <c r="AJ4070">
        <v>85</v>
      </c>
      <c r="AK4070" t="s">
        <v>7</v>
      </c>
      <c r="AL4070">
        <v>0</v>
      </c>
      <c r="AM4070">
        <v>0</v>
      </c>
      <c r="AN4070">
        <v>0</v>
      </c>
      <c r="AO4070">
        <v>0</v>
      </c>
      <c r="AP4070">
        <v>0</v>
      </c>
      <c r="AQ4070">
        <v>0</v>
      </c>
      <c r="AR4070">
        <v>0</v>
      </c>
      <c r="AS4070">
        <v>0</v>
      </c>
      <c r="AT4070">
        <v>0</v>
      </c>
      <c r="AU4070">
        <v>0</v>
      </c>
      <c r="AV4070">
        <v>0</v>
      </c>
      <c r="AW4070">
        <v>0</v>
      </c>
      <c r="AX4070">
        <v>-367</v>
      </c>
      <c r="AY4070">
        <v>41</v>
      </c>
      <c r="AZ4070">
        <v>82</v>
      </c>
      <c r="BA4070">
        <v>6225</v>
      </c>
    </row>
    <row r="4071" spans="1:53" x14ac:dyDescent="0.4">
      <c r="A4071">
        <v>4115</v>
      </c>
      <c r="B4071" s="1">
        <v>44272</v>
      </c>
      <c r="C4071">
        <v>1</v>
      </c>
      <c r="D4071" s="1">
        <v>44272.291666666664</v>
      </c>
      <c r="E4071" s="1">
        <v>44272.427777777775</v>
      </c>
      <c r="F4071">
        <v>0</v>
      </c>
      <c r="G4071">
        <v>0</v>
      </c>
      <c r="H4071">
        <v>0</v>
      </c>
      <c r="I4071">
        <v>0</v>
      </c>
      <c r="J4071">
        <v>0</v>
      </c>
      <c r="K4071">
        <v>0</v>
      </c>
      <c r="L4071">
        <v>0</v>
      </c>
      <c r="M4071">
        <v>0</v>
      </c>
      <c r="N4071">
        <v>0</v>
      </c>
      <c r="O4071">
        <v>0</v>
      </c>
      <c r="P4071">
        <v>0</v>
      </c>
      <c r="Q4071">
        <v>0</v>
      </c>
      <c r="R4071">
        <v>0</v>
      </c>
      <c r="S4071">
        <v>0</v>
      </c>
      <c r="T4071">
        <v>0</v>
      </c>
      <c r="U4071">
        <v>0</v>
      </c>
      <c r="V4071">
        <v>0</v>
      </c>
      <c r="W4071">
        <v>0</v>
      </c>
      <c r="X4071">
        <v>0</v>
      </c>
      <c r="Y4071">
        <v>28</v>
      </c>
      <c r="Z4071">
        <v>8</v>
      </c>
      <c r="AA4071">
        <v>136</v>
      </c>
      <c r="AB4071">
        <v>50</v>
      </c>
      <c r="AC4071">
        <v>140</v>
      </c>
      <c r="AD4071">
        <v>72</v>
      </c>
      <c r="AE4071">
        <v>140</v>
      </c>
      <c r="AF4071">
        <v>0</v>
      </c>
      <c r="AG4071">
        <v>50000</v>
      </c>
      <c r="AH4071">
        <v>50000</v>
      </c>
      <c r="AI4071">
        <v>0</v>
      </c>
      <c r="AJ4071">
        <v>0</v>
      </c>
      <c r="AK4071" t="s">
        <v>6</v>
      </c>
      <c r="AL4071">
        <v>0</v>
      </c>
      <c r="AM4071">
        <v>0</v>
      </c>
      <c r="AN4071">
        <v>0</v>
      </c>
      <c r="AO4071">
        <v>0</v>
      </c>
      <c r="AP4071">
        <v>0</v>
      </c>
      <c r="AQ4071">
        <v>0</v>
      </c>
      <c r="AR4071">
        <v>0</v>
      </c>
      <c r="AS4071">
        <v>0</v>
      </c>
      <c r="AT4071">
        <v>0</v>
      </c>
      <c r="AU4071">
        <v>0</v>
      </c>
      <c r="AV4071">
        <v>0</v>
      </c>
      <c r="AW4071">
        <v>0</v>
      </c>
      <c r="AX4071">
        <v>0</v>
      </c>
      <c r="AY4071">
        <v>0</v>
      </c>
      <c r="AZ4071">
        <v>0</v>
      </c>
      <c r="BA4071">
        <v>0</v>
      </c>
    </row>
    <row r="4072" spans="1:53" x14ac:dyDescent="0.4">
      <c r="A4072">
        <v>4116</v>
      </c>
      <c r="B4072" s="1">
        <v>44272</v>
      </c>
      <c r="C4072">
        <v>2</v>
      </c>
      <c r="D4072" s="1">
        <v>44272.427777777775</v>
      </c>
      <c r="E4072" s="1">
        <v>44272.750694444447</v>
      </c>
      <c r="F4072">
        <v>40060</v>
      </c>
      <c r="G4072">
        <v>1360</v>
      </c>
      <c r="H4072">
        <v>0</v>
      </c>
      <c r="I4072">
        <v>0</v>
      </c>
      <c r="J4072">
        <v>0</v>
      </c>
      <c r="K4072">
        <v>0</v>
      </c>
      <c r="L4072">
        <v>0</v>
      </c>
      <c r="M4072">
        <v>4142</v>
      </c>
      <c r="N4072">
        <v>0</v>
      </c>
      <c r="O4072">
        <v>0</v>
      </c>
      <c r="P4072">
        <v>13365</v>
      </c>
      <c r="Q4072">
        <v>0</v>
      </c>
      <c r="R4072">
        <v>58927</v>
      </c>
      <c r="S4072">
        <v>0</v>
      </c>
      <c r="T4072">
        <v>0</v>
      </c>
      <c r="U4072">
        <v>0</v>
      </c>
      <c r="V4072">
        <v>2</v>
      </c>
      <c r="W4072">
        <v>0</v>
      </c>
      <c r="X4072">
        <v>0</v>
      </c>
      <c r="Y4072">
        <v>56</v>
      </c>
      <c r="Z4072">
        <v>20</v>
      </c>
      <c r="AA4072">
        <v>175</v>
      </c>
      <c r="AB4072">
        <v>41</v>
      </c>
      <c r="AC4072">
        <v>120</v>
      </c>
      <c r="AD4072">
        <v>67</v>
      </c>
      <c r="AE4072">
        <v>159</v>
      </c>
      <c r="AF4072">
        <v>1683</v>
      </c>
      <c r="AG4072">
        <v>108927</v>
      </c>
      <c r="AH4072">
        <v>50000</v>
      </c>
      <c r="AI4072">
        <v>0</v>
      </c>
      <c r="AJ4072">
        <v>107</v>
      </c>
      <c r="AK4072" t="s">
        <v>40</v>
      </c>
      <c r="AL4072">
        <v>0</v>
      </c>
      <c r="AM4072">
        <v>0</v>
      </c>
      <c r="AN4072">
        <v>0</v>
      </c>
      <c r="AO4072">
        <v>0</v>
      </c>
      <c r="AP4072">
        <v>0</v>
      </c>
      <c r="AQ4072">
        <v>0</v>
      </c>
      <c r="AR4072">
        <v>0</v>
      </c>
      <c r="AS4072">
        <v>0</v>
      </c>
      <c r="AT4072">
        <v>0</v>
      </c>
      <c r="AU4072">
        <v>0</v>
      </c>
      <c r="AV4072">
        <v>0</v>
      </c>
      <c r="AW4072">
        <v>0</v>
      </c>
      <c r="AX4072">
        <v>0</v>
      </c>
      <c r="AY4072">
        <v>39</v>
      </c>
      <c r="AZ4072">
        <v>89</v>
      </c>
      <c r="BA4072">
        <v>6836</v>
      </c>
    </row>
    <row r="4073" spans="1:53" x14ac:dyDescent="0.4">
      <c r="A4073">
        <v>4117</v>
      </c>
      <c r="B4073" s="1">
        <v>44273</v>
      </c>
      <c r="C4073">
        <v>1</v>
      </c>
      <c r="D4073" s="1">
        <v>44273.291666666664</v>
      </c>
      <c r="E4073" s="1">
        <v>44273.417361111111</v>
      </c>
      <c r="F4073">
        <v>0</v>
      </c>
      <c r="G4073">
        <v>0</v>
      </c>
      <c r="H4073">
        <v>0</v>
      </c>
      <c r="I4073">
        <v>0</v>
      </c>
      <c r="J4073">
        <v>0</v>
      </c>
      <c r="K4073">
        <v>0</v>
      </c>
      <c r="L4073">
        <v>0</v>
      </c>
      <c r="M4073">
        <v>0</v>
      </c>
      <c r="N4073">
        <v>0</v>
      </c>
      <c r="O4073">
        <v>0</v>
      </c>
      <c r="P4073">
        <v>0</v>
      </c>
      <c r="Q4073">
        <v>0</v>
      </c>
      <c r="R4073">
        <v>0</v>
      </c>
      <c r="S4073">
        <v>0</v>
      </c>
      <c r="T4073">
        <v>0</v>
      </c>
      <c r="U4073">
        <v>0</v>
      </c>
      <c r="V4073">
        <v>0</v>
      </c>
      <c r="W4073">
        <v>1</v>
      </c>
      <c r="X4073">
        <v>0</v>
      </c>
      <c r="Y4073">
        <v>23</v>
      </c>
      <c r="Z4073">
        <v>10</v>
      </c>
      <c r="AA4073">
        <v>131</v>
      </c>
      <c r="AB4073">
        <v>44</v>
      </c>
      <c r="AC4073">
        <v>125</v>
      </c>
      <c r="AD4073">
        <v>60</v>
      </c>
      <c r="AE4073">
        <v>150</v>
      </c>
      <c r="AF4073">
        <v>0</v>
      </c>
      <c r="AG4073">
        <v>50000</v>
      </c>
      <c r="AH4073">
        <v>50000</v>
      </c>
      <c r="AI4073">
        <v>0</v>
      </c>
      <c r="AJ4073">
        <v>0</v>
      </c>
      <c r="AK4073" t="s">
        <v>6</v>
      </c>
      <c r="AL4073">
        <v>0</v>
      </c>
      <c r="AM4073">
        <v>0</v>
      </c>
      <c r="AN4073">
        <v>0</v>
      </c>
      <c r="AO4073">
        <v>0</v>
      </c>
      <c r="AP4073">
        <v>0</v>
      </c>
      <c r="AQ4073">
        <v>0</v>
      </c>
      <c r="AR4073">
        <v>0</v>
      </c>
      <c r="AS4073">
        <v>0</v>
      </c>
      <c r="AT4073">
        <v>0</v>
      </c>
      <c r="AU4073">
        <v>0</v>
      </c>
      <c r="AV4073">
        <v>0</v>
      </c>
      <c r="AW4073">
        <v>0</v>
      </c>
      <c r="AX4073">
        <v>0</v>
      </c>
      <c r="AY4073">
        <v>0</v>
      </c>
      <c r="AZ4073">
        <v>0</v>
      </c>
      <c r="BA4073">
        <v>0</v>
      </c>
    </row>
    <row r="4074" spans="1:53" x14ac:dyDescent="0.4">
      <c r="A4074">
        <v>4118</v>
      </c>
      <c r="B4074" s="1">
        <v>44273</v>
      </c>
      <c r="C4074">
        <v>2</v>
      </c>
      <c r="D4074" s="1">
        <v>44273.417361111111</v>
      </c>
      <c r="E4074" s="1">
        <v>44273.768750000003</v>
      </c>
      <c r="F4074">
        <v>36960</v>
      </c>
      <c r="G4074">
        <v>940</v>
      </c>
      <c r="H4074">
        <v>0</v>
      </c>
      <c r="I4074">
        <v>0</v>
      </c>
      <c r="J4074">
        <v>0</v>
      </c>
      <c r="K4074">
        <v>0</v>
      </c>
      <c r="L4074">
        <v>0</v>
      </c>
      <c r="M4074">
        <v>3790</v>
      </c>
      <c r="N4074">
        <v>0</v>
      </c>
      <c r="O4074">
        <v>0</v>
      </c>
      <c r="P4074">
        <v>9405</v>
      </c>
      <c r="Q4074">
        <v>0</v>
      </c>
      <c r="R4074">
        <v>51095</v>
      </c>
      <c r="S4074">
        <v>0</v>
      </c>
      <c r="T4074">
        <v>0</v>
      </c>
      <c r="U4074">
        <v>0</v>
      </c>
      <c r="V4074">
        <v>1</v>
      </c>
      <c r="W4074">
        <v>3</v>
      </c>
      <c r="X4074">
        <v>0</v>
      </c>
      <c r="Y4074">
        <v>56</v>
      </c>
      <c r="Z4074">
        <v>13</v>
      </c>
      <c r="AA4074">
        <v>103</v>
      </c>
      <c r="AB4074">
        <v>34</v>
      </c>
      <c r="AC4074">
        <v>117</v>
      </c>
      <c r="AD4074">
        <v>58</v>
      </c>
      <c r="AE4074">
        <v>135</v>
      </c>
      <c r="AF4074">
        <v>0</v>
      </c>
      <c r="AG4074">
        <v>101095</v>
      </c>
      <c r="AH4074">
        <v>50000</v>
      </c>
      <c r="AI4074">
        <v>0</v>
      </c>
      <c r="AJ4074">
        <v>85</v>
      </c>
      <c r="AK4074" t="s">
        <v>7</v>
      </c>
      <c r="AL4074">
        <v>0</v>
      </c>
      <c r="AM4074">
        <v>0</v>
      </c>
      <c r="AN4074">
        <v>0</v>
      </c>
      <c r="AO4074">
        <v>0</v>
      </c>
      <c r="AP4074">
        <v>0</v>
      </c>
      <c r="AQ4074">
        <v>0</v>
      </c>
      <c r="AR4074">
        <v>0</v>
      </c>
      <c r="AS4074">
        <v>0</v>
      </c>
      <c r="AT4074">
        <v>0</v>
      </c>
      <c r="AU4074">
        <v>0</v>
      </c>
      <c r="AV4074">
        <v>0</v>
      </c>
      <c r="AW4074">
        <v>0</v>
      </c>
      <c r="AX4074">
        <v>-1672</v>
      </c>
      <c r="AY4074">
        <v>41</v>
      </c>
      <c r="AZ4074">
        <v>77</v>
      </c>
      <c r="BA4074">
        <v>6519</v>
      </c>
    </row>
    <row r="4075" spans="1:53" x14ac:dyDescent="0.4">
      <c r="A4075">
        <v>4119</v>
      </c>
      <c r="B4075" s="1">
        <v>44274</v>
      </c>
      <c r="C4075">
        <v>1</v>
      </c>
      <c r="D4075" s="1">
        <v>44274.291666666664</v>
      </c>
      <c r="E4075" s="1">
        <v>44274.418055555558</v>
      </c>
      <c r="F4075">
        <v>0</v>
      </c>
      <c r="G4075">
        <v>0</v>
      </c>
      <c r="H4075">
        <v>0</v>
      </c>
      <c r="I4075">
        <v>0</v>
      </c>
      <c r="J4075">
        <v>0</v>
      </c>
      <c r="K4075">
        <v>0</v>
      </c>
      <c r="L4075">
        <v>0</v>
      </c>
      <c r="M4075">
        <v>0</v>
      </c>
      <c r="N4075">
        <v>0</v>
      </c>
      <c r="O4075">
        <v>0</v>
      </c>
      <c r="P4075">
        <v>0</v>
      </c>
      <c r="Q4075">
        <v>0</v>
      </c>
      <c r="R4075">
        <v>0</v>
      </c>
      <c r="S4075">
        <v>0</v>
      </c>
      <c r="T4075">
        <v>0</v>
      </c>
      <c r="U4075">
        <v>0</v>
      </c>
      <c r="V4075">
        <v>0</v>
      </c>
      <c r="W4075">
        <v>0</v>
      </c>
      <c r="X4075">
        <v>0</v>
      </c>
      <c r="Y4075">
        <v>32</v>
      </c>
      <c r="Z4075">
        <v>10</v>
      </c>
      <c r="AA4075">
        <v>100</v>
      </c>
      <c r="AB4075">
        <v>29</v>
      </c>
      <c r="AC4075">
        <v>115</v>
      </c>
      <c r="AD4075">
        <v>56</v>
      </c>
      <c r="AE4075">
        <v>120</v>
      </c>
      <c r="AF4075">
        <v>0</v>
      </c>
      <c r="AG4075">
        <v>50000</v>
      </c>
      <c r="AH4075">
        <v>50000</v>
      </c>
      <c r="AI4075">
        <v>0</v>
      </c>
      <c r="AJ4075">
        <v>0</v>
      </c>
      <c r="AK4075" t="s">
        <v>6</v>
      </c>
      <c r="AL4075">
        <v>0</v>
      </c>
      <c r="AM4075">
        <v>0</v>
      </c>
      <c r="AN4075">
        <v>0</v>
      </c>
      <c r="AO4075">
        <v>0</v>
      </c>
      <c r="AP4075">
        <v>0</v>
      </c>
      <c r="AQ4075">
        <v>0</v>
      </c>
      <c r="AR4075">
        <v>0</v>
      </c>
      <c r="AS4075">
        <v>0</v>
      </c>
      <c r="AT4075">
        <v>0</v>
      </c>
      <c r="AU4075">
        <v>0</v>
      </c>
      <c r="AV4075">
        <v>0</v>
      </c>
      <c r="AW4075">
        <v>0</v>
      </c>
      <c r="AX4075">
        <v>0</v>
      </c>
      <c r="AY4075">
        <v>0</v>
      </c>
      <c r="AZ4075">
        <v>0</v>
      </c>
      <c r="BA4075">
        <v>0</v>
      </c>
    </row>
    <row r="4076" spans="1:53" x14ac:dyDescent="0.4">
      <c r="A4076">
        <v>4120</v>
      </c>
      <c r="B4076" s="1">
        <v>44274</v>
      </c>
      <c r="C4076">
        <v>2</v>
      </c>
      <c r="D4076" s="1">
        <v>44274.418055555558</v>
      </c>
      <c r="E4076" s="1">
        <v>44274.739583333336</v>
      </c>
      <c r="F4076">
        <v>34050</v>
      </c>
      <c r="G4076">
        <v>400</v>
      </c>
      <c r="H4076">
        <v>0</v>
      </c>
      <c r="I4076">
        <v>0</v>
      </c>
      <c r="J4076">
        <v>0</v>
      </c>
      <c r="K4076">
        <v>0</v>
      </c>
      <c r="L4076">
        <v>0</v>
      </c>
      <c r="M4076">
        <v>3445</v>
      </c>
      <c r="N4076">
        <v>0</v>
      </c>
      <c r="O4076">
        <v>0</v>
      </c>
      <c r="P4076">
        <v>17556</v>
      </c>
      <c r="Q4076">
        <v>0</v>
      </c>
      <c r="R4076">
        <v>55451</v>
      </c>
      <c r="S4076">
        <v>0</v>
      </c>
      <c r="T4076">
        <v>0</v>
      </c>
      <c r="U4076">
        <v>0</v>
      </c>
      <c r="V4076">
        <v>1</v>
      </c>
      <c r="W4076">
        <v>3</v>
      </c>
      <c r="X4076">
        <v>0</v>
      </c>
      <c r="Y4076">
        <v>58</v>
      </c>
      <c r="Z4076">
        <v>20</v>
      </c>
      <c r="AA4076">
        <v>82</v>
      </c>
      <c r="AB4076">
        <v>23</v>
      </c>
      <c r="AC4076">
        <v>132</v>
      </c>
      <c r="AD4076">
        <v>57</v>
      </c>
      <c r="AE4076">
        <v>121</v>
      </c>
      <c r="AF4076">
        <v>1375</v>
      </c>
      <c r="AG4076">
        <v>105451</v>
      </c>
      <c r="AH4076">
        <v>50000</v>
      </c>
      <c r="AI4076">
        <v>0</v>
      </c>
      <c r="AJ4076">
        <v>84</v>
      </c>
      <c r="AK4076" t="s">
        <v>16</v>
      </c>
      <c r="AL4076">
        <v>0</v>
      </c>
      <c r="AM4076">
        <v>0</v>
      </c>
      <c r="AN4076">
        <v>0</v>
      </c>
      <c r="AO4076">
        <v>0</v>
      </c>
      <c r="AP4076">
        <v>0</v>
      </c>
      <c r="AQ4076">
        <v>0</v>
      </c>
      <c r="AR4076">
        <v>0</v>
      </c>
      <c r="AS4076">
        <v>0</v>
      </c>
      <c r="AT4076">
        <v>0</v>
      </c>
      <c r="AU4076">
        <v>0</v>
      </c>
      <c r="AV4076">
        <v>0</v>
      </c>
      <c r="AW4076">
        <v>0</v>
      </c>
      <c r="AX4076">
        <v>440</v>
      </c>
      <c r="AY4076">
        <v>38</v>
      </c>
      <c r="AZ4076">
        <v>87</v>
      </c>
      <c r="BA4076">
        <v>6116</v>
      </c>
    </row>
    <row r="4077" spans="1:53" x14ac:dyDescent="0.4">
      <c r="A4077">
        <v>4121</v>
      </c>
      <c r="B4077" s="1">
        <v>44275</v>
      </c>
      <c r="C4077">
        <v>1</v>
      </c>
      <c r="D4077" s="1">
        <v>44275.291666666664</v>
      </c>
      <c r="E4077" s="1">
        <v>44275.397222222222</v>
      </c>
      <c r="F4077">
        <v>0</v>
      </c>
      <c r="G4077">
        <v>0</v>
      </c>
      <c r="H4077">
        <v>0</v>
      </c>
      <c r="I4077">
        <v>0</v>
      </c>
      <c r="J4077">
        <v>0</v>
      </c>
      <c r="K4077">
        <v>0</v>
      </c>
      <c r="L4077">
        <v>0</v>
      </c>
      <c r="M4077">
        <v>0</v>
      </c>
      <c r="N4077">
        <v>0</v>
      </c>
      <c r="O4077">
        <v>0</v>
      </c>
      <c r="P4077">
        <v>0</v>
      </c>
      <c r="Q4077">
        <v>0</v>
      </c>
      <c r="R4077">
        <v>0</v>
      </c>
      <c r="S4077">
        <v>0</v>
      </c>
      <c r="T4077">
        <v>0</v>
      </c>
      <c r="U4077">
        <v>0</v>
      </c>
      <c r="V4077">
        <v>0</v>
      </c>
      <c r="W4077">
        <v>0</v>
      </c>
      <c r="X4077">
        <v>0</v>
      </c>
      <c r="Y4077">
        <v>30</v>
      </c>
      <c r="Z4077">
        <v>8</v>
      </c>
      <c r="AA4077">
        <v>111</v>
      </c>
      <c r="AB4077">
        <v>67</v>
      </c>
      <c r="AC4077">
        <v>120</v>
      </c>
      <c r="AD4077">
        <v>50</v>
      </c>
      <c r="AE4077">
        <v>100</v>
      </c>
      <c r="AF4077">
        <v>0</v>
      </c>
      <c r="AG4077">
        <v>50000</v>
      </c>
      <c r="AH4077">
        <v>50000</v>
      </c>
      <c r="AI4077">
        <v>0</v>
      </c>
      <c r="AJ4077">
        <v>0</v>
      </c>
      <c r="AK4077" t="s">
        <v>6</v>
      </c>
      <c r="AL4077">
        <v>0</v>
      </c>
      <c r="AM4077">
        <v>0</v>
      </c>
      <c r="AN4077">
        <v>0</v>
      </c>
      <c r="AO4077">
        <v>0</v>
      </c>
      <c r="AP4077">
        <v>0</v>
      </c>
      <c r="AQ4077">
        <v>0</v>
      </c>
      <c r="AR4077">
        <v>0</v>
      </c>
      <c r="AS4077">
        <v>0</v>
      </c>
      <c r="AT4077">
        <v>0</v>
      </c>
      <c r="AU4077">
        <v>0</v>
      </c>
      <c r="AV4077">
        <v>0</v>
      </c>
      <c r="AW4077">
        <v>0</v>
      </c>
      <c r="AX4077">
        <v>0</v>
      </c>
      <c r="AY4077">
        <v>0</v>
      </c>
      <c r="AZ4077">
        <v>0</v>
      </c>
      <c r="BA4077">
        <v>0</v>
      </c>
    </row>
    <row r="4078" spans="1:53" x14ac:dyDescent="0.4">
      <c r="A4078">
        <v>4122</v>
      </c>
      <c r="B4078" s="1">
        <v>44275</v>
      </c>
      <c r="C4078">
        <v>2</v>
      </c>
      <c r="D4078" s="1">
        <v>44275.397222222222</v>
      </c>
      <c r="E4078" s="1">
        <v>44275.741666666669</v>
      </c>
      <c r="F4078">
        <v>32135</v>
      </c>
      <c r="G4078">
        <v>1780</v>
      </c>
      <c r="H4078">
        <v>0</v>
      </c>
      <c r="I4078">
        <v>0</v>
      </c>
      <c r="J4078">
        <v>0</v>
      </c>
      <c r="K4078">
        <v>1440</v>
      </c>
      <c r="L4078">
        <v>0</v>
      </c>
      <c r="M4078">
        <v>3536</v>
      </c>
      <c r="N4078">
        <v>0</v>
      </c>
      <c r="O4078">
        <v>0</v>
      </c>
      <c r="P4078">
        <v>18612</v>
      </c>
      <c r="Q4078">
        <v>0</v>
      </c>
      <c r="R4078">
        <v>57503</v>
      </c>
      <c r="S4078">
        <v>0</v>
      </c>
      <c r="T4078">
        <v>0</v>
      </c>
      <c r="U4078">
        <v>0</v>
      </c>
      <c r="V4078">
        <v>5</v>
      </c>
      <c r="W4078">
        <v>0</v>
      </c>
      <c r="X4078">
        <v>0</v>
      </c>
      <c r="Y4078">
        <v>28</v>
      </c>
      <c r="Z4078">
        <v>22</v>
      </c>
      <c r="AA4078">
        <v>126</v>
      </c>
      <c r="AB4078">
        <v>63</v>
      </c>
      <c r="AC4078">
        <v>134</v>
      </c>
      <c r="AD4078">
        <v>54</v>
      </c>
      <c r="AE4078">
        <v>87</v>
      </c>
      <c r="AF4078">
        <v>1056</v>
      </c>
      <c r="AG4078">
        <v>107503</v>
      </c>
      <c r="AH4078">
        <v>50000</v>
      </c>
      <c r="AI4078">
        <v>0</v>
      </c>
      <c r="AJ4078">
        <v>84</v>
      </c>
      <c r="AK4078" t="s">
        <v>16</v>
      </c>
      <c r="AL4078">
        <v>0</v>
      </c>
      <c r="AM4078">
        <v>0</v>
      </c>
      <c r="AN4078">
        <v>0</v>
      </c>
      <c r="AO4078">
        <v>0</v>
      </c>
      <c r="AP4078">
        <v>0</v>
      </c>
      <c r="AQ4078">
        <v>0</v>
      </c>
      <c r="AR4078">
        <v>0</v>
      </c>
      <c r="AS4078">
        <v>0</v>
      </c>
      <c r="AT4078">
        <v>0</v>
      </c>
      <c r="AU4078">
        <v>0</v>
      </c>
      <c r="AV4078">
        <v>0</v>
      </c>
      <c r="AW4078">
        <v>0</v>
      </c>
      <c r="AX4078">
        <v>440</v>
      </c>
      <c r="AY4078">
        <v>39</v>
      </c>
      <c r="AZ4078">
        <v>86</v>
      </c>
      <c r="BA4078">
        <v>6220</v>
      </c>
    </row>
    <row r="4079" spans="1:53" x14ac:dyDescent="0.4">
      <c r="A4079">
        <v>4123</v>
      </c>
      <c r="B4079" s="1">
        <v>44275</v>
      </c>
      <c r="C4079">
        <v>3</v>
      </c>
      <c r="D4079" s="1">
        <v>44275.741666666669</v>
      </c>
      <c r="E4079" s="1">
        <v>44275.964583333334</v>
      </c>
      <c r="F4079">
        <v>66340</v>
      </c>
      <c r="G4079">
        <v>1320</v>
      </c>
      <c r="H4079">
        <v>0</v>
      </c>
      <c r="I4079">
        <v>0</v>
      </c>
      <c r="J4079">
        <v>4280</v>
      </c>
      <c r="K4079">
        <v>0</v>
      </c>
      <c r="L4079">
        <v>0</v>
      </c>
      <c r="M4079">
        <v>6338</v>
      </c>
      <c r="N4079">
        <v>0</v>
      </c>
      <c r="O4079">
        <v>0</v>
      </c>
      <c r="P4079">
        <v>-869</v>
      </c>
      <c r="Q4079">
        <v>0</v>
      </c>
      <c r="R4079">
        <v>68849</v>
      </c>
      <c r="S4079">
        <v>0</v>
      </c>
      <c r="T4079">
        <v>0</v>
      </c>
      <c r="U4079">
        <v>0</v>
      </c>
      <c r="V4079">
        <v>12</v>
      </c>
      <c r="W4079">
        <v>0</v>
      </c>
      <c r="X4079">
        <v>0</v>
      </c>
      <c r="Y4079">
        <v>19</v>
      </c>
      <c r="Z4079">
        <v>21</v>
      </c>
      <c r="AA4079">
        <v>118</v>
      </c>
      <c r="AB4079">
        <v>65</v>
      </c>
      <c r="AC4079">
        <v>144</v>
      </c>
      <c r="AD4079">
        <v>53</v>
      </c>
      <c r="AE4079">
        <v>86</v>
      </c>
      <c r="AF4079">
        <v>10010</v>
      </c>
      <c r="AG4079">
        <v>176351</v>
      </c>
      <c r="AH4079">
        <v>50000</v>
      </c>
      <c r="AI4079">
        <v>-1</v>
      </c>
      <c r="AJ4079">
        <v>108</v>
      </c>
      <c r="AK4079" t="s">
        <v>30</v>
      </c>
      <c r="AL4079">
        <v>0</v>
      </c>
      <c r="AM4079">
        <v>0</v>
      </c>
      <c r="AN4079">
        <v>0</v>
      </c>
      <c r="AO4079">
        <v>0</v>
      </c>
      <c r="AP4079">
        <v>0</v>
      </c>
      <c r="AQ4079">
        <v>0</v>
      </c>
      <c r="AR4079">
        <v>0</v>
      </c>
      <c r="AS4079">
        <v>0</v>
      </c>
      <c r="AT4079">
        <v>0</v>
      </c>
      <c r="AU4079">
        <v>0</v>
      </c>
      <c r="AV4079">
        <v>0</v>
      </c>
      <c r="AW4079">
        <v>0</v>
      </c>
      <c r="AX4079">
        <v>34875</v>
      </c>
      <c r="AY4079">
        <v>21</v>
      </c>
      <c r="AZ4079">
        <v>66</v>
      </c>
      <c r="BA4079">
        <v>2821</v>
      </c>
    </row>
    <row r="4080" spans="1:53" x14ac:dyDescent="0.4">
      <c r="A4080">
        <v>4124</v>
      </c>
      <c r="B4080" s="1">
        <v>44276</v>
      </c>
      <c r="C4080">
        <v>1</v>
      </c>
      <c r="D4080" s="1">
        <v>44276.291666666664</v>
      </c>
      <c r="E4080" s="1">
        <v>44276.379861111112</v>
      </c>
      <c r="F4080">
        <v>0</v>
      </c>
      <c r="G4080">
        <v>0</v>
      </c>
      <c r="H4080">
        <v>0</v>
      </c>
      <c r="I4080">
        <v>0</v>
      </c>
      <c r="J4080">
        <v>0</v>
      </c>
      <c r="K4080">
        <v>0</v>
      </c>
      <c r="L4080">
        <v>0</v>
      </c>
      <c r="M4080">
        <v>0</v>
      </c>
      <c r="N4080">
        <v>0</v>
      </c>
      <c r="O4080">
        <v>0</v>
      </c>
      <c r="P4080">
        <v>0</v>
      </c>
      <c r="Q4080">
        <v>0</v>
      </c>
      <c r="R4080">
        <v>0</v>
      </c>
      <c r="S4080">
        <v>0</v>
      </c>
      <c r="T4080">
        <v>0</v>
      </c>
      <c r="U4080">
        <v>0</v>
      </c>
      <c r="V4080">
        <v>1</v>
      </c>
      <c r="W4080">
        <v>1</v>
      </c>
      <c r="X4080">
        <v>0</v>
      </c>
      <c r="Y4080">
        <v>15</v>
      </c>
      <c r="Z4080">
        <v>8</v>
      </c>
      <c r="AA4080">
        <v>112</v>
      </c>
      <c r="AB4080">
        <v>61</v>
      </c>
      <c r="AC4080">
        <v>142</v>
      </c>
      <c r="AD4080">
        <v>50</v>
      </c>
      <c r="AE4080">
        <v>80</v>
      </c>
      <c r="AF4080">
        <v>0</v>
      </c>
      <c r="AG4080">
        <v>50000</v>
      </c>
      <c r="AH4080">
        <v>50000</v>
      </c>
      <c r="AI4080">
        <v>0</v>
      </c>
      <c r="AJ4080">
        <v>0</v>
      </c>
      <c r="AK4080" t="s">
        <v>6</v>
      </c>
      <c r="AL4080">
        <v>0</v>
      </c>
      <c r="AM4080">
        <v>0</v>
      </c>
      <c r="AN4080">
        <v>0</v>
      </c>
      <c r="AO4080">
        <v>0</v>
      </c>
      <c r="AP4080">
        <v>0</v>
      </c>
      <c r="AQ4080">
        <v>0</v>
      </c>
      <c r="AR4080">
        <v>0</v>
      </c>
      <c r="AS4080">
        <v>0</v>
      </c>
      <c r="AT4080">
        <v>0</v>
      </c>
      <c r="AU4080">
        <v>0</v>
      </c>
      <c r="AV4080">
        <v>0</v>
      </c>
      <c r="AW4080">
        <v>0</v>
      </c>
      <c r="AX4080">
        <v>0</v>
      </c>
      <c r="AY4080">
        <v>0</v>
      </c>
      <c r="AZ4080">
        <v>0</v>
      </c>
      <c r="BA4080">
        <v>0</v>
      </c>
    </row>
    <row r="4081" spans="1:53" x14ac:dyDescent="0.4">
      <c r="A4081">
        <v>4125</v>
      </c>
      <c r="B4081" s="1">
        <v>44276</v>
      </c>
      <c r="C4081">
        <v>2</v>
      </c>
      <c r="D4081" s="1">
        <v>44276.379861111112</v>
      </c>
      <c r="E4081" s="1">
        <v>44276.75</v>
      </c>
      <c r="F4081">
        <v>40755</v>
      </c>
      <c r="G4081">
        <v>3520</v>
      </c>
      <c r="H4081">
        <v>0</v>
      </c>
      <c r="I4081">
        <v>0</v>
      </c>
      <c r="J4081">
        <v>500</v>
      </c>
      <c r="K4081">
        <v>800</v>
      </c>
      <c r="L4081">
        <v>0</v>
      </c>
      <c r="M4081">
        <v>4457</v>
      </c>
      <c r="N4081">
        <v>0</v>
      </c>
      <c r="O4081">
        <v>0</v>
      </c>
      <c r="P4081">
        <v>19207</v>
      </c>
      <c r="Q4081">
        <v>0</v>
      </c>
      <c r="R4081">
        <v>68239</v>
      </c>
      <c r="S4081">
        <v>0</v>
      </c>
      <c r="T4081">
        <v>0</v>
      </c>
      <c r="U4081">
        <v>0</v>
      </c>
      <c r="V4081">
        <v>6</v>
      </c>
      <c r="W4081">
        <v>2</v>
      </c>
      <c r="X4081">
        <v>0</v>
      </c>
      <c r="Y4081">
        <v>21</v>
      </c>
      <c r="Z4081">
        <v>23</v>
      </c>
      <c r="AA4081">
        <v>85</v>
      </c>
      <c r="AB4081">
        <v>56</v>
      </c>
      <c r="AC4081">
        <v>122</v>
      </c>
      <c r="AD4081">
        <v>49</v>
      </c>
      <c r="AE4081">
        <v>87</v>
      </c>
      <c r="AF4081">
        <v>2887</v>
      </c>
      <c r="AG4081">
        <v>118239</v>
      </c>
      <c r="AH4081">
        <v>50000</v>
      </c>
      <c r="AI4081">
        <v>0</v>
      </c>
      <c r="AJ4081">
        <v>85</v>
      </c>
      <c r="AK4081" t="s">
        <v>7</v>
      </c>
      <c r="AL4081">
        <v>0</v>
      </c>
      <c r="AM4081">
        <v>0</v>
      </c>
      <c r="AN4081">
        <v>0</v>
      </c>
      <c r="AO4081">
        <v>0</v>
      </c>
      <c r="AP4081">
        <v>0</v>
      </c>
      <c r="AQ4081">
        <v>0</v>
      </c>
      <c r="AR4081">
        <v>0</v>
      </c>
      <c r="AS4081">
        <v>0</v>
      </c>
      <c r="AT4081">
        <v>0</v>
      </c>
      <c r="AU4081">
        <v>0</v>
      </c>
      <c r="AV4081">
        <v>0</v>
      </c>
      <c r="AW4081">
        <v>0</v>
      </c>
      <c r="AX4081">
        <v>0</v>
      </c>
      <c r="AY4081">
        <v>45</v>
      </c>
      <c r="AZ4081">
        <v>111</v>
      </c>
      <c r="BA4081">
        <v>7260</v>
      </c>
    </row>
    <row r="4082" spans="1:53" x14ac:dyDescent="0.4">
      <c r="A4082">
        <v>4126</v>
      </c>
      <c r="B4082" s="1">
        <v>44277</v>
      </c>
      <c r="C4082">
        <v>1</v>
      </c>
      <c r="D4082" s="1">
        <v>44277.291666666664</v>
      </c>
      <c r="E4082" s="1">
        <v>44277.37222222222</v>
      </c>
      <c r="F4082">
        <v>0</v>
      </c>
      <c r="G4082">
        <v>0</v>
      </c>
      <c r="H4082">
        <v>0</v>
      </c>
      <c r="I4082">
        <v>0</v>
      </c>
      <c r="J4082">
        <v>0</v>
      </c>
      <c r="K4082">
        <v>0</v>
      </c>
      <c r="L4082">
        <v>0</v>
      </c>
      <c r="M4082">
        <v>0</v>
      </c>
      <c r="N4082">
        <v>0</v>
      </c>
      <c r="O4082">
        <v>0</v>
      </c>
      <c r="P4082">
        <v>0</v>
      </c>
      <c r="Q4082">
        <v>0</v>
      </c>
      <c r="R4082">
        <v>0</v>
      </c>
      <c r="S4082">
        <v>0</v>
      </c>
      <c r="T4082">
        <v>0</v>
      </c>
      <c r="U4082">
        <v>0</v>
      </c>
      <c r="V4082">
        <v>0</v>
      </c>
      <c r="W4082">
        <v>2</v>
      </c>
      <c r="X4082">
        <v>0</v>
      </c>
      <c r="Y4082">
        <v>22</v>
      </c>
      <c r="Z4082">
        <v>10</v>
      </c>
      <c r="AA4082">
        <v>89</v>
      </c>
      <c r="AB4082">
        <v>51</v>
      </c>
      <c r="AC4082">
        <v>117</v>
      </c>
      <c r="AD4082">
        <v>50</v>
      </c>
      <c r="AE4082">
        <v>130</v>
      </c>
      <c r="AF4082">
        <v>0</v>
      </c>
      <c r="AG4082">
        <v>50000</v>
      </c>
      <c r="AH4082">
        <v>50000</v>
      </c>
      <c r="AI4082">
        <v>0</v>
      </c>
      <c r="AJ4082">
        <v>0</v>
      </c>
      <c r="AK4082" t="s">
        <v>6</v>
      </c>
      <c r="AL4082">
        <v>0</v>
      </c>
      <c r="AM4082">
        <v>0</v>
      </c>
      <c r="AN4082">
        <v>0</v>
      </c>
      <c r="AO4082">
        <v>0</v>
      </c>
      <c r="AP4082">
        <v>0</v>
      </c>
      <c r="AQ4082">
        <v>0</v>
      </c>
      <c r="AR4082">
        <v>0</v>
      </c>
      <c r="AS4082">
        <v>0</v>
      </c>
      <c r="AT4082">
        <v>0</v>
      </c>
      <c r="AU4082">
        <v>0</v>
      </c>
      <c r="AV4082">
        <v>0</v>
      </c>
      <c r="AW4082">
        <v>0</v>
      </c>
      <c r="AX4082">
        <v>0</v>
      </c>
      <c r="AY4082">
        <v>0</v>
      </c>
      <c r="AZ4082">
        <v>0</v>
      </c>
      <c r="BA4082">
        <v>0</v>
      </c>
    </row>
    <row r="4083" spans="1:53" x14ac:dyDescent="0.4">
      <c r="A4083">
        <v>4127</v>
      </c>
      <c r="B4083" s="1">
        <v>44277</v>
      </c>
      <c r="C4083">
        <v>2</v>
      </c>
      <c r="D4083" s="1">
        <v>44277.37222222222</v>
      </c>
      <c r="E4083" s="1">
        <v>44277.777777777781</v>
      </c>
      <c r="F4083">
        <v>29230</v>
      </c>
      <c r="G4083">
        <v>3100</v>
      </c>
      <c r="H4083">
        <v>0</v>
      </c>
      <c r="I4083">
        <v>0</v>
      </c>
      <c r="J4083">
        <v>1320</v>
      </c>
      <c r="K4083">
        <v>480</v>
      </c>
      <c r="L4083">
        <v>0</v>
      </c>
      <c r="M4083">
        <v>3149</v>
      </c>
      <c r="N4083">
        <v>0</v>
      </c>
      <c r="O4083">
        <v>0</v>
      </c>
      <c r="P4083">
        <v>19354</v>
      </c>
      <c r="Q4083">
        <v>0</v>
      </c>
      <c r="R4083">
        <v>53993</v>
      </c>
      <c r="S4083">
        <v>0</v>
      </c>
      <c r="T4083">
        <v>0</v>
      </c>
      <c r="U4083">
        <v>0</v>
      </c>
      <c r="V4083">
        <v>1</v>
      </c>
      <c r="W4083">
        <v>2</v>
      </c>
      <c r="X4083">
        <v>0</v>
      </c>
      <c r="Y4083">
        <v>57</v>
      </c>
      <c r="Z4083">
        <v>20</v>
      </c>
      <c r="AA4083">
        <v>72</v>
      </c>
      <c r="AB4083">
        <v>42</v>
      </c>
      <c r="AC4083">
        <v>123</v>
      </c>
      <c r="AD4083">
        <v>54</v>
      </c>
      <c r="AE4083">
        <v>124</v>
      </c>
      <c r="AF4083">
        <v>6762</v>
      </c>
      <c r="AG4083">
        <v>104686</v>
      </c>
      <c r="AH4083">
        <v>50000</v>
      </c>
      <c r="AI4083">
        <v>693</v>
      </c>
      <c r="AJ4083">
        <v>107</v>
      </c>
      <c r="AK4083" t="s">
        <v>40</v>
      </c>
      <c r="AL4083">
        <v>0</v>
      </c>
      <c r="AM4083">
        <v>0</v>
      </c>
      <c r="AN4083">
        <v>0</v>
      </c>
      <c r="AO4083">
        <v>0</v>
      </c>
      <c r="AP4083">
        <v>0</v>
      </c>
      <c r="AQ4083">
        <v>0</v>
      </c>
      <c r="AR4083">
        <v>0</v>
      </c>
      <c r="AS4083">
        <v>0</v>
      </c>
      <c r="AT4083">
        <v>0</v>
      </c>
      <c r="AU4083">
        <v>0</v>
      </c>
      <c r="AV4083">
        <v>0</v>
      </c>
      <c r="AW4083">
        <v>0</v>
      </c>
      <c r="AX4083">
        <v>693</v>
      </c>
      <c r="AY4083">
        <v>37</v>
      </c>
      <c r="AZ4083">
        <v>75</v>
      </c>
      <c r="BA4083">
        <v>7277</v>
      </c>
    </row>
    <row r="4084" spans="1:53" x14ac:dyDescent="0.4">
      <c r="A4084">
        <v>4128</v>
      </c>
      <c r="B4084" s="1">
        <v>44277</v>
      </c>
      <c r="C4084">
        <v>3</v>
      </c>
      <c r="D4084" s="1">
        <v>44277.777777777781</v>
      </c>
      <c r="E4084" s="1">
        <v>44277.888194444444</v>
      </c>
      <c r="F4084">
        <v>20900</v>
      </c>
      <c r="G4084">
        <v>0</v>
      </c>
      <c r="H4084">
        <v>0</v>
      </c>
      <c r="I4084">
        <v>0</v>
      </c>
      <c r="J4084">
        <v>515</v>
      </c>
      <c r="K4084">
        <v>0</v>
      </c>
      <c r="L4084">
        <v>0</v>
      </c>
      <c r="M4084">
        <v>2038</v>
      </c>
      <c r="N4084">
        <v>0</v>
      </c>
      <c r="O4084">
        <v>0</v>
      </c>
      <c r="P4084">
        <v>-19354</v>
      </c>
      <c r="Q4084">
        <v>0</v>
      </c>
      <c r="R4084">
        <v>3069</v>
      </c>
      <c r="S4084">
        <v>0</v>
      </c>
      <c r="T4084">
        <v>0</v>
      </c>
      <c r="U4084">
        <v>0</v>
      </c>
      <c r="V4084">
        <v>1</v>
      </c>
      <c r="W4084">
        <v>3</v>
      </c>
      <c r="X4084">
        <v>0</v>
      </c>
      <c r="Y4084">
        <v>55</v>
      </c>
      <c r="Z4084">
        <v>19</v>
      </c>
      <c r="AA4084">
        <v>71</v>
      </c>
      <c r="AB4084">
        <v>42</v>
      </c>
      <c r="AC4084">
        <v>120</v>
      </c>
      <c r="AD4084">
        <v>55</v>
      </c>
      <c r="AE4084">
        <v>125</v>
      </c>
      <c r="AF4084">
        <v>6762</v>
      </c>
      <c r="AG4084">
        <v>107062</v>
      </c>
      <c r="AH4084">
        <v>50000</v>
      </c>
      <c r="AI4084">
        <v>0</v>
      </c>
      <c r="AJ4084">
        <v>95</v>
      </c>
      <c r="AK4084" t="s">
        <v>21</v>
      </c>
      <c r="AL4084">
        <v>0</v>
      </c>
      <c r="AM4084">
        <v>0</v>
      </c>
      <c r="AN4084">
        <v>0</v>
      </c>
      <c r="AO4084">
        <v>0</v>
      </c>
      <c r="AP4084">
        <v>0</v>
      </c>
      <c r="AQ4084">
        <v>0</v>
      </c>
      <c r="AR4084">
        <v>0</v>
      </c>
      <c r="AS4084">
        <v>0</v>
      </c>
      <c r="AT4084">
        <v>0</v>
      </c>
      <c r="AU4084">
        <v>0</v>
      </c>
      <c r="AV4084">
        <v>0</v>
      </c>
      <c r="AW4084">
        <v>0</v>
      </c>
      <c r="AX4084">
        <v>5060</v>
      </c>
      <c r="AY4084">
        <v>4</v>
      </c>
      <c r="AZ4084">
        <v>7</v>
      </c>
      <c r="BA4084">
        <v>1113</v>
      </c>
    </row>
    <row r="4085" spans="1:53" x14ac:dyDescent="0.4">
      <c r="A4085">
        <v>4129</v>
      </c>
      <c r="B4085" s="1">
        <v>44278</v>
      </c>
      <c r="C4085">
        <v>1</v>
      </c>
      <c r="D4085" s="1">
        <v>44278.291666666664</v>
      </c>
      <c r="E4085" s="1">
        <v>44278.394444444442</v>
      </c>
      <c r="F4085">
        <v>0</v>
      </c>
      <c r="G4085">
        <v>0</v>
      </c>
      <c r="H4085">
        <v>0</v>
      </c>
      <c r="I4085">
        <v>0</v>
      </c>
      <c r="J4085">
        <v>0</v>
      </c>
      <c r="K4085">
        <v>0</v>
      </c>
      <c r="L4085">
        <v>0</v>
      </c>
      <c r="M4085">
        <v>0</v>
      </c>
      <c r="N4085">
        <v>0</v>
      </c>
      <c r="O4085">
        <v>0</v>
      </c>
      <c r="P4085">
        <v>0</v>
      </c>
      <c r="Q4085">
        <v>0</v>
      </c>
      <c r="R4085">
        <v>0</v>
      </c>
      <c r="S4085">
        <v>0</v>
      </c>
      <c r="T4085">
        <v>0</v>
      </c>
      <c r="U4085">
        <v>0</v>
      </c>
      <c r="V4085">
        <v>0</v>
      </c>
      <c r="W4085">
        <v>0</v>
      </c>
      <c r="X4085">
        <v>0</v>
      </c>
      <c r="Y4085">
        <v>33</v>
      </c>
      <c r="Z4085">
        <v>15</v>
      </c>
      <c r="AA4085">
        <v>59</v>
      </c>
      <c r="AB4085">
        <v>40</v>
      </c>
      <c r="AC4085">
        <v>119</v>
      </c>
      <c r="AD4085">
        <v>58</v>
      </c>
      <c r="AE4085">
        <v>120</v>
      </c>
      <c r="AF4085">
        <v>0</v>
      </c>
      <c r="AG4085">
        <v>50000</v>
      </c>
      <c r="AH4085">
        <v>50000</v>
      </c>
      <c r="AI4085">
        <v>0</v>
      </c>
      <c r="AJ4085">
        <v>0</v>
      </c>
      <c r="AK4085" t="s">
        <v>6</v>
      </c>
      <c r="AL4085">
        <v>0</v>
      </c>
      <c r="AM4085">
        <v>0</v>
      </c>
      <c r="AN4085">
        <v>0</v>
      </c>
      <c r="AO4085">
        <v>0</v>
      </c>
      <c r="AP4085">
        <v>0</v>
      </c>
      <c r="AQ4085">
        <v>0</v>
      </c>
      <c r="AR4085">
        <v>0</v>
      </c>
      <c r="AS4085">
        <v>0</v>
      </c>
      <c r="AT4085">
        <v>0</v>
      </c>
      <c r="AU4085">
        <v>0</v>
      </c>
      <c r="AV4085">
        <v>0</v>
      </c>
      <c r="AW4085">
        <v>0</v>
      </c>
      <c r="AX4085">
        <v>0</v>
      </c>
      <c r="AY4085">
        <v>0</v>
      </c>
      <c r="AZ4085">
        <v>0</v>
      </c>
      <c r="BA4085">
        <v>0</v>
      </c>
    </row>
    <row r="4086" spans="1:53" x14ac:dyDescent="0.4">
      <c r="A4086">
        <v>4130</v>
      </c>
      <c r="B4086" s="1">
        <v>44278</v>
      </c>
      <c r="C4086">
        <v>2</v>
      </c>
      <c r="D4086" s="1">
        <v>44278.394444444442</v>
      </c>
      <c r="E4086" s="1">
        <v>44278.756249999999</v>
      </c>
      <c r="F4086">
        <v>33720</v>
      </c>
      <c r="G4086">
        <v>1220</v>
      </c>
      <c r="H4086">
        <v>0</v>
      </c>
      <c r="I4086">
        <v>0</v>
      </c>
      <c r="J4086">
        <v>100</v>
      </c>
      <c r="K4086">
        <v>1870</v>
      </c>
      <c r="L4086">
        <v>0</v>
      </c>
      <c r="M4086">
        <v>3671</v>
      </c>
      <c r="N4086">
        <v>0</v>
      </c>
      <c r="O4086">
        <v>0</v>
      </c>
      <c r="P4086">
        <v>20515</v>
      </c>
      <c r="Q4086">
        <v>0</v>
      </c>
      <c r="R4086">
        <v>60896</v>
      </c>
      <c r="S4086">
        <v>0</v>
      </c>
      <c r="T4086">
        <v>0</v>
      </c>
      <c r="U4086">
        <v>0</v>
      </c>
      <c r="V4086">
        <v>2</v>
      </c>
      <c r="W4086">
        <v>3</v>
      </c>
      <c r="X4086">
        <v>0</v>
      </c>
      <c r="Y4086">
        <v>56</v>
      </c>
      <c r="Z4086">
        <v>24</v>
      </c>
      <c r="AA4086">
        <v>40</v>
      </c>
      <c r="AB4086">
        <v>28</v>
      </c>
      <c r="AC4086">
        <v>133</v>
      </c>
      <c r="AD4086">
        <v>56</v>
      </c>
      <c r="AE4086">
        <v>116</v>
      </c>
      <c r="AF4086">
        <v>770</v>
      </c>
      <c r="AG4086">
        <v>110896</v>
      </c>
      <c r="AH4086">
        <v>50000</v>
      </c>
      <c r="AI4086">
        <v>0</v>
      </c>
      <c r="AJ4086">
        <v>98</v>
      </c>
      <c r="AK4086" t="s">
        <v>35</v>
      </c>
      <c r="AL4086">
        <v>0</v>
      </c>
      <c r="AM4086">
        <v>0</v>
      </c>
      <c r="AN4086">
        <v>0</v>
      </c>
      <c r="AO4086">
        <v>0</v>
      </c>
      <c r="AP4086">
        <v>0</v>
      </c>
      <c r="AQ4086">
        <v>0</v>
      </c>
      <c r="AR4086">
        <v>0</v>
      </c>
      <c r="AS4086">
        <v>0</v>
      </c>
      <c r="AT4086">
        <v>0</v>
      </c>
      <c r="AU4086">
        <v>0</v>
      </c>
      <c r="AV4086">
        <v>0</v>
      </c>
      <c r="AW4086">
        <v>0</v>
      </c>
      <c r="AX4086">
        <v>0</v>
      </c>
      <c r="AY4086">
        <v>41</v>
      </c>
      <c r="AZ4086">
        <v>85</v>
      </c>
      <c r="BA4086">
        <v>6830</v>
      </c>
    </row>
    <row r="4087" spans="1:53" x14ac:dyDescent="0.4">
      <c r="A4087">
        <v>4131</v>
      </c>
      <c r="B4087" s="1">
        <v>44278</v>
      </c>
      <c r="C4087">
        <v>3</v>
      </c>
      <c r="D4087" s="1">
        <v>44278.756249999999</v>
      </c>
      <c r="E4087" s="1">
        <v>44278.948611111111</v>
      </c>
      <c r="F4087">
        <v>36240</v>
      </c>
      <c r="G4087">
        <v>3390</v>
      </c>
      <c r="H4087">
        <v>0</v>
      </c>
      <c r="I4087">
        <v>0</v>
      </c>
      <c r="J4087">
        <v>340</v>
      </c>
      <c r="K4087">
        <v>0</v>
      </c>
      <c r="L4087">
        <v>0</v>
      </c>
      <c r="M4087">
        <v>3929</v>
      </c>
      <c r="N4087">
        <v>0</v>
      </c>
      <c r="O4087">
        <v>0</v>
      </c>
      <c r="P4087">
        <v>-20515</v>
      </c>
      <c r="Q4087">
        <v>0</v>
      </c>
      <c r="R4087">
        <v>22704</v>
      </c>
      <c r="S4087">
        <v>0</v>
      </c>
      <c r="T4087">
        <v>0</v>
      </c>
      <c r="U4087">
        <v>0</v>
      </c>
      <c r="V4087">
        <v>1</v>
      </c>
      <c r="W4087">
        <v>3</v>
      </c>
      <c r="X4087">
        <v>0</v>
      </c>
      <c r="Y4087">
        <v>74</v>
      </c>
      <c r="Z4087">
        <v>26</v>
      </c>
      <c r="AA4087">
        <v>49</v>
      </c>
      <c r="AB4087">
        <v>27</v>
      </c>
      <c r="AC4087">
        <v>131</v>
      </c>
      <c r="AD4087">
        <v>55</v>
      </c>
      <c r="AE4087">
        <v>108</v>
      </c>
      <c r="AF4087">
        <v>13657</v>
      </c>
      <c r="AG4087">
        <v>133600</v>
      </c>
      <c r="AH4087">
        <v>50000</v>
      </c>
      <c r="AI4087">
        <v>0</v>
      </c>
      <c r="AJ4087">
        <v>95</v>
      </c>
      <c r="AK4087" t="s">
        <v>21</v>
      </c>
      <c r="AL4087">
        <v>0</v>
      </c>
      <c r="AM4087">
        <v>0</v>
      </c>
      <c r="AN4087">
        <v>0</v>
      </c>
      <c r="AO4087">
        <v>0</v>
      </c>
      <c r="AP4087">
        <v>0</v>
      </c>
      <c r="AQ4087">
        <v>0</v>
      </c>
      <c r="AR4087">
        <v>0</v>
      </c>
      <c r="AS4087">
        <v>0</v>
      </c>
      <c r="AT4087">
        <v>0</v>
      </c>
      <c r="AU4087">
        <v>0</v>
      </c>
      <c r="AV4087">
        <v>0</v>
      </c>
      <c r="AW4087">
        <v>0</v>
      </c>
      <c r="AX4087">
        <v>9553</v>
      </c>
      <c r="AY4087">
        <v>8</v>
      </c>
      <c r="AZ4087">
        <v>23</v>
      </c>
      <c r="BA4087">
        <v>2019</v>
      </c>
    </row>
    <row r="4088" spans="1:53" x14ac:dyDescent="0.4">
      <c r="A4088">
        <v>4132</v>
      </c>
      <c r="B4088" s="1">
        <v>44279</v>
      </c>
      <c r="C4088">
        <v>1</v>
      </c>
      <c r="D4088" s="1">
        <v>44279.291666666664</v>
      </c>
      <c r="E4088" s="1">
        <v>44279.373611111114</v>
      </c>
      <c r="F4088">
        <v>0</v>
      </c>
      <c r="G4088">
        <v>0</v>
      </c>
      <c r="H4088">
        <v>0</v>
      </c>
      <c r="I4088">
        <v>0</v>
      </c>
      <c r="J4088">
        <v>0</v>
      </c>
      <c r="K4088">
        <v>0</v>
      </c>
      <c r="L4088">
        <v>0</v>
      </c>
      <c r="M4088">
        <v>0</v>
      </c>
      <c r="N4088">
        <v>0</v>
      </c>
      <c r="O4088">
        <v>0</v>
      </c>
      <c r="P4088">
        <v>0</v>
      </c>
      <c r="Q4088">
        <v>0</v>
      </c>
      <c r="R4088">
        <v>0</v>
      </c>
      <c r="S4088">
        <v>0</v>
      </c>
      <c r="T4088">
        <v>0</v>
      </c>
      <c r="U4088">
        <v>0</v>
      </c>
      <c r="V4088">
        <v>0</v>
      </c>
      <c r="W4088">
        <v>0</v>
      </c>
      <c r="X4088">
        <v>0</v>
      </c>
      <c r="Y4088">
        <v>35</v>
      </c>
      <c r="Z4088">
        <v>15</v>
      </c>
      <c r="AA4088">
        <v>46</v>
      </c>
      <c r="AB4088">
        <v>25</v>
      </c>
      <c r="AC4088">
        <v>127</v>
      </c>
      <c r="AD4088">
        <v>55</v>
      </c>
      <c r="AE4088">
        <v>105</v>
      </c>
      <c r="AF4088">
        <v>0</v>
      </c>
      <c r="AG4088">
        <v>50000</v>
      </c>
      <c r="AH4088">
        <v>50000</v>
      </c>
      <c r="AI4088">
        <v>0</v>
      </c>
      <c r="AJ4088">
        <v>0</v>
      </c>
      <c r="AK4088" t="s">
        <v>6</v>
      </c>
      <c r="AL4088">
        <v>0</v>
      </c>
      <c r="AM4088">
        <v>0</v>
      </c>
      <c r="AN4088">
        <v>0</v>
      </c>
      <c r="AO4088">
        <v>0</v>
      </c>
      <c r="AP4088">
        <v>0</v>
      </c>
      <c r="AQ4088">
        <v>0</v>
      </c>
      <c r="AR4088">
        <v>0</v>
      </c>
      <c r="AS4088">
        <v>0</v>
      </c>
      <c r="AT4088">
        <v>0</v>
      </c>
      <c r="AU4088">
        <v>0</v>
      </c>
      <c r="AV4088">
        <v>0</v>
      </c>
      <c r="AW4088">
        <v>0</v>
      </c>
      <c r="AX4088">
        <v>0</v>
      </c>
      <c r="AY4088">
        <v>0</v>
      </c>
      <c r="AZ4088">
        <v>0</v>
      </c>
      <c r="BA4088">
        <v>0</v>
      </c>
    </row>
    <row r="4089" spans="1:53" x14ac:dyDescent="0.4">
      <c r="A4089">
        <v>4133</v>
      </c>
      <c r="B4089" s="1">
        <v>44279</v>
      </c>
      <c r="C4089">
        <v>2</v>
      </c>
      <c r="D4089" s="1">
        <v>44279.373611111114</v>
      </c>
      <c r="E4089" s="1">
        <v>44279.774305555555</v>
      </c>
      <c r="F4089">
        <v>39180</v>
      </c>
      <c r="G4089">
        <v>3210</v>
      </c>
      <c r="H4089">
        <v>0</v>
      </c>
      <c r="I4089">
        <v>0</v>
      </c>
      <c r="J4089">
        <v>0</v>
      </c>
      <c r="K4089">
        <v>0</v>
      </c>
      <c r="L4089">
        <v>0</v>
      </c>
      <c r="M4089">
        <v>4239</v>
      </c>
      <c r="N4089">
        <v>0</v>
      </c>
      <c r="O4089">
        <v>0</v>
      </c>
      <c r="P4089">
        <v>11737</v>
      </c>
      <c r="Q4089">
        <v>0</v>
      </c>
      <c r="R4089">
        <v>58366</v>
      </c>
      <c r="S4089">
        <v>0</v>
      </c>
      <c r="T4089">
        <v>0</v>
      </c>
      <c r="U4089">
        <v>0</v>
      </c>
      <c r="V4089">
        <v>2</v>
      </c>
      <c r="W4089">
        <v>1</v>
      </c>
      <c r="X4089">
        <v>0</v>
      </c>
      <c r="Y4089">
        <v>59</v>
      </c>
      <c r="Z4089">
        <v>29</v>
      </c>
      <c r="AA4089">
        <v>59</v>
      </c>
      <c r="AB4089">
        <v>26</v>
      </c>
      <c r="AC4089">
        <v>134</v>
      </c>
      <c r="AD4089">
        <v>61</v>
      </c>
      <c r="AE4089">
        <v>108</v>
      </c>
      <c r="AF4089">
        <v>913</v>
      </c>
      <c r="AG4089">
        <v>108366</v>
      </c>
      <c r="AH4089">
        <v>50000</v>
      </c>
      <c r="AI4089">
        <v>0</v>
      </c>
      <c r="AJ4089">
        <v>85</v>
      </c>
      <c r="AK4089" t="s">
        <v>7</v>
      </c>
      <c r="AL4089">
        <v>0</v>
      </c>
      <c r="AM4089">
        <v>0</v>
      </c>
      <c r="AN4089">
        <v>0</v>
      </c>
      <c r="AO4089">
        <v>0</v>
      </c>
      <c r="AP4089">
        <v>0</v>
      </c>
      <c r="AQ4089">
        <v>0</v>
      </c>
      <c r="AR4089">
        <v>0</v>
      </c>
      <c r="AS4089">
        <v>0</v>
      </c>
      <c r="AT4089">
        <v>0</v>
      </c>
      <c r="AU4089">
        <v>0</v>
      </c>
      <c r="AV4089">
        <v>0</v>
      </c>
      <c r="AW4089">
        <v>0</v>
      </c>
      <c r="AX4089">
        <v>-616</v>
      </c>
      <c r="AY4089">
        <v>39</v>
      </c>
      <c r="AZ4089">
        <v>89</v>
      </c>
      <c r="BA4089">
        <v>6600</v>
      </c>
    </row>
    <row r="4090" spans="1:53" x14ac:dyDescent="0.4">
      <c r="A4090">
        <v>4134</v>
      </c>
      <c r="B4090" s="1">
        <v>44280</v>
      </c>
      <c r="C4090">
        <v>1</v>
      </c>
      <c r="D4090" s="1">
        <v>44280.291666666664</v>
      </c>
      <c r="E4090" s="1">
        <v>44280.398611111108</v>
      </c>
      <c r="F4090">
        <v>0</v>
      </c>
      <c r="G4090">
        <v>0</v>
      </c>
      <c r="H4090">
        <v>0</v>
      </c>
      <c r="I4090">
        <v>0</v>
      </c>
      <c r="J4090">
        <v>0</v>
      </c>
      <c r="K4090">
        <v>0</v>
      </c>
      <c r="L4090">
        <v>0</v>
      </c>
      <c r="M4090">
        <v>0</v>
      </c>
      <c r="N4090">
        <v>0</v>
      </c>
      <c r="O4090">
        <v>0</v>
      </c>
      <c r="P4090">
        <v>0</v>
      </c>
      <c r="Q4090">
        <v>0</v>
      </c>
      <c r="R4090">
        <v>0</v>
      </c>
      <c r="S4090">
        <v>0</v>
      </c>
      <c r="T4090">
        <v>0</v>
      </c>
      <c r="U4090">
        <v>0</v>
      </c>
      <c r="V4090">
        <v>0</v>
      </c>
      <c r="W4090">
        <v>0</v>
      </c>
      <c r="X4090">
        <v>0</v>
      </c>
      <c r="Y4090">
        <v>34</v>
      </c>
      <c r="Z4090">
        <v>9</v>
      </c>
      <c r="AA4090">
        <v>82</v>
      </c>
      <c r="AB4090">
        <v>32</v>
      </c>
      <c r="AC4090">
        <v>130</v>
      </c>
      <c r="AD4090">
        <v>61</v>
      </c>
      <c r="AE4090">
        <v>95</v>
      </c>
      <c r="AF4090">
        <v>0</v>
      </c>
      <c r="AG4090">
        <v>50000</v>
      </c>
      <c r="AH4090">
        <v>50000</v>
      </c>
      <c r="AI4090">
        <v>0</v>
      </c>
      <c r="AJ4090">
        <v>0</v>
      </c>
      <c r="AK4090" t="s">
        <v>6</v>
      </c>
      <c r="AL4090">
        <v>0</v>
      </c>
      <c r="AM4090">
        <v>0</v>
      </c>
      <c r="AN4090">
        <v>0</v>
      </c>
      <c r="AO4090">
        <v>0</v>
      </c>
      <c r="AP4090">
        <v>0</v>
      </c>
      <c r="AQ4090">
        <v>0</v>
      </c>
      <c r="AR4090">
        <v>0</v>
      </c>
      <c r="AS4090">
        <v>0</v>
      </c>
      <c r="AT4090">
        <v>0</v>
      </c>
      <c r="AU4090">
        <v>0</v>
      </c>
      <c r="AV4090">
        <v>0</v>
      </c>
      <c r="AW4090">
        <v>0</v>
      </c>
      <c r="AX4090">
        <v>0</v>
      </c>
      <c r="AY4090">
        <v>0</v>
      </c>
      <c r="AZ4090">
        <v>0</v>
      </c>
      <c r="BA4090">
        <v>0</v>
      </c>
    </row>
    <row r="4091" spans="1:53" x14ac:dyDescent="0.4">
      <c r="A4091">
        <v>4135</v>
      </c>
      <c r="B4091" s="1">
        <v>44280</v>
      </c>
      <c r="C4091">
        <v>2</v>
      </c>
      <c r="D4091" s="1">
        <v>44280.398611111108</v>
      </c>
      <c r="E4091" s="1">
        <v>44280.761111111111</v>
      </c>
      <c r="F4091">
        <v>32090</v>
      </c>
      <c r="G4091">
        <v>2560</v>
      </c>
      <c r="H4091">
        <v>0</v>
      </c>
      <c r="I4091">
        <v>0</v>
      </c>
      <c r="J4091">
        <v>100</v>
      </c>
      <c r="K4091">
        <v>0</v>
      </c>
      <c r="L4091">
        <v>0</v>
      </c>
      <c r="M4091">
        <v>3455</v>
      </c>
      <c r="N4091">
        <v>0</v>
      </c>
      <c r="O4091">
        <v>0</v>
      </c>
      <c r="P4091">
        <v>19250</v>
      </c>
      <c r="Q4091">
        <v>0</v>
      </c>
      <c r="R4091">
        <v>57255</v>
      </c>
      <c r="S4091">
        <v>0</v>
      </c>
      <c r="T4091">
        <v>0</v>
      </c>
      <c r="U4091">
        <v>0</v>
      </c>
      <c r="V4091">
        <v>1</v>
      </c>
      <c r="W4091">
        <v>2</v>
      </c>
      <c r="X4091">
        <v>0</v>
      </c>
      <c r="Y4091">
        <v>68</v>
      </c>
      <c r="Z4091">
        <v>11</v>
      </c>
      <c r="AA4091">
        <v>66</v>
      </c>
      <c r="AB4091">
        <v>27</v>
      </c>
      <c r="AC4091">
        <v>116</v>
      </c>
      <c r="AD4091">
        <v>70</v>
      </c>
      <c r="AE4091">
        <v>87</v>
      </c>
      <c r="AF4091">
        <v>4448</v>
      </c>
      <c r="AG4091">
        <v>107495</v>
      </c>
      <c r="AH4091">
        <v>50000</v>
      </c>
      <c r="AI4091">
        <v>240</v>
      </c>
      <c r="AJ4091">
        <v>85</v>
      </c>
      <c r="AK4091" t="s">
        <v>7</v>
      </c>
      <c r="AL4091">
        <v>0</v>
      </c>
      <c r="AM4091">
        <v>0</v>
      </c>
      <c r="AN4091">
        <v>0</v>
      </c>
      <c r="AO4091">
        <v>0</v>
      </c>
      <c r="AP4091">
        <v>0</v>
      </c>
      <c r="AQ4091">
        <v>0</v>
      </c>
      <c r="AR4091">
        <v>0</v>
      </c>
      <c r="AS4091">
        <v>0</v>
      </c>
      <c r="AT4091">
        <v>0</v>
      </c>
      <c r="AU4091">
        <v>0</v>
      </c>
      <c r="AV4091">
        <v>0</v>
      </c>
      <c r="AW4091">
        <v>0</v>
      </c>
      <c r="AX4091">
        <v>825</v>
      </c>
      <c r="AY4091">
        <v>40</v>
      </c>
      <c r="AZ4091">
        <v>85</v>
      </c>
      <c r="BA4091">
        <v>6544</v>
      </c>
    </row>
    <row r="4092" spans="1:53" x14ac:dyDescent="0.4">
      <c r="A4092">
        <v>4136</v>
      </c>
      <c r="B4092" s="1">
        <v>44281</v>
      </c>
      <c r="C4092">
        <v>1</v>
      </c>
      <c r="D4092" s="1">
        <v>44281.291666666664</v>
      </c>
      <c r="E4092" s="1">
        <v>44281.388888888891</v>
      </c>
      <c r="F4092">
        <v>0</v>
      </c>
      <c r="G4092">
        <v>0</v>
      </c>
      <c r="H4092">
        <v>0</v>
      </c>
      <c r="I4092">
        <v>0</v>
      </c>
      <c r="J4092">
        <v>0</v>
      </c>
      <c r="K4092">
        <v>0</v>
      </c>
      <c r="L4092">
        <v>0</v>
      </c>
      <c r="M4092">
        <v>0</v>
      </c>
      <c r="N4092">
        <v>0</v>
      </c>
      <c r="O4092">
        <v>0</v>
      </c>
      <c r="P4092">
        <v>0</v>
      </c>
      <c r="Q4092">
        <v>0</v>
      </c>
      <c r="R4092">
        <v>0</v>
      </c>
      <c r="S4092">
        <v>0</v>
      </c>
      <c r="T4092">
        <v>0</v>
      </c>
      <c r="U4092">
        <v>0</v>
      </c>
      <c r="V4092">
        <v>0</v>
      </c>
      <c r="W4092">
        <v>0</v>
      </c>
      <c r="X4092">
        <v>0</v>
      </c>
      <c r="Y4092">
        <v>36</v>
      </c>
      <c r="Z4092">
        <v>10</v>
      </c>
      <c r="AA4092">
        <v>60</v>
      </c>
      <c r="AB4092">
        <v>29</v>
      </c>
      <c r="AC4092">
        <v>111</v>
      </c>
      <c r="AD4092">
        <v>70</v>
      </c>
      <c r="AE4092">
        <v>90</v>
      </c>
      <c r="AF4092">
        <v>0</v>
      </c>
      <c r="AG4092">
        <v>50000</v>
      </c>
      <c r="AH4092">
        <v>50000</v>
      </c>
      <c r="AI4092">
        <v>0</v>
      </c>
      <c r="AJ4092">
        <v>0</v>
      </c>
      <c r="AK4092" t="s">
        <v>6</v>
      </c>
      <c r="AL4092">
        <v>0</v>
      </c>
      <c r="AM4092">
        <v>0</v>
      </c>
      <c r="AN4092">
        <v>0</v>
      </c>
      <c r="AO4092">
        <v>0</v>
      </c>
      <c r="AP4092">
        <v>0</v>
      </c>
      <c r="AQ4092">
        <v>0</v>
      </c>
      <c r="AR4092">
        <v>0</v>
      </c>
      <c r="AS4092">
        <v>0</v>
      </c>
      <c r="AT4092">
        <v>0</v>
      </c>
      <c r="AU4092">
        <v>0</v>
      </c>
      <c r="AV4092">
        <v>0</v>
      </c>
      <c r="AW4092">
        <v>0</v>
      </c>
      <c r="AX4092">
        <v>0</v>
      </c>
      <c r="AY4092">
        <v>0</v>
      </c>
      <c r="AZ4092">
        <v>0</v>
      </c>
      <c r="BA4092">
        <v>0</v>
      </c>
    </row>
    <row r="4093" spans="1:53" x14ac:dyDescent="0.4">
      <c r="A4093">
        <v>4137</v>
      </c>
      <c r="B4093" s="1">
        <v>44281</v>
      </c>
      <c r="C4093">
        <v>2</v>
      </c>
      <c r="D4093" s="1">
        <v>44281.388888888891</v>
      </c>
      <c r="E4093" s="1">
        <v>44281.754166666666</v>
      </c>
      <c r="F4093">
        <v>35440</v>
      </c>
      <c r="G4093">
        <v>2340</v>
      </c>
      <c r="H4093">
        <v>0</v>
      </c>
      <c r="I4093">
        <v>0</v>
      </c>
      <c r="J4093">
        <v>100</v>
      </c>
      <c r="K4093">
        <v>0</v>
      </c>
      <c r="L4093">
        <v>0</v>
      </c>
      <c r="M4093">
        <v>3768</v>
      </c>
      <c r="N4093">
        <v>0</v>
      </c>
      <c r="O4093">
        <v>0</v>
      </c>
      <c r="P4093">
        <v>15730</v>
      </c>
      <c r="Q4093">
        <v>0</v>
      </c>
      <c r="R4093">
        <v>57178</v>
      </c>
      <c r="S4093">
        <v>0</v>
      </c>
      <c r="T4093">
        <v>0</v>
      </c>
      <c r="U4093">
        <v>0</v>
      </c>
      <c r="V4093">
        <v>3</v>
      </c>
      <c r="W4093">
        <v>0</v>
      </c>
      <c r="X4093">
        <v>0</v>
      </c>
      <c r="Y4093">
        <v>56</v>
      </c>
      <c r="Z4093">
        <v>21</v>
      </c>
      <c r="AA4093">
        <v>67</v>
      </c>
      <c r="AB4093">
        <v>31</v>
      </c>
      <c r="AC4093">
        <v>124</v>
      </c>
      <c r="AD4093">
        <v>80</v>
      </c>
      <c r="AE4093">
        <v>95</v>
      </c>
      <c r="AF4093">
        <v>693</v>
      </c>
      <c r="AG4093">
        <v>107178</v>
      </c>
      <c r="AH4093">
        <v>50000</v>
      </c>
      <c r="AI4093">
        <v>0</v>
      </c>
      <c r="AJ4093">
        <v>107</v>
      </c>
      <c r="AK4093" t="s">
        <v>40</v>
      </c>
      <c r="AL4093">
        <v>0</v>
      </c>
      <c r="AM4093">
        <v>0</v>
      </c>
      <c r="AN4093">
        <v>0</v>
      </c>
      <c r="AO4093">
        <v>0</v>
      </c>
      <c r="AP4093">
        <v>0</v>
      </c>
      <c r="AQ4093">
        <v>0</v>
      </c>
      <c r="AR4093">
        <v>0</v>
      </c>
      <c r="AS4093">
        <v>0</v>
      </c>
      <c r="AT4093">
        <v>0</v>
      </c>
      <c r="AU4093">
        <v>0</v>
      </c>
      <c r="AV4093">
        <v>0</v>
      </c>
      <c r="AW4093">
        <v>0</v>
      </c>
      <c r="AX4093">
        <v>2310</v>
      </c>
      <c r="AY4093">
        <v>43</v>
      </c>
      <c r="AZ4093">
        <v>85</v>
      </c>
      <c r="BA4093">
        <v>7222</v>
      </c>
    </row>
    <row r="4094" spans="1:53" x14ac:dyDescent="0.4">
      <c r="A4094">
        <v>4138</v>
      </c>
      <c r="B4094" s="1">
        <v>44281</v>
      </c>
      <c r="C4094">
        <v>3</v>
      </c>
      <c r="D4094" s="1">
        <v>44281.754166666666</v>
      </c>
      <c r="E4094" s="1">
        <v>44281.947222222225</v>
      </c>
      <c r="F4094">
        <v>22100</v>
      </c>
      <c r="G4094">
        <v>3940</v>
      </c>
      <c r="H4094">
        <v>0</v>
      </c>
      <c r="I4094">
        <v>0</v>
      </c>
      <c r="J4094">
        <v>0</v>
      </c>
      <c r="K4094">
        <v>0</v>
      </c>
      <c r="L4094">
        <v>0</v>
      </c>
      <c r="M4094">
        <v>2604</v>
      </c>
      <c r="N4094">
        <v>0</v>
      </c>
      <c r="O4094">
        <v>0</v>
      </c>
      <c r="P4094">
        <v>-13156</v>
      </c>
      <c r="Q4094">
        <v>0</v>
      </c>
      <c r="R4094">
        <v>15488</v>
      </c>
      <c r="S4094">
        <v>0</v>
      </c>
      <c r="T4094">
        <v>0</v>
      </c>
      <c r="U4094">
        <v>0</v>
      </c>
      <c r="V4094">
        <v>4</v>
      </c>
      <c r="W4094">
        <v>0</v>
      </c>
      <c r="X4094">
        <v>0</v>
      </c>
      <c r="Y4094">
        <v>61</v>
      </c>
      <c r="Z4094">
        <v>20</v>
      </c>
      <c r="AA4094">
        <v>77</v>
      </c>
      <c r="AB4094">
        <v>30</v>
      </c>
      <c r="AC4094">
        <v>127</v>
      </c>
      <c r="AD4094">
        <v>80</v>
      </c>
      <c r="AE4094">
        <v>103</v>
      </c>
      <c r="AF4094">
        <v>693</v>
      </c>
      <c r="AG4094">
        <v>122666</v>
      </c>
      <c r="AH4094">
        <v>50000</v>
      </c>
      <c r="AI4094">
        <v>0</v>
      </c>
      <c r="AJ4094">
        <v>108</v>
      </c>
      <c r="AK4094" t="s">
        <v>30</v>
      </c>
      <c r="AL4094">
        <v>0</v>
      </c>
      <c r="AM4094">
        <v>0</v>
      </c>
      <c r="AN4094">
        <v>0</v>
      </c>
      <c r="AO4094">
        <v>0</v>
      </c>
      <c r="AP4094">
        <v>0</v>
      </c>
      <c r="AQ4094">
        <v>0</v>
      </c>
      <c r="AR4094">
        <v>0</v>
      </c>
      <c r="AS4094">
        <v>0</v>
      </c>
      <c r="AT4094">
        <v>0</v>
      </c>
      <c r="AU4094">
        <v>0</v>
      </c>
      <c r="AV4094">
        <v>0</v>
      </c>
      <c r="AW4094">
        <v>0</v>
      </c>
      <c r="AX4094">
        <v>29200</v>
      </c>
      <c r="AY4094">
        <v>10</v>
      </c>
      <c r="AZ4094">
        <v>32</v>
      </c>
      <c r="BA4094">
        <v>1530</v>
      </c>
    </row>
    <row r="4095" spans="1:53" x14ac:dyDescent="0.4">
      <c r="A4095">
        <v>4139</v>
      </c>
      <c r="B4095" s="1">
        <v>44282</v>
      </c>
      <c r="C4095">
        <v>1</v>
      </c>
      <c r="D4095" s="1">
        <v>44282.291666666664</v>
      </c>
      <c r="E4095" s="1">
        <v>44282.397222222222</v>
      </c>
      <c r="F4095">
        <v>0</v>
      </c>
      <c r="G4095">
        <v>0</v>
      </c>
      <c r="H4095">
        <v>0</v>
      </c>
      <c r="I4095">
        <v>0</v>
      </c>
      <c r="J4095">
        <v>0</v>
      </c>
      <c r="K4095">
        <v>0</v>
      </c>
      <c r="L4095">
        <v>0</v>
      </c>
      <c r="M4095">
        <v>0</v>
      </c>
      <c r="N4095">
        <v>0</v>
      </c>
      <c r="O4095">
        <v>0</v>
      </c>
      <c r="P4095">
        <v>0</v>
      </c>
      <c r="Q4095">
        <v>0</v>
      </c>
      <c r="R4095">
        <v>0</v>
      </c>
      <c r="S4095">
        <v>0</v>
      </c>
      <c r="T4095">
        <v>0</v>
      </c>
      <c r="U4095">
        <v>0</v>
      </c>
      <c r="V4095">
        <v>0</v>
      </c>
      <c r="W4095">
        <v>0</v>
      </c>
      <c r="X4095">
        <v>0</v>
      </c>
      <c r="Y4095">
        <v>35</v>
      </c>
      <c r="Z4095">
        <v>8</v>
      </c>
      <c r="AA4095">
        <v>78</v>
      </c>
      <c r="AB4095">
        <v>30</v>
      </c>
      <c r="AC4095">
        <v>120</v>
      </c>
      <c r="AD4095">
        <v>80</v>
      </c>
      <c r="AE4095">
        <v>100</v>
      </c>
      <c r="AF4095">
        <v>0</v>
      </c>
      <c r="AG4095">
        <v>50000</v>
      </c>
      <c r="AH4095">
        <v>0</v>
      </c>
      <c r="AI4095">
        <v>50000</v>
      </c>
      <c r="AJ4095">
        <v>0</v>
      </c>
      <c r="AK4095" t="s">
        <v>6</v>
      </c>
      <c r="AL4095">
        <v>0</v>
      </c>
      <c r="AM4095">
        <v>0</v>
      </c>
      <c r="AN4095">
        <v>0</v>
      </c>
      <c r="AO4095">
        <v>0</v>
      </c>
      <c r="AP4095">
        <v>0</v>
      </c>
      <c r="AQ4095">
        <v>0</v>
      </c>
      <c r="AR4095">
        <v>0</v>
      </c>
      <c r="AS4095">
        <v>0</v>
      </c>
      <c r="AT4095">
        <v>0</v>
      </c>
      <c r="AU4095">
        <v>0</v>
      </c>
      <c r="AV4095">
        <v>0</v>
      </c>
      <c r="AW4095">
        <v>0</v>
      </c>
      <c r="AX4095">
        <v>0</v>
      </c>
      <c r="AY4095">
        <v>0</v>
      </c>
      <c r="AZ4095">
        <v>0</v>
      </c>
      <c r="BA4095">
        <v>0</v>
      </c>
    </row>
    <row r="4096" spans="1:53" x14ac:dyDescent="0.4">
      <c r="A4096">
        <v>4140</v>
      </c>
      <c r="B4096" s="1">
        <v>44282</v>
      </c>
      <c r="C4096">
        <v>2</v>
      </c>
      <c r="D4096" s="1">
        <v>44282.397222222222</v>
      </c>
      <c r="E4096" s="1">
        <v>44282.742361111108</v>
      </c>
      <c r="F4096">
        <v>35270</v>
      </c>
      <c r="G4096">
        <v>2700</v>
      </c>
      <c r="H4096">
        <v>0</v>
      </c>
      <c r="I4096">
        <v>0</v>
      </c>
      <c r="J4096">
        <v>0</v>
      </c>
      <c r="K4096">
        <v>0</v>
      </c>
      <c r="L4096">
        <v>0</v>
      </c>
      <c r="M4096">
        <v>3797</v>
      </c>
      <c r="N4096">
        <v>0</v>
      </c>
      <c r="O4096">
        <v>0</v>
      </c>
      <c r="P4096">
        <v>12375</v>
      </c>
      <c r="Q4096">
        <v>0</v>
      </c>
      <c r="R4096">
        <v>54142</v>
      </c>
      <c r="S4096">
        <v>0</v>
      </c>
      <c r="T4096">
        <v>0</v>
      </c>
      <c r="U4096">
        <v>0</v>
      </c>
      <c r="V4096">
        <v>1</v>
      </c>
      <c r="W4096">
        <v>4</v>
      </c>
      <c r="X4096">
        <v>0</v>
      </c>
      <c r="Y4096">
        <v>58</v>
      </c>
      <c r="Z4096">
        <v>6</v>
      </c>
      <c r="AA4096">
        <v>74</v>
      </c>
      <c r="AB4096">
        <v>34</v>
      </c>
      <c r="AC4096">
        <v>140</v>
      </c>
      <c r="AD4096">
        <v>88</v>
      </c>
      <c r="AE4096">
        <v>90</v>
      </c>
      <c r="AF4096">
        <v>2112</v>
      </c>
      <c r="AG4096">
        <v>104142</v>
      </c>
      <c r="AH4096">
        <v>50000</v>
      </c>
      <c r="AI4096">
        <v>0</v>
      </c>
      <c r="AJ4096">
        <v>110</v>
      </c>
      <c r="AK4096" t="s">
        <v>48</v>
      </c>
      <c r="AL4096">
        <v>0</v>
      </c>
      <c r="AM4096">
        <v>0</v>
      </c>
      <c r="AN4096">
        <v>0</v>
      </c>
      <c r="AO4096">
        <v>0</v>
      </c>
      <c r="AP4096">
        <v>0</v>
      </c>
      <c r="AQ4096">
        <v>0</v>
      </c>
      <c r="AR4096">
        <v>0</v>
      </c>
      <c r="AS4096">
        <v>0</v>
      </c>
      <c r="AT4096">
        <v>0</v>
      </c>
      <c r="AU4096">
        <v>0</v>
      </c>
      <c r="AV4096">
        <v>0</v>
      </c>
      <c r="AW4096">
        <v>0</v>
      </c>
      <c r="AX4096">
        <v>0</v>
      </c>
      <c r="AY4096">
        <v>38</v>
      </c>
      <c r="AZ4096">
        <v>84</v>
      </c>
      <c r="BA4096">
        <v>6000</v>
      </c>
    </row>
    <row r="4097" spans="1:53" x14ac:dyDescent="0.4">
      <c r="A4097">
        <v>4141</v>
      </c>
      <c r="B4097" s="1">
        <v>44282</v>
      </c>
      <c r="C4097">
        <v>3</v>
      </c>
      <c r="D4097" s="1">
        <v>44282.742361111108</v>
      </c>
      <c r="E4097" s="1">
        <v>44282.952777777777</v>
      </c>
      <c r="F4097">
        <v>48430</v>
      </c>
      <c r="G4097">
        <v>920</v>
      </c>
      <c r="H4097">
        <v>0</v>
      </c>
      <c r="I4097">
        <v>0</v>
      </c>
      <c r="J4097">
        <v>100</v>
      </c>
      <c r="K4097">
        <v>0</v>
      </c>
      <c r="L4097">
        <v>0</v>
      </c>
      <c r="M4097">
        <v>4925</v>
      </c>
      <c r="N4097">
        <v>0</v>
      </c>
      <c r="O4097">
        <v>0</v>
      </c>
      <c r="P4097">
        <v>-12375</v>
      </c>
      <c r="Q4097">
        <v>0</v>
      </c>
      <c r="R4097">
        <v>41800</v>
      </c>
      <c r="S4097">
        <v>0</v>
      </c>
      <c r="T4097">
        <v>0</v>
      </c>
      <c r="U4097">
        <v>0</v>
      </c>
      <c r="V4097">
        <v>4</v>
      </c>
      <c r="W4097">
        <v>1</v>
      </c>
      <c r="X4097">
        <v>0</v>
      </c>
      <c r="Y4097">
        <v>75</v>
      </c>
      <c r="Z4097">
        <v>4</v>
      </c>
      <c r="AA4097">
        <v>70</v>
      </c>
      <c r="AB4097">
        <v>34</v>
      </c>
      <c r="AC4097">
        <v>143</v>
      </c>
      <c r="AD4097">
        <v>86</v>
      </c>
      <c r="AE4097">
        <v>72</v>
      </c>
      <c r="AF4097">
        <v>13310</v>
      </c>
      <c r="AG4097">
        <v>145942</v>
      </c>
      <c r="AH4097">
        <v>50000</v>
      </c>
      <c r="AI4097">
        <v>0</v>
      </c>
      <c r="AJ4097">
        <v>107</v>
      </c>
      <c r="AK4097" t="s">
        <v>40</v>
      </c>
      <c r="AL4097">
        <v>0</v>
      </c>
      <c r="AM4097">
        <v>0</v>
      </c>
      <c r="AN4097">
        <v>0</v>
      </c>
      <c r="AO4097">
        <v>0</v>
      </c>
      <c r="AP4097">
        <v>0</v>
      </c>
      <c r="AQ4097">
        <v>0</v>
      </c>
      <c r="AR4097">
        <v>0</v>
      </c>
      <c r="AS4097">
        <v>0</v>
      </c>
      <c r="AT4097">
        <v>0</v>
      </c>
      <c r="AU4097">
        <v>0</v>
      </c>
      <c r="AV4097">
        <v>0</v>
      </c>
      <c r="AW4097">
        <v>0</v>
      </c>
      <c r="AX4097">
        <v>27731</v>
      </c>
      <c r="AY4097">
        <v>19</v>
      </c>
      <c r="AZ4097">
        <v>53</v>
      </c>
      <c r="BA4097">
        <v>2394</v>
      </c>
    </row>
    <row r="4098" spans="1:53" x14ac:dyDescent="0.4">
      <c r="A4098">
        <v>4142</v>
      </c>
      <c r="B4098" s="1">
        <v>44283</v>
      </c>
      <c r="C4098">
        <v>1</v>
      </c>
      <c r="D4098" s="1">
        <v>44283.291666666664</v>
      </c>
      <c r="E4098" s="1">
        <v>44283.370833333334</v>
      </c>
      <c r="F4098">
        <v>0</v>
      </c>
      <c r="G4098">
        <v>0</v>
      </c>
      <c r="H4098">
        <v>0</v>
      </c>
      <c r="I4098">
        <v>0</v>
      </c>
      <c r="J4098">
        <v>0</v>
      </c>
      <c r="K4098">
        <v>0</v>
      </c>
      <c r="L4098">
        <v>0</v>
      </c>
      <c r="M4098">
        <v>0</v>
      </c>
      <c r="N4098">
        <v>0</v>
      </c>
      <c r="O4098">
        <v>0</v>
      </c>
      <c r="P4098">
        <v>0</v>
      </c>
      <c r="Q4098">
        <v>0</v>
      </c>
      <c r="R4098">
        <v>0</v>
      </c>
      <c r="S4098">
        <v>0</v>
      </c>
      <c r="T4098">
        <v>0</v>
      </c>
      <c r="U4098">
        <v>0</v>
      </c>
      <c r="V4098">
        <v>0</v>
      </c>
      <c r="W4098">
        <v>0</v>
      </c>
      <c r="X4098">
        <v>0</v>
      </c>
      <c r="Y4098">
        <v>38</v>
      </c>
      <c r="Z4098">
        <v>2</v>
      </c>
      <c r="AA4098">
        <v>82</v>
      </c>
      <c r="AB4098">
        <v>26</v>
      </c>
      <c r="AC4098">
        <v>120</v>
      </c>
      <c r="AD4098">
        <v>33</v>
      </c>
      <c r="AE4098">
        <v>135</v>
      </c>
      <c r="AF4098">
        <v>0</v>
      </c>
      <c r="AG4098">
        <v>50000</v>
      </c>
      <c r="AH4098">
        <v>50000</v>
      </c>
      <c r="AI4098">
        <v>0</v>
      </c>
      <c r="AJ4098">
        <v>0</v>
      </c>
      <c r="AK4098" t="s">
        <v>6</v>
      </c>
      <c r="AL4098">
        <v>0</v>
      </c>
      <c r="AM4098">
        <v>0</v>
      </c>
      <c r="AN4098">
        <v>0</v>
      </c>
      <c r="AO4098">
        <v>0</v>
      </c>
      <c r="AP4098">
        <v>0</v>
      </c>
      <c r="AQ4098">
        <v>0</v>
      </c>
      <c r="AR4098">
        <v>0</v>
      </c>
      <c r="AS4098">
        <v>0</v>
      </c>
      <c r="AT4098">
        <v>0</v>
      </c>
      <c r="AU4098">
        <v>0</v>
      </c>
      <c r="AV4098">
        <v>0</v>
      </c>
      <c r="AW4098">
        <v>0</v>
      </c>
      <c r="AX4098">
        <v>0</v>
      </c>
      <c r="AY4098">
        <v>0</v>
      </c>
      <c r="AZ4098">
        <v>0</v>
      </c>
      <c r="BA4098">
        <v>0</v>
      </c>
    </row>
    <row r="4099" spans="1:53" x14ac:dyDescent="0.4">
      <c r="A4099">
        <v>4143</v>
      </c>
      <c r="B4099" s="1">
        <v>44283</v>
      </c>
      <c r="C4099">
        <v>2</v>
      </c>
      <c r="D4099" s="1">
        <v>44283.370833333334</v>
      </c>
      <c r="E4099" s="1">
        <v>44283.738888888889</v>
      </c>
      <c r="F4099">
        <v>40050</v>
      </c>
      <c r="G4099">
        <v>4060</v>
      </c>
      <c r="H4099">
        <v>0</v>
      </c>
      <c r="I4099">
        <v>0</v>
      </c>
      <c r="J4099">
        <v>100</v>
      </c>
      <c r="K4099">
        <v>3300</v>
      </c>
      <c r="L4099">
        <v>0</v>
      </c>
      <c r="M4099">
        <v>4731</v>
      </c>
      <c r="N4099">
        <v>0</v>
      </c>
      <c r="O4099">
        <v>0</v>
      </c>
      <c r="P4099">
        <v>21560</v>
      </c>
      <c r="Q4099">
        <v>0</v>
      </c>
      <c r="R4099">
        <v>73601</v>
      </c>
      <c r="S4099">
        <v>0</v>
      </c>
      <c r="T4099">
        <v>0</v>
      </c>
      <c r="U4099">
        <v>0</v>
      </c>
      <c r="V4099">
        <v>3</v>
      </c>
      <c r="W4099">
        <v>1</v>
      </c>
      <c r="X4099">
        <v>0</v>
      </c>
      <c r="Y4099">
        <v>71</v>
      </c>
      <c r="Z4099">
        <v>16</v>
      </c>
      <c r="AA4099">
        <v>60</v>
      </c>
      <c r="AB4099">
        <v>20</v>
      </c>
      <c r="AC4099">
        <v>152</v>
      </c>
      <c r="AD4099">
        <v>39</v>
      </c>
      <c r="AE4099">
        <v>193</v>
      </c>
      <c r="AF4099">
        <v>693</v>
      </c>
      <c r="AG4099">
        <v>123601</v>
      </c>
      <c r="AH4099">
        <v>50000</v>
      </c>
      <c r="AI4099">
        <v>0</v>
      </c>
      <c r="AJ4099">
        <v>84</v>
      </c>
      <c r="AK4099" t="s">
        <v>16</v>
      </c>
      <c r="AL4099">
        <v>0</v>
      </c>
      <c r="AM4099">
        <v>0</v>
      </c>
      <c r="AN4099">
        <v>0</v>
      </c>
      <c r="AO4099">
        <v>0</v>
      </c>
      <c r="AP4099">
        <v>0</v>
      </c>
      <c r="AQ4099">
        <v>0</v>
      </c>
      <c r="AR4099">
        <v>0</v>
      </c>
      <c r="AS4099">
        <v>0</v>
      </c>
      <c r="AT4099">
        <v>0</v>
      </c>
      <c r="AU4099">
        <v>0</v>
      </c>
      <c r="AV4099">
        <v>0</v>
      </c>
      <c r="AW4099">
        <v>0</v>
      </c>
      <c r="AX4099">
        <v>1034</v>
      </c>
      <c r="AY4099">
        <v>42</v>
      </c>
      <c r="AZ4099">
        <v>104</v>
      </c>
      <c r="BA4099">
        <v>6932</v>
      </c>
    </row>
    <row r="4100" spans="1:53" x14ac:dyDescent="0.4">
      <c r="A4100">
        <v>4144</v>
      </c>
      <c r="B4100" s="1">
        <v>44284</v>
      </c>
      <c r="C4100">
        <v>1</v>
      </c>
      <c r="D4100" s="1">
        <v>44284.291666666664</v>
      </c>
      <c r="E4100" s="1">
        <v>44284.395833333336</v>
      </c>
      <c r="F4100">
        <v>0</v>
      </c>
      <c r="G4100">
        <v>0</v>
      </c>
      <c r="H4100">
        <v>0</v>
      </c>
      <c r="I4100">
        <v>0</v>
      </c>
      <c r="J4100">
        <v>0</v>
      </c>
      <c r="K4100">
        <v>0</v>
      </c>
      <c r="L4100">
        <v>0</v>
      </c>
      <c r="M4100">
        <v>0</v>
      </c>
      <c r="N4100">
        <v>0</v>
      </c>
      <c r="O4100">
        <v>0</v>
      </c>
      <c r="P4100">
        <v>0</v>
      </c>
      <c r="Q4100">
        <v>0</v>
      </c>
      <c r="R4100">
        <v>0</v>
      </c>
      <c r="S4100">
        <v>0</v>
      </c>
      <c r="T4100">
        <v>0</v>
      </c>
      <c r="U4100">
        <v>0</v>
      </c>
      <c r="V4100">
        <v>0</v>
      </c>
      <c r="W4100">
        <v>0</v>
      </c>
      <c r="X4100">
        <v>0</v>
      </c>
      <c r="Y4100">
        <v>34</v>
      </c>
      <c r="Z4100">
        <v>13</v>
      </c>
      <c r="AA4100">
        <v>71</v>
      </c>
      <c r="AB4100">
        <v>21</v>
      </c>
      <c r="AC4100">
        <v>102</v>
      </c>
      <c r="AD4100">
        <v>38</v>
      </c>
      <c r="AE4100">
        <v>140</v>
      </c>
      <c r="AF4100">
        <v>0</v>
      </c>
      <c r="AG4100">
        <v>50000</v>
      </c>
      <c r="AH4100">
        <v>50000</v>
      </c>
      <c r="AI4100">
        <v>0</v>
      </c>
      <c r="AJ4100">
        <v>0</v>
      </c>
      <c r="AK4100" t="s">
        <v>6</v>
      </c>
      <c r="AL4100">
        <v>0</v>
      </c>
      <c r="AM4100">
        <v>0</v>
      </c>
      <c r="AN4100">
        <v>0</v>
      </c>
      <c r="AO4100">
        <v>0</v>
      </c>
      <c r="AP4100">
        <v>0</v>
      </c>
      <c r="AQ4100">
        <v>0</v>
      </c>
      <c r="AR4100">
        <v>0</v>
      </c>
      <c r="AS4100">
        <v>0</v>
      </c>
      <c r="AT4100">
        <v>0</v>
      </c>
      <c r="AU4100">
        <v>0</v>
      </c>
      <c r="AV4100">
        <v>0</v>
      </c>
      <c r="AW4100">
        <v>0</v>
      </c>
      <c r="AX4100">
        <v>0</v>
      </c>
      <c r="AY4100">
        <v>0</v>
      </c>
      <c r="AZ4100">
        <v>0</v>
      </c>
      <c r="BA4100">
        <v>0</v>
      </c>
    </row>
    <row r="4101" spans="1:53" x14ac:dyDescent="0.4">
      <c r="A4101">
        <v>4145</v>
      </c>
      <c r="B4101" s="1">
        <v>44284</v>
      </c>
      <c r="C4101">
        <v>2</v>
      </c>
      <c r="D4101" s="1">
        <v>44284.395833333336</v>
      </c>
      <c r="E4101" s="1">
        <v>44284.795138888891</v>
      </c>
      <c r="F4101">
        <v>48170</v>
      </c>
      <c r="G4101">
        <v>2140</v>
      </c>
      <c r="H4101">
        <v>0</v>
      </c>
      <c r="I4101">
        <v>0</v>
      </c>
      <c r="J4101">
        <v>0</v>
      </c>
      <c r="K4101">
        <v>0</v>
      </c>
      <c r="L4101">
        <v>0</v>
      </c>
      <c r="M4101">
        <v>5031</v>
      </c>
      <c r="N4101">
        <v>0</v>
      </c>
      <c r="O4101">
        <v>0</v>
      </c>
      <c r="P4101">
        <v>9636</v>
      </c>
      <c r="Q4101">
        <v>0</v>
      </c>
      <c r="R4101">
        <v>64977</v>
      </c>
      <c r="S4101">
        <v>0</v>
      </c>
      <c r="T4101">
        <v>0</v>
      </c>
      <c r="U4101">
        <v>0</v>
      </c>
      <c r="V4101">
        <v>3</v>
      </c>
      <c r="W4101">
        <v>0</v>
      </c>
      <c r="X4101">
        <v>0</v>
      </c>
      <c r="Y4101">
        <v>60</v>
      </c>
      <c r="Z4101">
        <v>25</v>
      </c>
      <c r="AA4101">
        <v>62</v>
      </c>
      <c r="AB4101">
        <v>10</v>
      </c>
      <c r="AC4101">
        <v>75</v>
      </c>
      <c r="AD4101">
        <v>47</v>
      </c>
      <c r="AE4101">
        <v>172</v>
      </c>
      <c r="AF4101">
        <v>4620</v>
      </c>
      <c r="AG4101">
        <v>114977</v>
      </c>
      <c r="AH4101">
        <v>50000</v>
      </c>
      <c r="AI4101">
        <v>0</v>
      </c>
      <c r="AJ4101">
        <v>85</v>
      </c>
      <c r="AK4101" t="s">
        <v>7</v>
      </c>
      <c r="AL4101">
        <v>0</v>
      </c>
      <c r="AM4101">
        <v>0</v>
      </c>
      <c r="AN4101">
        <v>0</v>
      </c>
      <c r="AO4101">
        <v>0</v>
      </c>
      <c r="AP4101">
        <v>0</v>
      </c>
      <c r="AQ4101">
        <v>0</v>
      </c>
      <c r="AR4101">
        <v>0</v>
      </c>
      <c r="AS4101">
        <v>0</v>
      </c>
      <c r="AT4101">
        <v>0</v>
      </c>
      <c r="AU4101">
        <v>0</v>
      </c>
      <c r="AV4101">
        <v>0</v>
      </c>
      <c r="AW4101">
        <v>0</v>
      </c>
      <c r="AX4101">
        <v>440</v>
      </c>
      <c r="AY4101">
        <v>41</v>
      </c>
      <c r="AZ4101">
        <v>98</v>
      </c>
      <c r="BA4101">
        <v>6742</v>
      </c>
    </row>
    <row r="4102" spans="1:53" x14ac:dyDescent="0.4">
      <c r="A4102">
        <v>4146</v>
      </c>
      <c r="B4102" s="1">
        <v>44285</v>
      </c>
      <c r="C4102">
        <v>1</v>
      </c>
      <c r="D4102" s="1">
        <v>44285.291666666664</v>
      </c>
      <c r="E4102" s="1">
        <v>44285.397222222222</v>
      </c>
      <c r="F4102">
        <v>0</v>
      </c>
      <c r="G4102">
        <v>0</v>
      </c>
      <c r="H4102">
        <v>0</v>
      </c>
      <c r="I4102">
        <v>0</v>
      </c>
      <c r="J4102">
        <v>0</v>
      </c>
      <c r="K4102">
        <v>0</v>
      </c>
      <c r="L4102">
        <v>0</v>
      </c>
      <c r="M4102">
        <v>0</v>
      </c>
      <c r="N4102">
        <v>0</v>
      </c>
      <c r="O4102">
        <v>0</v>
      </c>
      <c r="P4102">
        <v>0</v>
      </c>
      <c r="Q4102">
        <v>0</v>
      </c>
      <c r="R4102">
        <v>0</v>
      </c>
      <c r="S4102">
        <v>0</v>
      </c>
      <c r="T4102">
        <v>0</v>
      </c>
      <c r="U4102">
        <v>0</v>
      </c>
      <c r="V4102">
        <v>0</v>
      </c>
      <c r="W4102">
        <v>0</v>
      </c>
      <c r="X4102">
        <v>0</v>
      </c>
      <c r="Y4102">
        <v>30</v>
      </c>
      <c r="Z4102">
        <v>22</v>
      </c>
      <c r="AA4102">
        <v>75</v>
      </c>
      <c r="AB4102">
        <v>10</v>
      </c>
      <c r="AC4102">
        <v>61</v>
      </c>
      <c r="AD4102">
        <v>46</v>
      </c>
      <c r="AE4102">
        <v>160</v>
      </c>
      <c r="AF4102">
        <v>0</v>
      </c>
      <c r="AG4102">
        <v>50000</v>
      </c>
      <c r="AH4102">
        <v>50000</v>
      </c>
      <c r="AI4102">
        <v>0</v>
      </c>
      <c r="AJ4102">
        <v>0</v>
      </c>
      <c r="AK4102" t="s">
        <v>6</v>
      </c>
      <c r="AL4102">
        <v>0</v>
      </c>
      <c r="AM4102">
        <v>0</v>
      </c>
      <c r="AN4102">
        <v>0</v>
      </c>
      <c r="AO4102">
        <v>0</v>
      </c>
      <c r="AP4102">
        <v>0</v>
      </c>
      <c r="AQ4102">
        <v>0</v>
      </c>
      <c r="AR4102">
        <v>0</v>
      </c>
      <c r="AS4102">
        <v>0</v>
      </c>
      <c r="AT4102">
        <v>0</v>
      </c>
      <c r="AU4102">
        <v>0</v>
      </c>
      <c r="AV4102">
        <v>0</v>
      </c>
      <c r="AW4102">
        <v>0</v>
      </c>
      <c r="AX4102">
        <v>0</v>
      </c>
      <c r="AY4102">
        <v>0</v>
      </c>
      <c r="AZ4102">
        <v>0</v>
      </c>
      <c r="BA4102">
        <v>0</v>
      </c>
    </row>
    <row r="4103" spans="1:53" x14ac:dyDescent="0.4">
      <c r="A4103">
        <v>4147</v>
      </c>
      <c r="B4103" s="1">
        <v>44285</v>
      </c>
      <c r="C4103">
        <v>2</v>
      </c>
      <c r="D4103" s="1">
        <v>44285.397222222222</v>
      </c>
      <c r="E4103" s="1">
        <v>44285.741666666669</v>
      </c>
      <c r="F4103">
        <v>32810</v>
      </c>
      <c r="G4103">
        <v>2040</v>
      </c>
      <c r="H4103">
        <v>0</v>
      </c>
      <c r="I4103">
        <v>0</v>
      </c>
      <c r="J4103">
        <v>310</v>
      </c>
      <c r="K4103">
        <v>0</v>
      </c>
      <c r="L4103">
        <v>0</v>
      </c>
      <c r="M4103">
        <v>3454</v>
      </c>
      <c r="N4103">
        <v>0</v>
      </c>
      <c r="O4103">
        <v>0</v>
      </c>
      <c r="P4103">
        <v>20482</v>
      </c>
      <c r="Q4103">
        <v>0</v>
      </c>
      <c r="R4103">
        <v>58476</v>
      </c>
      <c r="S4103">
        <v>0</v>
      </c>
      <c r="T4103">
        <v>0</v>
      </c>
      <c r="U4103">
        <v>0</v>
      </c>
      <c r="V4103">
        <v>0</v>
      </c>
      <c r="W4103">
        <v>2</v>
      </c>
      <c r="X4103">
        <v>0</v>
      </c>
      <c r="Y4103">
        <v>72</v>
      </c>
      <c r="Z4103">
        <v>47</v>
      </c>
      <c r="AA4103">
        <v>8</v>
      </c>
      <c r="AB4103">
        <v>12</v>
      </c>
      <c r="AC4103">
        <v>112</v>
      </c>
      <c r="AD4103">
        <v>57</v>
      </c>
      <c r="AE4103">
        <v>171</v>
      </c>
      <c r="AF4103">
        <v>0</v>
      </c>
      <c r="AG4103">
        <v>108476</v>
      </c>
      <c r="AH4103">
        <v>50000</v>
      </c>
      <c r="AI4103">
        <v>0</v>
      </c>
      <c r="AJ4103">
        <v>84</v>
      </c>
      <c r="AK4103" t="s">
        <v>16</v>
      </c>
      <c r="AL4103">
        <v>0</v>
      </c>
      <c r="AM4103">
        <v>0</v>
      </c>
      <c r="AN4103">
        <v>0</v>
      </c>
      <c r="AO4103">
        <v>0</v>
      </c>
      <c r="AP4103">
        <v>0</v>
      </c>
      <c r="AQ4103">
        <v>0</v>
      </c>
      <c r="AR4103">
        <v>0</v>
      </c>
      <c r="AS4103">
        <v>0</v>
      </c>
      <c r="AT4103">
        <v>0</v>
      </c>
      <c r="AU4103">
        <v>0</v>
      </c>
      <c r="AV4103">
        <v>0</v>
      </c>
      <c r="AW4103">
        <v>0</v>
      </c>
      <c r="AX4103">
        <v>352</v>
      </c>
      <c r="AY4103">
        <v>40</v>
      </c>
      <c r="AZ4103">
        <v>91</v>
      </c>
      <c r="BA4103">
        <v>6618</v>
      </c>
    </row>
    <row r="4104" spans="1:53" x14ac:dyDescent="0.4">
      <c r="A4104">
        <v>4148</v>
      </c>
      <c r="B4104" s="1">
        <v>44286</v>
      </c>
      <c r="C4104">
        <v>1</v>
      </c>
      <c r="D4104" s="1">
        <v>44286.291666666664</v>
      </c>
      <c r="E4104" s="1">
        <v>44286.369444444441</v>
      </c>
      <c r="F4104">
        <v>0</v>
      </c>
      <c r="G4104">
        <v>0</v>
      </c>
      <c r="H4104">
        <v>0</v>
      </c>
      <c r="I4104">
        <v>0</v>
      </c>
      <c r="J4104">
        <v>0</v>
      </c>
      <c r="K4104">
        <v>0</v>
      </c>
      <c r="L4104">
        <v>0</v>
      </c>
      <c r="M4104">
        <v>0</v>
      </c>
      <c r="N4104">
        <v>0</v>
      </c>
      <c r="O4104">
        <v>0</v>
      </c>
      <c r="P4104">
        <v>0</v>
      </c>
      <c r="Q4104">
        <v>0</v>
      </c>
      <c r="R4104">
        <v>0</v>
      </c>
      <c r="S4104">
        <v>0</v>
      </c>
      <c r="T4104">
        <v>0</v>
      </c>
      <c r="U4104">
        <v>0</v>
      </c>
      <c r="V4104">
        <v>0</v>
      </c>
      <c r="W4104">
        <v>0</v>
      </c>
      <c r="X4104">
        <v>0</v>
      </c>
      <c r="Y4104">
        <v>30</v>
      </c>
      <c r="Z4104">
        <v>17</v>
      </c>
      <c r="AA4104">
        <v>94</v>
      </c>
      <c r="AB4104">
        <v>16</v>
      </c>
      <c r="AC4104">
        <v>84</v>
      </c>
      <c r="AD4104">
        <v>58</v>
      </c>
      <c r="AE4104">
        <v>170</v>
      </c>
      <c r="AF4104">
        <v>0</v>
      </c>
      <c r="AG4104">
        <v>50000</v>
      </c>
      <c r="AH4104">
        <v>50000</v>
      </c>
      <c r="AI4104">
        <v>0</v>
      </c>
      <c r="AJ4104">
        <v>0</v>
      </c>
      <c r="AK4104" t="s">
        <v>6</v>
      </c>
      <c r="AL4104">
        <v>0</v>
      </c>
      <c r="AM4104">
        <v>0</v>
      </c>
      <c r="AN4104">
        <v>0</v>
      </c>
      <c r="AO4104">
        <v>0</v>
      </c>
      <c r="AP4104">
        <v>0</v>
      </c>
      <c r="AQ4104">
        <v>0</v>
      </c>
      <c r="AR4104">
        <v>0</v>
      </c>
      <c r="AS4104">
        <v>0</v>
      </c>
      <c r="AT4104">
        <v>0</v>
      </c>
      <c r="AU4104">
        <v>0</v>
      </c>
      <c r="AV4104">
        <v>0</v>
      </c>
      <c r="AW4104">
        <v>0</v>
      </c>
      <c r="AX4104">
        <v>0</v>
      </c>
      <c r="AY4104">
        <v>0</v>
      </c>
      <c r="AZ4104">
        <v>0</v>
      </c>
      <c r="BA4104">
        <v>0</v>
      </c>
    </row>
    <row r="4105" spans="1:53" x14ac:dyDescent="0.4">
      <c r="A4105">
        <v>4149</v>
      </c>
      <c r="B4105" s="1">
        <v>44286</v>
      </c>
      <c r="C4105">
        <v>2</v>
      </c>
      <c r="D4105" s="1">
        <v>44286.369444444441</v>
      </c>
      <c r="E4105" s="1">
        <v>44286.75</v>
      </c>
      <c r="F4105">
        <v>37100</v>
      </c>
      <c r="G4105">
        <v>540</v>
      </c>
      <c r="H4105">
        <v>0</v>
      </c>
      <c r="I4105">
        <v>0</v>
      </c>
      <c r="J4105">
        <v>100</v>
      </c>
      <c r="K4105">
        <v>0</v>
      </c>
      <c r="L4105">
        <v>0</v>
      </c>
      <c r="M4105">
        <v>3754</v>
      </c>
      <c r="N4105">
        <v>0</v>
      </c>
      <c r="O4105">
        <v>0</v>
      </c>
      <c r="P4105">
        <v>17193</v>
      </c>
      <c r="Q4105">
        <v>0</v>
      </c>
      <c r="R4105">
        <v>58487</v>
      </c>
      <c r="S4105">
        <v>0</v>
      </c>
      <c r="T4105">
        <v>0</v>
      </c>
      <c r="U4105">
        <v>0</v>
      </c>
      <c r="V4105">
        <v>1</v>
      </c>
      <c r="W4105">
        <v>1</v>
      </c>
      <c r="X4105">
        <v>0</v>
      </c>
      <c r="Y4105">
        <v>67</v>
      </c>
      <c r="Z4105">
        <v>25</v>
      </c>
      <c r="AA4105">
        <v>104</v>
      </c>
      <c r="AB4105">
        <v>18</v>
      </c>
      <c r="AC4105">
        <v>72</v>
      </c>
      <c r="AD4105">
        <v>65</v>
      </c>
      <c r="AE4105">
        <v>201</v>
      </c>
      <c r="AF4105">
        <v>1441</v>
      </c>
      <c r="AG4105">
        <v>108487</v>
      </c>
      <c r="AH4105">
        <v>50000</v>
      </c>
      <c r="AI4105">
        <v>0</v>
      </c>
      <c r="AJ4105">
        <v>98</v>
      </c>
      <c r="AK4105" t="s">
        <v>35</v>
      </c>
      <c r="AL4105">
        <v>0</v>
      </c>
      <c r="AM4105">
        <v>0</v>
      </c>
      <c r="AN4105">
        <v>0</v>
      </c>
      <c r="AO4105">
        <v>0</v>
      </c>
      <c r="AP4105">
        <v>0</v>
      </c>
      <c r="AQ4105">
        <v>0</v>
      </c>
      <c r="AR4105">
        <v>0</v>
      </c>
      <c r="AS4105">
        <v>0</v>
      </c>
      <c r="AT4105">
        <v>0</v>
      </c>
      <c r="AU4105">
        <v>0</v>
      </c>
      <c r="AV4105">
        <v>0</v>
      </c>
      <c r="AW4105">
        <v>0</v>
      </c>
      <c r="AX4105">
        <v>-1155</v>
      </c>
      <c r="AY4105">
        <v>39</v>
      </c>
      <c r="AZ4105">
        <v>88</v>
      </c>
      <c r="BA4105">
        <v>6822</v>
      </c>
    </row>
    <row r="4106" spans="1:53" x14ac:dyDescent="0.4">
      <c r="A4106">
        <v>4150</v>
      </c>
      <c r="B4106" s="1">
        <v>44287</v>
      </c>
      <c r="C4106">
        <v>1</v>
      </c>
      <c r="D4106" s="1">
        <v>44287.291666666664</v>
      </c>
      <c r="E4106" s="1">
        <v>44287.377083333333</v>
      </c>
      <c r="F4106">
        <v>0</v>
      </c>
      <c r="G4106">
        <v>0</v>
      </c>
      <c r="H4106">
        <v>0</v>
      </c>
      <c r="I4106">
        <v>0</v>
      </c>
      <c r="J4106">
        <v>0</v>
      </c>
      <c r="K4106">
        <v>0</v>
      </c>
      <c r="L4106">
        <v>0</v>
      </c>
      <c r="M4106">
        <v>0</v>
      </c>
      <c r="N4106">
        <v>0</v>
      </c>
      <c r="O4106">
        <v>0</v>
      </c>
      <c r="P4106">
        <v>0</v>
      </c>
      <c r="Q4106">
        <v>0</v>
      </c>
      <c r="R4106">
        <v>0</v>
      </c>
      <c r="S4106">
        <v>0</v>
      </c>
      <c r="T4106">
        <v>0</v>
      </c>
      <c r="U4106">
        <v>0</v>
      </c>
      <c r="V4106">
        <v>0</v>
      </c>
      <c r="W4106">
        <v>0</v>
      </c>
      <c r="X4106">
        <v>0</v>
      </c>
      <c r="Y4106">
        <v>34</v>
      </c>
      <c r="Z4106">
        <v>8</v>
      </c>
      <c r="AA4106">
        <v>95</v>
      </c>
      <c r="AB4106">
        <v>23</v>
      </c>
      <c r="AC4106">
        <v>85</v>
      </c>
      <c r="AD4106">
        <v>60</v>
      </c>
      <c r="AE4106">
        <v>200</v>
      </c>
      <c r="AF4106">
        <v>0</v>
      </c>
      <c r="AG4106">
        <v>50000</v>
      </c>
      <c r="AH4106">
        <v>50000</v>
      </c>
      <c r="AI4106">
        <v>0</v>
      </c>
      <c r="AJ4106">
        <v>0</v>
      </c>
      <c r="AK4106" t="s">
        <v>6</v>
      </c>
      <c r="AL4106">
        <v>0</v>
      </c>
      <c r="AM4106">
        <v>0</v>
      </c>
      <c r="AN4106">
        <v>0</v>
      </c>
      <c r="AO4106">
        <v>0</v>
      </c>
      <c r="AP4106">
        <v>0</v>
      </c>
      <c r="AQ4106">
        <v>0</v>
      </c>
      <c r="AR4106">
        <v>0</v>
      </c>
      <c r="AS4106">
        <v>0</v>
      </c>
      <c r="AT4106">
        <v>0</v>
      </c>
      <c r="AU4106">
        <v>0</v>
      </c>
      <c r="AV4106">
        <v>0</v>
      </c>
      <c r="AW4106">
        <v>0</v>
      </c>
      <c r="AX4106">
        <v>0</v>
      </c>
      <c r="AY4106">
        <v>0</v>
      </c>
      <c r="AZ4106">
        <v>0</v>
      </c>
      <c r="BA4106">
        <v>0</v>
      </c>
    </row>
    <row r="4107" spans="1:53" x14ac:dyDescent="0.4">
      <c r="A4107">
        <v>4151</v>
      </c>
      <c r="B4107" s="1">
        <v>44287</v>
      </c>
      <c r="C4107">
        <v>2</v>
      </c>
      <c r="D4107" s="1">
        <v>44287.377083333333</v>
      </c>
      <c r="E4107" s="1">
        <v>44287.738888888889</v>
      </c>
      <c r="F4107">
        <v>33365</v>
      </c>
      <c r="G4107">
        <v>1220</v>
      </c>
      <c r="H4107">
        <v>0</v>
      </c>
      <c r="I4107">
        <v>0</v>
      </c>
      <c r="J4107">
        <v>0</v>
      </c>
      <c r="K4107">
        <v>800</v>
      </c>
      <c r="L4107">
        <v>0</v>
      </c>
      <c r="M4107">
        <v>3538</v>
      </c>
      <c r="N4107">
        <v>0</v>
      </c>
      <c r="O4107">
        <v>0</v>
      </c>
      <c r="P4107">
        <v>12837</v>
      </c>
      <c r="Q4107">
        <v>0</v>
      </c>
      <c r="R4107">
        <v>51760</v>
      </c>
      <c r="S4107">
        <v>0</v>
      </c>
      <c r="T4107">
        <v>0</v>
      </c>
      <c r="U4107">
        <v>0</v>
      </c>
      <c r="V4107">
        <v>1</v>
      </c>
      <c r="W4107">
        <v>0</v>
      </c>
      <c r="X4107">
        <v>0</v>
      </c>
      <c r="Y4107">
        <v>68</v>
      </c>
      <c r="Z4107">
        <v>18</v>
      </c>
      <c r="AA4107">
        <v>123</v>
      </c>
      <c r="AB4107">
        <v>20</v>
      </c>
      <c r="AC4107">
        <v>86</v>
      </c>
      <c r="AD4107">
        <v>72</v>
      </c>
      <c r="AE4107">
        <v>240</v>
      </c>
      <c r="AF4107">
        <v>0</v>
      </c>
      <c r="AG4107">
        <v>101760</v>
      </c>
      <c r="AH4107">
        <v>50000</v>
      </c>
      <c r="AI4107">
        <v>0</v>
      </c>
      <c r="AJ4107">
        <v>107</v>
      </c>
      <c r="AK4107" t="s">
        <v>40</v>
      </c>
      <c r="AL4107">
        <v>0</v>
      </c>
      <c r="AM4107">
        <v>0</v>
      </c>
      <c r="AN4107">
        <v>0</v>
      </c>
      <c r="AO4107">
        <v>0</v>
      </c>
      <c r="AP4107">
        <v>0</v>
      </c>
      <c r="AQ4107">
        <v>0</v>
      </c>
      <c r="AR4107">
        <v>0</v>
      </c>
      <c r="AS4107">
        <v>0</v>
      </c>
      <c r="AT4107">
        <v>0</v>
      </c>
      <c r="AU4107">
        <v>0</v>
      </c>
      <c r="AV4107">
        <v>0</v>
      </c>
      <c r="AW4107">
        <v>0</v>
      </c>
      <c r="AX4107">
        <v>880</v>
      </c>
      <c r="AY4107">
        <v>35</v>
      </c>
      <c r="AZ4107">
        <v>78</v>
      </c>
      <c r="BA4107">
        <v>6147</v>
      </c>
    </row>
    <row r="4108" spans="1:53" x14ac:dyDescent="0.4">
      <c r="A4108">
        <v>4152</v>
      </c>
      <c r="B4108" s="1">
        <v>44288</v>
      </c>
      <c r="C4108">
        <v>1</v>
      </c>
      <c r="D4108" s="1">
        <v>44288.291666666664</v>
      </c>
      <c r="E4108" s="1">
        <v>44288.395833333336</v>
      </c>
      <c r="F4108">
        <v>0</v>
      </c>
      <c r="G4108">
        <v>0</v>
      </c>
      <c r="H4108">
        <v>0</v>
      </c>
      <c r="I4108">
        <v>0</v>
      </c>
      <c r="J4108">
        <v>0</v>
      </c>
      <c r="K4108">
        <v>0</v>
      </c>
      <c r="L4108">
        <v>0</v>
      </c>
      <c r="M4108">
        <v>0</v>
      </c>
      <c r="N4108">
        <v>0</v>
      </c>
      <c r="O4108">
        <v>0</v>
      </c>
      <c r="P4108">
        <v>0</v>
      </c>
      <c r="Q4108">
        <v>0</v>
      </c>
      <c r="R4108">
        <v>0</v>
      </c>
      <c r="S4108">
        <v>0</v>
      </c>
      <c r="T4108">
        <v>0</v>
      </c>
      <c r="U4108">
        <v>0</v>
      </c>
      <c r="V4108">
        <v>0</v>
      </c>
      <c r="W4108">
        <v>0</v>
      </c>
      <c r="X4108">
        <v>0</v>
      </c>
      <c r="Y4108">
        <v>30</v>
      </c>
      <c r="Z4108">
        <v>8</v>
      </c>
      <c r="AA4108">
        <v>111</v>
      </c>
      <c r="AB4108">
        <v>63</v>
      </c>
      <c r="AC4108">
        <v>130</v>
      </c>
      <c r="AD4108">
        <v>70</v>
      </c>
      <c r="AE4108">
        <v>100</v>
      </c>
      <c r="AF4108">
        <v>0</v>
      </c>
      <c r="AG4108">
        <v>50000</v>
      </c>
      <c r="AH4108">
        <v>50000</v>
      </c>
      <c r="AI4108">
        <v>0</v>
      </c>
      <c r="AJ4108">
        <v>0</v>
      </c>
      <c r="AK4108" t="s">
        <v>6</v>
      </c>
      <c r="AL4108">
        <v>0</v>
      </c>
      <c r="AM4108">
        <v>0</v>
      </c>
      <c r="AN4108">
        <v>0</v>
      </c>
      <c r="AO4108">
        <v>0</v>
      </c>
      <c r="AP4108">
        <v>0</v>
      </c>
      <c r="AQ4108">
        <v>0</v>
      </c>
      <c r="AR4108">
        <v>0</v>
      </c>
      <c r="AS4108">
        <v>0</v>
      </c>
      <c r="AT4108">
        <v>0</v>
      </c>
      <c r="AU4108">
        <v>0</v>
      </c>
      <c r="AV4108">
        <v>0</v>
      </c>
      <c r="AW4108">
        <v>0</v>
      </c>
      <c r="AX4108">
        <v>0</v>
      </c>
      <c r="AY4108">
        <v>0</v>
      </c>
      <c r="AZ4108">
        <v>0</v>
      </c>
      <c r="BA4108">
        <v>0</v>
      </c>
    </row>
    <row r="4109" spans="1:53" x14ac:dyDescent="0.4">
      <c r="A4109">
        <v>4153</v>
      </c>
      <c r="B4109" s="1">
        <v>44288</v>
      </c>
      <c r="C4109">
        <v>2</v>
      </c>
      <c r="D4109" s="1">
        <v>44288.395833333336</v>
      </c>
      <c r="E4109" s="1">
        <v>44288.743750000001</v>
      </c>
      <c r="F4109">
        <v>31380</v>
      </c>
      <c r="G4109">
        <v>2160</v>
      </c>
      <c r="H4109">
        <v>0</v>
      </c>
      <c r="I4109">
        <v>0</v>
      </c>
      <c r="J4109">
        <v>0</v>
      </c>
      <c r="K4109">
        <v>0</v>
      </c>
      <c r="L4109">
        <v>0</v>
      </c>
      <c r="M4109">
        <v>3354</v>
      </c>
      <c r="N4109">
        <v>0</v>
      </c>
      <c r="O4109">
        <v>0</v>
      </c>
      <c r="P4109">
        <v>12892</v>
      </c>
      <c r="Q4109">
        <v>0</v>
      </c>
      <c r="R4109">
        <v>49786</v>
      </c>
      <c r="S4109">
        <v>0</v>
      </c>
      <c r="T4109">
        <v>0</v>
      </c>
      <c r="U4109">
        <v>0</v>
      </c>
      <c r="V4109">
        <v>1</v>
      </c>
      <c r="W4109">
        <v>1</v>
      </c>
      <c r="X4109">
        <v>0</v>
      </c>
      <c r="Y4109">
        <v>62</v>
      </c>
      <c r="Z4109">
        <v>16</v>
      </c>
      <c r="AA4109">
        <v>97</v>
      </c>
      <c r="AB4109">
        <v>51</v>
      </c>
      <c r="AC4109">
        <v>126</v>
      </c>
      <c r="AD4109">
        <v>78</v>
      </c>
      <c r="AE4109">
        <v>116</v>
      </c>
      <c r="AF4109">
        <v>770</v>
      </c>
      <c r="AG4109">
        <v>99786</v>
      </c>
      <c r="AH4109">
        <v>50000</v>
      </c>
      <c r="AI4109">
        <v>0</v>
      </c>
      <c r="AJ4109">
        <v>107</v>
      </c>
      <c r="AK4109" t="s">
        <v>40</v>
      </c>
      <c r="AL4109">
        <v>0</v>
      </c>
      <c r="AM4109">
        <v>0</v>
      </c>
      <c r="AN4109">
        <v>0</v>
      </c>
      <c r="AO4109">
        <v>0</v>
      </c>
      <c r="AP4109">
        <v>0</v>
      </c>
      <c r="AQ4109">
        <v>0</v>
      </c>
      <c r="AR4109">
        <v>0</v>
      </c>
      <c r="AS4109">
        <v>0</v>
      </c>
      <c r="AT4109">
        <v>0</v>
      </c>
      <c r="AU4109">
        <v>0</v>
      </c>
      <c r="AV4109">
        <v>0</v>
      </c>
      <c r="AW4109">
        <v>0</v>
      </c>
      <c r="AX4109">
        <v>132</v>
      </c>
      <c r="AY4109">
        <v>39</v>
      </c>
      <c r="AZ4109">
        <v>73</v>
      </c>
      <c r="BA4109">
        <v>6499</v>
      </c>
    </row>
    <row r="4110" spans="1:53" x14ac:dyDescent="0.4">
      <c r="A4110">
        <v>4154</v>
      </c>
      <c r="B4110" s="1">
        <v>44289</v>
      </c>
      <c r="C4110">
        <v>1</v>
      </c>
      <c r="D4110" s="1">
        <v>44289.291666666664</v>
      </c>
      <c r="E4110" s="1">
        <v>44289.397222222222</v>
      </c>
      <c r="F4110">
        <v>0</v>
      </c>
      <c r="G4110">
        <v>0</v>
      </c>
      <c r="H4110">
        <v>0</v>
      </c>
      <c r="I4110">
        <v>0</v>
      </c>
      <c r="J4110">
        <v>0</v>
      </c>
      <c r="K4110">
        <v>0</v>
      </c>
      <c r="L4110">
        <v>0</v>
      </c>
      <c r="M4110">
        <v>0</v>
      </c>
      <c r="N4110">
        <v>0</v>
      </c>
      <c r="O4110">
        <v>0</v>
      </c>
      <c r="P4110">
        <v>0</v>
      </c>
      <c r="Q4110">
        <v>0</v>
      </c>
      <c r="R4110">
        <v>0</v>
      </c>
      <c r="S4110">
        <v>0</v>
      </c>
      <c r="T4110">
        <v>0</v>
      </c>
      <c r="U4110">
        <v>0</v>
      </c>
      <c r="V4110">
        <v>0</v>
      </c>
      <c r="W4110">
        <v>0</v>
      </c>
      <c r="X4110">
        <v>0</v>
      </c>
      <c r="Y4110">
        <v>29</v>
      </c>
      <c r="Z4110">
        <v>8</v>
      </c>
      <c r="AA4110">
        <v>130</v>
      </c>
      <c r="AB4110">
        <v>50</v>
      </c>
      <c r="AC4110">
        <v>100</v>
      </c>
      <c r="AD4110">
        <v>77</v>
      </c>
      <c r="AE4110">
        <v>115</v>
      </c>
      <c r="AF4110">
        <v>0</v>
      </c>
      <c r="AG4110">
        <v>50000</v>
      </c>
      <c r="AH4110">
        <v>50000</v>
      </c>
      <c r="AI4110">
        <v>0</v>
      </c>
      <c r="AJ4110">
        <v>0</v>
      </c>
      <c r="AK4110" t="s">
        <v>6</v>
      </c>
      <c r="AL4110">
        <v>0</v>
      </c>
      <c r="AM4110">
        <v>0</v>
      </c>
      <c r="AN4110">
        <v>0</v>
      </c>
      <c r="AO4110">
        <v>0</v>
      </c>
      <c r="AP4110">
        <v>0</v>
      </c>
      <c r="AQ4110">
        <v>0</v>
      </c>
      <c r="AR4110">
        <v>0</v>
      </c>
      <c r="AS4110">
        <v>0</v>
      </c>
      <c r="AT4110">
        <v>0</v>
      </c>
      <c r="AU4110">
        <v>0</v>
      </c>
      <c r="AV4110">
        <v>0</v>
      </c>
      <c r="AW4110">
        <v>0</v>
      </c>
      <c r="AX4110">
        <v>0</v>
      </c>
      <c r="AY4110">
        <v>0</v>
      </c>
      <c r="AZ4110">
        <v>0</v>
      </c>
      <c r="BA4110">
        <v>0</v>
      </c>
    </row>
    <row r="4111" spans="1:53" x14ac:dyDescent="0.4">
      <c r="A4111">
        <v>4155</v>
      </c>
      <c r="B4111" s="1">
        <v>44289</v>
      </c>
      <c r="C4111">
        <v>2</v>
      </c>
      <c r="D4111" s="1">
        <v>44289.397222222222</v>
      </c>
      <c r="E4111" s="1">
        <v>44289.745833333334</v>
      </c>
      <c r="F4111">
        <v>31600</v>
      </c>
      <c r="G4111">
        <v>1780</v>
      </c>
      <c r="H4111">
        <v>0</v>
      </c>
      <c r="I4111">
        <v>0</v>
      </c>
      <c r="J4111">
        <v>0</v>
      </c>
      <c r="K4111">
        <v>0</v>
      </c>
      <c r="L4111">
        <v>0</v>
      </c>
      <c r="M4111">
        <v>3338</v>
      </c>
      <c r="N4111">
        <v>0</v>
      </c>
      <c r="O4111">
        <v>0</v>
      </c>
      <c r="P4111">
        <v>14355</v>
      </c>
      <c r="Q4111">
        <v>0</v>
      </c>
      <c r="R4111">
        <v>51073</v>
      </c>
      <c r="S4111">
        <v>0</v>
      </c>
      <c r="T4111">
        <v>0</v>
      </c>
      <c r="U4111">
        <v>0</v>
      </c>
      <c r="V4111">
        <v>2</v>
      </c>
      <c r="W4111">
        <v>0</v>
      </c>
      <c r="X4111">
        <v>0</v>
      </c>
      <c r="Y4111">
        <v>59</v>
      </c>
      <c r="Z4111">
        <v>13</v>
      </c>
      <c r="AA4111">
        <v>121</v>
      </c>
      <c r="AB4111">
        <v>47</v>
      </c>
      <c r="AC4111">
        <v>80</v>
      </c>
      <c r="AD4111">
        <v>80</v>
      </c>
      <c r="AE4111">
        <v>151</v>
      </c>
      <c r="AF4111">
        <v>0</v>
      </c>
      <c r="AG4111">
        <v>101301</v>
      </c>
      <c r="AH4111">
        <v>50000</v>
      </c>
      <c r="AI4111">
        <v>228</v>
      </c>
      <c r="AJ4111">
        <v>110</v>
      </c>
      <c r="AK4111" t="s">
        <v>48</v>
      </c>
      <c r="AL4111">
        <v>0</v>
      </c>
      <c r="AM4111">
        <v>0</v>
      </c>
      <c r="AN4111">
        <v>0</v>
      </c>
      <c r="AO4111">
        <v>0</v>
      </c>
      <c r="AP4111">
        <v>0</v>
      </c>
      <c r="AQ4111">
        <v>0</v>
      </c>
      <c r="AR4111">
        <v>0</v>
      </c>
      <c r="AS4111">
        <v>0</v>
      </c>
      <c r="AT4111">
        <v>0</v>
      </c>
      <c r="AU4111">
        <v>0</v>
      </c>
      <c r="AV4111">
        <v>0</v>
      </c>
      <c r="AW4111">
        <v>0</v>
      </c>
      <c r="AX4111">
        <v>-528</v>
      </c>
      <c r="AY4111">
        <v>39</v>
      </c>
      <c r="AZ4111">
        <v>79</v>
      </c>
      <c r="BA4111">
        <v>5807</v>
      </c>
    </row>
    <row r="4112" spans="1:53" x14ac:dyDescent="0.4">
      <c r="A4112">
        <v>4156</v>
      </c>
      <c r="B4112" s="1">
        <v>44290</v>
      </c>
      <c r="C4112">
        <v>1</v>
      </c>
      <c r="D4112" s="1">
        <v>44290.291666666664</v>
      </c>
      <c r="E4112" s="1">
        <v>44290.377083333333</v>
      </c>
      <c r="F4112">
        <v>0</v>
      </c>
      <c r="G4112">
        <v>0</v>
      </c>
      <c r="H4112">
        <v>0</v>
      </c>
      <c r="I4112">
        <v>0</v>
      </c>
      <c r="J4112">
        <v>0</v>
      </c>
      <c r="K4112">
        <v>0</v>
      </c>
      <c r="L4112">
        <v>0</v>
      </c>
      <c r="M4112">
        <v>0</v>
      </c>
      <c r="N4112">
        <v>0</v>
      </c>
      <c r="O4112">
        <v>0</v>
      </c>
      <c r="P4112">
        <v>0</v>
      </c>
      <c r="Q4112">
        <v>0</v>
      </c>
      <c r="R4112">
        <v>0</v>
      </c>
      <c r="S4112">
        <v>0</v>
      </c>
      <c r="T4112">
        <v>0</v>
      </c>
      <c r="U4112">
        <v>0</v>
      </c>
      <c r="V4112">
        <v>0</v>
      </c>
      <c r="W4112">
        <v>0</v>
      </c>
      <c r="X4112">
        <v>0</v>
      </c>
      <c r="Y4112">
        <v>30</v>
      </c>
      <c r="Z4112">
        <v>10</v>
      </c>
      <c r="AA4112">
        <v>110</v>
      </c>
      <c r="AB4112">
        <v>47</v>
      </c>
      <c r="AC4112">
        <v>117</v>
      </c>
      <c r="AD4112">
        <v>70</v>
      </c>
      <c r="AE4112">
        <v>130</v>
      </c>
      <c r="AF4112">
        <v>0</v>
      </c>
      <c r="AG4112">
        <v>50000</v>
      </c>
      <c r="AH4112">
        <v>50000</v>
      </c>
      <c r="AI4112">
        <v>0</v>
      </c>
      <c r="AJ4112">
        <v>0</v>
      </c>
      <c r="AK4112" t="s">
        <v>6</v>
      </c>
      <c r="AL4112">
        <v>0</v>
      </c>
      <c r="AM4112">
        <v>0</v>
      </c>
      <c r="AN4112">
        <v>0</v>
      </c>
      <c r="AO4112">
        <v>0</v>
      </c>
      <c r="AP4112">
        <v>0</v>
      </c>
      <c r="AQ4112">
        <v>0</v>
      </c>
      <c r="AR4112">
        <v>0</v>
      </c>
      <c r="AS4112">
        <v>0</v>
      </c>
      <c r="AT4112">
        <v>0</v>
      </c>
      <c r="AU4112">
        <v>0</v>
      </c>
      <c r="AV4112">
        <v>0</v>
      </c>
      <c r="AW4112">
        <v>0</v>
      </c>
      <c r="AX4112">
        <v>0</v>
      </c>
      <c r="AY4112">
        <v>0</v>
      </c>
      <c r="AZ4112">
        <v>0</v>
      </c>
      <c r="BA4112">
        <v>0</v>
      </c>
    </row>
    <row r="4113" spans="1:53" x14ac:dyDescent="0.4">
      <c r="A4113">
        <v>4157</v>
      </c>
      <c r="B4113" s="1">
        <v>44290</v>
      </c>
      <c r="C4113">
        <v>2</v>
      </c>
      <c r="D4113" s="1">
        <v>44290.377083333333</v>
      </c>
      <c r="E4113" s="1">
        <v>44290.747916666667</v>
      </c>
      <c r="F4113">
        <v>31805</v>
      </c>
      <c r="G4113">
        <v>1620</v>
      </c>
      <c r="H4113">
        <v>0</v>
      </c>
      <c r="I4113">
        <v>0</v>
      </c>
      <c r="J4113">
        <v>100</v>
      </c>
      <c r="K4113">
        <v>1100</v>
      </c>
      <c r="L4113">
        <v>0</v>
      </c>
      <c r="M4113">
        <v>3443</v>
      </c>
      <c r="N4113">
        <v>0</v>
      </c>
      <c r="O4113">
        <v>0</v>
      </c>
      <c r="P4113">
        <v>19745</v>
      </c>
      <c r="Q4113">
        <v>0</v>
      </c>
      <c r="R4113">
        <v>57613</v>
      </c>
      <c r="S4113">
        <v>0</v>
      </c>
      <c r="T4113">
        <v>0</v>
      </c>
      <c r="U4113">
        <v>0</v>
      </c>
      <c r="V4113">
        <v>4</v>
      </c>
      <c r="W4113">
        <v>1</v>
      </c>
      <c r="X4113">
        <v>0</v>
      </c>
      <c r="Y4113">
        <v>39</v>
      </c>
      <c r="Z4113">
        <v>18</v>
      </c>
      <c r="AA4113">
        <v>98</v>
      </c>
      <c r="AB4113">
        <v>36</v>
      </c>
      <c r="AC4113">
        <v>130</v>
      </c>
      <c r="AD4113">
        <v>76</v>
      </c>
      <c r="AE4113">
        <v>123</v>
      </c>
      <c r="AF4113">
        <v>1210</v>
      </c>
      <c r="AG4113">
        <v>107613</v>
      </c>
      <c r="AH4113">
        <v>50000</v>
      </c>
      <c r="AI4113">
        <v>0</v>
      </c>
      <c r="AJ4113">
        <v>85</v>
      </c>
      <c r="AK4113" t="s">
        <v>7</v>
      </c>
      <c r="AL4113">
        <v>0</v>
      </c>
      <c r="AM4113">
        <v>0</v>
      </c>
      <c r="AN4113">
        <v>0</v>
      </c>
      <c r="AO4113">
        <v>0</v>
      </c>
      <c r="AP4113">
        <v>0</v>
      </c>
      <c r="AQ4113">
        <v>0</v>
      </c>
      <c r="AR4113">
        <v>0</v>
      </c>
      <c r="AS4113">
        <v>0</v>
      </c>
      <c r="AT4113">
        <v>0</v>
      </c>
      <c r="AU4113">
        <v>0</v>
      </c>
      <c r="AV4113">
        <v>0</v>
      </c>
      <c r="AW4113">
        <v>0</v>
      </c>
      <c r="AX4113">
        <v>-2112</v>
      </c>
      <c r="AY4113">
        <v>39</v>
      </c>
      <c r="AZ4113">
        <v>85</v>
      </c>
      <c r="BA4113">
        <v>6680</v>
      </c>
    </row>
    <row r="4114" spans="1:53" x14ac:dyDescent="0.4">
      <c r="A4114">
        <v>4158</v>
      </c>
      <c r="B4114" s="1">
        <v>44291</v>
      </c>
      <c r="C4114">
        <v>1</v>
      </c>
      <c r="D4114" s="1">
        <v>44291.291666666664</v>
      </c>
      <c r="E4114" s="1">
        <v>44291.380555555559</v>
      </c>
      <c r="F4114">
        <v>0</v>
      </c>
      <c r="G4114">
        <v>0</v>
      </c>
      <c r="H4114">
        <v>0</v>
      </c>
      <c r="I4114">
        <v>0</v>
      </c>
      <c r="J4114">
        <v>0</v>
      </c>
      <c r="K4114">
        <v>0</v>
      </c>
      <c r="L4114">
        <v>0</v>
      </c>
      <c r="M4114">
        <v>0</v>
      </c>
      <c r="N4114">
        <v>0</v>
      </c>
      <c r="O4114">
        <v>0</v>
      </c>
      <c r="P4114">
        <v>0</v>
      </c>
      <c r="Q4114">
        <v>0</v>
      </c>
      <c r="R4114">
        <v>0</v>
      </c>
      <c r="S4114">
        <v>0</v>
      </c>
      <c r="T4114">
        <v>0</v>
      </c>
      <c r="U4114">
        <v>0</v>
      </c>
      <c r="V4114">
        <v>0</v>
      </c>
      <c r="W4114">
        <v>0</v>
      </c>
      <c r="X4114">
        <v>0</v>
      </c>
      <c r="Y4114">
        <v>30</v>
      </c>
      <c r="Z4114">
        <v>11</v>
      </c>
      <c r="AA4114">
        <v>112</v>
      </c>
      <c r="AB4114">
        <v>35</v>
      </c>
      <c r="AC4114">
        <v>130</v>
      </c>
      <c r="AD4114">
        <v>26</v>
      </c>
      <c r="AE4114">
        <v>120</v>
      </c>
      <c r="AF4114">
        <v>0</v>
      </c>
      <c r="AG4114">
        <v>50000</v>
      </c>
      <c r="AH4114">
        <v>50000</v>
      </c>
      <c r="AI4114">
        <v>0</v>
      </c>
      <c r="AJ4114">
        <v>0</v>
      </c>
      <c r="AK4114" t="s">
        <v>6</v>
      </c>
      <c r="AL4114">
        <v>0</v>
      </c>
      <c r="AM4114">
        <v>0</v>
      </c>
      <c r="AN4114">
        <v>0</v>
      </c>
      <c r="AO4114">
        <v>0</v>
      </c>
      <c r="AP4114">
        <v>0</v>
      </c>
      <c r="AQ4114">
        <v>0</v>
      </c>
      <c r="AR4114">
        <v>0</v>
      </c>
      <c r="AS4114">
        <v>0</v>
      </c>
      <c r="AT4114">
        <v>0</v>
      </c>
      <c r="AU4114">
        <v>0</v>
      </c>
      <c r="AV4114">
        <v>0</v>
      </c>
      <c r="AW4114">
        <v>0</v>
      </c>
      <c r="AX4114">
        <v>0</v>
      </c>
      <c r="AY4114">
        <v>0</v>
      </c>
      <c r="AZ4114">
        <v>0</v>
      </c>
      <c r="BA4114">
        <v>0</v>
      </c>
    </row>
    <row r="4115" spans="1:53" x14ac:dyDescent="0.4">
      <c r="A4115">
        <v>4159</v>
      </c>
      <c r="B4115" s="1">
        <v>44291</v>
      </c>
      <c r="C4115">
        <v>2</v>
      </c>
      <c r="D4115" s="1">
        <v>44291.380555555559</v>
      </c>
      <c r="E4115" s="1">
        <v>44291.77847222222</v>
      </c>
      <c r="F4115">
        <v>27900</v>
      </c>
      <c r="G4115">
        <v>940</v>
      </c>
      <c r="H4115">
        <v>0</v>
      </c>
      <c r="I4115">
        <v>0</v>
      </c>
      <c r="J4115">
        <v>0</v>
      </c>
      <c r="K4115">
        <v>0</v>
      </c>
      <c r="L4115">
        <v>0</v>
      </c>
      <c r="M4115">
        <v>2884</v>
      </c>
      <c r="N4115">
        <v>0</v>
      </c>
      <c r="O4115">
        <v>0</v>
      </c>
      <c r="P4115">
        <v>13530</v>
      </c>
      <c r="Q4115">
        <v>0</v>
      </c>
      <c r="R4115">
        <v>45254</v>
      </c>
      <c r="S4115">
        <v>0</v>
      </c>
      <c r="T4115">
        <v>0</v>
      </c>
      <c r="U4115">
        <v>0</v>
      </c>
      <c r="V4115">
        <v>1</v>
      </c>
      <c r="W4115">
        <v>1</v>
      </c>
      <c r="X4115">
        <v>0</v>
      </c>
      <c r="Y4115">
        <v>56</v>
      </c>
      <c r="Z4115">
        <v>23</v>
      </c>
      <c r="AA4115">
        <v>94</v>
      </c>
      <c r="AB4115">
        <v>33</v>
      </c>
      <c r="AC4115">
        <v>146</v>
      </c>
      <c r="AD4115">
        <v>27</v>
      </c>
      <c r="AE4115">
        <v>109</v>
      </c>
      <c r="AF4115">
        <v>0</v>
      </c>
      <c r="AG4115">
        <v>95254</v>
      </c>
      <c r="AH4115">
        <v>50000</v>
      </c>
      <c r="AI4115">
        <v>0</v>
      </c>
      <c r="AJ4115">
        <v>84</v>
      </c>
      <c r="AK4115" t="s">
        <v>16</v>
      </c>
      <c r="AL4115">
        <v>0</v>
      </c>
      <c r="AM4115">
        <v>0</v>
      </c>
      <c r="AN4115">
        <v>0</v>
      </c>
      <c r="AO4115">
        <v>0</v>
      </c>
      <c r="AP4115">
        <v>0</v>
      </c>
      <c r="AQ4115">
        <v>0</v>
      </c>
      <c r="AR4115">
        <v>0</v>
      </c>
      <c r="AS4115">
        <v>0</v>
      </c>
      <c r="AT4115">
        <v>0</v>
      </c>
      <c r="AU4115">
        <v>0</v>
      </c>
      <c r="AV4115">
        <v>0</v>
      </c>
      <c r="AW4115">
        <v>0</v>
      </c>
      <c r="AX4115">
        <v>308</v>
      </c>
      <c r="AY4115">
        <v>34</v>
      </c>
      <c r="AZ4115">
        <v>68</v>
      </c>
      <c r="BA4115">
        <v>6177</v>
      </c>
    </row>
    <row r="4116" spans="1:53" x14ac:dyDescent="0.4">
      <c r="A4116">
        <v>4160</v>
      </c>
      <c r="B4116" s="1">
        <v>44292</v>
      </c>
      <c r="C4116">
        <v>1</v>
      </c>
      <c r="D4116" s="1">
        <v>44292.291666666664</v>
      </c>
      <c r="E4116" s="1">
        <v>44292.379861111112</v>
      </c>
      <c r="F4116">
        <v>0</v>
      </c>
      <c r="G4116">
        <v>0</v>
      </c>
      <c r="H4116">
        <v>0</v>
      </c>
      <c r="I4116">
        <v>0</v>
      </c>
      <c r="J4116">
        <v>0</v>
      </c>
      <c r="K4116">
        <v>0</v>
      </c>
      <c r="L4116">
        <v>0</v>
      </c>
      <c r="M4116">
        <v>0</v>
      </c>
      <c r="N4116">
        <v>0</v>
      </c>
      <c r="O4116">
        <v>0</v>
      </c>
      <c r="P4116">
        <v>0</v>
      </c>
      <c r="Q4116">
        <v>0</v>
      </c>
      <c r="R4116">
        <v>0</v>
      </c>
      <c r="S4116">
        <v>0</v>
      </c>
      <c r="T4116">
        <v>0</v>
      </c>
      <c r="U4116">
        <v>0</v>
      </c>
      <c r="V4116">
        <v>0</v>
      </c>
      <c r="W4116">
        <v>0</v>
      </c>
      <c r="X4116">
        <v>0</v>
      </c>
      <c r="Y4116">
        <v>30</v>
      </c>
      <c r="Z4116">
        <v>16</v>
      </c>
      <c r="AA4116">
        <v>87</v>
      </c>
      <c r="AB4116">
        <v>33</v>
      </c>
      <c r="AC4116">
        <v>140</v>
      </c>
      <c r="AD4116">
        <v>27</v>
      </c>
      <c r="AE4116">
        <v>115</v>
      </c>
      <c r="AF4116">
        <v>0</v>
      </c>
      <c r="AG4116">
        <v>50000</v>
      </c>
      <c r="AH4116">
        <v>50000</v>
      </c>
      <c r="AI4116">
        <v>0</v>
      </c>
      <c r="AJ4116">
        <v>0</v>
      </c>
      <c r="AK4116" t="s">
        <v>6</v>
      </c>
      <c r="AL4116">
        <v>0</v>
      </c>
      <c r="AM4116">
        <v>0</v>
      </c>
      <c r="AN4116">
        <v>0</v>
      </c>
      <c r="AO4116">
        <v>0</v>
      </c>
      <c r="AP4116">
        <v>0</v>
      </c>
      <c r="AQ4116">
        <v>0</v>
      </c>
      <c r="AR4116">
        <v>0</v>
      </c>
      <c r="AS4116">
        <v>0</v>
      </c>
      <c r="AT4116">
        <v>0</v>
      </c>
      <c r="AU4116">
        <v>0</v>
      </c>
      <c r="AV4116">
        <v>0</v>
      </c>
      <c r="AW4116">
        <v>0</v>
      </c>
      <c r="AX4116">
        <v>0</v>
      </c>
      <c r="AY4116">
        <v>0</v>
      </c>
      <c r="AZ4116">
        <v>0</v>
      </c>
      <c r="BA4116">
        <v>0</v>
      </c>
    </row>
    <row r="4117" spans="1:53" x14ac:dyDescent="0.4">
      <c r="A4117">
        <v>4161</v>
      </c>
      <c r="B4117" s="1">
        <v>44292</v>
      </c>
      <c r="C4117">
        <v>2</v>
      </c>
      <c r="D4117" s="1">
        <v>44292.379861111112</v>
      </c>
      <c r="E4117" s="1">
        <v>44292.786111111112</v>
      </c>
      <c r="F4117">
        <v>35400</v>
      </c>
      <c r="G4117">
        <v>1620</v>
      </c>
      <c r="H4117">
        <v>0</v>
      </c>
      <c r="I4117">
        <v>0</v>
      </c>
      <c r="J4117">
        <v>0</v>
      </c>
      <c r="K4117">
        <v>0</v>
      </c>
      <c r="L4117">
        <v>0</v>
      </c>
      <c r="M4117">
        <v>3702</v>
      </c>
      <c r="N4117">
        <v>0</v>
      </c>
      <c r="O4117">
        <v>0</v>
      </c>
      <c r="P4117">
        <v>7106</v>
      </c>
      <c r="Q4117">
        <v>0</v>
      </c>
      <c r="R4117">
        <v>47828</v>
      </c>
      <c r="S4117">
        <v>0</v>
      </c>
      <c r="T4117">
        <v>0</v>
      </c>
      <c r="U4117">
        <v>0</v>
      </c>
      <c r="V4117">
        <v>1</v>
      </c>
      <c r="W4117">
        <v>1</v>
      </c>
      <c r="X4117">
        <v>0</v>
      </c>
      <c r="Y4117">
        <v>52</v>
      </c>
      <c r="Z4117">
        <v>34</v>
      </c>
      <c r="AA4117">
        <v>99</v>
      </c>
      <c r="AB4117">
        <v>35</v>
      </c>
      <c r="AC4117">
        <v>126</v>
      </c>
      <c r="AD4117">
        <v>33</v>
      </c>
      <c r="AE4117">
        <v>148</v>
      </c>
      <c r="AF4117">
        <v>605</v>
      </c>
      <c r="AG4117">
        <v>97828</v>
      </c>
      <c r="AH4117">
        <v>50000</v>
      </c>
      <c r="AI4117">
        <v>0</v>
      </c>
      <c r="AJ4117">
        <v>84</v>
      </c>
      <c r="AK4117" t="s">
        <v>16</v>
      </c>
      <c r="AL4117">
        <v>0</v>
      </c>
      <c r="AM4117">
        <v>0</v>
      </c>
      <c r="AN4117">
        <v>0</v>
      </c>
      <c r="AO4117">
        <v>0</v>
      </c>
      <c r="AP4117">
        <v>0</v>
      </c>
      <c r="AQ4117">
        <v>0</v>
      </c>
      <c r="AR4117">
        <v>0</v>
      </c>
      <c r="AS4117">
        <v>0</v>
      </c>
      <c r="AT4117">
        <v>0</v>
      </c>
      <c r="AU4117">
        <v>0</v>
      </c>
      <c r="AV4117">
        <v>0</v>
      </c>
      <c r="AW4117">
        <v>0</v>
      </c>
      <c r="AX4117">
        <v>660</v>
      </c>
      <c r="AY4117">
        <v>38</v>
      </c>
      <c r="AZ4117">
        <v>72</v>
      </c>
      <c r="BA4117">
        <v>6318</v>
      </c>
    </row>
    <row r="4118" spans="1:53" x14ac:dyDescent="0.4">
      <c r="A4118">
        <v>4162</v>
      </c>
      <c r="B4118" s="1">
        <v>44293</v>
      </c>
      <c r="C4118">
        <v>1</v>
      </c>
      <c r="D4118" s="1">
        <v>44293.291666666664</v>
      </c>
      <c r="E4118" s="1">
        <v>44293.386805555558</v>
      </c>
      <c r="F4118">
        <v>0</v>
      </c>
      <c r="G4118">
        <v>0</v>
      </c>
      <c r="H4118">
        <v>0</v>
      </c>
      <c r="I4118">
        <v>0</v>
      </c>
      <c r="J4118">
        <v>0</v>
      </c>
      <c r="K4118">
        <v>0</v>
      </c>
      <c r="L4118">
        <v>0</v>
      </c>
      <c r="M4118">
        <v>0</v>
      </c>
      <c r="N4118">
        <v>0</v>
      </c>
      <c r="O4118">
        <v>0</v>
      </c>
      <c r="P4118">
        <v>0</v>
      </c>
      <c r="Q4118">
        <v>0</v>
      </c>
      <c r="R4118">
        <v>0</v>
      </c>
      <c r="S4118">
        <v>0</v>
      </c>
      <c r="T4118">
        <v>0</v>
      </c>
      <c r="U4118">
        <v>0</v>
      </c>
      <c r="V4118">
        <v>0</v>
      </c>
      <c r="W4118">
        <v>0</v>
      </c>
      <c r="X4118">
        <v>0</v>
      </c>
      <c r="Y4118">
        <v>31</v>
      </c>
      <c r="Z4118">
        <v>13</v>
      </c>
      <c r="AA4118">
        <v>92</v>
      </c>
      <c r="AB4118">
        <v>36</v>
      </c>
      <c r="AC4118">
        <v>119</v>
      </c>
      <c r="AD4118">
        <v>33</v>
      </c>
      <c r="AE4118">
        <v>145</v>
      </c>
      <c r="AF4118">
        <v>0</v>
      </c>
      <c r="AG4118">
        <v>50000</v>
      </c>
      <c r="AH4118">
        <v>50000</v>
      </c>
      <c r="AI4118">
        <v>0</v>
      </c>
      <c r="AJ4118">
        <v>0</v>
      </c>
      <c r="AK4118" t="s">
        <v>6</v>
      </c>
      <c r="AL4118">
        <v>0</v>
      </c>
      <c r="AM4118">
        <v>0</v>
      </c>
      <c r="AN4118">
        <v>0</v>
      </c>
      <c r="AO4118">
        <v>0</v>
      </c>
      <c r="AP4118">
        <v>0</v>
      </c>
      <c r="AQ4118">
        <v>0</v>
      </c>
      <c r="AR4118">
        <v>0</v>
      </c>
      <c r="AS4118">
        <v>0</v>
      </c>
      <c r="AT4118">
        <v>0</v>
      </c>
      <c r="AU4118">
        <v>0</v>
      </c>
      <c r="AV4118">
        <v>0</v>
      </c>
      <c r="AW4118">
        <v>0</v>
      </c>
      <c r="AX4118">
        <v>0</v>
      </c>
      <c r="AY4118">
        <v>0</v>
      </c>
      <c r="AZ4118">
        <v>0</v>
      </c>
      <c r="BA4118">
        <v>0</v>
      </c>
    </row>
    <row r="4119" spans="1:53" x14ac:dyDescent="0.4">
      <c r="A4119">
        <v>4163</v>
      </c>
      <c r="B4119" s="1">
        <v>44293</v>
      </c>
      <c r="C4119">
        <v>2</v>
      </c>
      <c r="D4119" s="1">
        <v>44293.386805555558</v>
      </c>
      <c r="E4119" s="1">
        <v>44293.740277777775</v>
      </c>
      <c r="F4119">
        <v>23600</v>
      </c>
      <c r="G4119">
        <v>540</v>
      </c>
      <c r="H4119">
        <v>230</v>
      </c>
      <c r="I4119">
        <v>0</v>
      </c>
      <c r="J4119">
        <v>0</v>
      </c>
      <c r="K4119">
        <v>0</v>
      </c>
      <c r="L4119">
        <v>0</v>
      </c>
      <c r="M4119">
        <v>2437</v>
      </c>
      <c r="N4119">
        <v>0</v>
      </c>
      <c r="O4119">
        <v>0</v>
      </c>
      <c r="P4119">
        <v>7062</v>
      </c>
      <c r="Q4119">
        <v>0</v>
      </c>
      <c r="R4119">
        <v>33869</v>
      </c>
      <c r="S4119">
        <v>0</v>
      </c>
      <c r="T4119">
        <v>0</v>
      </c>
      <c r="U4119">
        <v>0</v>
      </c>
      <c r="V4119">
        <v>2</v>
      </c>
      <c r="W4119">
        <v>0</v>
      </c>
      <c r="X4119">
        <v>0</v>
      </c>
      <c r="Y4119">
        <v>41</v>
      </c>
      <c r="Z4119">
        <v>23</v>
      </c>
      <c r="AA4119">
        <v>70</v>
      </c>
      <c r="AB4119">
        <v>36</v>
      </c>
      <c r="AC4119">
        <v>129</v>
      </c>
      <c r="AD4119">
        <v>39</v>
      </c>
      <c r="AE4119">
        <v>171</v>
      </c>
      <c r="AF4119">
        <v>913</v>
      </c>
      <c r="AG4119">
        <v>83869</v>
      </c>
      <c r="AH4119">
        <v>50000</v>
      </c>
      <c r="AI4119">
        <v>0</v>
      </c>
      <c r="AJ4119">
        <v>84</v>
      </c>
      <c r="AK4119" t="s">
        <v>16</v>
      </c>
      <c r="AL4119">
        <v>0</v>
      </c>
      <c r="AM4119">
        <v>0</v>
      </c>
      <c r="AN4119">
        <v>0</v>
      </c>
      <c r="AO4119">
        <v>0</v>
      </c>
      <c r="AP4119">
        <v>0</v>
      </c>
      <c r="AQ4119">
        <v>0</v>
      </c>
      <c r="AR4119">
        <v>0</v>
      </c>
      <c r="AS4119">
        <v>0</v>
      </c>
      <c r="AT4119">
        <v>0</v>
      </c>
      <c r="AU4119">
        <v>0</v>
      </c>
      <c r="AV4119">
        <v>0</v>
      </c>
      <c r="AW4119">
        <v>0</v>
      </c>
      <c r="AX4119">
        <v>-1056</v>
      </c>
      <c r="AY4119">
        <v>26</v>
      </c>
      <c r="AZ4119">
        <v>52</v>
      </c>
      <c r="BA4119">
        <v>3607</v>
      </c>
    </row>
    <row r="4120" spans="1:53" x14ac:dyDescent="0.4">
      <c r="A4120">
        <v>4164</v>
      </c>
      <c r="B4120" s="1">
        <v>44293</v>
      </c>
      <c r="C4120">
        <v>3</v>
      </c>
      <c r="D4120" s="1">
        <v>44293.740277777775</v>
      </c>
      <c r="E4120" s="1">
        <v>44293.95</v>
      </c>
      <c r="F4120">
        <v>11940</v>
      </c>
      <c r="G4120">
        <v>0</v>
      </c>
      <c r="H4120">
        <v>0</v>
      </c>
      <c r="I4120">
        <v>0</v>
      </c>
      <c r="J4120">
        <v>0</v>
      </c>
      <c r="K4120">
        <v>0</v>
      </c>
      <c r="L4120">
        <v>0</v>
      </c>
      <c r="M4120">
        <v>1194</v>
      </c>
      <c r="N4120">
        <v>0</v>
      </c>
      <c r="O4120">
        <v>0</v>
      </c>
      <c r="P4120">
        <v>-4013</v>
      </c>
      <c r="Q4120">
        <v>0</v>
      </c>
      <c r="R4120">
        <v>9121</v>
      </c>
      <c r="S4120">
        <v>0</v>
      </c>
      <c r="T4120">
        <v>0</v>
      </c>
      <c r="U4120">
        <v>0</v>
      </c>
      <c r="V4120">
        <v>2</v>
      </c>
      <c r="W4120">
        <v>0</v>
      </c>
      <c r="X4120">
        <v>0</v>
      </c>
      <c r="Y4120">
        <v>42</v>
      </c>
      <c r="Z4120">
        <v>21</v>
      </c>
      <c r="AA4120">
        <v>122</v>
      </c>
      <c r="AB4120">
        <v>88</v>
      </c>
      <c r="AC4120">
        <v>130</v>
      </c>
      <c r="AD4120">
        <v>37</v>
      </c>
      <c r="AE4120">
        <v>172</v>
      </c>
      <c r="AF4120">
        <v>2233</v>
      </c>
      <c r="AG4120">
        <v>92990</v>
      </c>
      <c r="AH4120">
        <v>50000</v>
      </c>
      <c r="AI4120">
        <v>0</v>
      </c>
      <c r="AJ4120">
        <v>108</v>
      </c>
      <c r="AK4120" t="s">
        <v>30</v>
      </c>
      <c r="AL4120">
        <v>0</v>
      </c>
      <c r="AM4120">
        <v>0</v>
      </c>
      <c r="AN4120">
        <v>0</v>
      </c>
      <c r="AO4120">
        <v>0</v>
      </c>
      <c r="AP4120">
        <v>0</v>
      </c>
      <c r="AQ4120">
        <v>0</v>
      </c>
      <c r="AR4120">
        <v>0</v>
      </c>
      <c r="AS4120">
        <v>0</v>
      </c>
      <c r="AT4120">
        <v>0</v>
      </c>
      <c r="AU4120">
        <v>0</v>
      </c>
      <c r="AV4120">
        <v>0</v>
      </c>
      <c r="AW4120">
        <v>0</v>
      </c>
      <c r="AX4120">
        <v>1980</v>
      </c>
      <c r="AY4120">
        <v>8</v>
      </c>
      <c r="AZ4120">
        <v>14</v>
      </c>
      <c r="BA4120">
        <v>1073</v>
      </c>
    </row>
    <row r="4121" spans="1:53" x14ac:dyDescent="0.4">
      <c r="A4121">
        <v>4165</v>
      </c>
      <c r="B4121" s="1">
        <v>44294</v>
      </c>
      <c r="C4121">
        <v>1</v>
      </c>
      <c r="D4121" s="1">
        <v>44294.291666666664</v>
      </c>
      <c r="E4121" s="1">
        <v>44294.44027777778</v>
      </c>
      <c r="F4121">
        <v>0</v>
      </c>
      <c r="G4121">
        <v>0</v>
      </c>
      <c r="H4121">
        <v>0</v>
      </c>
      <c r="I4121">
        <v>0</v>
      </c>
      <c r="J4121">
        <v>0</v>
      </c>
      <c r="K4121">
        <v>0</v>
      </c>
      <c r="L4121">
        <v>0</v>
      </c>
      <c r="M4121">
        <v>0</v>
      </c>
      <c r="N4121">
        <v>0</v>
      </c>
      <c r="O4121">
        <v>0</v>
      </c>
      <c r="P4121">
        <v>0</v>
      </c>
      <c r="Q4121">
        <v>0</v>
      </c>
      <c r="R4121">
        <v>0</v>
      </c>
      <c r="S4121">
        <v>0</v>
      </c>
      <c r="T4121">
        <v>0</v>
      </c>
      <c r="U4121">
        <v>0</v>
      </c>
      <c r="V4121">
        <v>0</v>
      </c>
      <c r="W4121">
        <v>0</v>
      </c>
      <c r="X4121">
        <v>0</v>
      </c>
      <c r="Y4121">
        <v>27</v>
      </c>
      <c r="Z4121">
        <v>9</v>
      </c>
      <c r="AA4121">
        <v>125</v>
      </c>
      <c r="AB4121">
        <v>88</v>
      </c>
      <c r="AC4121">
        <v>129</v>
      </c>
      <c r="AD4121">
        <v>37</v>
      </c>
      <c r="AE4121">
        <v>125</v>
      </c>
      <c r="AF4121">
        <v>0</v>
      </c>
      <c r="AG4121">
        <v>50000</v>
      </c>
      <c r="AH4121">
        <v>50000</v>
      </c>
      <c r="AI4121">
        <v>0</v>
      </c>
      <c r="AJ4121">
        <v>0</v>
      </c>
      <c r="AK4121" t="s">
        <v>6</v>
      </c>
      <c r="AL4121">
        <v>0</v>
      </c>
      <c r="AM4121">
        <v>0</v>
      </c>
      <c r="AN4121">
        <v>0</v>
      </c>
      <c r="AO4121">
        <v>0</v>
      </c>
      <c r="AP4121">
        <v>0</v>
      </c>
      <c r="AQ4121">
        <v>0</v>
      </c>
      <c r="AR4121">
        <v>0</v>
      </c>
      <c r="AS4121">
        <v>0</v>
      </c>
      <c r="AT4121">
        <v>0</v>
      </c>
      <c r="AU4121">
        <v>0</v>
      </c>
      <c r="AV4121">
        <v>0</v>
      </c>
      <c r="AW4121">
        <v>0</v>
      </c>
      <c r="AX4121">
        <v>0</v>
      </c>
      <c r="AY4121">
        <v>0</v>
      </c>
      <c r="AZ4121">
        <v>0</v>
      </c>
      <c r="BA4121">
        <v>0</v>
      </c>
    </row>
    <row r="4122" spans="1:53" x14ac:dyDescent="0.4">
      <c r="A4122">
        <v>4166</v>
      </c>
      <c r="B4122" s="1">
        <v>44294</v>
      </c>
      <c r="C4122">
        <v>2</v>
      </c>
      <c r="D4122" s="1">
        <v>44294.44027777778</v>
      </c>
      <c r="E4122" s="1">
        <v>44294.786111111112</v>
      </c>
      <c r="F4122">
        <v>17850</v>
      </c>
      <c r="G4122">
        <v>1500</v>
      </c>
      <c r="H4122">
        <v>0</v>
      </c>
      <c r="I4122">
        <v>0</v>
      </c>
      <c r="J4122">
        <v>100</v>
      </c>
      <c r="K4122">
        <v>0</v>
      </c>
      <c r="L4122">
        <v>0</v>
      </c>
      <c r="M4122">
        <v>1925</v>
      </c>
      <c r="N4122">
        <v>0</v>
      </c>
      <c r="O4122">
        <v>0</v>
      </c>
      <c r="P4122">
        <v>7700</v>
      </c>
      <c r="Q4122">
        <v>0</v>
      </c>
      <c r="R4122">
        <v>28875</v>
      </c>
      <c r="S4122">
        <v>0</v>
      </c>
      <c r="T4122">
        <v>0</v>
      </c>
      <c r="U4122">
        <v>0</v>
      </c>
      <c r="V4122">
        <v>0</v>
      </c>
      <c r="W4122">
        <v>1</v>
      </c>
      <c r="X4122">
        <v>0</v>
      </c>
      <c r="Y4122">
        <v>48</v>
      </c>
      <c r="Z4122">
        <v>14</v>
      </c>
      <c r="AA4122">
        <v>97</v>
      </c>
      <c r="AB4122">
        <v>84</v>
      </c>
      <c r="AC4122">
        <v>126</v>
      </c>
      <c r="AD4122">
        <v>38</v>
      </c>
      <c r="AE4122">
        <v>110</v>
      </c>
      <c r="AF4122">
        <v>3415</v>
      </c>
      <c r="AG4122">
        <v>78875</v>
      </c>
      <c r="AH4122">
        <v>50000</v>
      </c>
      <c r="AI4122">
        <v>0</v>
      </c>
      <c r="AJ4122">
        <v>84</v>
      </c>
      <c r="AK4122" t="s">
        <v>16</v>
      </c>
      <c r="AL4122">
        <v>0</v>
      </c>
      <c r="AM4122">
        <v>0</v>
      </c>
      <c r="AN4122">
        <v>0</v>
      </c>
      <c r="AO4122">
        <v>0</v>
      </c>
      <c r="AP4122">
        <v>0</v>
      </c>
      <c r="AQ4122">
        <v>0</v>
      </c>
      <c r="AR4122">
        <v>0</v>
      </c>
      <c r="AS4122">
        <v>0</v>
      </c>
      <c r="AT4122">
        <v>0</v>
      </c>
      <c r="AU4122">
        <v>0</v>
      </c>
      <c r="AV4122">
        <v>0</v>
      </c>
      <c r="AW4122">
        <v>0</v>
      </c>
      <c r="AX4122">
        <v>748</v>
      </c>
      <c r="AY4122">
        <v>24</v>
      </c>
      <c r="AZ4122">
        <v>42</v>
      </c>
      <c r="BA4122">
        <v>3991</v>
      </c>
    </row>
    <row r="4123" spans="1:53" x14ac:dyDescent="0.4">
      <c r="A4123">
        <v>4167</v>
      </c>
      <c r="B4123" s="1">
        <v>44295</v>
      </c>
      <c r="C4123">
        <v>1</v>
      </c>
      <c r="D4123" s="1">
        <v>44295.291666666664</v>
      </c>
      <c r="E4123" s="1">
        <v>44295.411111111112</v>
      </c>
      <c r="F4123">
        <v>0</v>
      </c>
      <c r="G4123">
        <v>0</v>
      </c>
      <c r="H4123">
        <v>0</v>
      </c>
      <c r="I4123">
        <v>0</v>
      </c>
      <c r="J4123">
        <v>0</v>
      </c>
      <c r="K4123">
        <v>0</v>
      </c>
      <c r="L4123">
        <v>0</v>
      </c>
      <c r="M4123">
        <v>0</v>
      </c>
      <c r="N4123">
        <v>0</v>
      </c>
      <c r="O4123">
        <v>0</v>
      </c>
      <c r="P4123">
        <v>0</v>
      </c>
      <c r="Q4123">
        <v>0</v>
      </c>
      <c r="R4123">
        <v>0</v>
      </c>
      <c r="S4123">
        <v>0</v>
      </c>
      <c r="T4123">
        <v>0</v>
      </c>
      <c r="U4123">
        <v>0</v>
      </c>
      <c r="V4123">
        <v>0</v>
      </c>
      <c r="W4123">
        <v>0</v>
      </c>
      <c r="X4123">
        <v>0</v>
      </c>
      <c r="Y4123">
        <v>30</v>
      </c>
      <c r="Z4123">
        <v>8</v>
      </c>
      <c r="AA4123">
        <v>103</v>
      </c>
      <c r="AB4123">
        <v>81</v>
      </c>
      <c r="AC4123">
        <v>135</v>
      </c>
      <c r="AD4123">
        <v>39</v>
      </c>
      <c r="AE4123">
        <v>105</v>
      </c>
      <c r="AF4123">
        <v>0</v>
      </c>
      <c r="AG4123">
        <v>50000</v>
      </c>
      <c r="AH4123">
        <v>50000</v>
      </c>
      <c r="AI4123">
        <v>0</v>
      </c>
      <c r="AJ4123">
        <v>0</v>
      </c>
      <c r="AK4123" t="s">
        <v>6</v>
      </c>
      <c r="AL4123">
        <v>0</v>
      </c>
      <c r="AM4123">
        <v>0</v>
      </c>
      <c r="AN4123">
        <v>0</v>
      </c>
      <c r="AO4123">
        <v>0</v>
      </c>
      <c r="AP4123">
        <v>0</v>
      </c>
      <c r="AQ4123">
        <v>0</v>
      </c>
      <c r="AR4123">
        <v>0</v>
      </c>
      <c r="AS4123">
        <v>0</v>
      </c>
      <c r="AT4123">
        <v>0</v>
      </c>
      <c r="AU4123">
        <v>0</v>
      </c>
      <c r="AV4123">
        <v>0</v>
      </c>
      <c r="AW4123">
        <v>0</v>
      </c>
      <c r="AX4123">
        <v>0</v>
      </c>
      <c r="AY4123">
        <v>0</v>
      </c>
      <c r="AZ4123">
        <v>0</v>
      </c>
      <c r="BA4123">
        <v>0</v>
      </c>
    </row>
    <row r="4124" spans="1:53" x14ac:dyDescent="0.4">
      <c r="A4124">
        <v>4168</v>
      </c>
      <c r="B4124" s="1">
        <v>44295</v>
      </c>
      <c r="C4124">
        <v>2</v>
      </c>
      <c r="D4124" s="1">
        <v>44295.411111111112</v>
      </c>
      <c r="E4124" s="1">
        <v>44295.756944444445</v>
      </c>
      <c r="F4124">
        <v>6020</v>
      </c>
      <c r="G4124">
        <v>980</v>
      </c>
      <c r="H4124">
        <v>0</v>
      </c>
      <c r="I4124">
        <v>0</v>
      </c>
      <c r="J4124">
        <v>0</v>
      </c>
      <c r="K4124">
        <v>0</v>
      </c>
      <c r="L4124">
        <v>0</v>
      </c>
      <c r="M4124">
        <v>700</v>
      </c>
      <c r="N4124">
        <v>0</v>
      </c>
      <c r="O4124">
        <v>0</v>
      </c>
      <c r="P4124">
        <v>10538</v>
      </c>
      <c r="Q4124">
        <v>0</v>
      </c>
      <c r="R4124">
        <v>18238</v>
      </c>
      <c r="S4124">
        <v>0</v>
      </c>
      <c r="T4124">
        <v>0</v>
      </c>
      <c r="U4124">
        <v>0</v>
      </c>
      <c r="V4124">
        <v>0</v>
      </c>
      <c r="W4124">
        <v>1</v>
      </c>
      <c r="X4124">
        <v>0</v>
      </c>
      <c r="Y4124">
        <v>36</v>
      </c>
      <c r="Z4124">
        <v>15</v>
      </c>
      <c r="AA4124">
        <v>115</v>
      </c>
      <c r="AB4124">
        <v>83</v>
      </c>
      <c r="AC4124">
        <v>136</v>
      </c>
      <c r="AD4124">
        <v>39</v>
      </c>
      <c r="AE4124">
        <v>135</v>
      </c>
      <c r="AF4124">
        <v>2398</v>
      </c>
      <c r="AG4124">
        <v>68238</v>
      </c>
      <c r="AH4124">
        <v>50000</v>
      </c>
      <c r="AI4124">
        <v>0</v>
      </c>
      <c r="AJ4124">
        <v>84</v>
      </c>
      <c r="AK4124" t="s">
        <v>16</v>
      </c>
      <c r="AL4124">
        <v>0</v>
      </c>
      <c r="AM4124">
        <v>0</v>
      </c>
      <c r="AN4124">
        <v>0</v>
      </c>
      <c r="AO4124">
        <v>0</v>
      </c>
      <c r="AP4124">
        <v>0</v>
      </c>
      <c r="AQ4124">
        <v>0</v>
      </c>
      <c r="AR4124">
        <v>0</v>
      </c>
      <c r="AS4124">
        <v>0</v>
      </c>
      <c r="AT4124">
        <v>0</v>
      </c>
      <c r="AU4124">
        <v>0</v>
      </c>
      <c r="AV4124">
        <v>0</v>
      </c>
      <c r="AW4124">
        <v>0</v>
      </c>
      <c r="AX4124">
        <v>1188</v>
      </c>
      <c r="AY4124">
        <v>17</v>
      </c>
      <c r="AZ4124">
        <v>26</v>
      </c>
      <c r="BA4124">
        <v>2223</v>
      </c>
    </row>
    <row r="4125" spans="1:53" x14ac:dyDescent="0.4">
      <c r="A4125">
        <v>4169</v>
      </c>
      <c r="B4125" s="1">
        <v>44296</v>
      </c>
      <c r="C4125">
        <v>1</v>
      </c>
      <c r="D4125" s="1">
        <v>44296.291666666664</v>
      </c>
      <c r="E4125" s="1">
        <v>44296.399305555555</v>
      </c>
      <c r="F4125">
        <v>0</v>
      </c>
      <c r="G4125">
        <v>0</v>
      </c>
      <c r="H4125">
        <v>0</v>
      </c>
      <c r="I4125">
        <v>0</v>
      </c>
      <c r="J4125">
        <v>0</v>
      </c>
      <c r="K4125">
        <v>0</v>
      </c>
      <c r="L4125">
        <v>0</v>
      </c>
      <c r="M4125">
        <v>0</v>
      </c>
      <c r="N4125">
        <v>0</v>
      </c>
      <c r="O4125">
        <v>0</v>
      </c>
      <c r="P4125">
        <v>0</v>
      </c>
      <c r="Q4125">
        <v>0</v>
      </c>
      <c r="R4125">
        <v>0</v>
      </c>
      <c r="S4125">
        <v>0</v>
      </c>
      <c r="T4125">
        <v>0</v>
      </c>
      <c r="U4125">
        <v>0</v>
      </c>
      <c r="V4125">
        <v>0</v>
      </c>
      <c r="W4125">
        <v>0</v>
      </c>
      <c r="X4125">
        <v>0</v>
      </c>
      <c r="Y4125">
        <v>28</v>
      </c>
      <c r="Z4125">
        <v>8</v>
      </c>
      <c r="AA4125">
        <v>123</v>
      </c>
      <c r="AB4125">
        <v>79</v>
      </c>
      <c r="AC4125">
        <v>142</v>
      </c>
      <c r="AD4125">
        <v>40</v>
      </c>
      <c r="AE4125">
        <v>130</v>
      </c>
      <c r="AF4125">
        <v>0</v>
      </c>
      <c r="AG4125">
        <v>50000</v>
      </c>
      <c r="AH4125">
        <v>50000</v>
      </c>
      <c r="AI4125">
        <v>0</v>
      </c>
      <c r="AJ4125">
        <v>0</v>
      </c>
      <c r="AK4125" t="s">
        <v>6</v>
      </c>
      <c r="AL4125">
        <v>0</v>
      </c>
      <c r="AM4125">
        <v>0</v>
      </c>
      <c r="AN4125">
        <v>0</v>
      </c>
      <c r="AO4125">
        <v>0</v>
      </c>
      <c r="AP4125">
        <v>0</v>
      </c>
      <c r="AQ4125">
        <v>0</v>
      </c>
      <c r="AR4125">
        <v>0</v>
      </c>
      <c r="AS4125">
        <v>0</v>
      </c>
      <c r="AT4125">
        <v>0</v>
      </c>
      <c r="AU4125">
        <v>0</v>
      </c>
      <c r="AV4125">
        <v>0</v>
      </c>
      <c r="AW4125">
        <v>0</v>
      </c>
      <c r="AX4125">
        <v>0</v>
      </c>
      <c r="AY4125">
        <v>0</v>
      </c>
      <c r="AZ4125">
        <v>0</v>
      </c>
      <c r="BA4125">
        <v>0</v>
      </c>
    </row>
    <row r="4126" spans="1:53" x14ac:dyDescent="0.4">
      <c r="A4126">
        <v>4170</v>
      </c>
      <c r="B4126" s="1">
        <v>44296</v>
      </c>
      <c r="C4126">
        <v>2</v>
      </c>
      <c r="D4126" s="1">
        <v>44296.399305555555</v>
      </c>
      <c r="E4126" s="1">
        <v>44296.745138888888</v>
      </c>
      <c r="F4126">
        <v>37900</v>
      </c>
      <c r="G4126">
        <v>680</v>
      </c>
      <c r="H4126">
        <v>0</v>
      </c>
      <c r="I4126">
        <v>0</v>
      </c>
      <c r="J4126">
        <v>0</v>
      </c>
      <c r="K4126">
        <v>400</v>
      </c>
      <c r="L4126">
        <v>0</v>
      </c>
      <c r="M4126">
        <v>3898</v>
      </c>
      <c r="N4126">
        <v>0</v>
      </c>
      <c r="O4126">
        <v>0</v>
      </c>
      <c r="P4126">
        <v>15488</v>
      </c>
      <c r="Q4126">
        <v>0</v>
      </c>
      <c r="R4126">
        <v>58366</v>
      </c>
      <c r="S4126">
        <v>0</v>
      </c>
      <c r="T4126">
        <v>0</v>
      </c>
      <c r="U4126">
        <v>0</v>
      </c>
      <c r="V4126">
        <v>2</v>
      </c>
      <c r="W4126">
        <v>3</v>
      </c>
      <c r="X4126">
        <v>0</v>
      </c>
      <c r="Y4126">
        <v>43</v>
      </c>
      <c r="Z4126">
        <v>26</v>
      </c>
      <c r="AA4126">
        <v>128</v>
      </c>
      <c r="AB4126">
        <v>61</v>
      </c>
      <c r="AC4126">
        <v>122</v>
      </c>
      <c r="AD4126">
        <v>34</v>
      </c>
      <c r="AE4126">
        <v>126</v>
      </c>
      <c r="AF4126">
        <v>0</v>
      </c>
      <c r="AG4126">
        <v>108366</v>
      </c>
      <c r="AH4126">
        <v>50000</v>
      </c>
      <c r="AI4126">
        <v>0</v>
      </c>
      <c r="AJ4126">
        <v>84</v>
      </c>
      <c r="AK4126" t="s">
        <v>16</v>
      </c>
      <c r="AL4126">
        <v>0</v>
      </c>
      <c r="AM4126">
        <v>0</v>
      </c>
      <c r="AN4126">
        <v>0</v>
      </c>
      <c r="AO4126">
        <v>0</v>
      </c>
      <c r="AP4126">
        <v>0</v>
      </c>
      <c r="AQ4126">
        <v>0</v>
      </c>
      <c r="AR4126">
        <v>0</v>
      </c>
      <c r="AS4126">
        <v>0</v>
      </c>
      <c r="AT4126">
        <v>0</v>
      </c>
      <c r="AU4126">
        <v>0</v>
      </c>
      <c r="AV4126">
        <v>0</v>
      </c>
      <c r="AW4126">
        <v>0</v>
      </c>
      <c r="AX4126">
        <v>3289</v>
      </c>
      <c r="AY4126">
        <v>43</v>
      </c>
      <c r="AZ4126">
        <v>87</v>
      </c>
      <c r="BA4126">
        <v>6896</v>
      </c>
    </row>
    <row r="4127" spans="1:53" x14ac:dyDescent="0.4">
      <c r="A4127">
        <v>4171</v>
      </c>
      <c r="B4127" s="1">
        <v>44297</v>
      </c>
      <c r="C4127">
        <v>1</v>
      </c>
      <c r="D4127" s="1">
        <v>44297.291666666664</v>
      </c>
      <c r="E4127" s="1">
        <v>44297.379166666666</v>
      </c>
      <c r="F4127">
        <v>0</v>
      </c>
      <c r="G4127">
        <v>0</v>
      </c>
      <c r="H4127">
        <v>0</v>
      </c>
      <c r="I4127">
        <v>0</v>
      </c>
      <c r="J4127">
        <v>0</v>
      </c>
      <c r="K4127">
        <v>0</v>
      </c>
      <c r="L4127">
        <v>0</v>
      </c>
      <c r="M4127">
        <v>0</v>
      </c>
      <c r="N4127">
        <v>0</v>
      </c>
      <c r="O4127">
        <v>0</v>
      </c>
      <c r="P4127">
        <v>0</v>
      </c>
      <c r="Q4127">
        <v>0</v>
      </c>
      <c r="R4127">
        <v>0</v>
      </c>
      <c r="S4127">
        <v>0</v>
      </c>
      <c r="T4127">
        <v>0</v>
      </c>
      <c r="U4127">
        <v>0</v>
      </c>
      <c r="V4127">
        <v>0</v>
      </c>
      <c r="W4127">
        <v>0</v>
      </c>
      <c r="X4127">
        <v>0</v>
      </c>
      <c r="Y4127">
        <v>31</v>
      </c>
      <c r="Z4127">
        <v>7</v>
      </c>
      <c r="AA4127">
        <v>110</v>
      </c>
      <c r="AB4127">
        <v>58</v>
      </c>
      <c r="AC4127">
        <v>133</v>
      </c>
      <c r="AD4127">
        <v>31</v>
      </c>
      <c r="AE4127">
        <v>115</v>
      </c>
      <c r="AF4127">
        <v>0</v>
      </c>
      <c r="AG4127">
        <v>50000</v>
      </c>
      <c r="AH4127">
        <v>50000</v>
      </c>
      <c r="AI4127">
        <v>0</v>
      </c>
      <c r="AJ4127">
        <v>0</v>
      </c>
      <c r="AK4127" t="s">
        <v>6</v>
      </c>
      <c r="AL4127">
        <v>0</v>
      </c>
      <c r="AM4127">
        <v>0</v>
      </c>
      <c r="AN4127">
        <v>0</v>
      </c>
      <c r="AO4127">
        <v>0</v>
      </c>
      <c r="AP4127">
        <v>0</v>
      </c>
      <c r="AQ4127">
        <v>0</v>
      </c>
      <c r="AR4127">
        <v>0</v>
      </c>
      <c r="AS4127">
        <v>0</v>
      </c>
      <c r="AT4127">
        <v>0</v>
      </c>
      <c r="AU4127">
        <v>0</v>
      </c>
      <c r="AV4127">
        <v>0</v>
      </c>
      <c r="AW4127">
        <v>0</v>
      </c>
      <c r="AX4127">
        <v>0</v>
      </c>
      <c r="AY4127">
        <v>0</v>
      </c>
      <c r="AZ4127">
        <v>0</v>
      </c>
      <c r="BA4127">
        <v>0</v>
      </c>
    </row>
    <row r="4128" spans="1:53" x14ac:dyDescent="0.4">
      <c r="A4128">
        <v>4172</v>
      </c>
      <c r="B4128" s="1">
        <v>44297</v>
      </c>
      <c r="C4128">
        <v>2</v>
      </c>
      <c r="D4128" s="1">
        <v>44297.379166666666</v>
      </c>
      <c r="E4128" s="1">
        <v>44297.743750000001</v>
      </c>
      <c r="F4128">
        <v>37010</v>
      </c>
      <c r="G4128">
        <v>1880</v>
      </c>
      <c r="H4128">
        <v>0</v>
      </c>
      <c r="I4128">
        <v>0</v>
      </c>
      <c r="J4128">
        <v>0</v>
      </c>
      <c r="K4128">
        <v>960</v>
      </c>
      <c r="L4128">
        <v>0</v>
      </c>
      <c r="M4128">
        <v>3985</v>
      </c>
      <c r="N4128">
        <v>0</v>
      </c>
      <c r="O4128">
        <v>0</v>
      </c>
      <c r="P4128">
        <v>16500</v>
      </c>
      <c r="Q4128">
        <v>0</v>
      </c>
      <c r="R4128">
        <v>60335</v>
      </c>
      <c r="S4128">
        <v>0</v>
      </c>
      <c r="T4128">
        <v>0</v>
      </c>
      <c r="U4128">
        <v>0</v>
      </c>
      <c r="V4128">
        <v>2</v>
      </c>
      <c r="W4128">
        <v>6</v>
      </c>
      <c r="X4128">
        <v>0</v>
      </c>
      <c r="Y4128">
        <v>34</v>
      </c>
      <c r="Z4128">
        <v>23</v>
      </c>
      <c r="AA4128">
        <v>91</v>
      </c>
      <c r="AB4128">
        <v>46</v>
      </c>
      <c r="AC4128">
        <v>155</v>
      </c>
      <c r="AD4128">
        <v>46</v>
      </c>
      <c r="AE4128">
        <v>159</v>
      </c>
      <c r="AF4128">
        <v>1496</v>
      </c>
      <c r="AG4128">
        <v>110335</v>
      </c>
      <c r="AH4128">
        <v>50000</v>
      </c>
      <c r="AI4128">
        <v>0</v>
      </c>
      <c r="AJ4128">
        <v>98</v>
      </c>
      <c r="AK4128" t="s">
        <v>35</v>
      </c>
      <c r="AL4128">
        <v>0</v>
      </c>
      <c r="AM4128">
        <v>0</v>
      </c>
      <c r="AN4128">
        <v>0</v>
      </c>
      <c r="AO4128">
        <v>0</v>
      </c>
      <c r="AP4128">
        <v>0</v>
      </c>
      <c r="AQ4128">
        <v>0</v>
      </c>
      <c r="AR4128">
        <v>0</v>
      </c>
      <c r="AS4128">
        <v>0</v>
      </c>
      <c r="AT4128">
        <v>0</v>
      </c>
      <c r="AU4128">
        <v>0</v>
      </c>
      <c r="AV4128">
        <v>0</v>
      </c>
      <c r="AW4128">
        <v>0</v>
      </c>
      <c r="AX4128">
        <v>-748</v>
      </c>
      <c r="AY4128">
        <v>42</v>
      </c>
      <c r="AZ4128">
        <v>88</v>
      </c>
      <c r="BA4128">
        <v>6892</v>
      </c>
    </row>
    <row r="4129" spans="1:53" x14ac:dyDescent="0.4">
      <c r="A4129">
        <v>4173</v>
      </c>
      <c r="B4129" s="1">
        <v>44298</v>
      </c>
      <c r="C4129">
        <v>1</v>
      </c>
      <c r="D4129" s="1">
        <v>44298.291666666664</v>
      </c>
      <c r="E4129" s="1">
        <v>44298.42291666667</v>
      </c>
      <c r="F4129">
        <v>0</v>
      </c>
      <c r="G4129">
        <v>0</v>
      </c>
      <c r="H4129">
        <v>0</v>
      </c>
      <c r="I4129">
        <v>0</v>
      </c>
      <c r="J4129">
        <v>0</v>
      </c>
      <c r="K4129">
        <v>0</v>
      </c>
      <c r="L4129">
        <v>0</v>
      </c>
      <c r="M4129">
        <v>0</v>
      </c>
      <c r="N4129">
        <v>0</v>
      </c>
      <c r="O4129">
        <v>0</v>
      </c>
      <c r="P4129">
        <v>0</v>
      </c>
      <c r="Q4129">
        <v>0</v>
      </c>
      <c r="R4129">
        <v>0</v>
      </c>
      <c r="S4129">
        <v>0</v>
      </c>
      <c r="T4129">
        <v>0</v>
      </c>
      <c r="U4129">
        <v>0</v>
      </c>
      <c r="V4129">
        <v>0</v>
      </c>
      <c r="W4129">
        <v>0</v>
      </c>
      <c r="X4129">
        <v>0</v>
      </c>
      <c r="Y4129">
        <v>30</v>
      </c>
      <c r="Z4129">
        <v>10</v>
      </c>
      <c r="AA4129">
        <v>113</v>
      </c>
      <c r="AB4129">
        <v>46</v>
      </c>
      <c r="AC4129">
        <v>109</v>
      </c>
      <c r="AD4129">
        <v>41</v>
      </c>
      <c r="AE4129">
        <v>105</v>
      </c>
      <c r="AF4129">
        <v>0</v>
      </c>
      <c r="AG4129">
        <v>50000</v>
      </c>
      <c r="AH4129">
        <v>50000</v>
      </c>
      <c r="AI4129">
        <v>0</v>
      </c>
      <c r="AJ4129">
        <v>0</v>
      </c>
      <c r="AK4129" t="s">
        <v>6</v>
      </c>
      <c r="AL4129">
        <v>0</v>
      </c>
      <c r="AM4129">
        <v>0</v>
      </c>
      <c r="AN4129">
        <v>0</v>
      </c>
      <c r="AO4129">
        <v>0</v>
      </c>
      <c r="AP4129">
        <v>0</v>
      </c>
      <c r="AQ4129">
        <v>0</v>
      </c>
      <c r="AR4129">
        <v>0</v>
      </c>
      <c r="AS4129">
        <v>0</v>
      </c>
      <c r="AT4129">
        <v>0</v>
      </c>
      <c r="AU4129">
        <v>0</v>
      </c>
      <c r="AV4129">
        <v>0</v>
      </c>
      <c r="AW4129">
        <v>0</v>
      </c>
      <c r="AX4129">
        <v>0</v>
      </c>
      <c r="AY4129">
        <v>0</v>
      </c>
      <c r="AZ4129">
        <v>0</v>
      </c>
      <c r="BA4129">
        <v>0</v>
      </c>
    </row>
    <row r="4130" spans="1:53" x14ac:dyDescent="0.4">
      <c r="A4130">
        <v>4174</v>
      </c>
      <c r="B4130" s="1">
        <v>44298</v>
      </c>
      <c r="C4130">
        <v>2</v>
      </c>
      <c r="D4130" s="1">
        <v>44298.42291666667</v>
      </c>
      <c r="E4130" s="1">
        <v>44298.750694444447</v>
      </c>
      <c r="F4130">
        <v>17790</v>
      </c>
      <c r="G4130">
        <v>540</v>
      </c>
      <c r="H4130">
        <v>0</v>
      </c>
      <c r="I4130">
        <v>0</v>
      </c>
      <c r="J4130">
        <v>0</v>
      </c>
      <c r="K4130">
        <v>0</v>
      </c>
      <c r="L4130">
        <v>0</v>
      </c>
      <c r="M4130">
        <v>1833</v>
      </c>
      <c r="N4130">
        <v>0</v>
      </c>
      <c r="O4130">
        <v>0</v>
      </c>
      <c r="P4130">
        <v>15257</v>
      </c>
      <c r="Q4130">
        <v>0</v>
      </c>
      <c r="R4130">
        <v>35420</v>
      </c>
      <c r="S4130">
        <v>0</v>
      </c>
      <c r="T4130">
        <v>0</v>
      </c>
      <c r="U4130">
        <v>0</v>
      </c>
      <c r="V4130">
        <v>4</v>
      </c>
      <c r="W4130">
        <v>0</v>
      </c>
      <c r="X4130">
        <v>0</v>
      </c>
      <c r="Y4130">
        <v>18</v>
      </c>
      <c r="Z4130">
        <v>27</v>
      </c>
      <c r="AA4130">
        <v>98</v>
      </c>
      <c r="AB4130">
        <v>38</v>
      </c>
      <c r="AC4130">
        <v>110</v>
      </c>
      <c r="AD4130">
        <v>43</v>
      </c>
      <c r="AE4130">
        <v>135</v>
      </c>
      <c r="AF4130">
        <v>770</v>
      </c>
      <c r="AG4130">
        <v>85420</v>
      </c>
      <c r="AH4130">
        <v>50000</v>
      </c>
      <c r="AI4130">
        <v>0</v>
      </c>
      <c r="AJ4130">
        <v>85</v>
      </c>
      <c r="AK4130" t="s">
        <v>7</v>
      </c>
      <c r="AL4130">
        <v>0</v>
      </c>
      <c r="AM4130">
        <v>0</v>
      </c>
      <c r="AN4130">
        <v>0</v>
      </c>
      <c r="AO4130">
        <v>0</v>
      </c>
      <c r="AP4130">
        <v>0</v>
      </c>
      <c r="AQ4130">
        <v>0</v>
      </c>
      <c r="AR4130">
        <v>0</v>
      </c>
      <c r="AS4130">
        <v>0</v>
      </c>
      <c r="AT4130">
        <v>0</v>
      </c>
      <c r="AU4130">
        <v>0</v>
      </c>
      <c r="AV4130">
        <v>0</v>
      </c>
      <c r="AW4130">
        <v>0</v>
      </c>
      <c r="AX4130">
        <v>-1617</v>
      </c>
      <c r="AY4130">
        <v>32</v>
      </c>
      <c r="AZ4130">
        <v>54</v>
      </c>
      <c r="BA4130">
        <v>4737</v>
      </c>
    </row>
    <row r="4131" spans="1:53" x14ac:dyDescent="0.4">
      <c r="A4131">
        <v>4175</v>
      </c>
      <c r="B4131" s="1">
        <v>44299</v>
      </c>
      <c r="C4131">
        <v>1</v>
      </c>
      <c r="D4131" s="1">
        <v>44299.291666666664</v>
      </c>
      <c r="E4131" s="1">
        <v>44299.417361111111</v>
      </c>
      <c r="F4131">
        <v>0</v>
      </c>
      <c r="G4131">
        <v>0</v>
      </c>
      <c r="H4131">
        <v>0</v>
      </c>
      <c r="I4131">
        <v>0</v>
      </c>
      <c r="J4131">
        <v>0</v>
      </c>
      <c r="K4131">
        <v>0</v>
      </c>
      <c r="L4131">
        <v>0</v>
      </c>
      <c r="M4131">
        <v>0</v>
      </c>
      <c r="N4131">
        <v>0</v>
      </c>
      <c r="O4131">
        <v>0</v>
      </c>
      <c r="P4131">
        <v>0</v>
      </c>
      <c r="Q4131">
        <v>0</v>
      </c>
      <c r="R4131">
        <v>0</v>
      </c>
      <c r="S4131">
        <v>0</v>
      </c>
      <c r="T4131">
        <v>0</v>
      </c>
      <c r="U4131">
        <v>0</v>
      </c>
      <c r="V4131">
        <v>0</v>
      </c>
      <c r="W4131">
        <v>0</v>
      </c>
      <c r="X4131">
        <v>0</v>
      </c>
      <c r="Y4131">
        <v>30</v>
      </c>
      <c r="Z4131">
        <v>13</v>
      </c>
      <c r="AA4131">
        <v>99</v>
      </c>
      <c r="AB4131">
        <v>39</v>
      </c>
      <c r="AC4131">
        <v>131</v>
      </c>
      <c r="AD4131">
        <v>41</v>
      </c>
      <c r="AE4131">
        <v>135</v>
      </c>
      <c r="AF4131">
        <v>0</v>
      </c>
      <c r="AG4131">
        <v>50000</v>
      </c>
      <c r="AH4131">
        <v>50000</v>
      </c>
      <c r="AI4131">
        <v>0</v>
      </c>
      <c r="AJ4131">
        <v>0</v>
      </c>
      <c r="AK4131" t="s">
        <v>6</v>
      </c>
      <c r="AL4131">
        <v>0</v>
      </c>
      <c r="AM4131">
        <v>0</v>
      </c>
      <c r="AN4131">
        <v>0</v>
      </c>
      <c r="AO4131">
        <v>0</v>
      </c>
      <c r="AP4131">
        <v>0</v>
      </c>
      <c r="AQ4131">
        <v>0</v>
      </c>
      <c r="AR4131">
        <v>0</v>
      </c>
      <c r="AS4131">
        <v>0</v>
      </c>
      <c r="AT4131">
        <v>0</v>
      </c>
      <c r="AU4131">
        <v>0</v>
      </c>
      <c r="AV4131">
        <v>0</v>
      </c>
      <c r="AW4131">
        <v>0</v>
      </c>
      <c r="AX4131">
        <v>0</v>
      </c>
      <c r="AY4131">
        <v>0</v>
      </c>
      <c r="AZ4131">
        <v>0</v>
      </c>
      <c r="BA4131">
        <v>0</v>
      </c>
    </row>
    <row r="4132" spans="1:53" x14ac:dyDescent="0.4">
      <c r="A4132">
        <v>4176</v>
      </c>
      <c r="B4132" s="1">
        <v>44299</v>
      </c>
      <c r="C4132">
        <v>2</v>
      </c>
      <c r="D4132" s="1">
        <v>44299.417361111111</v>
      </c>
      <c r="E4132" s="1">
        <v>44299.787499999999</v>
      </c>
      <c r="F4132">
        <v>13770</v>
      </c>
      <c r="G4132">
        <v>2080</v>
      </c>
      <c r="H4132">
        <v>0</v>
      </c>
      <c r="I4132">
        <v>0</v>
      </c>
      <c r="J4132">
        <v>100</v>
      </c>
      <c r="K4132">
        <v>0</v>
      </c>
      <c r="L4132">
        <v>0</v>
      </c>
      <c r="M4132">
        <v>1575</v>
      </c>
      <c r="N4132">
        <v>0</v>
      </c>
      <c r="O4132">
        <v>0</v>
      </c>
      <c r="P4132">
        <v>9130</v>
      </c>
      <c r="Q4132">
        <v>0</v>
      </c>
      <c r="R4132">
        <v>26455</v>
      </c>
      <c r="S4132">
        <v>0</v>
      </c>
      <c r="T4132">
        <v>0</v>
      </c>
      <c r="U4132">
        <v>0</v>
      </c>
      <c r="V4132">
        <v>1</v>
      </c>
      <c r="W4132">
        <v>1</v>
      </c>
      <c r="X4132">
        <v>0</v>
      </c>
      <c r="Y4132">
        <v>39</v>
      </c>
      <c r="Z4132">
        <v>22</v>
      </c>
      <c r="AA4132">
        <v>79</v>
      </c>
      <c r="AB4132">
        <v>38</v>
      </c>
      <c r="AC4132">
        <v>131</v>
      </c>
      <c r="AD4132">
        <v>46</v>
      </c>
      <c r="AE4132">
        <v>115</v>
      </c>
      <c r="AF4132">
        <v>0</v>
      </c>
      <c r="AG4132">
        <v>76455</v>
      </c>
      <c r="AH4132">
        <v>50000</v>
      </c>
      <c r="AI4132">
        <v>0</v>
      </c>
      <c r="AJ4132">
        <v>85</v>
      </c>
      <c r="AK4132" t="s">
        <v>7</v>
      </c>
      <c r="AL4132">
        <v>0</v>
      </c>
      <c r="AM4132">
        <v>0</v>
      </c>
      <c r="AN4132">
        <v>0</v>
      </c>
      <c r="AO4132">
        <v>0</v>
      </c>
      <c r="AP4132">
        <v>0</v>
      </c>
      <c r="AQ4132">
        <v>0</v>
      </c>
      <c r="AR4132">
        <v>0</v>
      </c>
      <c r="AS4132">
        <v>0</v>
      </c>
      <c r="AT4132">
        <v>0</v>
      </c>
      <c r="AU4132">
        <v>0</v>
      </c>
      <c r="AV4132">
        <v>0</v>
      </c>
      <c r="AW4132">
        <v>0</v>
      </c>
      <c r="AX4132">
        <v>1991</v>
      </c>
      <c r="AY4132">
        <v>24</v>
      </c>
      <c r="AZ4132">
        <v>39</v>
      </c>
      <c r="BA4132">
        <v>3201</v>
      </c>
    </row>
    <row r="4133" spans="1:53" x14ac:dyDescent="0.4">
      <c r="A4133">
        <v>4177</v>
      </c>
      <c r="B4133" s="1">
        <v>44300</v>
      </c>
      <c r="C4133">
        <v>1</v>
      </c>
      <c r="D4133" s="1">
        <v>44300.291666666664</v>
      </c>
      <c r="E4133" s="1">
        <v>44300.425694444442</v>
      </c>
      <c r="F4133">
        <v>0</v>
      </c>
      <c r="G4133">
        <v>0</v>
      </c>
      <c r="H4133">
        <v>0</v>
      </c>
      <c r="I4133">
        <v>0</v>
      </c>
      <c r="J4133">
        <v>0</v>
      </c>
      <c r="K4133">
        <v>0</v>
      </c>
      <c r="L4133">
        <v>0</v>
      </c>
      <c r="M4133">
        <v>0</v>
      </c>
      <c r="N4133">
        <v>0</v>
      </c>
      <c r="O4133">
        <v>0</v>
      </c>
      <c r="P4133">
        <v>0</v>
      </c>
      <c r="Q4133">
        <v>0</v>
      </c>
      <c r="R4133">
        <v>0</v>
      </c>
      <c r="S4133">
        <v>0</v>
      </c>
      <c r="T4133">
        <v>0</v>
      </c>
      <c r="U4133">
        <v>0</v>
      </c>
      <c r="V4133">
        <v>0</v>
      </c>
      <c r="W4133">
        <v>0</v>
      </c>
      <c r="X4133">
        <v>0</v>
      </c>
      <c r="Y4133">
        <v>30</v>
      </c>
      <c r="Z4133">
        <v>21</v>
      </c>
      <c r="AA4133">
        <v>61</v>
      </c>
      <c r="AB4133">
        <v>36</v>
      </c>
      <c r="AC4133">
        <v>126</v>
      </c>
      <c r="AD4133">
        <v>46</v>
      </c>
      <c r="AE4133">
        <v>110</v>
      </c>
      <c r="AF4133">
        <v>0</v>
      </c>
      <c r="AG4133">
        <v>50000</v>
      </c>
      <c r="AH4133">
        <v>50000</v>
      </c>
      <c r="AI4133">
        <v>0</v>
      </c>
      <c r="AJ4133">
        <v>0</v>
      </c>
      <c r="AK4133" t="s">
        <v>6</v>
      </c>
      <c r="AL4133">
        <v>0</v>
      </c>
      <c r="AM4133">
        <v>0</v>
      </c>
      <c r="AN4133">
        <v>0</v>
      </c>
      <c r="AO4133">
        <v>0</v>
      </c>
      <c r="AP4133">
        <v>0</v>
      </c>
      <c r="AQ4133">
        <v>0</v>
      </c>
      <c r="AR4133">
        <v>0</v>
      </c>
      <c r="AS4133">
        <v>0</v>
      </c>
      <c r="AT4133">
        <v>0</v>
      </c>
      <c r="AU4133">
        <v>0</v>
      </c>
      <c r="AV4133">
        <v>0</v>
      </c>
      <c r="AW4133">
        <v>0</v>
      </c>
      <c r="AX4133">
        <v>0</v>
      </c>
      <c r="AY4133">
        <v>0</v>
      </c>
      <c r="AZ4133">
        <v>0</v>
      </c>
      <c r="BA4133">
        <v>0</v>
      </c>
    </row>
    <row r="4134" spans="1:53" x14ac:dyDescent="0.4">
      <c r="A4134">
        <v>4178</v>
      </c>
      <c r="B4134" s="1">
        <v>44300</v>
      </c>
      <c r="C4134">
        <v>2</v>
      </c>
      <c r="D4134" s="1">
        <v>44300.425694444442</v>
      </c>
      <c r="E4134" s="1">
        <v>44300.791666666664</v>
      </c>
      <c r="F4134">
        <v>10180</v>
      </c>
      <c r="G4134">
        <v>920</v>
      </c>
      <c r="H4134">
        <v>0</v>
      </c>
      <c r="I4134">
        <v>0</v>
      </c>
      <c r="J4134">
        <v>0</v>
      </c>
      <c r="K4134">
        <v>0</v>
      </c>
      <c r="L4134">
        <v>0</v>
      </c>
      <c r="M4134">
        <v>1110</v>
      </c>
      <c r="N4134">
        <v>0</v>
      </c>
      <c r="O4134">
        <v>0</v>
      </c>
      <c r="P4134">
        <v>7359</v>
      </c>
      <c r="Q4134">
        <v>0</v>
      </c>
      <c r="R4134">
        <v>19569</v>
      </c>
      <c r="S4134">
        <v>0</v>
      </c>
      <c r="T4134">
        <v>0</v>
      </c>
      <c r="U4134">
        <v>0</v>
      </c>
      <c r="V4134">
        <v>1</v>
      </c>
      <c r="W4134">
        <v>0</v>
      </c>
      <c r="X4134">
        <v>0</v>
      </c>
      <c r="Y4134">
        <v>35</v>
      </c>
      <c r="Z4134">
        <v>30</v>
      </c>
      <c r="AA4134">
        <v>63</v>
      </c>
      <c r="AB4134">
        <v>35</v>
      </c>
      <c r="AC4134">
        <v>117</v>
      </c>
      <c r="AD4134">
        <v>48</v>
      </c>
      <c r="AE4134">
        <v>109</v>
      </c>
      <c r="AF4134">
        <v>0</v>
      </c>
      <c r="AG4134">
        <v>69569</v>
      </c>
      <c r="AH4134">
        <v>50000</v>
      </c>
      <c r="AI4134">
        <v>0</v>
      </c>
      <c r="AJ4134">
        <v>84</v>
      </c>
      <c r="AK4134" t="s">
        <v>16</v>
      </c>
      <c r="AL4134">
        <v>0</v>
      </c>
      <c r="AM4134">
        <v>0</v>
      </c>
      <c r="AN4134">
        <v>0</v>
      </c>
      <c r="AO4134">
        <v>0</v>
      </c>
      <c r="AP4134">
        <v>0</v>
      </c>
      <c r="AQ4134">
        <v>0</v>
      </c>
      <c r="AR4134">
        <v>0</v>
      </c>
      <c r="AS4134">
        <v>0</v>
      </c>
      <c r="AT4134">
        <v>0</v>
      </c>
      <c r="AU4134">
        <v>0</v>
      </c>
      <c r="AV4134">
        <v>0</v>
      </c>
      <c r="AW4134">
        <v>0</v>
      </c>
      <c r="AX4134">
        <v>209</v>
      </c>
      <c r="AY4134">
        <v>19</v>
      </c>
      <c r="AZ4134">
        <v>29</v>
      </c>
      <c r="BA4134">
        <v>2377</v>
      </c>
    </row>
    <row r="4135" spans="1:53" x14ac:dyDescent="0.4">
      <c r="A4135">
        <v>4179</v>
      </c>
      <c r="B4135" s="1">
        <v>44301</v>
      </c>
      <c r="C4135">
        <v>1</v>
      </c>
      <c r="D4135" s="1">
        <v>44301.291666666664</v>
      </c>
      <c r="E4135" s="1">
        <v>44301.438194444447</v>
      </c>
      <c r="F4135">
        <v>0</v>
      </c>
      <c r="G4135">
        <v>0</v>
      </c>
      <c r="H4135">
        <v>0</v>
      </c>
      <c r="I4135">
        <v>0</v>
      </c>
      <c r="J4135">
        <v>0</v>
      </c>
      <c r="K4135">
        <v>0</v>
      </c>
      <c r="L4135">
        <v>0</v>
      </c>
      <c r="M4135">
        <v>0</v>
      </c>
      <c r="N4135">
        <v>0</v>
      </c>
      <c r="O4135">
        <v>0</v>
      </c>
      <c r="P4135">
        <v>0</v>
      </c>
      <c r="Q4135">
        <v>0</v>
      </c>
      <c r="R4135">
        <v>0</v>
      </c>
      <c r="S4135">
        <v>0</v>
      </c>
      <c r="T4135">
        <v>0</v>
      </c>
      <c r="U4135">
        <v>0</v>
      </c>
      <c r="V4135">
        <v>0</v>
      </c>
      <c r="W4135">
        <v>0</v>
      </c>
      <c r="X4135">
        <v>0</v>
      </c>
      <c r="Y4135">
        <v>27</v>
      </c>
      <c r="Z4135">
        <v>16</v>
      </c>
      <c r="AA4135">
        <v>116</v>
      </c>
      <c r="AB4135">
        <v>37</v>
      </c>
      <c r="AC4135">
        <v>122</v>
      </c>
      <c r="AD4135">
        <v>46</v>
      </c>
      <c r="AE4135">
        <v>100</v>
      </c>
      <c r="AF4135">
        <v>0</v>
      </c>
      <c r="AG4135">
        <v>50000</v>
      </c>
      <c r="AH4135">
        <v>50000</v>
      </c>
      <c r="AI4135">
        <v>0</v>
      </c>
      <c r="AJ4135">
        <v>0</v>
      </c>
      <c r="AK4135" t="s">
        <v>6</v>
      </c>
      <c r="AL4135">
        <v>0</v>
      </c>
      <c r="AM4135">
        <v>0</v>
      </c>
      <c r="AN4135">
        <v>0</v>
      </c>
      <c r="AO4135">
        <v>0</v>
      </c>
      <c r="AP4135">
        <v>0</v>
      </c>
      <c r="AQ4135">
        <v>0</v>
      </c>
      <c r="AR4135">
        <v>0</v>
      </c>
      <c r="AS4135">
        <v>0</v>
      </c>
      <c r="AT4135">
        <v>0</v>
      </c>
      <c r="AU4135">
        <v>0</v>
      </c>
      <c r="AV4135">
        <v>0</v>
      </c>
      <c r="AW4135">
        <v>0</v>
      </c>
      <c r="AX4135">
        <v>0</v>
      </c>
      <c r="AY4135">
        <v>0</v>
      </c>
      <c r="AZ4135">
        <v>0</v>
      </c>
      <c r="BA4135">
        <v>0</v>
      </c>
    </row>
    <row r="4136" spans="1:53" x14ac:dyDescent="0.4">
      <c r="A4136">
        <v>4180</v>
      </c>
      <c r="B4136" s="1">
        <v>44301</v>
      </c>
      <c r="C4136">
        <v>2</v>
      </c>
      <c r="D4136" s="1">
        <v>44301.438194444447</v>
      </c>
      <c r="E4136" s="1">
        <v>44301.742361111108</v>
      </c>
      <c r="F4136">
        <v>6780</v>
      </c>
      <c r="G4136">
        <v>400</v>
      </c>
      <c r="H4136">
        <v>0</v>
      </c>
      <c r="I4136">
        <v>0</v>
      </c>
      <c r="J4136">
        <v>0</v>
      </c>
      <c r="K4136">
        <v>0</v>
      </c>
      <c r="L4136">
        <v>0</v>
      </c>
      <c r="M4136">
        <v>718</v>
      </c>
      <c r="N4136">
        <v>0</v>
      </c>
      <c r="O4136">
        <v>0</v>
      </c>
      <c r="P4136">
        <v>8118</v>
      </c>
      <c r="Q4136">
        <v>0</v>
      </c>
      <c r="R4136">
        <v>16016</v>
      </c>
      <c r="S4136">
        <v>0</v>
      </c>
      <c r="T4136">
        <v>0</v>
      </c>
      <c r="U4136">
        <v>0</v>
      </c>
      <c r="V4136">
        <v>2</v>
      </c>
      <c r="W4136">
        <v>0</v>
      </c>
      <c r="X4136">
        <v>0</v>
      </c>
      <c r="Y4136">
        <v>24</v>
      </c>
      <c r="Z4136">
        <v>18</v>
      </c>
      <c r="AA4136">
        <v>102</v>
      </c>
      <c r="AB4136">
        <v>32</v>
      </c>
      <c r="AC4136">
        <v>90</v>
      </c>
      <c r="AD4136">
        <v>45</v>
      </c>
      <c r="AE4136">
        <v>91</v>
      </c>
      <c r="AF4136">
        <v>0</v>
      </c>
      <c r="AG4136">
        <v>66016</v>
      </c>
      <c r="AH4136">
        <v>50000</v>
      </c>
      <c r="AI4136">
        <v>0</v>
      </c>
      <c r="AJ4136">
        <v>107</v>
      </c>
      <c r="AK4136" t="s">
        <v>40</v>
      </c>
      <c r="AL4136">
        <v>0</v>
      </c>
      <c r="AM4136">
        <v>0</v>
      </c>
      <c r="AN4136">
        <v>0</v>
      </c>
      <c r="AO4136">
        <v>0</v>
      </c>
      <c r="AP4136">
        <v>0</v>
      </c>
      <c r="AQ4136">
        <v>0</v>
      </c>
      <c r="AR4136">
        <v>0</v>
      </c>
      <c r="AS4136">
        <v>0</v>
      </c>
      <c r="AT4136">
        <v>0</v>
      </c>
      <c r="AU4136">
        <v>0</v>
      </c>
      <c r="AV4136">
        <v>0</v>
      </c>
      <c r="AW4136">
        <v>0</v>
      </c>
      <c r="AX4136">
        <v>-770</v>
      </c>
      <c r="AY4136">
        <v>16</v>
      </c>
      <c r="AZ4136">
        <v>24</v>
      </c>
      <c r="BA4136">
        <v>2008</v>
      </c>
    </row>
    <row r="4137" spans="1:53" x14ac:dyDescent="0.4">
      <c r="A4137">
        <v>4181</v>
      </c>
      <c r="B4137" s="1">
        <v>44301</v>
      </c>
      <c r="C4137">
        <v>3</v>
      </c>
      <c r="D4137" s="1">
        <v>44301.742361111108</v>
      </c>
      <c r="E4137" s="1">
        <v>44301.966666666667</v>
      </c>
      <c r="F4137">
        <v>12100</v>
      </c>
      <c r="G4137">
        <v>0</v>
      </c>
      <c r="H4137">
        <v>0</v>
      </c>
      <c r="I4137">
        <v>0</v>
      </c>
      <c r="J4137">
        <v>0</v>
      </c>
      <c r="K4137">
        <v>0</v>
      </c>
      <c r="L4137">
        <v>0</v>
      </c>
      <c r="M4137">
        <v>1210</v>
      </c>
      <c r="N4137">
        <v>0</v>
      </c>
      <c r="O4137">
        <v>0</v>
      </c>
      <c r="P4137">
        <v>-8118</v>
      </c>
      <c r="Q4137">
        <v>0</v>
      </c>
      <c r="R4137">
        <v>5192</v>
      </c>
      <c r="S4137">
        <v>0</v>
      </c>
      <c r="T4137">
        <v>0</v>
      </c>
      <c r="U4137">
        <v>0</v>
      </c>
      <c r="V4137">
        <v>3</v>
      </c>
      <c r="W4137">
        <v>0</v>
      </c>
      <c r="X4137">
        <v>0</v>
      </c>
      <c r="Y4137">
        <v>20</v>
      </c>
      <c r="Z4137">
        <v>16</v>
      </c>
      <c r="AA4137">
        <v>103</v>
      </c>
      <c r="AB4137">
        <v>32</v>
      </c>
      <c r="AC4137">
        <v>98</v>
      </c>
      <c r="AD4137">
        <v>47</v>
      </c>
      <c r="AE4137">
        <v>93</v>
      </c>
      <c r="AF4137">
        <v>0</v>
      </c>
      <c r="AG4137">
        <v>71208</v>
      </c>
      <c r="AH4137">
        <v>50000</v>
      </c>
      <c r="AI4137">
        <v>0</v>
      </c>
      <c r="AJ4137">
        <v>107</v>
      </c>
      <c r="AK4137" t="s">
        <v>40</v>
      </c>
      <c r="AL4137">
        <v>0</v>
      </c>
      <c r="AM4137">
        <v>0</v>
      </c>
      <c r="AN4137">
        <v>0</v>
      </c>
      <c r="AO4137">
        <v>0</v>
      </c>
      <c r="AP4137">
        <v>0</v>
      </c>
      <c r="AQ4137">
        <v>0</v>
      </c>
      <c r="AR4137">
        <v>0</v>
      </c>
      <c r="AS4137">
        <v>0</v>
      </c>
      <c r="AT4137">
        <v>0</v>
      </c>
      <c r="AU4137">
        <v>0</v>
      </c>
      <c r="AV4137">
        <v>0</v>
      </c>
      <c r="AW4137">
        <v>0</v>
      </c>
      <c r="AX4137">
        <v>2970</v>
      </c>
      <c r="AY4137">
        <v>4</v>
      </c>
      <c r="AZ4137">
        <v>9</v>
      </c>
      <c r="BA4137">
        <v>1049</v>
      </c>
    </row>
    <row r="4138" spans="1:53" x14ac:dyDescent="0.4">
      <c r="A4138">
        <v>4182</v>
      </c>
      <c r="B4138" s="1">
        <v>44302</v>
      </c>
      <c r="C4138">
        <v>1</v>
      </c>
      <c r="D4138" s="1">
        <v>44302.291666666664</v>
      </c>
      <c r="E4138" s="1">
        <v>44302.438194444447</v>
      </c>
      <c r="F4138">
        <v>0</v>
      </c>
      <c r="G4138">
        <v>0</v>
      </c>
      <c r="H4138">
        <v>0</v>
      </c>
      <c r="I4138">
        <v>0</v>
      </c>
      <c r="J4138">
        <v>0</v>
      </c>
      <c r="K4138">
        <v>0</v>
      </c>
      <c r="L4138">
        <v>0</v>
      </c>
      <c r="M4138">
        <v>0</v>
      </c>
      <c r="N4138">
        <v>0</v>
      </c>
      <c r="O4138">
        <v>0</v>
      </c>
      <c r="P4138">
        <v>0</v>
      </c>
      <c r="Q4138">
        <v>0</v>
      </c>
      <c r="R4138">
        <v>0</v>
      </c>
      <c r="S4138">
        <v>0</v>
      </c>
      <c r="T4138">
        <v>0</v>
      </c>
      <c r="U4138">
        <v>0</v>
      </c>
      <c r="V4138">
        <v>0</v>
      </c>
      <c r="W4138">
        <v>0</v>
      </c>
      <c r="X4138">
        <v>0</v>
      </c>
      <c r="Y4138">
        <v>28</v>
      </c>
      <c r="Z4138">
        <v>8</v>
      </c>
      <c r="AA4138">
        <v>148</v>
      </c>
      <c r="AB4138">
        <v>36</v>
      </c>
      <c r="AC4138">
        <v>106</v>
      </c>
      <c r="AD4138">
        <v>48</v>
      </c>
      <c r="AE4138">
        <v>100</v>
      </c>
      <c r="AF4138">
        <v>0</v>
      </c>
      <c r="AG4138">
        <v>50000</v>
      </c>
      <c r="AH4138">
        <v>50000</v>
      </c>
      <c r="AI4138">
        <v>0</v>
      </c>
      <c r="AJ4138">
        <v>0</v>
      </c>
      <c r="AK4138" t="s">
        <v>6</v>
      </c>
      <c r="AL4138">
        <v>0</v>
      </c>
      <c r="AM4138">
        <v>0</v>
      </c>
      <c r="AN4138">
        <v>0</v>
      </c>
      <c r="AO4138">
        <v>0</v>
      </c>
      <c r="AP4138">
        <v>0</v>
      </c>
      <c r="AQ4138">
        <v>0</v>
      </c>
      <c r="AR4138">
        <v>0</v>
      </c>
      <c r="AS4138">
        <v>0</v>
      </c>
      <c r="AT4138">
        <v>0</v>
      </c>
      <c r="AU4138">
        <v>0</v>
      </c>
      <c r="AV4138">
        <v>0</v>
      </c>
      <c r="AW4138">
        <v>0</v>
      </c>
      <c r="AX4138">
        <v>0</v>
      </c>
      <c r="AY4138">
        <v>0</v>
      </c>
      <c r="AZ4138">
        <v>0</v>
      </c>
      <c r="BA4138">
        <v>0</v>
      </c>
    </row>
    <row r="4139" spans="1:53" x14ac:dyDescent="0.4">
      <c r="A4139">
        <v>4183</v>
      </c>
      <c r="B4139" s="1">
        <v>44302</v>
      </c>
      <c r="C4139">
        <v>2</v>
      </c>
      <c r="D4139" s="1">
        <v>44302.438194444447</v>
      </c>
      <c r="E4139" s="1">
        <v>44302.740277777775</v>
      </c>
      <c r="F4139">
        <v>6130</v>
      </c>
      <c r="G4139">
        <v>280</v>
      </c>
      <c r="H4139">
        <v>0</v>
      </c>
      <c r="I4139">
        <v>0</v>
      </c>
      <c r="J4139">
        <v>0</v>
      </c>
      <c r="K4139">
        <v>0</v>
      </c>
      <c r="L4139">
        <v>0</v>
      </c>
      <c r="M4139">
        <v>641</v>
      </c>
      <c r="N4139">
        <v>0</v>
      </c>
      <c r="O4139">
        <v>0</v>
      </c>
      <c r="P4139">
        <v>12848</v>
      </c>
      <c r="Q4139">
        <v>0</v>
      </c>
      <c r="R4139">
        <v>19899</v>
      </c>
      <c r="S4139">
        <v>0</v>
      </c>
      <c r="T4139">
        <v>0</v>
      </c>
      <c r="U4139">
        <v>0</v>
      </c>
      <c r="V4139">
        <v>0</v>
      </c>
      <c r="W4139">
        <v>0</v>
      </c>
      <c r="X4139">
        <v>0</v>
      </c>
      <c r="Y4139">
        <v>44</v>
      </c>
      <c r="Z4139">
        <v>13</v>
      </c>
      <c r="AA4139">
        <v>154</v>
      </c>
      <c r="AB4139">
        <v>36</v>
      </c>
      <c r="AC4139">
        <v>108</v>
      </c>
      <c r="AD4139">
        <v>45</v>
      </c>
      <c r="AE4139">
        <v>124</v>
      </c>
      <c r="AF4139">
        <v>770</v>
      </c>
      <c r="AG4139">
        <v>69899</v>
      </c>
      <c r="AH4139">
        <v>50000</v>
      </c>
      <c r="AI4139">
        <v>0</v>
      </c>
      <c r="AJ4139">
        <v>84</v>
      </c>
      <c r="AK4139" t="s">
        <v>16</v>
      </c>
      <c r="AL4139">
        <v>0</v>
      </c>
      <c r="AM4139">
        <v>0</v>
      </c>
      <c r="AN4139">
        <v>0</v>
      </c>
      <c r="AO4139">
        <v>0</v>
      </c>
      <c r="AP4139">
        <v>0</v>
      </c>
      <c r="AQ4139">
        <v>0</v>
      </c>
      <c r="AR4139">
        <v>0</v>
      </c>
      <c r="AS4139">
        <v>0</v>
      </c>
      <c r="AT4139">
        <v>0</v>
      </c>
      <c r="AU4139">
        <v>0</v>
      </c>
      <c r="AV4139">
        <v>0</v>
      </c>
      <c r="AW4139">
        <v>0</v>
      </c>
      <c r="AX4139">
        <v>0</v>
      </c>
      <c r="AY4139">
        <v>20</v>
      </c>
      <c r="AZ4139">
        <v>31</v>
      </c>
      <c r="BA4139">
        <v>2255</v>
      </c>
    </row>
    <row r="4140" spans="1:53" x14ac:dyDescent="0.4">
      <c r="A4140">
        <v>4184</v>
      </c>
      <c r="B4140" s="1">
        <v>44303</v>
      </c>
      <c r="C4140">
        <v>1</v>
      </c>
      <c r="D4140" s="1">
        <v>44303.291666666664</v>
      </c>
      <c r="E4140" s="1">
        <v>44303.394444444442</v>
      </c>
      <c r="F4140">
        <v>0</v>
      </c>
      <c r="G4140">
        <v>0</v>
      </c>
      <c r="H4140">
        <v>0</v>
      </c>
      <c r="I4140">
        <v>0</v>
      </c>
      <c r="J4140">
        <v>0</v>
      </c>
      <c r="K4140">
        <v>0</v>
      </c>
      <c r="L4140">
        <v>0</v>
      </c>
      <c r="M4140">
        <v>0</v>
      </c>
      <c r="N4140">
        <v>0</v>
      </c>
      <c r="O4140">
        <v>0</v>
      </c>
      <c r="P4140">
        <v>0</v>
      </c>
      <c r="Q4140">
        <v>0</v>
      </c>
      <c r="R4140">
        <v>0</v>
      </c>
      <c r="S4140">
        <v>0</v>
      </c>
      <c r="T4140">
        <v>0</v>
      </c>
      <c r="U4140">
        <v>0</v>
      </c>
      <c r="V4140">
        <v>0</v>
      </c>
      <c r="W4140">
        <v>0</v>
      </c>
      <c r="X4140">
        <v>0</v>
      </c>
      <c r="Y4140">
        <v>31</v>
      </c>
      <c r="Z4140">
        <v>10</v>
      </c>
      <c r="AA4140">
        <v>108</v>
      </c>
      <c r="AB4140">
        <v>35</v>
      </c>
      <c r="AC4140">
        <v>110</v>
      </c>
      <c r="AD4140">
        <v>45</v>
      </c>
      <c r="AE4140">
        <v>125</v>
      </c>
      <c r="AF4140">
        <v>0</v>
      </c>
      <c r="AG4140">
        <v>50000</v>
      </c>
      <c r="AH4140">
        <v>50000</v>
      </c>
      <c r="AI4140">
        <v>0</v>
      </c>
      <c r="AJ4140">
        <v>0</v>
      </c>
      <c r="AK4140" t="s">
        <v>6</v>
      </c>
      <c r="AL4140">
        <v>0</v>
      </c>
      <c r="AM4140">
        <v>0</v>
      </c>
      <c r="AN4140">
        <v>0</v>
      </c>
      <c r="AO4140">
        <v>0</v>
      </c>
      <c r="AP4140">
        <v>0</v>
      </c>
      <c r="AQ4140">
        <v>0</v>
      </c>
      <c r="AR4140">
        <v>0</v>
      </c>
      <c r="AS4140">
        <v>0</v>
      </c>
      <c r="AT4140">
        <v>0</v>
      </c>
      <c r="AU4140">
        <v>0</v>
      </c>
      <c r="AV4140">
        <v>0</v>
      </c>
      <c r="AW4140">
        <v>0</v>
      </c>
      <c r="AX4140">
        <v>0</v>
      </c>
      <c r="AY4140">
        <v>0</v>
      </c>
      <c r="AZ4140">
        <v>0</v>
      </c>
      <c r="BA4140">
        <v>0</v>
      </c>
    </row>
    <row r="4141" spans="1:53" x14ac:dyDescent="0.4">
      <c r="A4141">
        <v>4185</v>
      </c>
      <c r="B4141" s="1">
        <v>44303</v>
      </c>
      <c r="C4141">
        <v>2</v>
      </c>
      <c r="D4141" s="1">
        <v>44303.394444444442</v>
      </c>
      <c r="E4141" s="1">
        <v>44303.739583333336</v>
      </c>
      <c r="F4141">
        <v>24850</v>
      </c>
      <c r="G4141">
        <v>1100</v>
      </c>
      <c r="H4141">
        <v>230</v>
      </c>
      <c r="I4141">
        <v>0</v>
      </c>
      <c r="J4141">
        <v>0</v>
      </c>
      <c r="K4141">
        <v>960</v>
      </c>
      <c r="L4141">
        <v>0</v>
      </c>
      <c r="M4141">
        <v>2714</v>
      </c>
      <c r="N4141">
        <v>0</v>
      </c>
      <c r="O4141">
        <v>0</v>
      </c>
      <c r="P4141">
        <v>15290</v>
      </c>
      <c r="Q4141">
        <v>0</v>
      </c>
      <c r="R4141">
        <v>45144</v>
      </c>
      <c r="S4141">
        <v>0</v>
      </c>
      <c r="T4141">
        <v>0</v>
      </c>
      <c r="U4141">
        <v>0</v>
      </c>
      <c r="V4141">
        <v>1</v>
      </c>
      <c r="W4141">
        <v>2</v>
      </c>
      <c r="X4141">
        <v>0</v>
      </c>
      <c r="Y4141">
        <v>46</v>
      </c>
      <c r="Z4141">
        <v>27</v>
      </c>
      <c r="AA4141">
        <v>106</v>
      </c>
      <c r="AB4141">
        <v>29</v>
      </c>
      <c r="AC4141">
        <v>123</v>
      </c>
      <c r="AD4141">
        <v>46</v>
      </c>
      <c r="AE4141">
        <v>154</v>
      </c>
      <c r="AF4141">
        <v>1980</v>
      </c>
      <c r="AG4141">
        <v>95144</v>
      </c>
      <c r="AH4141">
        <v>50000</v>
      </c>
      <c r="AI4141">
        <v>0</v>
      </c>
      <c r="AJ4141">
        <v>110</v>
      </c>
      <c r="AK4141" t="s">
        <v>48</v>
      </c>
      <c r="AL4141">
        <v>0</v>
      </c>
      <c r="AM4141">
        <v>0</v>
      </c>
      <c r="AN4141">
        <v>0</v>
      </c>
      <c r="AO4141">
        <v>0</v>
      </c>
      <c r="AP4141">
        <v>0</v>
      </c>
      <c r="AQ4141">
        <v>0</v>
      </c>
      <c r="AR4141">
        <v>0</v>
      </c>
      <c r="AS4141">
        <v>0</v>
      </c>
      <c r="AT4141">
        <v>0</v>
      </c>
      <c r="AU4141">
        <v>0</v>
      </c>
      <c r="AV4141">
        <v>0</v>
      </c>
      <c r="AW4141">
        <v>0</v>
      </c>
      <c r="AX4141">
        <v>0</v>
      </c>
      <c r="AY4141">
        <v>35</v>
      </c>
      <c r="AZ4141">
        <v>65</v>
      </c>
      <c r="BA4141">
        <v>5692</v>
      </c>
    </row>
    <row r="4142" spans="1:53" x14ac:dyDescent="0.4">
      <c r="A4142">
        <v>4186</v>
      </c>
      <c r="B4142" s="1">
        <v>44304</v>
      </c>
      <c r="C4142">
        <v>1</v>
      </c>
      <c r="D4142" s="1">
        <v>44304.291666666664</v>
      </c>
      <c r="E4142" s="1">
        <v>44304.39166666667</v>
      </c>
      <c r="F4142">
        <v>0</v>
      </c>
      <c r="G4142">
        <v>0</v>
      </c>
      <c r="H4142">
        <v>0</v>
      </c>
      <c r="I4142">
        <v>0</v>
      </c>
      <c r="J4142">
        <v>0</v>
      </c>
      <c r="K4142">
        <v>0</v>
      </c>
      <c r="L4142">
        <v>0</v>
      </c>
      <c r="M4142">
        <v>0</v>
      </c>
      <c r="N4142">
        <v>0</v>
      </c>
      <c r="O4142">
        <v>0</v>
      </c>
      <c r="P4142">
        <v>0</v>
      </c>
      <c r="Q4142">
        <v>0</v>
      </c>
      <c r="R4142">
        <v>0</v>
      </c>
      <c r="S4142">
        <v>0</v>
      </c>
      <c r="T4142">
        <v>0</v>
      </c>
      <c r="U4142">
        <v>0</v>
      </c>
      <c r="V4142">
        <v>0</v>
      </c>
      <c r="W4142">
        <v>0</v>
      </c>
      <c r="X4142">
        <v>0</v>
      </c>
      <c r="Y4142">
        <v>30</v>
      </c>
      <c r="Z4142">
        <v>12</v>
      </c>
      <c r="AA4142">
        <v>111</v>
      </c>
      <c r="AB4142">
        <v>28</v>
      </c>
      <c r="AC4142">
        <v>114</v>
      </c>
      <c r="AD4142">
        <v>44</v>
      </c>
      <c r="AE4142">
        <v>140</v>
      </c>
      <c r="AF4142">
        <v>0</v>
      </c>
      <c r="AG4142">
        <v>50000</v>
      </c>
      <c r="AH4142">
        <v>50000</v>
      </c>
      <c r="AI4142">
        <v>0</v>
      </c>
      <c r="AJ4142">
        <v>0</v>
      </c>
      <c r="AK4142" t="s">
        <v>6</v>
      </c>
      <c r="AL4142">
        <v>0</v>
      </c>
      <c r="AM4142">
        <v>0</v>
      </c>
      <c r="AN4142">
        <v>0</v>
      </c>
      <c r="AO4142">
        <v>0</v>
      </c>
      <c r="AP4142">
        <v>0</v>
      </c>
      <c r="AQ4142">
        <v>0</v>
      </c>
      <c r="AR4142">
        <v>0</v>
      </c>
      <c r="AS4142">
        <v>0</v>
      </c>
      <c r="AT4142">
        <v>0</v>
      </c>
      <c r="AU4142">
        <v>0</v>
      </c>
      <c r="AV4142">
        <v>0</v>
      </c>
      <c r="AW4142">
        <v>0</v>
      </c>
      <c r="AX4142">
        <v>0</v>
      </c>
      <c r="AY4142">
        <v>0</v>
      </c>
      <c r="AZ4142">
        <v>0</v>
      </c>
      <c r="BA4142">
        <v>0</v>
      </c>
    </row>
    <row r="4143" spans="1:53" x14ac:dyDescent="0.4">
      <c r="A4143">
        <v>4187</v>
      </c>
      <c r="B4143" s="1">
        <v>44304</v>
      </c>
      <c r="C4143">
        <v>2</v>
      </c>
      <c r="D4143" s="1">
        <v>44304.39166666667</v>
      </c>
      <c r="E4143" s="1">
        <v>44304.741666666669</v>
      </c>
      <c r="F4143">
        <v>32130</v>
      </c>
      <c r="G4143">
        <v>1080</v>
      </c>
      <c r="H4143">
        <v>0</v>
      </c>
      <c r="I4143">
        <v>0</v>
      </c>
      <c r="J4143">
        <v>0</v>
      </c>
      <c r="K4143">
        <v>0</v>
      </c>
      <c r="L4143">
        <v>0</v>
      </c>
      <c r="M4143">
        <v>3321</v>
      </c>
      <c r="N4143">
        <v>0</v>
      </c>
      <c r="O4143">
        <v>0</v>
      </c>
      <c r="P4143">
        <v>17743</v>
      </c>
      <c r="Q4143">
        <v>0</v>
      </c>
      <c r="R4143">
        <v>54274</v>
      </c>
      <c r="S4143">
        <v>0</v>
      </c>
      <c r="T4143">
        <v>0</v>
      </c>
      <c r="U4143">
        <v>0</v>
      </c>
      <c r="V4143">
        <v>4</v>
      </c>
      <c r="W4143">
        <v>1</v>
      </c>
      <c r="X4143">
        <v>0</v>
      </c>
      <c r="Y4143">
        <v>33</v>
      </c>
      <c r="Z4143">
        <v>22</v>
      </c>
      <c r="AA4143">
        <v>85</v>
      </c>
      <c r="AB4143">
        <v>18</v>
      </c>
      <c r="AC4143">
        <v>105</v>
      </c>
      <c r="AD4143">
        <v>51</v>
      </c>
      <c r="AE4143">
        <v>169</v>
      </c>
      <c r="AF4143">
        <v>4400</v>
      </c>
      <c r="AG4143">
        <v>104274</v>
      </c>
      <c r="AH4143">
        <v>50000</v>
      </c>
      <c r="AI4143">
        <v>0</v>
      </c>
      <c r="AJ4143">
        <v>98</v>
      </c>
      <c r="AK4143" t="s">
        <v>35</v>
      </c>
      <c r="AL4143">
        <v>0</v>
      </c>
      <c r="AM4143">
        <v>0</v>
      </c>
      <c r="AN4143">
        <v>0</v>
      </c>
      <c r="AO4143">
        <v>0</v>
      </c>
      <c r="AP4143">
        <v>0</v>
      </c>
      <c r="AQ4143">
        <v>0</v>
      </c>
      <c r="AR4143">
        <v>0</v>
      </c>
      <c r="AS4143">
        <v>0</v>
      </c>
      <c r="AT4143">
        <v>0</v>
      </c>
      <c r="AU4143">
        <v>0</v>
      </c>
      <c r="AV4143">
        <v>0</v>
      </c>
      <c r="AW4143">
        <v>0</v>
      </c>
      <c r="AX4143">
        <v>902</v>
      </c>
      <c r="AY4143">
        <v>40</v>
      </c>
      <c r="AZ4143">
        <v>90</v>
      </c>
      <c r="BA4143">
        <v>5602</v>
      </c>
    </row>
    <row r="4144" spans="1:53" x14ac:dyDescent="0.4">
      <c r="A4144">
        <v>4188</v>
      </c>
      <c r="B4144" s="1">
        <v>44304</v>
      </c>
      <c r="C4144">
        <v>3</v>
      </c>
      <c r="D4144" s="1">
        <v>44304.741666666669</v>
      </c>
      <c r="E4144" s="1">
        <v>44304.962500000001</v>
      </c>
      <c r="F4144">
        <v>20770</v>
      </c>
      <c r="G4144">
        <v>1260</v>
      </c>
      <c r="H4144">
        <v>0</v>
      </c>
      <c r="I4144">
        <v>0</v>
      </c>
      <c r="J4144">
        <v>0</v>
      </c>
      <c r="K4144">
        <v>0</v>
      </c>
      <c r="L4144">
        <v>0</v>
      </c>
      <c r="M4144">
        <v>2203</v>
      </c>
      <c r="N4144">
        <v>0</v>
      </c>
      <c r="O4144">
        <v>0</v>
      </c>
      <c r="P4144">
        <v>-17743</v>
      </c>
      <c r="Q4144">
        <v>0</v>
      </c>
      <c r="R4144">
        <v>6490</v>
      </c>
      <c r="S4144">
        <v>0</v>
      </c>
      <c r="T4144">
        <v>0</v>
      </c>
      <c r="U4144">
        <v>0</v>
      </c>
      <c r="V4144">
        <v>4</v>
      </c>
      <c r="W4144">
        <v>1</v>
      </c>
      <c r="X4144">
        <v>0</v>
      </c>
      <c r="Y4144">
        <v>39</v>
      </c>
      <c r="Z4144">
        <v>21</v>
      </c>
      <c r="AA4144">
        <v>84</v>
      </c>
      <c r="AB4144">
        <v>17</v>
      </c>
      <c r="AC4144">
        <v>99</v>
      </c>
      <c r="AD4144">
        <v>49</v>
      </c>
      <c r="AE4144">
        <v>169</v>
      </c>
      <c r="AF4144">
        <v>5610</v>
      </c>
      <c r="AG4144">
        <v>110764</v>
      </c>
      <c r="AH4144">
        <v>50000</v>
      </c>
      <c r="AI4144">
        <v>0</v>
      </c>
      <c r="AJ4144">
        <v>0</v>
      </c>
      <c r="AK4144" t="s">
        <v>6</v>
      </c>
      <c r="AL4144">
        <v>0</v>
      </c>
      <c r="AM4144">
        <v>0</v>
      </c>
      <c r="AN4144">
        <v>0</v>
      </c>
      <c r="AO4144">
        <v>0</v>
      </c>
      <c r="AP4144">
        <v>0</v>
      </c>
      <c r="AQ4144">
        <v>0</v>
      </c>
      <c r="AR4144">
        <v>0</v>
      </c>
      <c r="AS4144">
        <v>0</v>
      </c>
      <c r="AT4144">
        <v>0</v>
      </c>
      <c r="AU4144">
        <v>0</v>
      </c>
      <c r="AV4144">
        <v>0</v>
      </c>
      <c r="AW4144">
        <v>0</v>
      </c>
      <c r="AX4144">
        <v>0</v>
      </c>
      <c r="AY4144">
        <v>4</v>
      </c>
      <c r="AZ4144">
        <v>8</v>
      </c>
      <c r="BA4144">
        <v>1446</v>
      </c>
    </row>
    <row r="4145" spans="1:53" x14ac:dyDescent="0.4">
      <c r="A4145">
        <v>4189</v>
      </c>
      <c r="B4145" s="1">
        <v>44305</v>
      </c>
      <c r="C4145">
        <v>1</v>
      </c>
      <c r="D4145" s="1">
        <v>44305.291666666664</v>
      </c>
      <c r="E4145" s="1">
        <v>44305.418055555558</v>
      </c>
      <c r="F4145">
        <v>0</v>
      </c>
      <c r="G4145">
        <v>0</v>
      </c>
      <c r="H4145">
        <v>0</v>
      </c>
      <c r="I4145">
        <v>0</v>
      </c>
      <c r="J4145">
        <v>0</v>
      </c>
      <c r="K4145">
        <v>0</v>
      </c>
      <c r="L4145">
        <v>0</v>
      </c>
      <c r="M4145">
        <v>0</v>
      </c>
      <c r="N4145">
        <v>0</v>
      </c>
      <c r="O4145">
        <v>0</v>
      </c>
      <c r="P4145">
        <v>0</v>
      </c>
      <c r="Q4145">
        <v>0</v>
      </c>
      <c r="R4145">
        <v>0</v>
      </c>
      <c r="S4145">
        <v>0</v>
      </c>
      <c r="T4145">
        <v>0</v>
      </c>
      <c r="U4145">
        <v>0</v>
      </c>
      <c r="V4145">
        <v>0</v>
      </c>
      <c r="W4145">
        <v>0</v>
      </c>
      <c r="X4145">
        <v>0</v>
      </c>
      <c r="Y4145">
        <v>29</v>
      </c>
      <c r="Z4145">
        <v>9</v>
      </c>
      <c r="AA4145">
        <v>138</v>
      </c>
      <c r="AB4145">
        <v>17</v>
      </c>
      <c r="AC4145">
        <v>151</v>
      </c>
      <c r="AD4145">
        <v>48</v>
      </c>
      <c r="AE4145">
        <v>100</v>
      </c>
      <c r="AF4145">
        <v>0</v>
      </c>
      <c r="AG4145">
        <v>50000</v>
      </c>
      <c r="AH4145">
        <v>50000</v>
      </c>
      <c r="AI4145">
        <v>0</v>
      </c>
      <c r="AJ4145">
        <v>0</v>
      </c>
      <c r="AK4145" t="s">
        <v>6</v>
      </c>
      <c r="AL4145">
        <v>0</v>
      </c>
      <c r="AM4145">
        <v>0</v>
      </c>
      <c r="AN4145">
        <v>0</v>
      </c>
      <c r="AO4145">
        <v>0</v>
      </c>
      <c r="AP4145">
        <v>0</v>
      </c>
      <c r="AQ4145">
        <v>0</v>
      </c>
      <c r="AR4145">
        <v>0</v>
      </c>
      <c r="AS4145">
        <v>0</v>
      </c>
      <c r="AT4145">
        <v>0</v>
      </c>
      <c r="AU4145">
        <v>0</v>
      </c>
      <c r="AV4145">
        <v>0</v>
      </c>
      <c r="AW4145">
        <v>0</v>
      </c>
      <c r="AX4145">
        <v>0</v>
      </c>
      <c r="AY4145">
        <v>0</v>
      </c>
      <c r="AZ4145">
        <v>0</v>
      </c>
      <c r="BA4145">
        <v>0</v>
      </c>
    </row>
    <row r="4146" spans="1:53" x14ac:dyDescent="0.4">
      <c r="A4146">
        <v>4190</v>
      </c>
      <c r="B4146" s="1">
        <v>44305</v>
      </c>
      <c r="C4146">
        <v>2</v>
      </c>
      <c r="D4146" s="1">
        <v>44305.418055555558</v>
      </c>
      <c r="E4146" s="1">
        <v>44305.736111111109</v>
      </c>
      <c r="F4146">
        <v>8230</v>
      </c>
      <c r="G4146">
        <v>0</v>
      </c>
      <c r="H4146">
        <v>0</v>
      </c>
      <c r="I4146">
        <v>0</v>
      </c>
      <c r="J4146">
        <v>0</v>
      </c>
      <c r="K4146">
        <v>800</v>
      </c>
      <c r="L4146">
        <v>0</v>
      </c>
      <c r="M4146">
        <v>903</v>
      </c>
      <c r="N4146">
        <v>0</v>
      </c>
      <c r="O4146">
        <v>0</v>
      </c>
      <c r="P4146">
        <v>8910</v>
      </c>
      <c r="Q4146">
        <v>0</v>
      </c>
      <c r="R4146">
        <v>18843</v>
      </c>
      <c r="S4146">
        <v>0</v>
      </c>
      <c r="T4146">
        <v>0</v>
      </c>
      <c r="U4146">
        <v>0</v>
      </c>
      <c r="V4146">
        <v>1</v>
      </c>
      <c r="W4146">
        <v>0</v>
      </c>
      <c r="X4146">
        <v>0</v>
      </c>
      <c r="Y4146">
        <v>38</v>
      </c>
      <c r="Z4146">
        <v>15</v>
      </c>
      <c r="AA4146">
        <v>97</v>
      </c>
      <c r="AB4146">
        <v>11</v>
      </c>
      <c r="AC4146">
        <v>167</v>
      </c>
      <c r="AD4146">
        <v>50</v>
      </c>
      <c r="AE4146">
        <v>117</v>
      </c>
      <c r="AF4146">
        <v>1056</v>
      </c>
      <c r="AG4146">
        <v>68843</v>
      </c>
      <c r="AH4146">
        <v>50000</v>
      </c>
      <c r="AI4146">
        <v>0</v>
      </c>
      <c r="AJ4146">
        <v>107</v>
      </c>
      <c r="AK4146" t="s">
        <v>40</v>
      </c>
      <c r="AL4146">
        <v>0</v>
      </c>
      <c r="AM4146">
        <v>0</v>
      </c>
      <c r="AN4146">
        <v>0</v>
      </c>
      <c r="AO4146">
        <v>0</v>
      </c>
      <c r="AP4146">
        <v>0</v>
      </c>
      <c r="AQ4146">
        <v>0</v>
      </c>
      <c r="AR4146">
        <v>0</v>
      </c>
      <c r="AS4146">
        <v>0</v>
      </c>
      <c r="AT4146">
        <v>0</v>
      </c>
      <c r="AU4146">
        <v>0</v>
      </c>
      <c r="AV4146">
        <v>0</v>
      </c>
      <c r="AW4146">
        <v>0</v>
      </c>
      <c r="AX4146">
        <v>0</v>
      </c>
      <c r="AY4146">
        <v>15</v>
      </c>
      <c r="AZ4146">
        <v>30</v>
      </c>
      <c r="BA4146">
        <v>1593</v>
      </c>
    </row>
    <row r="4147" spans="1:53" x14ac:dyDescent="0.4">
      <c r="A4147">
        <v>4191</v>
      </c>
      <c r="B4147" s="1">
        <v>44306</v>
      </c>
      <c r="C4147">
        <v>1</v>
      </c>
      <c r="D4147" s="1">
        <v>44306.291666666664</v>
      </c>
      <c r="E4147" s="1">
        <v>44306.433333333334</v>
      </c>
      <c r="F4147">
        <v>0</v>
      </c>
      <c r="G4147">
        <v>0</v>
      </c>
      <c r="H4147">
        <v>0</v>
      </c>
      <c r="I4147">
        <v>0</v>
      </c>
      <c r="J4147">
        <v>0</v>
      </c>
      <c r="K4147">
        <v>0</v>
      </c>
      <c r="L4147">
        <v>0</v>
      </c>
      <c r="M4147">
        <v>0</v>
      </c>
      <c r="N4147">
        <v>0</v>
      </c>
      <c r="O4147">
        <v>0</v>
      </c>
      <c r="P4147">
        <v>0</v>
      </c>
      <c r="Q4147">
        <v>0</v>
      </c>
      <c r="R4147">
        <v>0</v>
      </c>
      <c r="S4147">
        <v>0</v>
      </c>
      <c r="T4147">
        <v>0</v>
      </c>
      <c r="U4147">
        <v>0</v>
      </c>
      <c r="V4147">
        <v>0</v>
      </c>
      <c r="W4147">
        <v>0</v>
      </c>
      <c r="X4147">
        <v>0</v>
      </c>
      <c r="Y4147">
        <v>31</v>
      </c>
      <c r="Z4147">
        <v>11</v>
      </c>
      <c r="AA4147">
        <v>107</v>
      </c>
      <c r="AB4147">
        <v>11</v>
      </c>
      <c r="AC4147">
        <v>188</v>
      </c>
      <c r="AD4147">
        <v>50</v>
      </c>
      <c r="AE4147">
        <v>120</v>
      </c>
      <c r="AF4147">
        <v>0</v>
      </c>
      <c r="AG4147">
        <v>50000</v>
      </c>
      <c r="AH4147">
        <v>50000</v>
      </c>
      <c r="AI4147">
        <v>0</v>
      </c>
      <c r="AJ4147">
        <v>0</v>
      </c>
      <c r="AK4147" t="s">
        <v>6</v>
      </c>
      <c r="AL4147">
        <v>0</v>
      </c>
      <c r="AM4147">
        <v>0</v>
      </c>
      <c r="AN4147">
        <v>0</v>
      </c>
      <c r="AO4147">
        <v>0</v>
      </c>
      <c r="AP4147">
        <v>0</v>
      </c>
      <c r="AQ4147">
        <v>0</v>
      </c>
      <c r="AR4147">
        <v>0</v>
      </c>
      <c r="AS4147">
        <v>0</v>
      </c>
      <c r="AT4147">
        <v>0</v>
      </c>
      <c r="AU4147">
        <v>0</v>
      </c>
      <c r="AV4147">
        <v>0</v>
      </c>
      <c r="AW4147">
        <v>0</v>
      </c>
      <c r="AX4147">
        <v>0</v>
      </c>
      <c r="AY4147">
        <v>0</v>
      </c>
      <c r="AZ4147">
        <v>0</v>
      </c>
      <c r="BA4147">
        <v>0</v>
      </c>
    </row>
    <row r="4148" spans="1:53" x14ac:dyDescent="0.4">
      <c r="A4148">
        <v>4192</v>
      </c>
      <c r="B4148" s="1">
        <v>44306</v>
      </c>
      <c r="C4148">
        <v>2</v>
      </c>
      <c r="D4148" s="1">
        <v>44306.433333333334</v>
      </c>
      <c r="E4148" s="1">
        <v>44306.751388888886</v>
      </c>
      <c r="F4148">
        <v>16510</v>
      </c>
      <c r="G4148">
        <v>280</v>
      </c>
      <c r="H4148">
        <v>0</v>
      </c>
      <c r="I4148">
        <v>0</v>
      </c>
      <c r="J4148">
        <v>0</v>
      </c>
      <c r="K4148">
        <v>880</v>
      </c>
      <c r="L4148">
        <v>0</v>
      </c>
      <c r="M4148">
        <v>1767</v>
      </c>
      <c r="N4148">
        <v>0</v>
      </c>
      <c r="O4148">
        <v>0</v>
      </c>
      <c r="P4148">
        <v>20955</v>
      </c>
      <c r="Q4148">
        <v>0</v>
      </c>
      <c r="R4148">
        <v>40392</v>
      </c>
      <c r="S4148">
        <v>0</v>
      </c>
      <c r="T4148">
        <v>0</v>
      </c>
      <c r="U4148">
        <v>0</v>
      </c>
      <c r="V4148">
        <v>4</v>
      </c>
      <c r="W4148">
        <v>1</v>
      </c>
      <c r="X4148">
        <v>0</v>
      </c>
      <c r="Y4148">
        <v>24</v>
      </c>
      <c r="Z4148">
        <v>14</v>
      </c>
      <c r="AA4148">
        <v>97</v>
      </c>
      <c r="AB4148">
        <v>8</v>
      </c>
      <c r="AC4148">
        <v>185</v>
      </c>
      <c r="AD4148">
        <v>42</v>
      </c>
      <c r="AE4148">
        <v>120</v>
      </c>
      <c r="AF4148">
        <v>2112</v>
      </c>
      <c r="AG4148">
        <v>90392</v>
      </c>
      <c r="AH4148">
        <v>50000</v>
      </c>
      <c r="AI4148">
        <v>0</v>
      </c>
      <c r="AJ4148">
        <v>85</v>
      </c>
      <c r="AK4148" t="s">
        <v>7</v>
      </c>
      <c r="AL4148">
        <v>0</v>
      </c>
      <c r="AM4148">
        <v>0</v>
      </c>
      <c r="AN4148">
        <v>0</v>
      </c>
      <c r="AO4148">
        <v>0</v>
      </c>
      <c r="AP4148">
        <v>0</v>
      </c>
      <c r="AQ4148">
        <v>0</v>
      </c>
      <c r="AR4148">
        <v>0</v>
      </c>
      <c r="AS4148">
        <v>0</v>
      </c>
      <c r="AT4148">
        <v>0</v>
      </c>
      <c r="AU4148">
        <v>0</v>
      </c>
      <c r="AV4148">
        <v>0</v>
      </c>
      <c r="AW4148">
        <v>0</v>
      </c>
      <c r="AX4148">
        <v>2376</v>
      </c>
      <c r="AY4148">
        <v>34</v>
      </c>
      <c r="AZ4148">
        <v>61</v>
      </c>
      <c r="BA4148">
        <v>4237</v>
      </c>
    </row>
    <row r="4149" spans="1:53" x14ac:dyDescent="0.4">
      <c r="A4149">
        <v>4193</v>
      </c>
      <c r="B4149" s="1">
        <v>44309</v>
      </c>
      <c r="C4149">
        <v>1</v>
      </c>
      <c r="D4149" s="1">
        <v>44309.291666666664</v>
      </c>
      <c r="E4149" s="1">
        <v>44309.461111111108</v>
      </c>
      <c r="F4149">
        <v>0</v>
      </c>
      <c r="G4149">
        <v>0</v>
      </c>
      <c r="H4149">
        <v>0</v>
      </c>
      <c r="I4149">
        <v>0</v>
      </c>
      <c r="J4149">
        <v>0</v>
      </c>
      <c r="K4149">
        <v>0</v>
      </c>
      <c r="L4149">
        <v>0</v>
      </c>
      <c r="M4149">
        <v>0</v>
      </c>
      <c r="N4149">
        <v>0</v>
      </c>
      <c r="O4149">
        <v>0</v>
      </c>
      <c r="P4149">
        <v>1400</v>
      </c>
      <c r="Q4149">
        <v>0</v>
      </c>
      <c r="R4149">
        <v>1400</v>
      </c>
      <c r="S4149">
        <v>0</v>
      </c>
      <c r="T4149">
        <v>0</v>
      </c>
      <c r="U4149">
        <v>0</v>
      </c>
      <c r="V4149">
        <v>0</v>
      </c>
      <c r="W4149">
        <v>0</v>
      </c>
      <c r="X4149">
        <v>0</v>
      </c>
      <c r="Y4149">
        <v>34</v>
      </c>
      <c r="Z4149">
        <v>11</v>
      </c>
      <c r="AA4149">
        <v>85</v>
      </c>
      <c r="AB4149">
        <v>8</v>
      </c>
      <c r="AC4149">
        <v>130</v>
      </c>
      <c r="AD4149">
        <v>40</v>
      </c>
      <c r="AE4149">
        <v>100</v>
      </c>
      <c r="AF4149">
        <v>0</v>
      </c>
      <c r="AG4149">
        <v>50000</v>
      </c>
      <c r="AH4149">
        <v>50000</v>
      </c>
      <c r="AI4149">
        <v>-1400</v>
      </c>
      <c r="AJ4149">
        <v>84</v>
      </c>
      <c r="AK4149" t="s">
        <v>16</v>
      </c>
      <c r="AL4149">
        <v>0</v>
      </c>
      <c r="AM4149">
        <v>0</v>
      </c>
      <c r="AN4149">
        <v>0</v>
      </c>
      <c r="AO4149">
        <v>0</v>
      </c>
      <c r="AP4149">
        <v>0</v>
      </c>
      <c r="AQ4149">
        <v>0</v>
      </c>
      <c r="AR4149">
        <v>0</v>
      </c>
      <c r="AS4149">
        <v>0</v>
      </c>
      <c r="AT4149">
        <v>0</v>
      </c>
      <c r="AU4149">
        <v>0</v>
      </c>
      <c r="AV4149">
        <v>0</v>
      </c>
      <c r="AW4149">
        <v>0</v>
      </c>
      <c r="AX4149">
        <v>-1400</v>
      </c>
      <c r="AY4149">
        <v>2</v>
      </c>
      <c r="AZ4149">
        <v>2</v>
      </c>
      <c r="BA4149">
        <v>4</v>
      </c>
    </row>
    <row r="4150" spans="1:53" x14ac:dyDescent="0.4">
      <c r="A4150">
        <v>4194</v>
      </c>
      <c r="B4150" s="1">
        <v>44309</v>
      </c>
      <c r="C4150">
        <v>2</v>
      </c>
      <c r="D4150" s="1">
        <v>44309.461111111108</v>
      </c>
      <c r="E4150" s="1">
        <v>44309.752083333333</v>
      </c>
      <c r="F4150">
        <v>10210</v>
      </c>
      <c r="G4150">
        <v>0</v>
      </c>
      <c r="H4150">
        <v>0</v>
      </c>
      <c r="I4150">
        <v>0</v>
      </c>
      <c r="J4150">
        <v>0</v>
      </c>
      <c r="K4150">
        <v>0</v>
      </c>
      <c r="L4150">
        <v>0</v>
      </c>
      <c r="M4150">
        <v>928</v>
      </c>
      <c r="N4150">
        <v>0</v>
      </c>
      <c r="O4150">
        <v>0</v>
      </c>
      <c r="P4150">
        <v>9050</v>
      </c>
      <c r="Q4150">
        <v>0</v>
      </c>
      <c r="R4150">
        <v>19260</v>
      </c>
      <c r="S4150">
        <v>0</v>
      </c>
      <c r="T4150">
        <v>0</v>
      </c>
      <c r="U4150">
        <v>0</v>
      </c>
      <c r="V4150">
        <v>1</v>
      </c>
      <c r="W4150">
        <v>2</v>
      </c>
      <c r="X4150">
        <v>0</v>
      </c>
      <c r="Y4150">
        <v>30</v>
      </c>
      <c r="Z4150">
        <v>16</v>
      </c>
      <c r="AA4150">
        <v>80</v>
      </c>
      <c r="AB4150">
        <v>8</v>
      </c>
      <c r="AC4150">
        <v>122</v>
      </c>
      <c r="AD4150">
        <v>41</v>
      </c>
      <c r="AE4150">
        <v>105</v>
      </c>
      <c r="AF4150">
        <v>2720</v>
      </c>
      <c r="AG4150">
        <v>70650</v>
      </c>
      <c r="AH4150">
        <v>50000</v>
      </c>
      <c r="AI4150">
        <v>-10</v>
      </c>
      <c r="AJ4150">
        <v>84</v>
      </c>
      <c r="AK4150" t="s">
        <v>16</v>
      </c>
      <c r="AL4150">
        <v>0</v>
      </c>
      <c r="AM4150">
        <v>0</v>
      </c>
      <c r="AN4150">
        <v>0</v>
      </c>
      <c r="AO4150">
        <v>0</v>
      </c>
      <c r="AP4150">
        <v>0</v>
      </c>
      <c r="AQ4150">
        <v>0</v>
      </c>
      <c r="AR4150">
        <v>0</v>
      </c>
      <c r="AS4150">
        <v>0</v>
      </c>
      <c r="AT4150">
        <v>0</v>
      </c>
      <c r="AU4150">
        <v>0</v>
      </c>
      <c r="AV4150">
        <v>0</v>
      </c>
      <c r="AW4150">
        <v>0</v>
      </c>
      <c r="AX4150">
        <v>1089</v>
      </c>
      <c r="AY4150">
        <v>20</v>
      </c>
      <c r="AZ4150">
        <v>29</v>
      </c>
      <c r="BA4150">
        <v>2821</v>
      </c>
    </row>
    <row r="4151" spans="1:53" x14ac:dyDescent="0.4">
      <c r="A4151">
        <v>4195</v>
      </c>
      <c r="B4151" s="1">
        <v>44310</v>
      </c>
      <c r="C4151">
        <v>1</v>
      </c>
      <c r="D4151" s="1">
        <v>44310.291666666664</v>
      </c>
      <c r="E4151" s="1">
        <v>44310.384027777778</v>
      </c>
      <c r="F4151">
        <v>0</v>
      </c>
      <c r="G4151">
        <v>0</v>
      </c>
      <c r="H4151">
        <v>0</v>
      </c>
      <c r="I4151">
        <v>0</v>
      </c>
      <c r="J4151">
        <v>0</v>
      </c>
      <c r="K4151">
        <v>0</v>
      </c>
      <c r="L4151">
        <v>0</v>
      </c>
      <c r="M4151">
        <v>0</v>
      </c>
      <c r="N4151">
        <v>0</v>
      </c>
      <c r="O4151">
        <v>0</v>
      </c>
      <c r="P4151">
        <v>0</v>
      </c>
      <c r="Q4151">
        <v>0</v>
      </c>
      <c r="R4151">
        <v>0</v>
      </c>
      <c r="S4151">
        <v>0</v>
      </c>
      <c r="T4151">
        <v>0</v>
      </c>
      <c r="U4151">
        <v>0</v>
      </c>
      <c r="V4151">
        <v>0</v>
      </c>
      <c r="W4151">
        <v>3</v>
      </c>
      <c r="X4151">
        <v>0</v>
      </c>
      <c r="Y4151">
        <v>20</v>
      </c>
      <c r="Z4151">
        <v>10</v>
      </c>
      <c r="AA4151">
        <v>77</v>
      </c>
      <c r="AB4151">
        <v>6</v>
      </c>
      <c r="AC4151">
        <v>170</v>
      </c>
      <c r="AD4151">
        <v>40</v>
      </c>
      <c r="AE4151">
        <v>100</v>
      </c>
      <c r="AF4151">
        <v>0</v>
      </c>
      <c r="AG4151">
        <v>50000</v>
      </c>
      <c r="AH4151">
        <v>50000</v>
      </c>
      <c r="AI4151">
        <v>0</v>
      </c>
      <c r="AJ4151">
        <v>0</v>
      </c>
      <c r="AK4151" t="s">
        <v>6</v>
      </c>
      <c r="AL4151">
        <v>0</v>
      </c>
      <c r="AM4151">
        <v>0</v>
      </c>
      <c r="AN4151">
        <v>0</v>
      </c>
      <c r="AO4151">
        <v>0</v>
      </c>
      <c r="AP4151">
        <v>0</v>
      </c>
      <c r="AQ4151">
        <v>0</v>
      </c>
      <c r="AR4151">
        <v>0</v>
      </c>
      <c r="AS4151">
        <v>0</v>
      </c>
      <c r="AT4151">
        <v>0</v>
      </c>
      <c r="AU4151">
        <v>0</v>
      </c>
      <c r="AV4151">
        <v>0</v>
      </c>
      <c r="AW4151">
        <v>0</v>
      </c>
      <c r="AX4151">
        <v>0</v>
      </c>
      <c r="AY4151">
        <v>0</v>
      </c>
      <c r="AZ4151">
        <v>0</v>
      </c>
      <c r="BA4151">
        <v>0</v>
      </c>
    </row>
    <row r="4152" spans="1:53" x14ac:dyDescent="0.4">
      <c r="A4152">
        <v>4196</v>
      </c>
      <c r="B4152" s="1">
        <v>44310</v>
      </c>
      <c r="C4152">
        <v>2</v>
      </c>
      <c r="D4152" s="1">
        <v>44310.384027777778</v>
      </c>
      <c r="E4152" s="1">
        <v>44310.739583333336</v>
      </c>
      <c r="F4152">
        <v>35620</v>
      </c>
      <c r="G4152">
        <v>308</v>
      </c>
      <c r="H4152">
        <v>220</v>
      </c>
      <c r="I4152">
        <v>0</v>
      </c>
      <c r="J4152">
        <v>0</v>
      </c>
      <c r="K4152">
        <v>0</v>
      </c>
      <c r="L4152">
        <v>0</v>
      </c>
      <c r="M4152">
        <v>3284</v>
      </c>
      <c r="N4152">
        <v>0</v>
      </c>
      <c r="O4152">
        <v>0</v>
      </c>
      <c r="P4152">
        <v>15660</v>
      </c>
      <c r="Q4152">
        <v>0</v>
      </c>
      <c r="R4152">
        <v>51808</v>
      </c>
      <c r="S4152">
        <v>0</v>
      </c>
      <c r="T4152">
        <v>0</v>
      </c>
      <c r="U4152">
        <v>0</v>
      </c>
      <c r="V4152">
        <v>3</v>
      </c>
      <c r="W4152">
        <v>1</v>
      </c>
      <c r="X4152">
        <v>0</v>
      </c>
      <c r="Y4152">
        <v>46</v>
      </c>
      <c r="Z4152">
        <v>21</v>
      </c>
      <c r="AA4152">
        <v>50</v>
      </c>
      <c r="AB4152">
        <v>7</v>
      </c>
      <c r="AC4152">
        <v>181</v>
      </c>
      <c r="AD4152">
        <v>40</v>
      </c>
      <c r="AE4152">
        <v>98</v>
      </c>
      <c r="AF4152">
        <v>2850</v>
      </c>
      <c r="AG4152">
        <v>101808</v>
      </c>
      <c r="AH4152">
        <v>50000</v>
      </c>
      <c r="AI4152">
        <v>0</v>
      </c>
      <c r="AJ4152">
        <v>84</v>
      </c>
      <c r="AK4152" t="s">
        <v>16</v>
      </c>
      <c r="AL4152">
        <v>0</v>
      </c>
      <c r="AM4152">
        <v>0</v>
      </c>
      <c r="AN4152">
        <v>0</v>
      </c>
      <c r="AO4152">
        <v>0</v>
      </c>
      <c r="AP4152">
        <v>0</v>
      </c>
      <c r="AQ4152">
        <v>0</v>
      </c>
      <c r="AR4152">
        <v>0</v>
      </c>
      <c r="AS4152">
        <v>0</v>
      </c>
      <c r="AT4152">
        <v>0</v>
      </c>
      <c r="AU4152">
        <v>0</v>
      </c>
      <c r="AV4152">
        <v>0</v>
      </c>
      <c r="AW4152">
        <v>0</v>
      </c>
      <c r="AX4152">
        <v>748</v>
      </c>
      <c r="AY4152">
        <v>41</v>
      </c>
      <c r="AZ4152">
        <v>83</v>
      </c>
      <c r="BA4152">
        <v>6322</v>
      </c>
    </row>
    <row r="4153" spans="1:53" x14ac:dyDescent="0.4">
      <c r="A4153">
        <v>4197</v>
      </c>
      <c r="B4153" s="1">
        <v>44314</v>
      </c>
      <c r="C4153">
        <v>1</v>
      </c>
      <c r="D4153" s="1">
        <v>44314.291666666664</v>
      </c>
      <c r="E4153" s="1">
        <v>44314.415277777778</v>
      </c>
      <c r="F4153">
        <v>0</v>
      </c>
      <c r="G4153">
        <v>0</v>
      </c>
      <c r="H4153">
        <v>0</v>
      </c>
      <c r="I4153">
        <v>0</v>
      </c>
      <c r="J4153">
        <v>0</v>
      </c>
      <c r="K4153">
        <v>0</v>
      </c>
      <c r="L4153">
        <v>0</v>
      </c>
      <c r="M4153">
        <v>0</v>
      </c>
      <c r="N4153">
        <v>0</v>
      </c>
      <c r="O4153">
        <v>0</v>
      </c>
      <c r="P4153">
        <v>0</v>
      </c>
      <c r="Q4153">
        <v>0</v>
      </c>
      <c r="R4153">
        <v>0</v>
      </c>
      <c r="S4153">
        <v>0</v>
      </c>
      <c r="T4153">
        <v>0</v>
      </c>
      <c r="U4153">
        <v>0</v>
      </c>
      <c r="V4153">
        <v>0</v>
      </c>
      <c r="W4153">
        <v>0</v>
      </c>
      <c r="X4153">
        <v>0</v>
      </c>
      <c r="Y4153">
        <v>37</v>
      </c>
      <c r="Z4153">
        <v>11</v>
      </c>
      <c r="AA4153">
        <v>58</v>
      </c>
      <c r="AB4153">
        <v>6</v>
      </c>
      <c r="AC4153">
        <v>106</v>
      </c>
      <c r="AD4153">
        <v>38</v>
      </c>
      <c r="AE4153">
        <v>150</v>
      </c>
      <c r="AF4153">
        <v>0</v>
      </c>
      <c r="AG4153">
        <v>50000</v>
      </c>
      <c r="AH4153">
        <v>50000</v>
      </c>
      <c r="AI4153">
        <v>0</v>
      </c>
      <c r="AJ4153">
        <v>0</v>
      </c>
      <c r="AK4153" t="s">
        <v>6</v>
      </c>
      <c r="AL4153">
        <v>0</v>
      </c>
      <c r="AM4153">
        <v>0</v>
      </c>
      <c r="AN4153">
        <v>0</v>
      </c>
      <c r="AO4153">
        <v>0</v>
      </c>
      <c r="AP4153">
        <v>0</v>
      </c>
      <c r="AQ4153">
        <v>0</v>
      </c>
      <c r="AR4153">
        <v>0</v>
      </c>
      <c r="AS4153">
        <v>0</v>
      </c>
      <c r="AT4153">
        <v>0</v>
      </c>
      <c r="AU4153">
        <v>0</v>
      </c>
      <c r="AV4153">
        <v>0</v>
      </c>
      <c r="AW4153">
        <v>0</v>
      </c>
      <c r="AX4153">
        <v>0</v>
      </c>
      <c r="AY4153">
        <v>0</v>
      </c>
      <c r="AZ4153">
        <v>0</v>
      </c>
      <c r="BA4153">
        <v>0</v>
      </c>
    </row>
    <row r="4154" spans="1:53" x14ac:dyDescent="0.4">
      <c r="A4154">
        <v>4198</v>
      </c>
      <c r="B4154" s="1">
        <v>44315</v>
      </c>
      <c r="C4154">
        <v>1</v>
      </c>
      <c r="D4154" s="1">
        <v>44315.291666666664</v>
      </c>
      <c r="E4154" s="1">
        <v>44315.830555555556</v>
      </c>
      <c r="F4154">
        <v>42150</v>
      </c>
      <c r="G4154">
        <v>880</v>
      </c>
      <c r="H4154">
        <v>0</v>
      </c>
      <c r="I4154">
        <v>0</v>
      </c>
      <c r="J4154">
        <v>300</v>
      </c>
      <c r="K4154">
        <v>0</v>
      </c>
      <c r="L4154">
        <v>0</v>
      </c>
      <c r="M4154">
        <v>3882</v>
      </c>
      <c r="N4154">
        <v>0</v>
      </c>
      <c r="O4154">
        <v>0</v>
      </c>
      <c r="P4154">
        <v>9020</v>
      </c>
      <c r="Q4154">
        <v>0</v>
      </c>
      <c r="R4154">
        <v>51750</v>
      </c>
      <c r="S4154">
        <v>0</v>
      </c>
      <c r="T4154">
        <v>0</v>
      </c>
      <c r="U4154">
        <v>0</v>
      </c>
      <c r="V4154">
        <v>3</v>
      </c>
      <c r="W4154">
        <v>0</v>
      </c>
      <c r="X4154">
        <v>0</v>
      </c>
      <c r="Y4154">
        <v>60</v>
      </c>
      <c r="Z4154">
        <v>14</v>
      </c>
      <c r="AA4154">
        <v>2</v>
      </c>
      <c r="AB4154">
        <v>12</v>
      </c>
      <c r="AC4154">
        <v>155</v>
      </c>
      <c r="AD4154">
        <v>40</v>
      </c>
      <c r="AE4154">
        <v>110</v>
      </c>
      <c r="AF4154">
        <v>2090</v>
      </c>
      <c r="AG4154">
        <v>101750</v>
      </c>
      <c r="AH4154">
        <v>50000</v>
      </c>
      <c r="AI4154">
        <v>0</v>
      </c>
      <c r="AJ4154">
        <v>84</v>
      </c>
      <c r="AK4154" t="s">
        <v>16</v>
      </c>
      <c r="AL4154">
        <v>0</v>
      </c>
      <c r="AM4154">
        <v>0</v>
      </c>
      <c r="AN4154">
        <v>0</v>
      </c>
      <c r="AO4154">
        <v>0</v>
      </c>
      <c r="AP4154">
        <v>0</v>
      </c>
      <c r="AQ4154">
        <v>0</v>
      </c>
      <c r="AR4154">
        <v>0</v>
      </c>
      <c r="AS4154">
        <v>0</v>
      </c>
      <c r="AT4154">
        <v>0</v>
      </c>
      <c r="AU4154">
        <v>0</v>
      </c>
      <c r="AV4154">
        <v>0</v>
      </c>
      <c r="AW4154">
        <v>0</v>
      </c>
      <c r="AX4154">
        <v>7670</v>
      </c>
      <c r="AY4154">
        <v>43</v>
      </c>
      <c r="AZ4154">
        <v>87</v>
      </c>
      <c r="BA4154">
        <v>6736</v>
      </c>
    </row>
    <row r="4155" spans="1:53" x14ac:dyDescent="0.4">
      <c r="A4155">
        <v>4199</v>
      </c>
      <c r="B4155" s="1">
        <v>44316</v>
      </c>
      <c r="C4155">
        <v>1</v>
      </c>
      <c r="D4155" s="1">
        <v>44316.291666666664</v>
      </c>
      <c r="E4155" s="1">
        <v>44316.409722222219</v>
      </c>
      <c r="F4155">
        <v>0</v>
      </c>
      <c r="G4155">
        <v>0</v>
      </c>
      <c r="H4155">
        <v>0</v>
      </c>
      <c r="I4155">
        <v>0</v>
      </c>
      <c r="J4155">
        <v>0</v>
      </c>
      <c r="K4155">
        <v>0</v>
      </c>
      <c r="L4155">
        <v>0</v>
      </c>
      <c r="M4155">
        <v>0</v>
      </c>
      <c r="N4155">
        <v>0</v>
      </c>
      <c r="O4155">
        <v>0</v>
      </c>
      <c r="P4155">
        <v>0</v>
      </c>
      <c r="Q4155">
        <v>0</v>
      </c>
      <c r="R4155">
        <v>0</v>
      </c>
      <c r="S4155">
        <v>0</v>
      </c>
      <c r="T4155">
        <v>0</v>
      </c>
      <c r="U4155">
        <v>0</v>
      </c>
      <c r="V4155">
        <v>0</v>
      </c>
      <c r="W4155">
        <v>0</v>
      </c>
      <c r="X4155">
        <v>0</v>
      </c>
      <c r="Y4155">
        <v>38</v>
      </c>
      <c r="Z4155">
        <v>11</v>
      </c>
      <c r="AA4155">
        <v>41</v>
      </c>
      <c r="AB4155">
        <v>12</v>
      </c>
      <c r="AC4155">
        <v>152</v>
      </c>
      <c r="AD4155">
        <v>36</v>
      </c>
      <c r="AE4155">
        <v>100</v>
      </c>
      <c r="AF4155">
        <v>0</v>
      </c>
      <c r="AG4155">
        <v>50000</v>
      </c>
      <c r="AH4155">
        <v>50000</v>
      </c>
      <c r="AI4155">
        <v>0</v>
      </c>
      <c r="AJ4155">
        <v>0</v>
      </c>
      <c r="AK4155" t="s">
        <v>6</v>
      </c>
      <c r="AL4155">
        <v>0</v>
      </c>
      <c r="AM4155">
        <v>0</v>
      </c>
      <c r="AN4155">
        <v>0</v>
      </c>
      <c r="AO4155">
        <v>0</v>
      </c>
      <c r="AP4155">
        <v>0</v>
      </c>
      <c r="AQ4155">
        <v>0</v>
      </c>
      <c r="AR4155">
        <v>0</v>
      </c>
      <c r="AS4155">
        <v>0</v>
      </c>
      <c r="AT4155">
        <v>0</v>
      </c>
      <c r="AU4155">
        <v>0</v>
      </c>
      <c r="AV4155">
        <v>0</v>
      </c>
      <c r="AW4155">
        <v>0</v>
      </c>
      <c r="AX4155">
        <v>0</v>
      </c>
      <c r="AY4155">
        <v>0</v>
      </c>
      <c r="AZ4155">
        <v>0</v>
      </c>
      <c r="BA4155">
        <v>0</v>
      </c>
    </row>
    <row r="4156" spans="1:53" x14ac:dyDescent="0.4">
      <c r="A4156">
        <v>4200</v>
      </c>
      <c r="B4156" s="1">
        <v>44316</v>
      </c>
      <c r="C4156">
        <v>2</v>
      </c>
      <c r="D4156" s="1">
        <v>44316.409722222219</v>
      </c>
      <c r="E4156" s="1">
        <v>44316.757638888892</v>
      </c>
      <c r="F4156">
        <v>26750</v>
      </c>
      <c r="G4156">
        <v>748</v>
      </c>
      <c r="H4156">
        <v>0</v>
      </c>
      <c r="I4156">
        <v>0</v>
      </c>
      <c r="J4156">
        <v>130</v>
      </c>
      <c r="K4156">
        <v>0</v>
      </c>
      <c r="L4156">
        <v>0</v>
      </c>
      <c r="M4156">
        <v>2485</v>
      </c>
      <c r="N4156">
        <v>0</v>
      </c>
      <c r="O4156">
        <v>0</v>
      </c>
      <c r="P4156">
        <v>14040</v>
      </c>
      <c r="Q4156">
        <v>0</v>
      </c>
      <c r="R4156">
        <v>41408</v>
      </c>
      <c r="S4156">
        <v>0</v>
      </c>
      <c r="T4156">
        <v>0</v>
      </c>
      <c r="U4156">
        <v>0</v>
      </c>
      <c r="V4156">
        <v>3</v>
      </c>
      <c r="W4156">
        <v>1</v>
      </c>
      <c r="X4156">
        <v>0</v>
      </c>
      <c r="Y4156">
        <v>36</v>
      </c>
      <c r="Z4156">
        <v>17</v>
      </c>
      <c r="AA4156">
        <v>39</v>
      </c>
      <c r="AB4156">
        <v>14</v>
      </c>
      <c r="AC4156">
        <v>174</v>
      </c>
      <c r="AD4156">
        <v>38</v>
      </c>
      <c r="AE4156">
        <v>98</v>
      </c>
      <c r="AF4156">
        <v>5280</v>
      </c>
      <c r="AG4156">
        <v>91408</v>
      </c>
      <c r="AH4156">
        <v>50000</v>
      </c>
      <c r="AI4156">
        <v>0</v>
      </c>
      <c r="AJ4156">
        <v>107</v>
      </c>
      <c r="AK4156" t="s">
        <v>40</v>
      </c>
      <c r="AL4156">
        <v>0</v>
      </c>
      <c r="AM4156">
        <v>0</v>
      </c>
      <c r="AN4156">
        <v>0</v>
      </c>
      <c r="AO4156">
        <v>0</v>
      </c>
      <c r="AP4156">
        <v>0</v>
      </c>
      <c r="AQ4156">
        <v>0</v>
      </c>
      <c r="AR4156">
        <v>0</v>
      </c>
      <c r="AS4156">
        <v>0</v>
      </c>
      <c r="AT4156">
        <v>0</v>
      </c>
      <c r="AU4156">
        <v>0</v>
      </c>
      <c r="AV4156">
        <v>0</v>
      </c>
      <c r="AW4156">
        <v>0</v>
      </c>
      <c r="AX4156">
        <v>0</v>
      </c>
      <c r="AY4156">
        <v>35</v>
      </c>
      <c r="AZ4156">
        <v>64</v>
      </c>
      <c r="BA4156">
        <v>5122</v>
      </c>
    </row>
    <row r="4157" spans="1:53" x14ac:dyDescent="0.4">
      <c r="A4157">
        <v>4201</v>
      </c>
      <c r="B4157" s="1">
        <v>44317</v>
      </c>
      <c r="C4157">
        <v>1</v>
      </c>
      <c r="D4157" s="1">
        <v>44317.291666666664</v>
      </c>
      <c r="E4157" s="1">
        <v>44317.380555555559</v>
      </c>
      <c r="F4157">
        <v>0</v>
      </c>
      <c r="G4157">
        <v>0</v>
      </c>
      <c r="H4157">
        <v>0</v>
      </c>
      <c r="I4157">
        <v>0</v>
      </c>
      <c r="J4157">
        <v>0</v>
      </c>
      <c r="K4157">
        <v>0</v>
      </c>
      <c r="L4157">
        <v>0</v>
      </c>
      <c r="M4157">
        <v>0</v>
      </c>
      <c r="N4157">
        <v>0</v>
      </c>
      <c r="O4157">
        <v>0</v>
      </c>
      <c r="P4157">
        <v>0</v>
      </c>
      <c r="Q4157">
        <v>0</v>
      </c>
      <c r="R4157">
        <v>0</v>
      </c>
      <c r="S4157">
        <v>0</v>
      </c>
      <c r="T4157">
        <v>0</v>
      </c>
      <c r="U4157">
        <v>0</v>
      </c>
      <c r="V4157">
        <v>0</v>
      </c>
      <c r="W4157">
        <v>1</v>
      </c>
      <c r="X4157">
        <v>0</v>
      </c>
      <c r="Y4157">
        <v>24</v>
      </c>
      <c r="Z4157">
        <v>10</v>
      </c>
      <c r="AA4157">
        <v>117</v>
      </c>
      <c r="AB4157">
        <v>58</v>
      </c>
      <c r="AC4157">
        <v>110</v>
      </c>
      <c r="AD4157">
        <v>40</v>
      </c>
      <c r="AE4157">
        <v>100</v>
      </c>
      <c r="AF4157">
        <v>0</v>
      </c>
      <c r="AG4157">
        <v>50000</v>
      </c>
      <c r="AH4157">
        <v>50000</v>
      </c>
      <c r="AI4157">
        <v>0</v>
      </c>
      <c r="AJ4157">
        <v>0</v>
      </c>
      <c r="AK4157" t="s">
        <v>6</v>
      </c>
      <c r="AL4157">
        <v>0</v>
      </c>
      <c r="AM4157">
        <v>0</v>
      </c>
      <c r="AN4157">
        <v>0</v>
      </c>
      <c r="AO4157">
        <v>0</v>
      </c>
      <c r="AP4157">
        <v>0</v>
      </c>
      <c r="AQ4157">
        <v>0</v>
      </c>
      <c r="AR4157">
        <v>0</v>
      </c>
      <c r="AS4157">
        <v>0</v>
      </c>
      <c r="AT4157">
        <v>0</v>
      </c>
      <c r="AU4157">
        <v>0</v>
      </c>
      <c r="AV4157">
        <v>0</v>
      </c>
      <c r="AW4157">
        <v>0</v>
      </c>
      <c r="AX4157">
        <v>0</v>
      </c>
      <c r="AY4157">
        <v>0</v>
      </c>
      <c r="AZ4157">
        <v>0</v>
      </c>
      <c r="BA4157">
        <v>0</v>
      </c>
    </row>
    <row r="4158" spans="1:53" x14ac:dyDescent="0.4">
      <c r="A4158">
        <v>4202</v>
      </c>
      <c r="B4158" s="1">
        <v>44317</v>
      </c>
      <c r="C4158">
        <v>2</v>
      </c>
      <c r="D4158" s="1">
        <v>44317.380555555559</v>
      </c>
      <c r="E4158" s="1">
        <v>44317.758333333331</v>
      </c>
      <c r="F4158">
        <v>29800</v>
      </c>
      <c r="G4158">
        <v>4994</v>
      </c>
      <c r="H4158">
        <v>0</v>
      </c>
      <c r="I4158">
        <v>0</v>
      </c>
      <c r="J4158">
        <v>0</v>
      </c>
      <c r="K4158">
        <v>0</v>
      </c>
      <c r="L4158">
        <v>0</v>
      </c>
      <c r="M4158">
        <v>3159</v>
      </c>
      <c r="N4158">
        <v>0</v>
      </c>
      <c r="O4158">
        <v>0</v>
      </c>
      <c r="P4158">
        <v>17900</v>
      </c>
      <c r="Q4158">
        <v>0</v>
      </c>
      <c r="R4158">
        <v>52694</v>
      </c>
      <c r="S4158">
        <v>0</v>
      </c>
      <c r="T4158">
        <v>0</v>
      </c>
      <c r="U4158">
        <v>0</v>
      </c>
      <c r="V4158">
        <v>1</v>
      </c>
      <c r="W4158">
        <v>5</v>
      </c>
      <c r="X4158">
        <v>0</v>
      </c>
      <c r="Y4158">
        <v>37</v>
      </c>
      <c r="Z4158">
        <v>21</v>
      </c>
      <c r="AA4158">
        <v>110</v>
      </c>
      <c r="AB4158">
        <v>59</v>
      </c>
      <c r="AC4158">
        <v>114</v>
      </c>
      <c r="AD4158">
        <v>38</v>
      </c>
      <c r="AE4158">
        <v>94</v>
      </c>
      <c r="AF4158">
        <v>4820</v>
      </c>
      <c r="AG4158">
        <v>102694</v>
      </c>
      <c r="AH4158">
        <v>50000</v>
      </c>
      <c r="AI4158">
        <v>0</v>
      </c>
      <c r="AJ4158">
        <v>85</v>
      </c>
      <c r="AK4158" t="s">
        <v>7</v>
      </c>
      <c r="AL4158">
        <v>0</v>
      </c>
      <c r="AM4158">
        <v>0</v>
      </c>
      <c r="AN4158">
        <v>0</v>
      </c>
      <c r="AO4158">
        <v>0</v>
      </c>
      <c r="AP4158">
        <v>0</v>
      </c>
      <c r="AQ4158">
        <v>0</v>
      </c>
      <c r="AR4158">
        <v>0</v>
      </c>
      <c r="AS4158">
        <v>0</v>
      </c>
      <c r="AT4158">
        <v>0</v>
      </c>
      <c r="AU4158">
        <v>0</v>
      </c>
      <c r="AV4158">
        <v>0</v>
      </c>
      <c r="AW4158">
        <v>0</v>
      </c>
      <c r="AX4158">
        <v>440</v>
      </c>
      <c r="AY4158">
        <v>41</v>
      </c>
      <c r="AZ4158">
        <v>77</v>
      </c>
      <c r="BA4158">
        <v>5897</v>
      </c>
    </row>
    <row r="4159" spans="1:53" x14ac:dyDescent="0.4">
      <c r="A4159">
        <v>4203</v>
      </c>
      <c r="B4159" s="1">
        <v>44318</v>
      </c>
      <c r="C4159">
        <v>1</v>
      </c>
      <c r="D4159" s="1">
        <v>44318.291666666664</v>
      </c>
      <c r="E4159" s="1">
        <v>44318.386805555558</v>
      </c>
      <c r="F4159">
        <v>0</v>
      </c>
      <c r="G4159">
        <v>0</v>
      </c>
      <c r="H4159">
        <v>0</v>
      </c>
      <c r="I4159">
        <v>0</v>
      </c>
      <c r="J4159">
        <v>0</v>
      </c>
      <c r="K4159">
        <v>0</v>
      </c>
      <c r="L4159">
        <v>0</v>
      </c>
      <c r="M4159">
        <v>0</v>
      </c>
      <c r="N4159">
        <v>0</v>
      </c>
      <c r="O4159">
        <v>0</v>
      </c>
      <c r="P4159">
        <v>0</v>
      </c>
      <c r="Q4159">
        <v>0</v>
      </c>
      <c r="R4159">
        <v>0</v>
      </c>
      <c r="S4159">
        <v>0</v>
      </c>
      <c r="T4159">
        <v>0</v>
      </c>
      <c r="U4159">
        <v>0</v>
      </c>
      <c r="V4159">
        <v>0</v>
      </c>
      <c r="W4159">
        <v>0</v>
      </c>
      <c r="X4159">
        <v>0</v>
      </c>
      <c r="Y4159">
        <v>32</v>
      </c>
      <c r="Z4159">
        <v>10</v>
      </c>
      <c r="AA4159">
        <v>86</v>
      </c>
      <c r="AB4159">
        <v>54</v>
      </c>
      <c r="AC4159">
        <v>145</v>
      </c>
      <c r="AD4159">
        <v>34</v>
      </c>
      <c r="AE4159">
        <v>80</v>
      </c>
      <c r="AF4159">
        <v>0</v>
      </c>
      <c r="AG4159">
        <v>50000</v>
      </c>
      <c r="AH4159">
        <v>50000</v>
      </c>
      <c r="AI4159">
        <v>0</v>
      </c>
      <c r="AJ4159">
        <v>0</v>
      </c>
      <c r="AK4159" t="s">
        <v>6</v>
      </c>
      <c r="AL4159">
        <v>0</v>
      </c>
      <c r="AM4159">
        <v>0</v>
      </c>
      <c r="AN4159">
        <v>0</v>
      </c>
      <c r="AO4159">
        <v>0</v>
      </c>
      <c r="AP4159">
        <v>0</v>
      </c>
      <c r="AQ4159">
        <v>0</v>
      </c>
      <c r="AR4159">
        <v>0</v>
      </c>
      <c r="AS4159">
        <v>0</v>
      </c>
      <c r="AT4159">
        <v>0</v>
      </c>
      <c r="AU4159">
        <v>0</v>
      </c>
      <c r="AV4159">
        <v>0</v>
      </c>
      <c r="AW4159">
        <v>0</v>
      </c>
      <c r="AX4159">
        <v>0</v>
      </c>
      <c r="AY4159">
        <v>0</v>
      </c>
      <c r="AZ4159">
        <v>0</v>
      </c>
      <c r="BA4159">
        <v>0</v>
      </c>
    </row>
    <row r="4160" spans="1:53" x14ac:dyDescent="0.4">
      <c r="A4160">
        <v>4204</v>
      </c>
      <c r="B4160" s="1">
        <v>44318</v>
      </c>
      <c r="C4160">
        <v>2</v>
      </c>
      <c r="D4160" s="1">
        <v>44318.386805555558</v>
      </c>
      <c r="E4160" s="1">
        <v>44318.747916666667</v>
      </c>
      <c r="F4160">
        <v>33020</v>
      </c>
      <c r="G4160">
        <v>2728</v>
      </c>
      <c r="H4160">
        <v>0</v>
      </c>
      <c r="I4160">
        <v>0</v>
      </c>
      <c r="J4160">
        <v>200</v>
      </c>
      <c r="K4160">
        <v>0</v>
      </c>
      <c r="L4160">
        <v>0</v>
      </c>
      <c r="M4160">
        <v>3227</v>
      </c>
      <c r="N4160">
        <v>0</v>
      </c>
      <c r="O4160">
        <v>0</v>
      </c>
      <c r="P4160">
        <v>26900</v>
      </c>
      <c r="Q4160">
        <v>0</v>
      </c>
      <c r="R4160">
        <v>62448</v>
      </c>
      <c r="S4160">
        <v>0</v>
      </c>
      <c r="T4160">
        <v>0</v>
      </c>
      <c r="U4160">
        <v>0</v>
      </c>
      <c r="V4160">
        <v>1</v>
      </c>
      <c r="W4160">
        <v>2</v>
      </c>
      <c r="X4160">
        <v>0</v>
      </c>
      <c r="Y4160">
        <v>50</v>
      </c>
      <c r="Z4160">
        <v>29</v>
      </c>
      <c r="AA4160">
        <v>158</v>
      </c>
      <c r="AB4160">
        <v>63</v>
      </c>
      <c r="AC4160">
        <v>175</v>
      </c>
      <c r="AD4160">
        <v>34</v>
      </c>
      <c r="AE4160">
        <v>91</v>
      </c>
      <c r="AF4160">
        <v>6987</v>
      </c>
      <c r="AG4160">
        <v>112448</v>
      </c>
      <c r="AH4160">
        <v>50000</v>
      </c>
      <c r="AI4160">
        <v>0</v>
      </c>
      <c r="AJ4160">
        <v>85</v>
      </c>
      <c r="AK4160" t="s">
        <v>7</v>
      </c>
      <c r="AL4160">
        <v>0</v>
      </c>
      <c r="AM4160">
        <v>0</v>
      </c>
      <c r="AN4160">
        <v>0</v>
      </c>
      <c r="AO4160">
        <v>0</v>
      </c>
      <c r="AP4160">
        <v>0</v>
      </c>
      <c r="AQ4160">
        <v>0</v>
      </c>
      <c r="AR4160">
        <v>0</v>
      </c>
      <c r="AS4160">
        <v>0</v>
      </c>
      <c r="AT4160">
        <v>0</v>
      </c>
      <c r="AU4160">
        <v>0</v>
      </c>
      <c r="AV4160">
        <v>0</v>
      </c>
      <c r="AW4160">
        <v>0</v>
      </c>
      <c r="AX4160">
        <v>2150</v>
      </c>
      <c r="AY4160">
        <v>44</v>
      </c>
      <c r="AZ4160">
        <v>98</v>
      </c>
      <c r="BA4160">
        <v>6524</v>
      </c>
    </row>
    <row r="4161" spans="1:53" x14ac:dyDescent="0.4">
      <c r="A4161">
        <v>4205</v>
      </c>
      <c r="B4161" s="1">
        <v>44319</v>
      </c>
      <c r="C4161">
        <v>1</v>
      </c>
      <c r="D4161" s="1">
        <v>44319.291666666664</v>
      </c>
      <c r="E4161" s="1">
        <v>44319.396527777775</v>
      </c>
      <c r="F4161">
        <v>0</v>
      </c>
      <c r="G4161">
        <v>0</v>
      </c>
      <c r="H4161">
        <v>0</v>
      </c>
      <c r="I4161">
        <v>0</v>
      </c>
      <c r="J4161">
        <v>0</v>
      </c>
      <c r="K4161">
        <v>0</v>
      </c>
      <c r="L4161">
        <v>0</v>
      </c>
      <c r="M4161">
        <v>0</v>
      </c>
      <c r="N4161">
        <v>0</v>
      </c>
      <c r="O4161">
        <v>0</v>
      </c>
      <c r="P4161">
        <v>0</v>
      </c>
      <c r="Q4161">
        <v>0</v>
      </c>
      <c r="R4161">
        <v>0</v>
      </c>
      <c r="S4161">
        <v>0</v>
      </c>
      <c r="T4161">
        <v>0</v>
      </c>
      <c r="U4161">
        <v>0</v>
      </c>
      <c r="V4161">
        <v>0</v>
      </c>
      <c r="W4161">
        <v>0</v>
      </c>
      <c r="X4161">
        <v>0</v>
      </c>
      <c r="Y4161">
        <v>31</v>
      </c>
      <c r="Z4161">
        <v>8</v>
      </c>
      <c r="AA4161">
        <v>103</v>
      </c>
      <c r="AB4161">
        <v>65</v>
      </c>
      <c r="AC4161">
        <v>118</v>
      </c>
      <c r="AD4161">
        <v>37</v>
      </c>
      <c r="AE4161">
        <v>85</v>
      </c>
      <c r="AF4161">
        <v>0</v>
      </c>
      <c r="AG4161">
        <v>50000</v>
      </c>
      <c r="AH4161">
        <v>50000</v>
      </c>
      <c r="AI4161">
        <v>0</v>
      </c>
      <c r="AJ4161">
        <v>0</v>
      </c>
      <c r="AK4161" t="s">
        <v>6</v>
      </c>
      <c r="AL4161">
        <v>0</v>
      </c>
      <c r="AM4161">
        <v>0</v>
      </c>
      <c r="AN4161">
        <v>0</v>
      </c>
      <c r="AO4161">
        <v>0</v>
      </c>
      <c r="AP4161">
        <v>0</v>
      </c>
      <c r="AQ4161">
        <v>0</v>
      </c>
      <c r="AR4161">
        <v>0</v>
      </c>
      <c r="AS4161">
        <v>0</v>
      </c>
      <c r="AT4161">
        <v>0</v>
      </c>
      <c r="AU4161">
        <v>0</v>
      </c>
      <c r="AV4161">
        <v>0</v>
      </c>
      <c r="AW4161">
        <v>0</v>
      </c>
      <c r="AX4161">
        <v>0</v>
      </c>
      <c r="AY4161">
        <v>0</v>
      </c>
      <c r="AZ4161">
        <v>0</v>
      </c>
      <c r="BA4161">
        <v>0</v>
      </c>
    </row>
    <row r="4162" spans="1:53" x14ac:dyDescent="0.4">
      <c r="A4162">
        <v>4206</v>
      </c>
      <c r="B4162" s="1">
        <v>44319</v>
      </c>
      <c r="C4162">
        <v>2</v>
      </c>
      <c r="D4162" s="1">
        <v>44319.396527777775</v>
      </c>
      <c r="E4162" s="1">
        <v>44319.746527777781</v>
      </c>
      <c r="F4162">
        <v>36800</v>
      </c>
      <c r="G4162">
        <v>1034</v>
      </c>
      <c r="H4162">
        <v>0</v>
      </c>
      <c r="I4162">
        <v>0</v>
      </c>
      <c r="J4162">
        <v>0</v>
      </c>
      <c r="K4162">
        <v>0</v>
      </c>
      <c r="L4162">
        <v>0</v>
      </c>
      <c r="M4162">
        <v>3436</v>
      </c>
      <c r="N4162">
        <v>0</v>
      </c>
      <c r="O4162">
        <v>0</v>
      </c>
      <c r="P4162">
        <v>30510</v>
      </c>
      <c r="Q4162">
        <v>0</v>
      </c>
      <c r="R4162">
        <v>68344</v>
      </c>
      <c r="S4162">
        <v>0</v>
      </c>
      <c r="T4162">
        <v>0</v>
      </c>
      <c r="U4162">
        <v>0</v>
      </c>
      <c r="V4162">
        <v>3</v>
      </c>
      <c r="W4162">
        <v>1</v>
      </c>
      <c r="X4162">
        <v>0</v>
      </c>
      <c r="Y4162">
        <v>50</v>
      </c>
      <c r="Z4162">
        <v>24</v>
      </c>
      <c r="AA4162">
        <v>97</v>
      </c>
      <c r="AB4162">
        <v>75</v>
      </c>
      <c r="AC4162">
        <v>134</v>
      </c>
      <c r="AD4162">
        <v>38</v>
      </c>
      <c r="AE4162">
        <v>84</v>
      </c>
      <c r="AF4162">
        <v>6280</v>
      </c>
      <c r="AG4162">
        <v>118344</v>
      </c>
      <c r="AH4162">
        <v>50000</v>
      </c>
      <c r="AI4162">
        <v>0</v>
      </c>
      <c r="AJ4162">
        <v>84</v>
      </c>
      <c r="AK4162" t="s">
        <v>16</v>
      </c>
      <c r="AL4162">
        <v>0</v>
      </c>
      <c r="AM4162">
        <v>0</v>
      </c>
      <c r="AN4162">
        <v>0</v>
      </c>
      <c r="AO4162">
        <v>0</v>
      </c>
      <c r="AP4162">
        <v>0</v>
      </c>
      <c r="AQ4162">
        <v>0</v>
      </c>
      <c r="AR4162">
        <v>0</v>
      </c>
      <c r="AS4162">
        <v>0</v>
      </c>
      <c r="AT4162">
        <v>0</v>
      </c>
      <c r="AU4162">
        <v>0</v>
      </c>
      <c r="AV4162">
        <v>0</v>
      </c>
      <c r="AW4162">
        <v>0</v>
      </c>
      <c r="AX4162">
        <v>2090</v>
      </c>
      <c r="AY4162">
        <v>42</v>
      </c>
      <c r="AZ4162">
        <v>86</v>
      </c>
      <c r="BA4162">
        <v>6094</v>
      </c>
    </row>
    <row r="4163" spans="1:53" x14ac:dyDescent="0.4">
      <c r="A4163">
        <v>4207</v>
      </c>
      <c r="B4163" s="1">
        <v>44320</v>
      </c>
      <c r="C4163">
        <v>1</v>
      </c>
      <c r="D4163" s="1">
        <v>44320.291666666664</v>
      </c>
      <c r="E4163" s="1">
        <v>44320.398611111108</v>
      </c>
      <c r="F4163">
        <v>0</v>
      </c>
      <c r="G4163">
        <v>0</v>
      </c>
      <c r="H4163">
        <v>0</v>
      </c>
      <c r="I4163">
        <v>0</v>
      </c>
      <c r="J4163">
        <v>0</v>
      </c>
      <c r="K4163">
        <v>0</v>
      </c>
      <c r="L4163">
        <v>0</v>
      </c>
      <c r="M4163">
        <v>0</v>
      </c>
      <c r="N4163">
        <v>0</v>
      </c>
      <c r="O4163">
        <v>0</v>
      </c>
      <c r="P4163">
        <v>0</v>
      </c>
      <c r="Q4163">
        <v>0</v>
      </c>
      <c r="R4163">
        <v>0</v>
      </c>
      <c r="S4163">
        <v>0</v>
      </c>
      <c r="T4163">
        <v>0</v>
      </c>
      <c r="U4163">
        <v>0</v>
      </c>
      <c r="V4163">
        <v>0</v>
      </c>
      <c r="W4163">
        <v>0</v>
      </c>
      <c r="X4163">
        <v>0</v>
      </c>
      <c r="Y4163">
        <v>29</v>
      </c>
      <c r="Z4163">
        <v>9</v>
      </c>
      <c r="AA4163">
        <v>120</v>
      </c>
      <c r="AB4163">
        <v>64</v>
      </c>
      <c r="AC4163">
        <v>104</v>
      </c>
      <c r="AD4163">
        <v>36</v>
      </c>
      <c r="AE4163">
        <v>80</v>
      </c>
      <c r="AF4163">
        <v>0</v>
      </c>
      <c r="AG4163">
        <v>50000</v>
      </c>
      <c r="AH4163">
        <v>50000</v>
      </c>
      <c r="AI4163">
        <v>0</v>
      </c>
      <c r="AJ4163">
        <v>0</v>
      </c>
      <c r="AK4163" t="s">
        <v>6</v>
      </c>
      <c r="AL4163">
        <v>0</v>
      </c>
      <c r="AM4163">
        <v>0</v>
      </c>
      <c r="AN4163">
        <v>0</v>
      </c>
      <c r="AO4163">
        <v>0</v>
      </c>
      <c r="AP4163">
        <v>0</v>
      </c>
      <c r="AQ4163">
        <v>0</v>
      </c>
      <c r="AR4163">
        <v>0</v>
      </c>
      <c r="AS4163">
        <v>0</v>
      </c>
      <c r="AT4163">
        <v>0</v>
      </c>
      <c r="AU4163">
        <v>0</v>
      </c>
      <c r="AV4163">
        <v>0</v>
      </c>
      <c r="AW4163">
        <v>0</v>
      </c>
      <c r="AX4163">
        <v>0</v>
      </c>
      <c r="AY4163">
        <v>0</v>
      </c>
      <c r="AZ4163">
        <v>0</v>
      </c>
      <c r="BA4163">
        <v>0</v>
      </c>
    </row>
    <row r="4164" spans="1:53" x14ac:dyDescent="0.4">
      <c r="A4164">
        <v>4208</v>
      </c>
      <c r="B4164" s="1">
        <v>44320</v>
      </c>
      <c r="C4164">
        <v>2</v>
      </c>
      <c r="D4164" s="1">
        <v>44320.398611111108</v>
      </c>
      <c r="E4164" s="1">
        <v>44320.745138888888</v>
      </c>
      <c r="F4164">
        <v>37280</v>
      </c>
      <c r="G4164">
        <v>1188</v>
      </c>
      <c r="H4164">
        <v>0</v>
      </c>
      <c r="I4164">
        <v>0</v>
      </c>
      <c r="J4164">
        <v>0</v>
      </c>
      <c r="K4164">
        <v>1200</v>
      </c>
      <c r="L4164">
        <v>0</v>
      </c>
      <c r="M4164">
        <v>3603</v>
      </c>
      <c r="N4164">
        <v>0</v>
      </c>
      <c r="O4164">
        <v>0</v>
      </c>
      <c r="P4164">
        <v>17550</v>
      </c>
      <c r="Q4164">
        <v>0</v>
      </c>
      <c r="R4164">
        <v>57218</v>
      </c>
      <c r="S4164">
        <v>0</v>
      </c>
      <c r="T4164">
        <v>0</v>
      </c>
      <c r="U4164">
        <v>0</v>
      </c>
      <c r="V4164">
        <v>3</v>
      </c>
      <c r="W4164">
        <v>1</v>
      </c>
      <c r="X4164">
        <v>0</v>
      </c>
      <c r="Y4164">
        <v>50</v>
      </c>
      <c r="Z4164">
        <v>12</v>
      </c>
      <c r="AA4164">
        <v>72</v>
      </c>
      <c r="AB4164">
        <v>65</v>
      </c>
      <c r="AC4164">
        <v>129</v>
      </c>
      <c r="AD4164">
        <v>35</v>
      </c>
      <c r="AE4164">
        <v>79</v>
      </c>
      <c r="AF4164">
        <v>4224</v>
      </c>
      <c r="AG4164">
        <v>107218</v>
      </c>
      <c r="AH4164">
        <v>50000</v>
      </c>
      <c r="AI4164">
        <v>0</v>
      </c>
      <c r="AJ4164">
        <v>85</v>
      </c>
      <c r="AK4164" t="s">
        <v>7</v>
      </c>
      <c r="AL4164">
        <v>0</v>
      </c>
      <c r="AM4164">
        <v>0</v>
      </c>
      <c r="AN4164">
        <v>0</v>
      </c>
      <c r="AO4164">
        <v>0</v>
      </c>
      <c r="AP4164">
        <v>0</v>
      </c>
      <c r="AQ4164">
        <v>0</v>
      </c>
      <c r="AR4164">
        <v>0</v>
      </c>
      <c r="AS4164">
        <v>0</v>
      </c>
      <c r="AT4164">
        <v>0</v>
      </c>
      <c r="AU4164">
        <v>0</v>
      </c>
      <c r="AV4164">
        <v>0</v>
      </c>
      <c r="AW4164">
        <v>0</v>
      </c>
      <c r="AX4164">
        <v>-176</v>
      </c>
      <c r="AY4164">
        <v>43</v>
      </c>
      <c r="AZ4164">
        <v>88</v>
      </c>
      <c r="BA4164">
        <v>6165</v>
      </c>
    </row>
    <row r="4165" spans="1:53" x14ac:dyDescent="0.4">
      <c r="A4165">
        <v>4209</v>
      </c>
      <c r="B4165" s="1">
        <v>44323</v>
      </c>
      <c r="C4165">
        <v>1</v>
      </c>
      <c r="D4165" s="1">
        <v>44323.291666666664</v>
      </c>
      <c r="E4165" s="1">
        <v>44323.42083333333</v>
      </c>
      <c r="F4165">
        <v>0</v>
      </c>
      <c r="G4165">
        <v>0</v>
      </c>
      <c r="H4165">
        <v>0</v>
      </c>
      <c r="I4165">
        <v>0</v>
      </c>
      <c r="J4165">
        <v>0</v>
      </c>
      <c r="K4165">
        <v>0</v>
      </c>
      <c r="L4165">
        <v>0</v>
      </c>
      <c r="M4165">
        <v>0</v>
      </c>
      <c r="N4165">
        <v>0</v>
      </c>
      <c r="O4165">
        <v>0</v>
      </c>
      <c r="P4165">
        <v>0</v>
      </c>
      <c r="Q4165">
        <v>0</v>
      </c>
      <c r="R4165">
        <v>0</v>
      </c>
      <c r="S4165">
        <v>0</v>
      </c>
      <c r="T4165">
        <v>0</v>
      </c>
      <c r="U4165">
        <v>0</v>
      </c>
      <c r="V4165">
        <v>0</v>
      </c>
      <c r="W4165">
        <v>0</v>
      </c>
      <c r="X4165">
        <v>0</v>
      </c>
      <c r="Y4165">
        <v>32</v>
      </c>
      <c r="Z4165">
        <v>7</v>
      </c>
      <c r="AA4165">
        <v>100</v>
      </c>
      <c r="AB4165">
        <v>60</v>
      </c>
      <c r="AC4165">
        <v>127</v>
      </c>
      <c r="AD4165">
        <v>30</v>
      </c>
      <c r="AE4165">
        <v>80</v>
      </c>
      <c r="AF4165">
        <v>0</v>
      </c>
      <c r="AG4165">
        <v>50000</v>
      </c>
      <c r="AH4165">
        <v>50000</v>
      </c>
      <c r="AI4165">
        <v>0</v>
      </c>
      <c r="AJ4165">
        <v>0</v>
      </c>
      <c r="AK4165" t="s">
        <v>6</v>
      </c>
      <c r="AL4165">
        <v>0</v>
      </c>
      <c r="AM4165">
        <v>0</v>
      </c>
      <c r="AN4165">
        <v>0</v>
      </c>
      <c r="AO4165">
        <v>0</v>
      </c>
      <c r="AP4165">
        <v>0</v>
      </c>
      <c r="AQ4165">
        <v>0</v>
      </c>
      <c r="AR4165">
        <v>0</v>
      </c>
      <c r="AS4165">
        <v>0</v>
      </c>
      <c r="AT4165">
        <v>0</v>
      </c>
      <c r="AU4165">
        <v>0</v>
      </c>
      <c r="AV4165">
        <v>0</v>
      </c>
      <c r="AW4165">
        <v>0</v>
      </c>
      <c r="AX4165">
        <v>0</v>
      </c>
      <c r="AY4165">
        <v>0</v>
      </c>
      <c r="AZ4165">
        <v>0</v>
      </c>
      <c r="BA4165">
        <v>0</v>
      </c>
    </row>
    <row r="4166" spans="1:53" x14ac:dyDescent="0.4">
      <c r="A4166">
        <v>4210</v>
      </c>
      <c r="B4166" s="1">
        <v>44324</v>
      </c>
      <c r="C4166">
        <v>1</v>
      </c>
      <c r="D4166" s="1">
        <v>44324.291666666664</v>
      </c>
      <c r="E4166" s="1">
        <v>44324.39166666667</v>
      </c>
      <c r="F4166">
        <v>0</v>
      </c>
      <c r="G4166">
        <v>0</v>
      </c>
      <c r="H4166">
        <v>0</v>
      </c>
      <c r="I4166">
        <v>0</v>
      </c>
      <c r="J4166">
        <v>0</v>
      </c>
      <c r="K4166">
        <v>0</v>
      </c>
      <c r="L4166">
        <v>0</v>
      </c>
      <c r="M4166">
        <v>0</v>
      </c>
      <c r="N4166">
        <v>0</v>
      </c>
      <c r="O4166">
        <v>0</v>
      </c>
      <c r="P4166">
        <v>0</v>
      </c>
      <c r="Q4166">
        <v>0</v>
      </c>
      <c r="R4166">
        <v>0</v>
      </c>
      <c r="S4166">
        <v>0</v>
      </c>
      <c r="T4166">
        <v>0</v>
      </c>
      <c r="U4166">
        <v>0</v>
      </c>
      <c r="V4166">
        <v>0</v>
      </c>
      <c r="W4166">
        <v>0</v>
      </c>
      <c r="X4166">
        <v>0</v>
      </c>
      <c r="Y4166">
        <v>30</v>
      </c>
      <c r="Z4166">
        <v>10</v>
      </c>
      <c r="AA4166">
        <v>107</v>
      </c>
      <c r="AB4166">
        <v>56</v>
      </c>
      <c r="AC4166">
        <v>127</v>
      </c>
      <c r="AD4166">
        <v>31</v>
      </c>
      <c r="AE4166">
        <v>75</v>
      </c>
      <c r="AF4166">
        <v>0</v>
      </c>
      <c r="AG4166">
        <v>50000</v>
      </c>
      <c r="AH4166">
        <v>50000</v>
      </c>
      <c r="AI4166">
        <v>0</v>
      </c>
      <c r="AJ4166">
        <v>0</v>
      </c>
      <c r="AK4166" t="s">
        <v>6</v>
      </c>
      <c r="AL4166">
        <v>0</v>
      </c>
      <c r="AM4166">
        <v>0</v>
      </c>
      <c r="AN4166">
        <v>0</v>
      </c>
      <c r="AO4166">
        <v>0</v>
      </c>
      <c r="AP4166">
        <v>0</v>
      </c>
      <c r="AQ4166">
        <v>0</v>
      </c>
      <c r="AR4166">
        <v>0</v>
      </c>
      <c r="AS4166">
        <v>0</v>
      </c>
      <c r="AT4166">
        <v>0</v>
      </c>
      <c r="AU4166">
        <v>0</v>
      </c>
      <c r="AV4166">
        <v>0</v>
      </c>
      <c r="AW4166">
        <v>0</v>
      </c>
      <c r="AX4166">
        <v>0</v>
      </c>
      <c r="AY4166">
        <v>0</v>
      </c>
      <c r="AZ4166">
        <v>0</v>
      </c>
      <c r="BA4166">
        <v>0</v>
      </c>
    </row>
    <row r="4167" spans="1:53" x14ac:dyDescent="0.4">
      <c r="A4167">
        <v>4211</v>
      </c>
      <c r="B4167" s="1">
        <v>44324</v>
      </c>
      <c r="C4167">
        <v>2</v>
      </c>
      <c r="D4167" s="1">
        <v>44324.39166666667</v>
      </c>
      <c r="E4167" s="1">
        <v>44324.755555555559</v>
      </c>
      <c r="F4167">
        <v>31780</v>
      </c>
      <c r="G4167">
        <v>1188</v>
      </c>
      <c r="H4167">
        <v>0</v>
      </c>
      <c r="I4167">
        <v>0</v>
      </c>
      <c r="J4167">
        <v>0</v>
      </c>
      <c r="K4167">
        <v>400</v>
      </c>
      <c r="L4167">
        <v>0</v>
      </c>
      <c r="M4167">
        <v>3028</v>
      </c>
      <c r="N4167">
        <v>0</v>
      </c>
      <c r="O4167">
        <v>0</v>
      </c>
      <c r="P4167">
        <v>8430</v>
      </c>
      <c r="Q4167">
        <v>0</v>
      </c>
      <c r="R4167">
        <v>41798</v>
      </c>
      <c r="S4167">
        <v>0</v>
      </c>
      <c r="T4167">
        <v>0</v>
      </c>
      <c r="U4167">
        <v>0</v>
      </c>
      <c r="V4167">
        <v>2</v>
      </c>
      <c r="W4167">
        <v>1</v>
      </c>
      <c r="X4167">
        <v>0</v>
      </c>
      <c r="Y4167">
        <v>42</v>
      </c>
      <c r="Z4167">
        <v>21</v>
      </c>
      <c r="AA4167">
        <v>92</v>
      </c>
      <c r="AB4167">
        <v>56</v>
      </c>
      <c r="AC4167">
        <v>144</v>
      </c>
      <c r="AD4167">
        <v>31</v>
      </c>
      <c r="AE4167">
        <v>73</v>
      </c>
      <c r="AF4167">
        <v>630</v>
      </c>
      <c r="AG4167">
        <v>91798</v>
      </c>
      <c r="AH4167">
        <v>50000</v>
      </c>
      <c r="AI4167">
        <v>0</v>
      </c>
      <c r="AJ4167">
        <v>107</v>
      </c>
      <c r="AK4167" t="s">
        <v>40</v>
      </c>
      <c r="AL4167">
        <v>0</v>
      </c>
      <c r="AM4167">
        <v>0</v>
      </c>
      <c r="AN4167">
        <v>0</v>
      </c>
      <c r="AO4167">
        <v>0</v>
      </c>
      <c r="AP4167">
        <v>0</v>
      </c>
      <c r="AQ4167">
        <v>0</v>
      </c>
      <c r="AR4167">
        <v>0</v>
      </c>
      <c r="AS4167">
        <v>0</v>
      </c>
      <c r="AT4167">
        <v>0</v>
      </c>
      <c r="AU4167">
        <v>0</v>
      </c>
      <c r="AV4167">
        <v>0</v>
      </c>
      <c r="AW4167">
        <v>0</v>
      </c>
      <c r="AX4167">
        <v>0</v>
      </c>
      <c r="AY4167">
        <v>33</v>
      </c>
      <c r="AZ4167">
        <v>62</v>
      </c>
      <c r="BA4167">
        <v>5760</v>
      </c>
    </row>
    <row r="4168" spans="1:53" x14ac:dyDescent="0.4">
      <c r="A4168">
        <v>4212</v>
      </c>
      <c r="B4168" s="1">
        <v>44368</v>
      </c>
      <c r="C4168">
        <v>1</v>
      </c>
      <c r="D4168" s="1">
        <v>44368.291666666664</v>
      </c>
      <c r="E4168" s="1">
        <v>44368.793749999997</v>
      </c>
      <c r="F4168">
        <v>15480</v>
      </c>
      <c r="G4168">
        <v>0</v>
      </c>
      <c r="H4168">
        <v>0</v>
      </c>
      <c r="I4168">
        <v>0</v>
      </c>
      <c r="J4168">
        <v>0</v>
      </c>
      <c r="K4168">
        <v>0</v>
      </c>
      <c r="L4168">
        <v>0</v>
      </c>
      <c r="M4168">
        <v>1409</v>
      </c>
      <c r="N4168">
        <v>0</v>
      </c>
      <c r="O4168">
        <v>0</v>
      </c>
      <c r="P4168">
        <v>11730</v>
      </c>
      <c r="Q4168">
        <v>0</v>
      </c>
      <c r="R4168">
        <v>27210</v>
      </c>
      <c r="S4168">
        <v>0</v>
      </c>
      <c r="T4168">
        <v>0</v>
      </c>
      <c r="U4168">
        <v>0</v>
      </c>
      <c r="V4168">
        <v>2</v>
      </c>
      <c r="W4168">
        <v>0</v>
      </c>
      <c r="X4168">
        <v>0</v>
      </c>
      <c r="Y4168">
        <v>29</v>
      </c>
      <c r="Z4168">
        <v>21</v>
      </c>
      <c r="AA4168">
        <v>112</v>
      </c>
      <c r="AB4168">
        <v>52</v>
      </c>
      <c r="AC4168">
        <v>132</v>
      </c>
      <c r="AD4168">
        <v>76</v>
      </c>
      <c r="AE4168">
        <v>61</v>
      </c>
      <c r="AF4168">
        <v>2149</v>
      </c>
      <c r="AG4168">
        <v>77210</v>
      </c>
      <c r="AH4168">
        <v>50000</v>
      </c>
      <c r="AI4168">
        <v>0</v>
      </c>
      <c r="AJ4168">
        <v>70</v>
      </c>
      <c r="AK4168" t="s">
        <v>49</v>
      </c>
      <c r="AL4168">
        <v>0</v>
      </c>
      <c r="AM4168">
        <v>0</v>
      </c>
      <c r="AN4168">
        <v>0</v>
      </c>
      <c r="AO4168">
        <v>0</v>
      </c>
      <c r="AP4168">
        <v>0</v>
      </c>
      <c r="AQ4168">
        <v>0</v>
      </c>
      <c r="AR4168">
        <v>0</v>
      </c>
      <c r="AS4168">
        <v>0</v>
      </c>
      <c r="AT4168">
        <v>0</v>
      </c>
      <c r="AU4168">
        <v>0</v>
      </c>
      <c r="AV4168">
        <v>0</v>
      </c>
      <c r="AW4168">
        <v>0</v>
      </c>
      <c r="AX4168">
        <v>880</v>
      </c>
      <c r="AY4168">
        <v>30</v>
      </c>
      <c r="AZ4168">
        <v>45</v>
      </c>
      <c r="BA4168">
        <v>4548</v>
      </c>
    </row>
    <row r="4169" spans="1:53" x14ac:dyDescent="0.4">
      <c r="A4169">
        <v>4213</v>
      </c>
      <c r="B4169" s="1">
        <v>44369</v>
      </c>
      <c r="C4169">
        <v>1</v>
      </c>
      <c r="D4169" s="1">
        <v>44369.291666666664</v>
      </c>
      <c r="E4169" s="1">
        <v>44369.465277777781</v>
      </c>
      <c r="F4169">
        <v>0</v>
      </c>
      <c r="G4169">
        <v>0</v>
      </c>
      <c r="H4169">
        <v>0</v>
      </c>
      <c r="I4169">
        <v>0</v>
      </c>
      <c r="J4169">
        <v>0</v>
      </c>
      <c r="K4169">
        <v>0</v>
      </c>
      <c r="L4169">
        <v>0</v>
      </c>
      <c r="M4169">
        <v>0</v>
      </c>
      <c r="N4169">
        <v>0</v>
      </c>
      <c r="O4169">
        <v>0</v>
      </c>
      <c r="P4169">
        <v>0</v>
      </c>
      <c r="Q4169">
        <v>0</v>
      </c>
      <c r="R4169">
        <v>0</v>
      </c>
      <c r="S4169">
        <v>0</v>
      </c>
      <c r="T4169">
        <v>0</v>
      </c>
      <c r="U4169">
        <v>0</v>
      </c>
      <c r="V4169">
        <v>0</v>
      </c>
      <c r="W4169">
        <v>1</v>
      </c>
      <c r="X4169">
        <v>0</v>
      </c>
      <c r="Y4169">
        <v>25</v>
      </c>
      <c r="Z4169">
        <v>10</v>
      </c>
      <c r="AA4169">
        <v>109</v>
      </c>
      <c r="AB4169">
        <v>52</v>
      </c>
      <c r="AC4169">
        <v>107</v>
      </c>
      <c r="AD4169">
        <v>75</v>
      </c>
      <c r="AE4169">
        <v>55</v>
      </c>
      <c r="AF4169">
        <v>0</v>
      </c>
      <c r="AG4169">
        <v>50000</v>
      </c>
      <c r="AH4169">
        <v>50000</v>
      </c>
      <c r="AI4169">
        <v>0</v>
      </c>
      <c r="AJ4169">
        <v>0</v>
      </c>
      <c r="AK4169" t="s">
        <v>6</v>
      </c>
      <c r="AL4169">
        <v>0</v>
      </c>
      <c r="AM4169">
        <v>0</v>
      </c>
      <c r="AN4169">
        <v>0</v>
      </c>
      <c r="AO4169">
        <v>0</v>
      </c>
      <c r="AP4169">
        <v>0</v>
      </c>
      <c r="AQ4169">
        <v>0</v>
      </c>
      <c r="AR4169">
        <v>0</v>
      </c>
      <c r="AS4169">
        <v>0</v>
      </c>
      <c r="AT4169">
        <v>0</v>
      </c>
      <c r="AU4169">
        <v>0</v>
      </c>
      <c r="AV4169">
        <v>0</v>
      </c>
      <c r="AW4169">
        <v>0</v>
      </c>
      <c r="AX4169">
        <v>0</v>
      </c>
      <c r="AY4169">
        <v>0</v>
      </c>
      <c r="AZ4169">
        <v>0</v>
      </c>
      <c r="BA4169">
        <v>0</v>
      </c>
    </row>
    <row r="4170" spans="1:53" x14ac:dyDescent="0.4">
      <c r="A4170">
        <v>4214</v>
      </c>
      <c r="B4170" s="1">
        <v>44369</v>
      </c>
      <c r="C4170">
        <v>2</v>
      </c>
      <c r="D4170" s="1">
        <v>44369.465277777781</v>
      </c>
      <c r="E4170" s="1">
        <v>44369.754166666666</v>
      </c>
      <c r="F4170">
        <v>12700</v>
      </c>
      <c r="G4170">
        <v>1496</v>
      </c>
      <c r="H4170">
        <v>0</v>
      </c>
      <c r="I4170">
        <v>0</v>
      </c>
      <c r="J4170">
        <v>200</v>
      </c>
      <c r="K4170">
        <v>0</v>
      </c>
      <c r="L4170">
        <v>0</v>
      </c>
      <c r="M4170">
        <v>1272</v>
      </c>
      <c r="N4170">
        <v>0</v>
      </c>
      <c r="O4170">
        <v>0</v>
      </c>
      <c r="P4170">
        <v>4290</v>
      </c>
      <c r="Q4170">
        <v>0</v>
      </c>
      <c r="R4170">
        <v>18286</v>
      </c>
      <c r="S4170">
        <v>0</v>
      </c>
      <c r="T4170">
        <v>0</v>
      </c>
      <c r="U4170">
        <v>0</v>
      </c>
      <c r="V4170">
        <v>1</v>
      </c>
      <c r="W4170">
        <v>1</v>
      </c>
      <c r="X4170">
        <v>0</v>
      </c>
      <c r="Y4170">
        <v>32</v>
      </c>
      <c r="Z4170">
        <v>16</v>
      </c>
      <c r="AA4170">
        <v>91</v>
      </c>
      <c r="AB4170">
        <v>54</v>
      </c>
      <c r="AC4170">
        <v>106</v>
      </c>
      <c r="AD4170">
        <v>75</v>
      </c>
      <c r="AE4170">
        <v>51</v>
      </c>
      <c r="AF4170">
        <v>0</v>
      </c>
      <c r="AG4170">
        <v>68286</v>
      </c>
      <c r="AH4170">
        <v>50000</v>
      </c>
      <c r="AI4170">
        <v>0</v>
      </c>
      <c r="AJ4170">
        <v>70</v>
      </c>
      <c r="AK4170" t="s">
        <v>49</v>
      </c>
      <c r="AL4170">
        <v>0</v>
      </c>
      <c r="AM4170">
        <v>0</v>
      </c>
      <c r="AN4170">
        <v>0</v>
      </c>
      <c r="AO4170">
        <v>0</v>
      </c>
      <c r="AP4170">
        <v>0</v>
      </c>
      <c r="AQ4170">
        <v>0</v>
      </c>
      <c r="AR4170">
        <v>0</v>
      </c>
      <c r="AS4170">
        <v>0</v>
      </c>
      <c r="AT4170">
        <v>0</v>
      </c>
      <c r="AU4170">
        <v>0</v>
      </c>
      <c r="AV4170">
        <v>0</v>
      </c>
      <c r="AW4170">
        <v>0</v>
      </c>
      <c r="AX4170">
        <v>440</v>
      </c>
      <c r="AY4170">
        <v>20</v>
      </c>
      <c r="AZ4170">
        <v>28</v>
      </c>
      <c r="BA4170">
        <v>3182</v>
      </c>
    </row>
    <row r="4171" spans="1:53" x14ac:dyDescent="0.4">
      <c r="A4171">
        <v>4215</v>
      </c>
      <c r="B4171" s="1">
        <v>44370</v>
      </c>
      <c r="C4171">
        <v>1</v>
      </c>
      <c r="D4171" s="1">
        <v>44370.291666666664</v>
      </c>
      <c r="E4171" s="1">
        <v>44370.448611111111</v>
      </c>
      <c r="F4171">
        <v>0</v>
      </c>
      <c r="G4171">
        <v>0</v>
      </c>
      <c r="H4171">
        <v>0</v>
      </c>
      <c r="I4171">
        <v>0</v>
      </c>
      <c r="J4171">
        <v>0</v>
      </c>
      <c r="K4171">
        <v>0</v>
      </c>
      <c r="L4171">
        <v>0</v>
      </c>
      <c r="M4171">
        <v>0</v>
      </c>
      <c r="N4171">
        <v>0</v>
      </c>
      <c r="O4171">
        <v>0</v>
      </c>
      <c r="P4171">
        <v>0</v>
      </c>
      <c r="Q4171">
        <v>0</v>
      </c>
      <c r="R4171">
        <v>0</v>
      </c>
      <c r="S4171">
        <v>0</v>
      </c>
      <c r="T4171">
        <v>0</v>
      </c>
      <c r="U4171">
        <v>0</v>
      </c>
      <c r="V4171">
        <v>0</v>
      </c>
      <c r="W4171">
        <v>1</v>
      </c>
      <c r="X4171">
        <v>0</v>
      </c>
      <c r="Y4171">
        <v>24</v>
      </c>
      <c r="Z4171">
        <v>16</v>
      </c>
      <c r="AA4171">
        <v>91</v>
      </c>
      <c r="AB4171">
        <v>50</v>
      </c>
      <c r="AC4171">
        <v>98</v>
      </c>
      <c r="AD4171">
        <v>73</v>
      </c>
      <c r="AE4171">
        <v>55</v>
      </c>
      <c r="AF4171">
        <v>0</v>
      </c>
      <c r="AG4171">
        <v>50000</v>
      </c>
      <c r="AH4171">
        <v>50000</v>
      </c>
      <c r="AI4171">
        <v>0</v>
      </c>
      <c r="AJ4171">
        <v>0</v>
      </c>
      <c r="AK4171" t="s">
        <v>6</v>
      </c>
      <c r="AL4171">
        <v>0</v>
      </c>
      <c r="AM4171">
        <v>0</v>
      </c>
      <c r="AN4171">
        <v>0</v>
      </c>
      <c r="AO4171">
        <v>0</v>
      </c>
      <c r="AP4171">
        <v>0</v>
      </c>
      <c r="AQ4171">
        <v>0</v>
      </c>
      <c r="AR4171">
        <v>0</v>
      </c>
      <c r="AS4171">
        <v>0</v>
      </c>
      <c r="AT4171">
        <v>0</v>
      </c>
      <c r="AU4171">
        <v>0</v>
      </c>
      <c r="AV4171">
        <v>0</v>
      </c>
      <c r="AW4171">
        <v>0</v>
      </c>
      <c r="AX4171">
        <v>0</v>
      </c>
      <c r="AY4171">
        <v>0</v>
      </c>
      <c r="AZ4171">
        <v>0</v>
      </c>
      <c r="BA4171">
        <v>0</v>
      </c>
    </row>
    <row r="4172" spans="1:53" x14ac:dyDescent="0.4">
      <c r="A4172">
        <v>4216</v>
      </c>
      <c r="B4172" s="1">
        <v>44370</v>
      </c>
      <c r="C4172">
        <v>2</v>
      </c>
      <c r="D4172" s="1">
        <v>44370.448611111111</v>
      </c>
      <c r="E4172" s="1">
        <v>44370.756944444445</v>
      </c>
      <c r="F4172">
        <v>19360</v>
      </c>
      <c r="G4172">
        <v>1650</v>
      </c>
      <c r="H4172">
        <v>0</v>
      </c>
      <c r="I4172">
        <v>0</v>
      </c>
      <c r="J4172">
        <v>0</v>
      </c>
      <c r="K4172">
        <v>0</v>
      </c>
      <c r="L4172">
        <v>0</v>
      </c>
      <c r="M4172">
        <v>1912</v>
      </c>
      <c r="N4172">
        <v>0</v>
      </c>
      <c r="O4172">
        <v>0</v>
      </c>
      <c r="P4172">
        <v>6920</v>
      </c>
      <c r="Q4172">
        <v>0</v>
      </c>
      <c r="R4172">
        <v>27930</v>
      </c>
      <c r="S4172">
        <v>0</v>
      </c>
      <c r="T4172">
        <v>0</v>
      </c>
      <c r="U4172">
        <v>0</v>
      </c>
      <c r="V4172">
        <v>2</v>
      </c>
      <c r="W4172">
        <v>1</v>
      </c>
      <c r="X4172">
        <v>0</v>
      </c>
      <c r="Y4172">
        <v>31</v>
      </c>
      <c r="Z4172">
        <v>17</v>
      </c>
      <c r="AA4172">
        <v>62</v>
      </c>
      <c r="AB4172">
        <v>47</v>
      </c>
      <c r="AC4172">
        <v>105</v>
      </c>
      <c r="AD4172">
        <v>71</v>
      </c>
      <c r="AE4172">
        <v>48</v>
      </c>
      <c r="AF4172">
        <v>3427</v>
      </c>
      <c r="AG4172">
        <v>77930</v>
      </c>
      <c r="AH4172">
        <v>50000</v>
      </c>
      <c r="AI4172">
        <v>0</v>
      </c>
      <c r="AJ4172">
        <v>70</v>
      </c>
      <c r="AK4172" t="s">
        <v>49</v>
      </c>
      <c r="AL4172">
        <v>0</v>
      </c>
      <c r="AM4172">
        <v>0</v>
      </c>
      <c r="AN4172">
        <v>0</v>
      </c>
      <c r="AO4172">
        <v>0</v>
      </c>
      <c r="AP4172">
        <v>0</v>
      </c>
      <c r="AQ4172">
        <v>0</v>
      </c>
      <c r="AR4172">
        <v>0</v>
      </c>
      <c r="AS4172">
        <v>0</v>
      </c>
      <c r="AT4172">
        <v>0</v>
      </c>
      <c r="AU4172">
        <v>0</v>
      </c>
      <c r="AV4172">
        <v>0</v>
      </c>
      <c r="AW4172">
        <v>0</v>
      </c>
      <c r="AX4172">
        <v>-292</v>
      </c>
      <c r="AY4172">
        <v>25</v>
      </c>
      <c r="AZ4172">
        <v>43</v>
      </c>
      <c r="BA4172">
        <v>3510</v>
      </c>
    </row>
    <row r="4173" spans="1:53" x14ac:dyDescent="0.4">
      <c r="A4173">
        <v>4217</v>
      </c>
      <c r="B4173" s="1">
        <v>44371</v>
      </c>
      <c r="C4173">
        <v>1</v>
      </c>
      <c r="D4173" s="1">
        <v>44371.291666666664</v>
      </c>
      <c r="E4173" s="1">
        <v>44371.442361111112</v>
      </c>
      <c r="F4173">
        <v>0</v>
      </c>
      <c r="G4173">
        <v>0</v>
      </c>
      <c r="H4173">
        <v>0</v>
      </c>
      <c r="I4173">
        <v>0</v>
      </c>
      <c r="J4173">
        <v>0</v>
      </c>
      <c r="K4173">
        <v>0</v>
      </c>
      <c r="L4173">
        <v>0</v>
      </c>
      <c r="M4173">
        <v>0</v>
      </c>
      <c r="N4173">
        <v>0</v>
      </c>
      <c r="O4173">
        <v>0</v>
      </c>
      <c r="P4173">
        <v>0</v>
      </c>
      <c r="Q4173">
        <v>0</v>
      </c>
      <c r="R4173">
        <v>0</v>
      </c>
      <c r="S4173">
        <v>0</v>
      </c>
      <c r="T4173">
        <v>0</v>
      </c>
      <c r="U4173">
        <v>0</v>
      </c>
      <c r="V4173">
        <v>0</v>
      </c>
      <c r="W4173">
        <v>1</v>
      </c>
      <c r="X4173">
        <v>0</v>
      </c>
      <c r="Y4173">
        <v>27</v>
      </c>
      <c r="Z4173">
        <v>18</v>
      </c>
      <c r="AA4173">
        <v>52</v>
      </c>
      <c r="AB4173">
        <v>48</v>
      </c>
      <c r="AC4173">
        <v>100</v>
      </c>
      <c r="AD4173">
        <v>71</v>
      </c>
      <c r="AE4173">
        <v>45</v>
      </c>
      <c r="AF4173">
        <v>0</v>
      </c>
      <c r="AG4173">
        <v>50000</v>
      </c>
      <c r="AH4173">
        <v>50000</v>
      </c>
      <c r="AI4173">
        <v>0</v>
      </c>
      <c r="AJ4173">
        <v>0</v>
      </c>
      <c r="AK4173" t="s">
        <v>6</v>
      </c>
      <c r="AL4173">
        <v>0</v>
      </c>
      <c r="AM4173">
        <v>0</v>
      </c>
      <c r="AN4173">
        <v>0</v>
      </c>
      <c r="AO4173">
        <v>0</v>
      </c>
      <c r="AP4173">
        <v>0</v>
      </c>
      <c r="AQ4173">
        <v>0</v>
      </c>
      <c r="AR4173">
        <v>0</v>
      </c>
      <c r="AS4173">
        <v>0</v>
      </c>
      <c r="AT4173">
        <v>0</v>
      </c>
      <c r="AU4173">
        <v>0</v>
      </c>
      <c r="AV4173">
        <v>0</v>
      </c>
      <c r="AW4173">
        <v>0</v>
      </c>
      <c r="AX4173">
        <v>0</v>
      </c>
      <c r="AY4173">
        <v>0</v>
      </c>
      <c r="AZ4173">
        <v>0</v>
      </c>
      <c r="BA4173">
        <v>0</v>
      </c>
    </row>
    <row r="4174" spans="1:53" x14ac:dyDescent="0.4">
      <c r="A4174">
        <v>4218</v>
      </c>
      <c r="B4174" s="1">
        <v>44371</v>
      </c>
      <c r="C4174">
        <v>2</v>
      </c>
      <c r="D4174" s="1">
        <v>44371.442361111112</v>
      </c>
      <c r="E4174" s="1">
        <v>44371.76458333333</v>
      </c>
      <c r="F4174">
        <v>18080</v>
      </c>
      <c r="G4174">
        <v>858</v>
      </c>
      <c r="H4174">
        <v>0</v>
      </c>
      <c r="I4174">
        <v>0</v>
      </c>
      <c r="J4174">
        <v>0</v>
      </c>
      <c r="K4174">
        <v>0</v>
      </c>
      <c r="L4174">
        <v>0</v>
      </c>
      <c r="M4174">
        <v>1724</v>
      </c>
      <c r="N4174">
        <v>0</v>
      </c>
      <c r="O4174">
        <v>0</v>
      </c>
      <c r="P4174">
        <v>4500</v>
      </c>
      <c r="Q4174">
        <v>0</v>
      </c>
      <c r="R4174">
        <v>23438</v>
      </c>
      <c r="S4174">
        <v>0</v>
      </c>
      <c r="T4174">
        <v>0</v>
      </c>
      <c r="U4174">
        <v>0</v>
      </c>
      <c r="V4174">
        <v>1</v>
      </c>
      <c r="W4174">
        <v>1</v>
      </c>
      <c r="X4174">
        <v>0</v>
      </c>
      <c r="Y4174">
        <v>26</v>
      </c>
      <c r="Z4174">
        <v>23</v>
      </c>
      <c r="AA4174">
        <v>116</v>
      </c>
      <c r="AB4174">
        <v>106</v>
      </c>
      <c r="AC4174">
        <v>103</v>
      </c>
      <c r="AD4174">
        <v>71</v>
      </c>
      <c r="AE4174">
        <v>45</v>
      </c>
      <c r="AF4174">
        <v>2608</v>
      </c>
      <c r="AG4174">
        <v>73438</v>
      </c>
      <c r="AH4174">
        <v>50000</v>
      </c>
      <c r="AI4174">
        <v>0</v>
      </c>
      <c r="AJ4174">
        <v>70</v>
      </c>
      <c r="AK4174" t="s">
        <v>49</v>
      </c>
      <c r="AL4174">
        <v>0</v>
      </c>
      <c r="AM4174">
        <v>0</v>
      </c>
      <c r="AN4174">
        <v>0</v>
      </c>
      <c r="AO4174">
        <v>0</v>
      </c>
      <c r="AP4174">
        <v>0</v>
      </c>
      <c r="AQ4174">
        <v>0</v>
      </c>
      <c r="AR4174">
        <v>0</v>
      </c>
      <c r="AS4174">
        <v>0</v>
      </c>
      <c r="AT4174">
        <v>0</v>
      </c>
      <c r="AU4174">
        <v>0</v>
      </c>
      <c r="AV4174">
        <v>0</v>
      </c>
      <c r="AW4174">
        <v>0</v>
      </c>
      <c r="AX4174">
        <v>616</v>
      </c>
      <c r="AY4174">
        <v>20</v>
      </c>
      <c r="AZ4174">
        <v>36</v>
      </c>
      <c r="BA4174">
        <v>3384</v>
      </c>
    </row>
    <row r="4175" spans="1:53" x14ac:dyDescent="0.4">
      <c r="A4175">
        <v>4219</v>
      </c>
      <c r="B4175" s="1">
        <v>44372</v>
      </c>
      <c r="C4175">
        <v>1</v>
      </c>
      <c r="D4175" s="1">
        <v>44372.291666666664</v>
      </c>
      <c r="E4175" s="1">
        <v>44372.441666666666</v>
      </c>
      <c r="F4175">
        <v>0</v>
      </c>
      <c r="G4175">
        <v>0</v>
      </c>
      <c r="H4175">
        <v>0</v>
      </c>
      <c r="I4175">
        <v>0</v>
      </c>
      <c r="J4175">
        <v>0</v>
      </c>
      <c r="K4175">
        <v>0</v>
      </c>
      <c r="L4175">
        <v>0</v>
      </c>
      <c r="M4175">
        <v>0</v>
      </c>
      <c r="N4175">
        <v>0</v>
      </c>
      <c r="O4175">
        <v>0</v>
      </c>
      <c r="P4175">
        <v>0</v>
      </c>
      <c r="Q4175">
        <v>0</v>
      </c>
      <c r="R4175">
        <v>0</v>
      </c>
      <c r="S4175">
        <v>0</v>
      </c>
      <c r="T4175">
        <v>0</v>
      </c>
      <c r="U4175">
        <v>0</v>
      </c>
      <c r="V4175">
        <v>0</v>
      </c>
      <c r="W4175">
        <v>1</v>
      </c>
      <c r="X4175">
        <v>0</v>
      </c>
      <c r="Y4175">
        <v>21</v>
      </c>
      <c r="Z4175">
        <v>14</v>
      </c>
      <c r="AA4175">
        <v>104</v>
      </c>
      <c r="AB4175">
        <v>105</v>
      </c>
      <c r="AC4175">
        <v>95</v>
      </c>
      <c r="AD4175">
        <v>71</v>
      </c>
      <c r="AE4175">
        <v>45</v>
      </c>
      <c r="AF4175">
        <v>0</v>
      </c>
      <c r="AG4175">
        <v>50000</v>
      </c>
      <c r="AH4175">
        <v>50000</v>
      </c>
      <c r="AI4175">
        <v>0</v>
      </c>
      <c r="AJ4175">
        <v>0</v>
      </c>
      <c r="AK4175" t="s">
        <v>6</v>
      </c>
      <c r="AL4175">
        <v>0</v>
      </c>
      <c r="AM4175">
        <v>0</v>
      </c>
      <c r="AN4175">
        <v>0</v>
      </c>
      <c r="AO4175">
        <v>0</v>
      </c>
      <c r="AP4175">
        <v>0</v>
      </c>
      <c r="AQ4175">
        <v>0</v>
      </c>
      <c r="AR4175">
        <v>0</v>
      </c>
      <c r="AS4175">
        <v>0</v>
      </c>
      <c r="AT4175">
        <v>0</v>
      </c>
      <c r="AU4175">
        <v>0</v>
      </c>
      <c r="AV4175">
        <v>0</v>
      </c>
      <c r="AW4175">
        <v>0</v>
      </c>
      <c r="AX4175">
        <v>0</v>
      </c>
      <c r="AY4175">
        <v>0</v>
      </c>
      <c r="AZ4175">
        <v>0</v>
      </c>
      <c r="BA4175">
        <v>0</v>
      </c>
    </row>
    <row r="4176" spans="1:53" x14ac:dyDescent="0.4">
      <c r="A4176">
        <v>4220</v>
      </c>
      <c r="B4176" s="1">
        <v>44372</v>
      </c>
      <c r="C4176">
        <v>2</v>
      </c>
      <c r="D4176" s="1">
        <v>44372.441666666666</v>
      </c>
      <c r="E4176" s="1">
        <v>44373.004166666666</v>
      </c>
      <c r="F4176">
        <v>107655</v>
      </c>
      <c r="G4176">
        <v>2277</v>
      </c>
      <c r="H4176">
        <v>0</v>
      </c>
      <c r="I4176">
        <v>0</v>
      </c>
      <c r="J4176">
        <v>0</v>
      </c>
      <c r="K4176">
        <v>0</v>
      </c>
      <c r="L4176">
        <v>0</v>
      </c>
      <c r="M4176">
        <v>9992</v>
      </c>
      <c r="N4176">
        <v>0</v>
      </c>
      <c r="O4176">
        <v>0</v>
      </c>
      <c r="P4176">
        <v>7400</v>
      </c>
      <c r="Q4176">
        <v>0</v>
      </c>
      <c r="R4176">
        <v>117332</v>
      </c>
      <c r="S4176">
        <v>0</v>
      </c>
      <c r="T4176">
        <v>0</v>
      </c>
      <c r="U4176">
        <v>0</v>
      </c>
      <c r="V4176">
        <v>3</v>
      </c>
      <c r="W4176">
        <v>1</v>
      </c>
      <c r="X4176">
        <v>0</v>
      </c>
      <c r="Y4176">
        <v>58</v>
      </c>
      <c r="Z4176">
        <v>31</v>
      </c>
      <c r="AA4176">
        <v>124</v>
      </c>
      <c r="AB4176">
        <v>101</v>
      </c>
      <c r="AC4176">
        <v>89</v>
      </c>
      <c r="AD4176">
        <v>68</v>
      </c>
      <c r="AE4176">
        <v>41</v>
      </c>
      <c r="AF4176">
        <v>40111</v>
      </c>
      <c r="AG4176">
        <v>167332</v>
      </c>
      <c r="AH4176">
        <v>50000</v>
      </c>
      <c r="AI4176">
        <v>0</v>
      </c>
      <c r="AJ4176">
        <v>95</v>
      </c>
      <c r="AK4176" t="s">
        <v>21</v>
      </c>
      <c r="AL4176">
        <v>0</v>
      </c>
      <c r="AM4176">
        <v>0</v>
      </c>
      <c r="AN4176">
        <v>0</v>
      </c>
      <c r="AO4176">
        <v>0</v>
      </c>
      <c r="AP4176">
        <v>0</v>
      </c>
      <c r="AQ4176">
        <v>0</v>
      </c>
      <c r="AR4176">
        <v>0</v>
      </c>
      <c r="AS4176">
        <v>0</v>
      </c>
      <c r="AT4176">
        <v>0</v>
      </c>
      <c r="AU4176">
        <v>0</v>
      </c>
      <c r="AV4176">
        <v>0</v>
      </c>
      <c r="AW4176">
        <v>0</v>
      </c>
      <c r="AX4176">
        <v>1395</v>
      </c>
      <c r="AY4176">
        <v>51</v>
      </c>
      <c r="AZ4176">
        <v>115</v>
      </c>
      <c r="BA4176">
        <v>7869</v>
      </c>
    </row>
    <row r="4177" spans="1:53" x14ac:dyDescent="0.4">
      <c r="A4177">
        <v>4221</v>
      </c>
      <c r="B4177" s="1">
        <v>44373</v>
      </c>
      <c r="C4177">
        <v>1</v>
      </c>
      <c r="D4177" s="1">
        <v>44373.291666666664</v>
      </c>
      <c r="E4177" s="1">
        <v>44373.400694444441</v>
      </c>
      <c r="F4177">
        <v>0</v>
      </c>
      <c r="G4177">
        <v>0</v>
      </c>
      <c r="H4177">
        <v>0</v>
      </c>
      <c r="I4177">
        <v>0</v>
      </c>
      <c r="J4177">
        <v>0</v>
      </c>
      <c r="K4177">
        <v>0</v>
      </c>
      <c r="L4177">
        <v>0</v>
      </c>
      <c r="M4177">
        <v>0</v>
      </c>
      <c r="N4177">
        <v>0</v>
      </c>
      <c r="O4177">
        <v>0</v>
      </c>
      <c r="P4177">
        <v>0</v>
      </c>
      <c r="Q4177">
        <v>0</v>
      </c>
      <c r="R4177">
        <v>0</v>
      </c>
      <c r="S4177">
        <v>0</v>
      </c>
      <c r="T4177">
        <v>0</v>
      </c>
      <c r="U4177">
        <v>0</v>
      </c>
      <c r="V4177">
        <v>0</v>
      </c>
      <c r="W4177">
        <v>0</v>
      </c>
      <c r="X4177">
        <v>0</v>
      </c>
      <c r="Y4177">
        <v>25</v>
      </c>
      <c r="Z4177">
        <v>11</v>
      </c>
      <c r="AA4177">
        <v>132</v>
      </c>
      <c r="AB4177">
        <v>101</v>
      </c>
      <c r="AC4177">
        <v>87</v>
      </c>
      <c r="AD4177">
        <v>68</v>
      </c>
      <c r="AE4177">
        <v>40</v>
      </c>
      <c r="AF4177">
        <v>0</v>
      </c>
      <c r="AG4177">
        <v>50000</v>
      </c>
      <c r="AH4177">
        <v>50000</v>
      </c>
      <c r="AI4177">
        <v>0</v>
      </c>
      <c r="AJ4177">
        <v>0</v>
      </c>
      <c r="AK4177" t="s">
        <v>6</v>
      </c>
      <c r="AL4177">
        <v>0</v>
      </c>
      <c r="AM4177">
        <v>0</v>
      </c>
      <c r="AN4177">
        <v>0</v>
      </c>
      <c r="AO4177">
        <v>0</v>
      </c>
      <c r="AP4177">
        <v>0</v>
      </c>
      <c r="AQ4177">
        <v>0</v>
      </c>
      <c r="AR4177">
        <v>0</v>
      </c>
      <c r="AS4177">
        <v>0</v>
      </c>
      <c r="AT4177">
        <v>0</v>
      </c>
      <c r="AU4177">
        <v>0</v>
      </c>
      <c r="AV4177">
        <v>0</v>
      </c>
      <c r="AW4177">
        <v>0</v>
      </c>
      <c r="AX4177">
        <v>0</v>
      </c>
      <c r="AY4177">
        <v>0</v>
      </c>
      <c r="AZ4177">
        <v>0</v>
      </c>
      <c r="BA4177">
        <v>0</v>
      </c>
    </row>
    <row r="4178" spans="1:53" x14ac:dyDescent="0.4">
      <c r="A4178">
        <v>4222</v>
      </c>
      <c r="B4178" s="1">
        <v>44373</v>
      </c>
      <c r="C4178">
        <v>2</v>
      </c>
      <c r="D4178" s="1">
        <v>44373.400694444441</v>
      </c>
      <c r="E4178" s="1">
        <v>44373.772916666669</v>
      </c>
      <c r="F4178">
        <v>39800</v>
      </c>
      <c r="G4178">
        <v>1628</v>
      </c>
      <c r="H4178">
        <v>0</v>
      </c>
      <c r="I4178">
        <v>0</v>
      </c>
      <c r="J4178">
        <v>0</v>
      </c>
      <c r="K4178">
        <v>0</v>
      </c>
      <c r="L4178">
        <v>0</v>
      </c>
      <c r="M4178">
        <v>3766</v>
      </c>
      <c r="N4178">
        <v>0</v>
      </c>
      <c r="O4178">
        <v>0</v>
      </c>
      <c r="P4178">
        <v>16320</v>
      </c>
      <c r="Q4178">
        <v>0</v>
      </c>
      <c r="R4178">
        <v>57748</v>
      </c>
      <c r="S4178">
        <v>0</v>
      </c>
      <c r="T4178">
        <v>0</v>
      </c>
      <c r="U4178">
        <v>0</v>
      </c>
      <c r="V4178">
        <v>4</v>
      </c>
      <c r="W4178">
        <v>3</v>
      </c>
      <c r="X4178">
        <v>0</v>
      </c>
      <c r="Y4178">
        <v>26</v>
      </c>
      <c r="Z4178">
        <v>15</v>
      </c>
      <c r="AA4178">
        <v>109</v>
      </c>
      <c r="AB4178">
        <v>105</v>
      </c>
      <c r="AC4178">
        <v>99</v>
      </c>
      <c r="AD4178">
        <v>67</v>
      </c>
      <c r="AE4178">
        <v>43</v>
      </c>
      <c r="AF4178">
        <v>1730</v>
      </c>
      <c r="AG4178">
        <v>107748</v>
      </c>
      <c r="AH4178">
        <v>50000</v>
      </c>
      <c r="AI4178">
        <v>0</v>
      </c>
      <c r="AJ4178">
        <v>70</v>
      </c>
      <c r="AK4178" t="s">
        <v>49</v>
      </c>
      <c r="AL4178">
        <v>0</v>
      </c>
      <c r="AM4178">
        <v>0</v>
      </c>
      <c r="AN4178">
        <v>0</v>
      </c>
      <c r="AO4178">
        <v>0</v>
      </c>
      <c r="AP4178">
        <v>0</v>
      </c>
      <c r="AQ4178">
        <v>0</v>
      </c>
      <c r="AR4178">
        <v>0</v>
      </c>
      <c r="AS4178">
        <v>0</v>
      </c>
      <c r="AT4178">
        <v>0</v>
      </c>
      <c r="AU4178">
        <v>0</v>
      </c>
      <c r="AV4178">
        <v>0</v>
      </c>
      <c r="AW4178">
        <v>0</v>
      </c>
      <c r="AX4178">
        <v>2300</v>
      </c>
      <c r="AY4178">
        <v>44</v>
      </c>
      <c r="AZ4178">
        <v>94</v>
      </c>
      <c r="BA4178">
        <v>7418</v>
      </c>
    </row>
    <row r="4179" spans="1:53" x14ac:dyDescent="0.4">
      <c r="A4179">
        <v>4223</v>
      </c>
      <c r="B4179" s="1">
        <v>44373</v>
      </c>
      <c r="C4179">
        <v>3</v>
      </c>
      <c r="D4179" s="1">
        <v>44373.772916666669</v>
      </c>
      <c r="E4179" s="1">
        <v>44374.094444444447</v>
      </c>
      <c r="F4179">
        <v>61010</v>
      </c>
      <c r="G4179">
        <v>1386</v>
      </c>
      <c r="H4179">
        <v>30</v>
      </c>
      <c r="I4179">
        <v>0</v>
      </c>
      <c r="J4179">
        <v>0</v>
      </c>
      <c r="K4179">
        <v>0</v>
      </c>
      <c r="L4179">
        <v>0</v>
      </c>
      <c r="M4179">
        <v>5673</v>
      </c>
      <c r="N4179">
        <v>0</v>
      </c>
      <c r="O4179">
        <v>0</v>
      </c>
      <c r="P4179">
        <v>-11220</v>
      </c>
      <c r="Q4179">
        <v>0</v>
      </c>
      <c r="R4179">
        <v>51206</v>
      </c>
      <c r="S4179">
        <v>0</v>
      </c>
      <c r="T4179">
        <v>0</v>
      </c>
      <c r="U4179">
        <v>0</v>
      </c>
      <c r="V4179">
        <v>8</v>
      </c>
      <c r="W4179">
        <v>3</v>
      </c>
      <c r="X4179">
        <v>0</v>
      </c>
      <c r="Y4179">
        <v>36</v>
      </c>
      <c r="Z4179">
        <v>13</v>
      </c>
      <c r="AA4179">
        <v>109</v>
      </c>
      <c r="AB4179">
        <v>100</v>
      </c>
      <c r="AC4179">
        <v>95</v>
      </c>
      <c r="AD4179">
        <v>66</v>
      </c>
      <c r="AE4179">
        <v>37</v>
      </c>
      <c r="AF4179">
        <v>4240</v>
      </c>
      <c r="AG4179">
        <v>158957</v>
      </c>
      <c r="AH4179">
        <v>50000</v>
      </c>
      <c r="AI4179">
        <v>3</v>
      </c>
      <c r="AJ4179">
        <v>85</v>
      </c>
      <c r="AK4179" t="s">
        <v>7</v>
      </c>
      <c r="AL4179">
        <v>0</v>
      </c>
      <c r="AM4179">
        <v>0</v>
      </c>
      <c r="AN4179">
        <v>0</v>
      </c>
      <c r="AO4179">
        <v>0</v>
      </c>
      <c r="AP4179">
        <v>0</v>
      </c>
      <c r="AQ4179">
        <v>0</v>
      </c>
      <c r="AR4179">
        <v>0</v>
      </c>
      <c r="AS4179">
        <v>0</v>
      </c>
      <c r="AT4179">
        <v>0</v>
      </c>
      <c r="AU4179">
        <v>0</v>
      </c>
      <c r="AV4179">
        <v>0</v>
      </c>
      <c r="AW4179">
        <v>0</v>
      </c>
      <c r="AX4179">
        <v>0</v>
      </c>
      <c r="AY4179">
        <v>13</v>
      </c>
      <c r="AZ4179">
        <v>28</v>
      </c>
      <c r="BA4179">
        <v>1953</v>
      </c>
    </row>
    <row r="4180" spans="1:53" x14ac:dyDescent="0.4">
      <c r="A4180">
        <v>4224</v>
      </c>
      <c r="B4180" s="1">
        <v>44374</v>
      </c>
      <c r="C4180">
        <v>1</v>
      </c>
      <c r="D4180" s="1">
        <v>44374.291666666664</v>
      </c>
      <c r="E4180" s="1">
        <v>44374.397916666669</v>
      </c>
      <c r="F4180">
        <v>0</v>
      </c>
      <c r="G4180">
        <v>0</v>
      </c>
      <c r="H4180">
        <v>0</v>
      </c>
      <c r="I4180">
        <v>0</v>
      </c>
      <c r="J4180">
        <v>0</v>
      </c>
      <c r="K4180">
        <v>0</v>
      </c>
      <c r="L4180">
        <v>0</v>
      </c>
      <c r="M4180">
        <v>0</v>
      </c>
      <c r="N4180">
        <v>0</v>
      </c>
      <c r="O4180">
        <v>0</v>
      </c>
      <c r="P4180">
        <v>0</v>
      </c>
      <c r="Q4180">
        <v>0</v>
      </c>
      <c r="R4180">
        <v>0</v>
      </c>
      <c r="S4180">
        <v>0</v>
      </c>
      <c r="T4180">
        <v>0</v>
      </c>
      <c r="U4180">
        <v>0</v>
      </c>
      <c r="V4180">
        <v>0</v>
      </c>
      <c r="W4180">
        <v>1</v>
      </c>
      <c r="X4180">
        <v>0</v>
      </c>
      <c r="Y4180">
        <v>22</v>
      </c>
      <c r="Z4180">
        <v>12</v>
      </c>
      <c r="AA4180">
        <v>108</v>
      </c>
      <c r="AB4180">
        <v>101</v>
      </c>
      <c r="AC4180">
        <v>78</v>
      </c>
      <c r="AD4180">
        <v>66</v>
      </c>
      <c r="AE4180">
        <v>40</v>
      </c>
      <c r="AF4180">
        <v>0</v>
      </c>
      <c r="AG4180">
        <v>50000</v>
      </c>
      <c r="AH4180">
        <v>50000</v>
      </c>
      <c r="AI4180">
        <v>0</v>
      </c>
      <c r="AJ4180">
        <v>0</v>
      </c>
      <c r="AK4180" t="s">
        <v>6</v>
      </c>
      <c r="AL4180">
        <v>0</v>
      </c>
      <c r="AM4180">
        <v>0</v>
      </c>
      <c r="AN4180">
        <v>0</v>
      </c>
      <c r="AO4180">
        <v>0</v>
      </c>
      <c r="AP4180">
        <v>0</v>
      </c>
      <c r="AQ4180">
        <v>0</v>
      </c>
      <c r="AR4180">
        <v>0</v>
      </c>
      <c r="AS4180">
        <v>0</v>
      </c>
      <c r="AT4180">
        <v>0</v>
      </c>
      <c r="AU4180">
        <v>0</v>
      </c>
      <c r="AV4180">
        <v>0</v>
      </c>
      <c r="AW4180">
        <v>0</v>
      </c>
      <c r="AX4180">
        <v>0</v>
      </c>
      <c r="AY4180">
        <v>0</v>
      </c>
      <c r="AZ4180">
        <v>0</v>
      </c>
      <c r="BA4180">
        <v>0</v>
      </c>
    </row>
    <row r="4181" spans="1:53" x14ac:dyDescent="0.4">
      <c r="A4181">
        <v>4225</v>
      </c>
      <c r="B4181" s="1">
        <v>44374</v>
      </c>
      <c r="C4181">
        <v>2</v>
      </c>
      <c r="D4181" s="1">
        <v>44374.397916666669</v>
      </c>
      <c r="E4181" s="1">
        <v>44374.76666666667</v>
      </c>
      <c r="F4181">
        <v>50020</v>
      </c>
      <c r="G4181">
        <v>4818</v>
      </c>
      <c r="H4181">
        <v>0</v>
      </c>
      <c r="I4181">
        <v>0</v>
      </c>
      <c r="J4181">
        <v>0</v>
      </c>
      <c r="K4181">
        <v>1590</v>
      </c>
      <c r="L4181">
        <v>0</v>
      </c>
      <c r="M4181">
        <v>5127</v>
      </c>
      <c r="N4181">
        <v>0</v>
      </c>
      <c r="O4181">
        <v>0</v>
      </c>
      <c r="P4181">
        <v>19110</v>
      </c>
      <c r="Q4181">
        <v>0</v>
      </c>
      <c r="R4181">
        <v>75538</v>
      </c>
      <c r="S4181">
        <v>0</v>
      </c>
      <c r="T4181">
        <v>0</v>
      </c>
      <c r="U4181">
        <v>0</v>
      </c>
      <c r="V4181">
        <v>1</v>
      </c>
      <c r="W4181">
        <v>5</v>
      </c>
      <c r="X4181">
        <v>0</v>
      </c>
      <c r="Y4181">
        <v>60</v>
      </c>
      <c r="Z4181">
        <v>25</v>
      </c>
      <c r="AA4181">
        <v>94</v>
      </c>
      <c r="AB4181">
        <v>96</v>
      </c>
      <c r="AC4181">
        <v>122</v>
      </c>
      <c r="AD4181">
        <v>65</v>
      </c>
      <c r="AE4181">
        <v>33</v>
      </c>
      <c r="AF4181">
        <v>2260</v>
      </c>
      <c r="AG4181">
        <v>125538</v>
      </c>
      <c r="AH4181">
        <v>50000</v>
      </c>
      <c r="AI4181">
        <v>0</v>
      </c>
      <c r="AJ4181">
        <v>108</v>
      </c>
      <c r="AK4181" t="s">
        <v>3</v>
      </c>
      <c r="AL4181">
        <v>0</v>
      </c>
      <c r="AM4181">
        <v>0</v>
      </c>
      <c r="AN4181">
        <v>0</v>
      </c>
      <c r="AO4181">
        <v>0</v>
      </c>
      <c r="AP4181">
        <v>0</v>
      </c>
      <c r="AQ4181">
        <v>0</v>
      </c>
      <c r="AR4181">
        <v>0</v>
      </c>
      <c r="AS4181">
        <v>0</v>
      </c>
      <c r="AT4181">
        <v>0</v>
      </c>
      <c r="AU4181">
        <v>0</v>
      </c>
      <c r="AV4181">
        <v>0</v>
      </c>
      <c r="AW4181">
        <v>0</v>
      </c>
      <c r="AX4181">
        <v>342</v>
      </c>
      <c r="AY4181">
        <v>46</v>
      </c>
      <c r="AZ4181">
        <v>111</v>
      </c>
      <c r="BA4181">
        <v>7277</v>
      </c>
    </row>
    <row r="4182" spans="1:53" x14ac:dyDescent="0.4">
      <c r="A4182">
        <v>4226</v>
      </c>
      <c r="B4182" s="1">
        <v>44375</v>
      </c>
      <c r="C4182">
        <v>1</v>
      </c>
      <c r="D4182" s="1">
        <v>44375.291666666664</v>
      </c>
      <c r="E4182" s="1">
        <v>44375.448611111111</v>
      </c>
      <c r="F4182">
        <v>0</v>
      </c>
      <c r="G4182">
        <v>0</v>
      </c>
      <c r="H4182">
        <v>0</v>
      </c>
      <c r="I4182">
        <v>0</v>
      </c>
      <c r="J4182">
        <v>0</v>
      </c>
      <c r="K4182">
        <v>0</v>
      </c>
      <c r="L4182">
        <v>0</v>
      </c>
      <c r="M4182">
        <v>0</v>
      </c>
      <c r="N4182">
        <v>0</v>
      </c>
      <c r="O4182">
        <v>0</v>
      </c>
      <c r="P4182">
        <v>0</v>
      </c>
      <c r="Q4182">
        <v>0</v>
      </c>
      <c r="R4182">
        <v>0</v>
      </c>
      <c r="S4182">
        <v>0</v>
      </c>
      <c r="T4182">
        <v>0</v>
      </c>
      <c r="U4182">
        <v>0</v>
      </c>
      <c r="V4182">
        <v>0</v>
      </c>
      <c r="W4182">
        <v>1</v>
      </c>
      <c r="X4182">
        <v>0</v>
      </c>
      <c r="Y4182">
        <v>25</v>
      </c>
      <c r="Z4182">
        <v>11</v>
      </c>
      <c r="AA4182">
        <v>87</v>
      </c>
      <c r="AB4182">
        <v>95</v>
      </c>
      <c r="AC4182">
        <v>70</v>
      </c>
      <c r="AD4182">
        <v>64</v>
      </c>
      <c r="AE4182">
        <v>30</v>
      </c>
      <c r="AF4182">
        <v>0</v>
      </c>
      <c r="AG4182">
        <v>50000</v>
      </c>
      <c r="AH4182">
        <v>0</v>
      </c>
      <c r="AI4182">
        <v>50000</v>
      </c>
      <c r="AJ4182">
        <v>0</v>
      </c>
      <c r="AK4182" t="s">
        <v>6</v>
      </c>
      <c r="AL4182">
        <v>0</v>
      </c>
      <c r="AM4182">
        <v>0</v>
      </c>
      <c r="AN4182">
        <v>0</v>
      </c>
      <c r="AO4182">
        <v>0</v>
      </c>
      <c r="AP4182">
        <v>0</v>
      </c>
      <c r="AQ4182">
        <v>0</v>
      </c>
      <c r="AR4182">
        <v>0</v>
      </c>
      <c r="AS4182">
        <v>0</v>
      </c>
      <c r="AT4182">
        <v>0</v>
      </c>
      <c r="AU4182">
        <v>0</v>
      </c>
      <c r="AV4182">
        <v>0</v>
      </c>
      <c r="AW4182">
        <v>0</v>
      </c>
      <c r="AX4182">
        <v>0</v>
      </c>
      <c r="AY4182">
        <v>0</v>
      </c>
      <c r="AZ4182">
        <v>0</v>
      </c>
      <c r="BA4182">
        <v>0</v>
      </c>
    </row>
    <row r="4183" spans="1:53" x14ac:dyDescent="0.4">
      <c r="A4183">
        <v>4227</v>
      </c>
      <c r="B4183" s="1">
        <v>44375</v>
      </c>
      <c r="C4183">
        <v>2</v>
      </c>
      <c r="D4183" s="1">
        <v>44375.448611111111</v>
      </c>
      <c r="E4183" s="1">
        <v>44375.45</v>
      </c>
      <c r="F4183">
        <v>0</v>
      </c>
      <c r="G4183">
        <v>0</v>
      </c>
      <c r="H4183">
        <v>0</v>
      </c>
      <c r="I4183">
        <v>0</v>
      </c>
      <c r="J4183">
        <v>0</v>
      </c>
      <c r="K4183">
        <v>0</v>
      </c>
      <c r="L4183">
        <v>0</v>
      </c>
      <c r="M4183">
        <v>0</v>
      </c>
      <c r="N4183">
        <v>0</v>
      </c>
      <c r="O4183">
        <v>0</v>
      </c>
      <c r="P4183">
        <v>0</v>
      </c>
      <c r="Q4183">
        <v>0</v>
      </c>
      <c r="R4183">
        <v>0</v>
      </c>
      <c r="S4183">
        <v>0</v>
      </c>
      <c r="T4183">
        <v>0</v>
      </c>
      <c r="U4183">
        <v>0</v>
      </c>
      <c r="V4183">
        <v>0</v>
      </c>
      <c r="W4183">
        <v>1</v>
      </c>
      <c r="X4183">
        <v>0</v>
      </c>
      <c r="Y4183">
        <v>25</v>
      </c>
      <c r="Z4183">
        <v>11</v>
      </c>
      <c r="AA4183">
        <v>87</v>
      </c>
      <c r="AB4183">
        <v>95</v>
      </c>
      <c r="AC4183">
        <v>70</v>
      </c>
      <c r="AD4183">
        <v>64</v>
      </c>
      <c r="AE4183">
        <v>30</v>
      </c>
      <c r="AF4183">
        <v>0</v>
      </c>
      <c r="AG4183">
        <v>50000</v>
      </c>
      <c r="AH4183">
        <v>50000</v>
      </c>
      <c r="AI4183">
        <v>0</v>
      </c>
      <c r="AJ4183">
        <v>0</v>
      </c>
      <c r="AK4183" t="s">
        <v>6</v>
      </c>
      <c r="AL4183">
        <v>0</v>
      </c>
      <c r="AM4183">
        <v>0</v>
      </c>
      <c r="AN4183">
        <v>0</v>
      </c>
      <c r="AO4183">
        <v>0</v>
      </c>
      <c r="AP4183">
        <v>0</v>
      </c>
      <c r="AQ4183">
        <v>0</v>
      </c>
      <c r="AR4183">
        <v>0</v>
      </c>
      <c r="AS4183">
        <v>0</v>
      </c>
      <c r="AT4183">
        <v>0</v>
      </c>
      <c r="AU4183">
        <v>0</v>
      </c>
      <c r="AV4183">
        <v>0</v>
      </c>
      <c r="AW4183">
        <v>0</v>
      </c>
      <c r="AX4183">
        <v>0</v>
      </c>
      <c r="AY4183">
        <v>0</v>
      </c>
      <c r="AZ4183">
        <v>0</v>
      </c>
      <c r="BA4183">
        <v>0</v>
      </c>
    </row>
    <row r="4184" spans="1:53" x14ac:dyDescent="0.4">
      <c r="A4184">
        <v>4228</v>
      </c>
      <c r="B4184" s="1">
        <v>44375</v>
      </c>
      <c r="C4184">
        <v>3</v>
      </c>
      <c r="D4184" s="1">
        <v>44375.45</v>
      </c>
      <c r="E4184" s="1">
        <v>44375.746527777781</v>
      </c>
      <c r="F4184">
        <v>17150</v>
      </c>
      <c r="G4184">
        <v>0</v>
      </c>
      <c r="H4184">
        <v>0</v>
      </c>
      <c r="I4184">
        <v>0</v>
      </c>
      <c r="J4184">
        <v>0</v>
      </c>
      <c r="K4184">
        <v>0</v>
      </c>
      <c r="L4184">
        <v>0</v>
      </c>
      <c r="M4184">
        <v>1560</v>
      </c>
      <c r="N4184">
        <v>0</v>
      </c>
      <c r="O4184">
        <v>0</v>
      </c>
      <c r="P4184">
        <v>8630</v>
      </c>
      <c r="Q4184">
        <v>0</v>
      </c>
      <c r="R4184">
        <v>25780</v>
      </c>
      <c r="S4184">
        <v>0</v>
      </c>
      <c r="T4184">
        <v>0</v>
      </c>
      <c r="U4184">
        <v>0</v>
      </c>
      <c r="V4184">
        <v>0</v>
      </c>
      <c r="W4184">
        <v>3</v>
      </c>
      <c r="X4184">
        <v>0</v>
      </c>
      <c r="Y4184">
        <v>40</v>
      </c>
      <c r="Z4184">
        <v>15</v>
      </c>
      <c r="AA4184">
        <v>61</v>
      </c>
      <c r="AB4184">
        <v>95</v>
      </c>
      <c r="AC4184">
        <v>87</v>
      </c>
      <c r="AD4184">
        <v>66</v>
      </c>
      <c r="AE4184">
        <v>30</v>
      </c>
      <c r="AF4184">
        <v>1200</v>
      </c>
      <c r="AG4184">
        <v>75780</v>
      </c>
      <c r="AH4184">
        <v>50000</v>
      </c>
      <c r="AI4184">
        <v>0</v>
      </c>
      <c r="AJ4184">
        <v>70</v>
      </c>
      <c r="AK4184" t="s">
        <v>49</v>
      </c>
      <c r="AL4184">
        <v>0</v>
      </c>
      <c r="AM4184">
        <v>0</v>
      </c>
      <c r="AN4184">
        <v>0</v>
      </c>
      <c r="AO4184">
        <v>0</v>
      </c>
      <c r="AP4184">
        <v>0</v>
      </c>
      <c r="AQ4184">
        <v>0</v>
      </c>
      <c r="AR4184">
        <v>0</v>
      </c>
      <c r="AS4184">
        <v>0</v>
      </c>
      <c r="AT4184">
        <v>0</v>
      </c>
      <c r="AU4184">
        <v>0</v>
      </c>
      <c r="AV4184">
        <v>0</v>
      </c>
      <c r="AW4184">
        <v>0</v>
      </c>
      <c r="AX4184">
        <v>0</v>
      </c>
      <c r="AY4184">
        <v>28</v>
      </c>
      <c r="AZ4184">
        <v>43</v>
      </c>
      <c r="BA4184">
        <v>3926</v>
      </c>
    </row>
    <row r="4185" spans="1:53" x14ac:dyDescent="0.4">
      <c r="A4185">
        <v>4229</v>
      </c>
      <c r="B4185" s="1">
        <v>44376</v>
      </c>
      <c r="C4185">
        <v>1</v>
      </c>
      <c r="D4185" s="1">
        <v>44376.291666666664</v>
      </c>
      <c r="E4185" s="1">
        <v>44376.431944444441</v>
      </c>
      <c r="F4185">
        <v>0</v>
      </c>
      <c r="G4185">
        <v>0</v>
      </c>
      <c r="H4185">
        <v>0</v>
      </c>
      <c r="I4185">
        <v>0</v>
      </c>
      <c r="J4185">
        <v>0</v>
      </c>
      <c r="K4185">
        <v>0</v>
      </c>
      <c r="L4185">
        <v>0</v>
      </c>
      <c r="M4185">
        <v>0</v>
      </c>
      <c r="N4185">
        <v>0</v>
      </c>
      <c r="O4185">
        <v>0</v>
      </c>
      <c r="P4185">
        <v>0</v>
      </c>
      <c r="Q4185">
        <v>0</v>
      </c>
      <c r="R4185">
        <v>0</v>
      </c>
      <c r="S4185">
        <v>0</v>
      </c>
      <c r="T4185">
        <v>0</v>
      </c>
      <c r="U4185">
        <v>0</v>
      </c>
      <c r="V4185">
        <v>0</v>
      </c>
      <c r="W4185">
        <v>1</v>
      </c>
      <c r="X4185">
        <v>0</v>
      </c>
      <c r="Y4185">
        <v>26</v>
      </c>
      <c r="Z4185">
        <v>15</v>
      </c>
      <c r="AA4185">
        <v>58</v>
      </c>
      <c r="AB4185">
        <v>90</v>
      </c>
      <c r="AC4185">
        <v>84</v>
      </c>
      <c r="AD4185">
        <v>66</v>
      </c>
      <c r="AE4185">
        <v>30</v>
      </c>
      <c r="AF4185">
        <v>0</v>
      </c>
      <c r="AG4185">
        <v>50000</v>
      </c>
      <c r="AH4185">
        <v>50000</v>
      </c>
      <c r="AI4185">
        <v>0</v>
      </c>
      <c r="AJ4185">
        <v>0</v>
      </c>
      <c r="AK4185" t="s">
        <v>6</v>
      </c>
      <c r="AL4185">
        <v>0</v>
      </c>
      <c r="AM4185">
        <v>0</v>
      </c>
      <c r="AN4185">
        <v>0</v>
      </c>
      <c r="AO4185">
        <v>0</v>
      </c>
      <c r="AP4185">
        <v>0</v>
      </c>
      <c r="AQ4185">
        <v>0</v>
      </c>
      <c r="AR4185">
        <v>0</v>
      </c>
      <c r="AS4185">
        <v>0</v>
      </c>
      <c r="AT4185">
        <v>0</v>
      </c>
      <c r="AU4185">
        <v>0</v>
      </c>
      <c r="AV4185">
        <v>0</v>
      </c>
      <c r="AW4185">
        <v>0</v>
      </c>
      <c r="AX4185">
        <v>0</v>
      </c>
      <c r="AY4185">
        <v>0</v>
      </c>
      <c r="AZ4185">
        <v>0</v>
      </c>
      <c r="BA4185">
        <v>0</v>
      </c>
    </row>
    <row r="4186" spans="1:53" x14ac:dyDescent="0.4">
      <c r="A4186">
        <v>4230</v>
      </c>
      <c r="B4186" s="1">
        <v>44376</v>
      </c>
      <c r="C4186">
        <v>2</v>
      </c>
      <c r="D4186" s="1">
        <v>44376.431944444441</v>
      </c>
      <c r="E4186" s="1">
        <v>44376.775000000001</v>
      </c>
      <c r="F4186">
        <v>24740</v>
      </c>
      <c r="G4186">
        <v>594</v>
      </c>
      <c r="H4186">
        <v>0</v>
      </c>
      <c r="I4186">
        <v>0</v>
      </c>
      <c r="J4186">
        <v>850</v>
      </c>
      <c r="K4186">
        <v>860</v>
      </c>
      <c r="L4186">
        <v>0</v>
      </c>
      <c r="M4186">
        <v>2302</v>
      </c>
      <c r="N4186">
        <v>0</v>
      </c>
      <c r="O4186">
        <v>0</v>
      </c>
      <c r="P4186">
        <v>13620</v>
      </c>
      <c r="Q4186">
        <v>0</v>
      </c>
      <c r="R4186">
        <v>38964</v>
      </c>
      <c r="S4186">
        <v>0</v>
      </c>
      <c r="T4186">
        <v>0</v>
      </c>
      <c r="U4186">
        <v>0</v>
      </c>
      <c r="V4186">
        <v>2</v>
      </c>
      <c r="W4186">
        <v>0</v>
      </c>
      <c r="X4186">
        <v>0</v>
      </c>
      <c r="Y4186">
        <v>46</v>
      </c>
      <c r="Z4186">
        <v>16</v>
      </c>
      <c r="AA4186">
        <v>73</v>
      </c>
      <c r="AB4186">
        <v>103</v>
      </c>
      <c r="AC4186">
        <v>91</v>
      </c>
      <c r="AD4186">
        <v>68</v>
      </c>
      <c r="AE4186">
        <v>34</v>
      </c>
      <c r="AF4186">
        <v>1230</v>
      </c>
      <c r="AG4186">
        <v>88964</v>
      </c>
      <c r="AH4186">
        <v>50000</v>
      </c>
      <c r="AI4186">
        <v>0</v>
      </c>
      <c r="AJ4186">
        <v>70</v>
      </c>
      <c r="AK4186" t="s">
        <v>49</v>
      </c>
      <c r="AL4186">
        <v>0</v>
      </c>
      <c r="AM4186">
        <v>0</v>
      </c>
      <c r="AN4186">
        <v>0</v>
      </c>
      <c r="AO4186">
        <v>0</v>
      </c>
      <c r="AP4186">
        <v>0</v>
      </c>
      <c r="AQ4186">
        <v>0</v>
      </c>
      <c r="AR4186">
        <v>0</v>
      </c>
      <c r="AS4186">
        <v>0</v>
      </c>
      <c r="AT4186">
        <v>0</v>
      </c>
      <c r="AU4186">
        <v>0</v>
      </c>
      <c r="AV4186">
        <v>0</v>
      </c>
      <c r="AW4186">
        <v>0</v>
      </c>
      <c r="AX4186">
        <v>-180</v>
      </c>
      <c r="AY4186">
        <v>35</v>
      </c>
      <c r="AZ4186">
        <v>61</v>
      </c>
      <c r="BA4186">
        <v>5313</v>
      </c>
    </row>
    <row r="4187" spans="1:53" x14ac:dyDescent="0.4">
      <c r="A4187">
        <v>4231</v>
      </c>
      <c r="B4187" s="1">
        <v>44377</v>
      </c>
      <c r="C4187">
        <v>1</v>
      </c>
      <c r="D4187" s="1">
        <v>44377.291666666664</v>
      </c>
      <c r="E4187" s="1">
        <v>44377.464583333334</v>
      </c>
      <c r="F4187">
        <v>0</v>
      </c>
      <c r="G4187">
        <v>0</v>
      </c>
      <c r="H4187">
        <v>0</v>
      </c>
      <c r="I4187">
        <v>0</v>
      </c>
      <c r="J4187">
        <v>0</v>
      </c>
      <c r="K4187">
        <v>0</v>
      </c>
      <c r="L4187">
        <v>0</v>
      </c>
      <c r="M4187">
        <v>0</v>
      </c>
      <c r="N4187">
        <v>0</v>
      </c>
      <c r="O4187">
        <v>0</v>
      </c>
      <c r="P4187">
        <v>4640</v>
      </c>
      <c r="Q4187">
        <v>0</v>
      </c>
      <c r="R4187">
        <v>4640</v>
      </c>
      <c r="S4187">
        <v>0</v>
      </c>
      <c r="T4187">
        <v>0</v>
      </c>
      <c r="U4187">
        <v>0</v>
      </c>
      <c r="V4187">
        <v>0</v>
      </c>
      <c r="W4187">
        <v>0</v>
      </c>
      <c r="X4187">
        <v>0</v>
      </c>
      <c r="Y4187">
        <v>27</v>
      </c>
      <c r="Z4187">
        <v>16</v>
      </c>
      <c r="AA4187">
        <v>67</v>
      </c>
      <c r="AB4187">
        <v>101</v>
      </c>
      <c r="AC4187">
        <v>88</v>
      </c>
      <c r="AD4187">
        <v>68</v>
      </c>
      <c r="AE4187">
        <v>30</v>
      </c>
      <c r="AF4187">
        <v>0</v>
      </c>
      <c r="AG4187">
        <v>48000</v>
      </c>
      <c r="AH4187">
        <v>50000</v>
      </c>
      <c r="AI4187">
        <v>-6640</v>
      </c>
      <c r="AJ4187">
        <v>85</v>
      </c>
      <c r="AK4187" t="s">
        <v>7</v>
      </c>
      <c r="AL4187">
        <v>0</v>
      </c>
      <c r="AM4187">
        <v>0</v>
      </c>
      <c r="AN4187">
        <v>0</v>
      </c>
      <c r="AO4187">
        <v>0</v>
      </c>
      <c r="AP4187">
        <v>0</v>
      </c>
      <c r="AQ4187">
        <v>0</v>
      </c>
      <c r="AR4187">
        <v>0</v>
      </c>
      <c r="AS4187">
        <v>0</v>
      </c>
      <c r="AT4187">
        <v>0</v>
      </c>
      <c r="AU4187">
        <v>0</v>
      </c>
      <c r="AV4187">
        <v>0</v>
      </c>
      <c r="AW4187">
        <v>0</v>
      </c>
      <c r="AX4187">
        <v>-4640</v>
      </c>
      <c r="AY4187">
        <v>4</v>
      </c>
      <c r="AZ4187">
        <v>5</v>
      </c>
      <c r="BA4187">
        <v>21</v>
      </c>
    </row>
    <row r="4188" spans="1:53" x14ac:dyDescent="0.4">
      <c r="A4188">
        <v>4232</v>
      </c>
      <c r="B4188" s="1">
        <v>44378</v>
      </c>
      <c r="C4188">
        <v>1</v>
      </c>
      <c r="D4188" s="1">
        <v>44378.291666666664</v>
      </c>
      <c r="E4188" s="1">
        <v>44378.445138888892</v>
      </c>
      <c r="F4188">
        <v>0</v>
      </c>
      <c r="G4188">
        <v>0</v>
      </c>
      <c r="H4188">
        <v>0</v>
      </c>
      <c r="I4188">
        <v>0</v>
      </c>
      <c r="J4188">
        <v>0</v>
      </c>
      <c r="K4188">
        <v>0</v>
      </c>
      <c r="L4188">
        <v>0</v>
      </c>
      <c r="M4188">
        <v>0</v>
      </c>
      <c r="N4188">
        <v>0</v>
      </c>
      <c r="O4188">
        <v>0</v>
      </c>
      <c r="P4188">
        <v>0</v>
      </c>
      <c r="Q4188">
        <v>0</v>
      </c>
      <c r="R4188">
        <v>0</v>
      </c>
      <c r="S4188">
        <v>0</v>
      </c>
      <c r="T4188">
        <v>0</v>
      </c>
      <c r="U4188">
        <v>0</v>
      </c>
      <c r="V4188">
        <v>0</v>
      </c>
      <c r="W4188">
        <v>1</v>
      </c>
      <c r="X4188">
        <v>0</v>
      </c>
      <c r="Y4188">
        <v>25</v>
      </c>
      <c r="Z4188">
        <v>12</v>
      </c>
      <c r="AA4188">
        <v>77</v>
      </c>
      <c r="AB4188">
        <v>100</v>
      </c>
      <c r="AC4188">
        <v>93</v>
      </c>
      <c r="AD4188">
        <v>69</v>
      </c>
      <c r="AE4188">
        <v>25</v>
      </c>
      <c r="AF4188">
        <v>0</v>
      </c>
      <c r="AG4188">
        <v>50000</v>
      </c>
      <c r="AH4188">
        <v>50000</v>
      </c>
      <c r="AI4188">
        <v>0</v>
      </c>
      <c r="AJ4188">
        <v>0</v>
      </c>
      <c r="AK4188" t="s">
        <v>6</v>
      </c>
      <c r="AL4188">
        <v>0</v>
      </c>
      <c r="AM4188">
        <v>0</v>
      </c>
      <c r="AN4188">
        <v>0</v>
      </c>
      <c r="AO4188">
        <v>0</v>
      </c>
      <c r="AP4188">
        <v>0</v>
      </c>
      <c r="AQ4188">
        <v>0</v>
      </c>
      <c r="AR4188">
        <v>0</v>
      </c>
      <c r="AS4188">
        <v>0</v>
      </c>
      <c r="AT4188">
        <v>0</v>
      </c>
      <c r="AU4188">
        <v>0</v>
      </c>
      <c r="AV4188">
        <v>0</v>
      </c>
      <c r="AW4188">
        <v>0</v>
      </c>
      <c r="AX4188">
        <v>0</v>
      </c>
      <c r="AY4188">
        <v>0</v>
      </c>
      <c r="AZ4188">
        <v>0</v>
      </c>
      <c r="BA4188">
        <v>0</v>
      </c>
    </row>
    <row r="4189" spans="1:53" x14ac:dyDescent="0.4">
      <c r="A4189">
        <v>4233</v>
      </c>
      <c r="B4189" s="1">
        <v>44378</v>
      </c>
      <c r="C4189">
        <v>2</v>
      </c>
      <c r="D4189" s="1">
        <v>44378.445138888892</v>
      </c>
      <c r="E4189" s="1">
        <v>44378.79791666667</v>
      </c>
      <c r="F4189">
        <v>31340</v>
      </c>
      <c r="G4189">
        <v>1650</v>
      </c>
      <c r="H4189">
        <v>0</v>
      </c>
      <c r="I4189">
        <v>0</v>
      </c>
      <c r="J4189">
        <v>470</v>
      </c>
      <c r="K4189">
        <v>0</v>
      </c>
      <c r="L4189">
        <v>0</v>
      </c>
      <c r="M4189">
        <v>2955</v>
      </c>
      <c r="N4189">
        <v>0</v>
      </c>
      <c r="O4189">
        <v>0</v>
      </c>
      <c r="P4189">
        <v>11330</v>
      </c>
      <c r="Q4189">
        <v>0</v>
      </c>
      <c r="R4189">
        <v>43850</v>
      </c>
      <c r="S4189">
        <v>0</v>
      </c>
      <c r="T4189">
        <v>0</v>
      </c>
      <c r="U4189">
        <v>0</v>
      </c>
      <c r="V4189">
        <v>1</v>
      </c>
      <c r="W4189">
        <v>4</v>
      </c>
      <c r="X4189">
        <v>0</v>
      </c>
      <c r="Y4189">
        <v>40</v>
      </c>
      <c r="Z4189">
        <v>16</v>
      </c>
      <c r="AA4189">
        <v>64</v>
      </c>
      <c r="AB4189">
        <v>103</v>
      </c>
      <c r="AC4189">
        <v>112</v>
      </c>
      <c r="AD4189">
        <v>73</v>
      </c>
      <c r="AE4189">
        <v>25</v>
      </c>
      <c r="AF4189">
        <v>2790</v>
      </c>
      <c r="AG4189">
        <v>93850</v>
      </c>
      <c r="AH4189">
        <v>50000</v>
      </c>
      <c r="AI4189">
        <v>0</v>
      </c>
      <c r="AJ4189">
        <v>70</v>
      </c>
      <c r="AK4189" t="s">
        <v>49</v>
      </c>
      <c r="AL4189">
        <v>0</v>
      </c>
      <c r="AM4189">
        <v>0</v>
      </c>
      <c r="AN4189">
        <v>0</v>
      </c>
      <c r="AO4189">
        <v>0</v>
      </c>
      <c r="AP4189">
        <v>0</v>
      </c>
      <c r="AQ4189">
        <v>0</v>
      </c>
      <c r="AR4189">
        <v>0</v>
      </c>
      <c r="AS4189">
        <v>0</v>
      </c>
      <c r="AT4189">
        <v>0</v>
      </c>
      <c r="AU4189">
        <v>0</v>
      </c>
      <c r="AV4189">
        <v>0</v>
      </c>
      <c r="AW4189">
        <v>0</v>
      </c>
      <c r="AX4189">
        <v>594</v>
      </c>
      <c r="AY4189">
        <v>34</v>
      </c>
      <c r="AZ4189">
        <v>71</v>
      </c>
      <c r="BA4189">
        <v>5049</v>
      </c>
    </row>
    <row r="4190" spans="1:53" x14ac:dyDescent="0.4">
      <c r="A4190">
        <v>4234</v>
      </c>
      <c r="B4190" s="1">
        <v>44379</v>
      </c>
      <c r="C4190">
        <v>1</v>
      </c>
      <c r="D4190" s="1">
        <v>44379.291666666664</v>
      </c>
      <c r="E4190" s="1">
        <v>44379.4375</v>
      </c>
      <c r="F4190">
        <v>0</v>
      </c>
      <c r="G4190">
        <v>0</v>
      </c>
      <c r="H4190">
        <v>0</v>
      </c>
      <c r="I4190">
        <v>0</v>
      </c>
      <c r="J4190">
        <v>0</v>
      </c>
      <c r="K4190">
        <v>0</v>
      </c>
      <c r="L4190">
        <v>0</v>
      </c>
      <c r="M4190">
        <v>0</v>
      </c>
      <c r="N4190">
        <v>0</v>
      </c>
      <c r="O4190">
        <v>0</v>
      </c>
      <c r="P4190">
        <v>0</v>
      </c>
      <c r="Q4190">
        <v>0</v>
      </c>
      <c r="R4190">
        <v>0</v>
      </c>
      <c r="S4190">
        <v>0</v>
      </c>
      <c r="T4190">
        <v>0</v>
      </c>
      <c r="U4190">
        <v>0</v>
      </c>
      <c r="V4190">
        <v>0</v>
      </c>
      <c r="W4190">
        <v>1</v>
      </c>
      <c r="X4190">
        <v>0</v>
      </c>
      <c r="Y4190">
        <v>25</v>
      </c>
      <c r="Z4190">
        <v>15</v>
      </c>
      <c r="AA4190">
        <v>62</v>
      </c>
      <c r="AB4190">
        <v>103</v>
      </c>
      <c r="AC4190">
        <v>77</v>
      </c>
      <c r="AD4190">
        <v>72</v>
      </c>
      <c r="AE4190">
        <v>20</v>
      </c>
      <c r="AF4190">
        <v>0</v>
      </c>
      <c r="AG4190">
        <v>50000</v>
      </c>
      <c r="AH4190">
        <v>50000</v>
      </c>
      <c r="AI4190">
        <v>0</v>
      </c>
      <c r="AJ4190">
        <v>0</v>
      </c>
      <c r="AK4190" t="s">
        <v>6</v>
      </c>
      <c r="AL4190">
        <v>0</v>
      </c>
      <c r="AM4190">
        <v>0</v>
      </c>
      <c r="AN4190">
        <v>0</v>
      </c>
      <c r="AO4190">
        <v>0</v>
      </c>
      <c r="AP4190">
        <v>0</v>
      </c>
      <c r="AQ4190">
        <v>0</v>
      </c>
      <c r="AR4190">
        <v>0</v>
      </c>
      <c r="AS4190">
        <v>0</v>
      </c>
      <c r="AT4190">
        <v>0</v>
      </c>
      <c r="AU4190">
        <v>0</v>
      </c>
      <c r="AV4190">
        <v>0</v>
      </c>
      <c r="AW4190">
        <v>0</v>
      </c>
      <c r="AX4190">
        <v>0</v>
      </c>
      <c r="AY4190">
        <v>0</v>
      </c>
      <c r="AZ4190">
        <v>0</v>
      </c>
      <c r="BA4190">
        <v>0</v>
      </c>
    </row>
    <row r="4191" spans="1:53" x14ac:dyDescent="0.4">
      <c r="A4191">
        <v>4235</v>
      </c>
      <c r="B4191" s="1">
        <v>44379</v>
      </c>
      <c r="C4191">
        <v>2</v>
      </c>
      <c r="D4191" s="1">
        <v>44379.4375</v>
      </c>
      <c r="E4191" s="1">
        <v>44379.781944444447</v>
      </c>
      <c r="F4191">
        <v>37100</v>
      </c>
      <c r="G4191">
        <v>616</v>
      </c>
      <c r="H4191">
        <v>0</v>
      </c>
      <c r="I4191">
        <v>0</v>
      </c>
      <c r="J4191">
        <v>50</v>
      </c>
      <c r="K4191">
        <v>0</v>
      </c>
      <c r="L4191">
        <v>0</v>
      </c>
      <c r="M4191">
        <v>3424</v>
      </c>
      <c r="N4191">
        <v>0</v>
      </c>
      <c r="O4191">
        <v>0</v>
      </c>
      <c r="P4191">
        <v>14440</v>
      </c>
      <c r="Q4191">
        <v>0</v>
      </c>
      <c r="R4191">
        <v>52106</v>
      </c>
      <c r="S4191">
        <v>0</v>
      </c>
      <c r="T4191">
        <v>0</v>
      </c>
      <c r="U4191">
        <v>0</v>
      </c>
      <c r="V4191">
        <v>2</v>
      </c>
      <c r="W4191">
        <v>3</v>
      </c>
      <c r="X4191">
        <v>0</v>
      </c>
      <c r="Y4191">
        <v>40</v>
      </c>
      <c r="Z4191">
        <v>27</v>
      </c>
      <c r="AA4191">
        <v>44</v>
      </c>
      <c r="AB4191">
        <v>112</v>
      </c>
      <c r="AC4191">
        <v>80</v>
      </c>
      <c r="AD4191">
        <v>72</v>
      </c>
      <c r="AE4191">
        <v>16</v>
      </c>
      <c r="AF4191">
        <v>2430</v>
      </c>
      <c r="AG4191">
        <v>102106</v>
      </c>
      <c r="AH4191">
        <v>50000</v>
      </c>
      <c r="AI4191">
        <v>0</v>
      </c>
      <c r="AJ4191">
        <v>70</v>
      </c>
      <c r="AK4191" t="s">
        <v>49</v>
      </c>
      <c r="AL4191">
        <v>0</v>
      </c>
      <c r="AM4191">
        <v>0</v>
      </c>
      <c r="AN4191">
        <v>0</v>
      </c>
      <c r="AO4191">
        <v>0</v>
      </c>
      <c r="AP4191">
        <v>0</v>
      </c>
      <c r="AQ4191">
        <v>0</v>
      </c>
      <c r="AR4191">
        <v>0</v>
      </c>
      <c r="AS4191">
        <v>0</v>
      </c>
      <c r="AT4191">
        <v>0</v>
      </c>
      <c r="AU4191">
        <v>0</v>
      </c>
      <c r="AV4191">
        <v>0</v>
      </c>
      <c r="AW4191">
        <v>0</v>
      </c>
      <c r="AX4191">
        <v>2914</v>
      </c>
      <c r="AY4191">
        <v>48</v>
      </c>
      <c r="AZ4191">
        <v>86</v>
      </c>
      <c r="BA4191">
        <v>7183</v>
      </c>
    </row>
    <row r="4192" spans="1:53" x14ac:dyDescent="0.4">
      <c r="A4192">
        <v>4236</v>
      </c>
      <c r="B4192" s="1">
        <v>44380</v>
      </c>
      <c r="C4192">
        <v>1</v>
      </c>
      <c r="D4192" s="1">
        <v>44380.291666666664</v>
      </c>
      <c r="E4192" s="1">
        <v>44380.401388888888</v>
      </c>
      <c r="F4192">
        <v>0</v>
      </c>
      <c r="G4192">
        <v>0</v>
      </c>
      <c r="H4192">
        <v>0</v>
      </c>
      <c r="I4192">
        <v>0</v>
      </c>
      <c r="J4192">
        <v>0</v>
      </c>
      <c r="K4192">
        <v>0</v>
      </c>
      <c r="L4192">
        <v>0</v>
      </c>
      <c r="M4192">
        <v>0</v>
      </c>
      <c r="N4192">
        <v>0</v>
      </c>
      <c r="O4192">
        <v>0</v>
      </c>
      <c r="P4192">
        <v>0</v>
      </c>
      <c r="Q4192">
        <v>0</v>
      </c>
      <c r="R4192">
        <v>0</v>
      </c>
      <c r="S4192">
        <v>0</v>
      </c>
      <c r="T4192">
        <v>0</v>
      </c>
      <c r="U4192">
        <v>0</v>
      </c>
      <c r="V4192">
        <v>0</v>
      </c>
      <c r="W4192">
        <v>1</v>
      </c>
      <c r="X4192">
        <v>0</v>
      </c>
      <c r="Y4192">
        <v>27</v>
      </c>
      <c r="Z4192">
        <v>18</v>
      </c>
      <c r="AA4192">
        <v>27</v>
      </c>
      <c r="AB4192">
        <v>102</v>
      </c>
      <c r="AC4192">
        <v>84</v>
      </c>
      <c r="AD4192">
        <v>69</v>
      </c>
      <c r="AE4192">
        <v>15</v>
      </c>
      <c r="AF4192">
        <v>0</v>
      </c>
      <c r="AG4192">
        <v>50000</v>
      </c>
      <c r="AH4192">
        <v>0</v>
      </c>
      <c r="AI4192">
        <v>50000</v>
      </c>
      <c r="AJ4192">
        <v>0</v>
      </c>
      <c r="AK4192" t="s">
        <v>6</v>
      </c>
      <c r="AL4192">
        <v>0</v>
      </c>
      <c r="AM4192">
        <v>0</v>
      </c>
      <c r="AN4192">
        <v>0</v>
      </c>
      <c r="AO4192">
        <v>0</v>
      </c>
      <c r="AP4192">
        <v>0</v>
      </c>
      <c r="AQ4192">
        <v>0</v>
      </c>
      <c r="AR4192">
        <v>0</v>
      </c>
      <c r="AS4192">
        <v>0</v>
      </c>
      <c r="AT4192">
        <v>0</v>
      </c>
      <c r="AU4192">
        <v>0</v>
      </c>
      <c r="AV4192">
        <v>0</v>
      </c>
      <c r="AW4192">
        <v>0</v>
      </c>
      <c r="AX4192">
        <v>0</v>
      </c>
      <c r="AY4192">
        <v>0</v>
      </c>
      <c r="AZ4192">
        <v>0</v>
      </c>
      <c r="BA4192">
        <v>0</v>
      </c>
    </row>
    <row r="4193" spans="1:53" x14ac:dyDescent="0.4">
      <c r="A4193">
        <v>4237</v>
      </c>
      <c r="B4193" s="1">
        <v>44380</v>
      </c>
      <c r="C4193">
        <v>2</v>
      </c>
      <c r="D4193" s="1">
        <v>44380.401388888888</v>
      </c>
      <c r="E4193" s="1">
        <v>44380.740972222222</v>
      </c>
      <c r="F4193">
        <v>32280</v>
      </c>
      <c r="G4193">
        <v>3330</v>
      </c>
      <c r="H4193">
        <v>0</v>
      </c>
      <c r="I4193">
        <v>0</v>
      </c>
      <c r="J4193">
        <v>0</v>
      </c>
      <c r="K4193">
        <v>0</v>
      </c>
      <c r="L4193">
        <v>0</v>
      </c>
      <c r="M4193">
        <v>3237</v>
      </c>
      <c r="N4193">
        <v>0</v>
      </c>
      <c r="O4193">
        <v>0</v>
      </c>
      <c r="P4193">
        <v>16310</v>
      </c>
      <c r="Q4193">
        <v>0</v>
      </c>
      <c r="R4193">
        <v>51920</v>
      </c>
      <c r="S4193">
        <v>0</v>
      </c>
      <c r="T4193">
        <v>0</v>
      </c>
      <c r="U4193">
        <v>0</v>
      </c>
      <c r="V4193">
        <v>3</v>
      </c>
      <c r="W4193">
        <v>2</v>
      </c>
      <c r="X4193">
        <v>0</v>
      </c>
      <c r="Y4193">
        <v>35</v>
      </c>
      <c r="Z4193">
        <v>32</v>
      </c>
      <c r="AA4193">
        <v>37</v>
      </c>
      <c r="AB4193">
        <v>97</v>
      </c>
      <c r="AC4193">
        <v>95</v>
      </c>
      <c r="AD4193">
        <v>68</v>
      </c>
      <c r="AE4193">
        <v>20</v>
      </c>
      <c r="AF4193">
        <v>1060</v>
      </c>
      <c r="AG4193">
        <v>101920</v>
      </c>
      <c r="AH4193">
        <v>50000</v>
      </c>
      <c r="AI4193">
        <v>0</v>
      </c>
      <c r="AJ4193">
        <v>85</v>
      </c>
      <c r="AK4193" t="s">
        <v>7</v>
      </c>
      <c r="AL4193">
        <v>0</v>
      </c>
      <c r="AM4193">
        <v>0</v>
      </c>
      <c r="AN4193">
        <v>0</v>
      </c>
      <c r="AO4193">
        <v>0</v>
      </c>
      <c r="AP4193">
        <v>0</v>
      </c>
      <c r="AQ4193">
        <v>0</v>
      </c>
      <c r="AR4193">
        <v>0</v>
      </c>
      <c r="AS4193">
        <v>0</v>
      </c>
      <c r="AT4193">
        <v>0</v>
      </c>
      <c r="AU4193">
        <v>0</v>
      </c>
      <c r="AV4193">
        <v>0</v>
      </c>
      <c r="AW4193">
        <v>0</v>
      </c>
      <c r="AX4193">
        <v>594</v>
      </c>
      <c r="AY4193">
        <v>42</v>
      </c>
      <c r="AZ4193">
        <v>78</v>
      </c>
      <c r="BA4193">
        <v>6402</v>
      </c>
    </row>
    <row r="4194" spans="1:53" x14ac:dyDescent="0.4">
      <c r="A4194">
        <v>4238</v>
      </c>
      <c r="B4194" s="1">
        <v>44380</v>
      </c>
      <c r="C4194">
        <v>3</v>
      </c>
      <c r="D4194" s="1">
        <v>44380.740972222222</v>
      </c>
      <c r="E4194" s="1">
        <v>44381.029166666667</v>
      </c>
      <c r="F4194">
        <v>66775</v>
      </c>
      <c r="G4194">
        <v>2651</v>
      </c>
      <c r="H4194">
        <v>0</v>
      </c>
      <c r="I4194">
        <v>0</v>
      </c>
      <c r="J4194">
        <v>0</v>
      </c>
      <c r="K4194">
        <v>0</v>
      </c>
      <c r="L4194">
        <v>0</v>
      </c>
      <c r="M4194">
        <v>6311</v>
      </c>
      <c r="N4194">
        <v>0</v>
      </c>
      <c r="O4194">
        <v>0</v>
      </c>
      <c r="P4194">
        <v>20440</v>
      </c>
      <c r="Q4194">
        <v>0</v>
      </c>
      <c r="R4194">
        <v>89866</v>
      </c>
      <c r="S4194">
        <v>0</v>
      </c>
      <c r="T4194">
        <v>0</v>
      </c>
      <c r="U4194">
        <v>0</v>
      </c>
      <c r="V4194">
        <v>4</v>
      </c>
      <c r="W4194">
        <v>2</v>
      </c>
      <c r="X4194">
        <v>0</v>
      </c>
      <c r="Y4194">
        <v>67</v>
      </c>
      <c r="Z4194">
        <v>28</v>
      </c>
      <c r="AA4194">
        <v>78</v>
      </c>
      <c r="AB4194">
        <v>91</v>
      </c>
      <c r="AC4194">
        <v>101</v>
      </c>
      <c r="AD4194">
        <v>66</v>
      </c>
      <c r="AE4194">
        <v>29</v>
      </c>
      <c r="AF4194">
        <v>47067</v>
      </c>
      <c r="AG4194">
        <v>191786</v>
      </c>
      <c r="AH4194">
        <v>50000</v>
      </c>
      <c r="AI4194">
        <v>0</v>
      </c>
      <c r="AJ4194">
        <v>70</v>
      </c>
      <c r="AK4194" t="s">
        <v>49</v>
      </c>
      <c r="AL4194">
        <v>0</v>
      </c>
      <c r="AM4194">
        <v>0</v>
      </c>
      <c r="AN4194">
        <v>0</v>
      </c>
      <c r="AO4194">
        <v>0</v>
      </c>
      <c r="AP4194">
        <v>0</v>
      </c>
      <c r="AQ4194">
        <v>0</v>
      </c>
      <c r="AR4194">
        <v>0</v>
      </c>
      <c r="AS4194">
        <v>0</v>
      </c>
      <c r="AT4194">
        <v>0</v>
      </c>
      <c r="AU4194">
        <v>0</v>
      </c>
      <c r="AV4194">
        <v>0</v>
      </c>
      <c r="AW4194">
        <v>0</v>
      </c>
      <c r="AX4194">
        <v>6655</v>
      </c>
      <c r="AY4194">
        <v>19</v>
      </c>
      <c r="AZ4194">
        <v>56</v>
      </c>
      <c r="BA4194">
        <v>3215</v>
      </c>
    </row>
    <row r="4195" spans="1:53" x14ac:dyDescent="0.4">
      <c r="A4195">
        <v>4239</v>
      </c>
      <c r="B4195" s="1">
        <v>44381</v>
      </c>
      <c r="C4195">
        <v>1</v>
      </c>
      <c r="D4195" s="1">
        <v>44381.291666666664</v>
      </c>
      <c r="E4195" s="1">
        <v>44381.401388888888</v>
      </c>
      <c r="F4195">
        <v>0</v>
      </c>
      <c r="G4195">
        <v>0</v>
      </c>
      <c r="H4195">
        <v>0</v>
      </c>
      <c r="I4195">
        <v>0</v>
      </c>
      <c r="J4195">
        <v>0</v>
      </c>
      <c r="K4195">
        <v>0</v>
      </c>
      <c r="L4195">
        <v>0</v>
      </c>
      <c r="M4195">
        <v>0</v>
      </c>
      <c r="N4195">
        <v>0</v>
      </c>
      <c r="O4195">
        <v>0</v>
      </c>
      <c r="P4195">
        <v>0</v>
      </c>
      <c r="Q4195">
        <v>0</v>
      </c>
      <c r="R4195">
        <v>0</v>
      </c>
      <c r="S4195">
        <v>0</v>
      </c>
      <c r="T4195">
        <v>0</v>
      </c>
      <c r="U4195">
        <v>0</v>
      </c>
      <c r="V4195">
        <v>0</v>
      </c>
      <c r="W4195">
        <v>1</v>
      </c>
      <c r="X4195">
        <v>0</v>
      </c>
      <c r="Y4195">
        <v>25</v>
      </c>
      <c r="Z4195">
        <v>14</v>
      </c>
      <c r="AA4195">
        <v>76</v>
      </c>
      <c r="AB4195">
        <v>83</v>
      </c>
      <c r="AC4195">
        <v>89</v>
      </c>
      <c r="AD4195">
        <v>66</v>
      </c>
      <c r="AE4195">
        <v>30</v>
      </c>
      <c r="AF4195">
        <v>0</v>
      </c>
      <c r="AG4195">
        <v>50000</v>
      </c>
      <c r="AH4195">
        <v>0</v>
      </c>
      <c r="AI4195">
        <v>50000</v>
      </c>
      <c r="AJ4195">
        <v>0</v>
      </c>
      <c r="AK4195" t="s">
        <v>6</v>
      </c>
      <c r="AL4195">
        <v>0</v>
      </c>
      <c r="AM4195">
        <v>0</v>
      </c>
      <c r="AN4195">
        <v>0</v>
      </c>
      <c r="AO4195">
        <v>0</v>
      </c>
      <c r="AP4195">
        <v>0</v>
      </c>
      <c r="AQ4195">
        <v>0</v>
      </c>
      <c r="AR4195">
        <v>0</v>
      </c>
      <c r="AS4195">
        <v>0</v>
      </c>
      <c r="AT4195">
        <v>0</v>
      </c>
      <c r="AU4195">
        <v>0</v>
      </c>
      <c r="AV4195">
        <v>0</v>
      </c>
      <c r="AW4195">
        <v>0</v>
      </c>
      <c r="AX4195">
        <v>0</v>
      </c>
      <c r="AY4195">
        <v>0</v>
      </c>
      <c r="AZ4195">
        <v>0</v>
      </c>
      <c r="BA4195">
        <v>0</v>
      </c>
    </row>
    <row r="4196" spans="1:53" x14ac:dyDescent="0.4">
      <c r="A4196">
        <v>4240</v>
      </c>
      <c r="B4196" s="1">
        <v>44381</v>
      </c>
      <c r="C4196">
        <v>2</v>
      </c>
      <c r="D4196" s="1">
        <v>44381.401388888888</v>
      </c>
      <c r="E4196" s="1">
        <v>44381.760416666664</v>
      </c>
      <c r="F4196">
        <v>46635</v>
      </c>
      <c r="G4196">
        <v>1892</v>
      </c>
      <c r="H4196">
        <v>0</v>
      </c>
      <c r="I4196">
        <v>0</v>
      </c>
      <c r="J4196">
        <v>0</v>
      </c>
      <c r="K4196">
        <v>0</v>
      </c>
      <c r="L4196">
        <v>0</v>
      </c>
      <c r="M4196">
        <v>4412</v>
      </c>
      <c r="N4196">
        <v>0</v>
      </c>
      <c r="O4196">
        <v>0</v>
      </c>
      <c r="P4196">
        <v>21150</v>
      </c>
      <c r="Q4196">
        <v>0</v>
      </c>
      <c r="R4196">
        <v>69677</v>
      </c>
      <c r="S4196">
        <v>0</v>
      </c>
      <c r="T4196">
        <v>0</v>
      </c>
      <c r="U4196">
        <v>0</v>
      </c>
      <c r="V4196">
        <v>3</v>
      </c>
      <c r="W4196">
        <v>3</v>
      </c>
      <c r="X4196">
        <v>0</v>
      </c>
      <c r="Y4196">
        <v>44</v>
      </c>
      <c r="Z4196">
        <v>33</v>
      </c>
      <c r="AA4196">
        <v>75</v>
      </c>
      <c r="AB4196">
        <v>102</v>
      </c>
      <c r="AC4196">
        <v>122</v>
      </c>
      <c r="AD4196">
        <v>65</v>
      </c>
      <c r="AE4196">
        <v>32</v>
      </c>
      <c r="AF4196">
        <v>0</v>
      </c>
      <c r="AG4196">
        <v>119677</v>
      </c>
      <c r="AH4196">
        <v>50000</v>
      </c>
      <c r="AI4196">
        <v>0</v>
      </c>
      <c r="AJ4196">
        <v>103</v>
      </c>
      <c r="AK4196" t="s">
        <v>7</v>
      </c>
      <c r="AL4196">
        <v>0</v>
      </c>
      <c r="AM4196">
        <v>0</v>
      </c>
      <c r="AN4196">
        <v>0</v>
      </c>
      <c r="AO4196">
        <v>0</v>
      </c>
      <c r="AP4196">
        <v>0</v>
      </c>
      <c r="AQ4196">
        <v>0</v>
      </c>
      <c r="AR4196">
        <v>0</v>
      </c>
      <c r="AS4196">
        <v>0</v>
      </c>
      <c r="AT4196">
        <v>0</v>
      </c>
      <c r="AU4196">
        <v>0</v>
      </c>
      <c r="AV4196">
        <v>0</v>
      </c>
      <c r="AW4196">
        <v>0</v>
      </c>
      <c r="AX4196">
        <v>3102</v>
      </c>
      <c r="AY4196">
        <v>52</v>
      </c>
      <c r="AZ4196">
        <v>117</v>
      </c>
      <c r="BA4196">
        <v>7516</v>
      </c>
    </row>
    <row r="4197" spans="1:53" x14ac:dyDescent="0.4">
      <c r="A4197">
        <v>4241</v>
      </c>
      <c r="B4197" s="1">
        <v>44382</v>
      </c>
      <c r="C4197">
        <v>1</v>
      </c>
      <c r="D4197" s="1">
        <v>44382.291666666664</v>
      </c>
      <c r="E4197" s="1">
        <v>44382.458333333336</v>
      </c>
      <c r="F4197">
        <v>0</v>
      </c>
      <c r="G4197">
        <v>0</v>
      </c>
      <c r="H4197">
        <v>0</v>
      </c>
      <c r="I4197">
        <v>0</v>
      </c>
      <c r="J4197">
        <v>0</v>
      </c>
      <c r="K4197">
        <v>0</v>
      </c>
      <c r="L4197">
        <v>0</v>
      </c>
      <c r="M4197">
        <v>0</v>
      </c>
      <c r="N4197">
        <v>0</v>
      </c>
      <c r="O4197">
        <v>0</v>
      </c>
      <c r="P4197">
        <v>0</v>
      </c>
      <c r="Q4197">
        <v>0</v>
      </c>
      <c r="R4197">
        <v>0</v>
      </c>
      <c r="S4197">
        <v>0</v>
      </c>
      <c r="T4197">
        <v>0</v>
      </c>
      <c r="U4197">
        <v>0</v>
      </c>
      <c r="V4197">
        <v>0</v>
      </c>
      <c r="W4197">
        <v>1</v>
      </c>
      <c r="X4197">
        <v>0</v>
      </c>
      <c r="Y4197">
        <v>22</v>
      </c>
      <c r="Z4197">
        <v>13</v>
      </c>
      <c r="AA4197">
        <v>99</v>
      </c>
      <c r="AB4197">
        <v>101</v>
      </c>
      <c r="AC4197">
        <v>120</v>
      </c>
      <c r="AD4197">
        <v>64</v>
      </c>
      <c r="AE4197">
        <v>30</v>
      </c>
      <c r="AF4197">
        <v>0</v>
      </c>
      <c r="AG4197">
        <v>50000</v>
      </c>
      <c r="AH4197">
        <v>50000</v>
      </c>
      <c r="AI4197">
        <v>0</v>
      </c>
      <c r="AJ4197">
        <v>0</v>
      </c>
      <c r="AK4197" t="s">
        <v>6</v>
      </c>
      <c r="AL4197">
        <v>0</v>
      </c>
      <c r="AM4197">
        <v>0</v>
      </c>
      <c r="AN4197">
        <v>0</v>
      </c>
      <c r="AO4197">
        <v>0</v>
      </c>
      <c r="AP4197">
        <v>0</v>
      </c>
      <c r="AQ4197">
        <v>0</v>
      </c>
      <c r="AR4197">
        <v>0</v>
      </c>
      <c r="AS4197">
        <v>0</v>
      </c>
      <c r="AT4197">
        <v>0</v>
      </c>
      <c r="AU4197">
        <v>0</v>
      </c>
      <c r="AV4197">
        <v>0</v>
      </c>
      <c r="AW4197">
        <v>0</v>
      </c>
      <c r="AX4197">
        <v>0</v>
      </c>
      <c r="AY4197">
        <v>0</v>
      </c>
      <c r="AZ4197">
        <v>0</v>
      </c>
      <c r="BA4197">
        <v>0</v>
      </c>
    </row>
    <row r="4198" spans="1:53" x14ac:dyDescent="0.4">
      <c r="A4198">
        <v>4242</v>
      </c>
      <c r="B4198" s="1">
        <v>44382</v>
      </c>
      <c r="C4198">
        <v>2</v>
      </c>
      <c r="D4198" s="1">
        <v>44382.458333333336</v>
      </c>
      <c r="E4198" s="1">
        <v>44382.761805555558</v>
      </c>
      <c r="F4198">
        <v>13660</v>
      </c>
      <c r="G4198">
        <v>880</v>
      </c>
      <c r="H4198">
        <v>0</v>
      </c>
      <c r="I4198">
        <v>0</v>
      </c>
      <c r="J4198">
        <v>0</v>
      </c>
      <c r="K4198">
        <v>0</v>
      </c>
      <c r="L4198">
        <v>0</v>
      </c>
      <c r="M4198">
        <v>1322</v>
      </c>
      <c r="N4198">
        <v>0</v>
      </c>
      <c r="O4198">
        <v>0</v>
      </c>
      <c r="P4198">
        <v>15580</v>
      </c>
      <c r="Q4198">
        <v>0</v>
      </c>
      <c r="R4198">
        <v>30120</v>
      </c>
      <c r="S4198">
        <v>0</v>
      </c>
      <c r="T4198">
        <v>0</v>
      </c>
      <c r="U4198">
        <v>0</v>
      </c>
      <c r="V4198">
        <v>2</v>
      </c>
      <c r="W4198">
        <v>2</v>
      </c>
      <c r="X4198">
        <v>0</v>
      </c>
      <c r="Y4198">
        <v>24</v>
      </c>
      <c r="Z4198">
        <v>13</v>
      </c>
      <c r="AA4198">
        <v>118</v>
      </c>
      <c r="AB4198">
        <v>101</v>
      </c>
      <c r="AC4198">
        <v>122</v>
      </c>
      <c r="AD4198">
        <v>64</v>
      </c>
      <c r="AE4198">
        <v>30</v>
      </c>
      <c r="AF4198">
        <v>1200</v>
      </c>
      <c r="AG4198">
        <v>80120</v>
      </c>
      <c r="AH4198">
        <v>50000</v>
      </c>
      <c r="AI4198">
        <v>0</v>
      </c>
      <c r="AJ4198">
        <v>70</v>
      </c>
      <c r="AK4198" t="s">
        <v>49</v>
      </c>
      <c r="AL4198">
        <v>0</v>
      </c>
      <c r="AM4198">
        <v>0</v>
      </c>
      <c r="AN4198">
        <v>0</v>
      </c>
      <c r="AO4198">
        <v>0</v>
      </c>
      <c r="AP4198">
        <v>0</v>
      </c>
      <c r="AQ4198">
        <v>0</v>
      </c>
      <c r="AR4198">
        <v>0</v>
      </c>
      <c r="AS4198">
        <v>0</v>
      </c>
      <c r="AT4198">
        <v>0</v>
      </c>
      <c r="AU4198">
        <v>0</v>
      </c>
      <c r="AV4198">
        <v>0</v>
      </c>
      <c r="AW4198">
        <v>0</v>
      </c>
      <c r="AX4198">
        <v>1320</v>
      </c>
      <c r="AY4198">
        <v>30</v>
      </c>
      <c r="AZ4198">
        <v>50</v>
      </c>
      <c r="BA4198">
        <v>3802</v>
      </c>
    </row>
    <row r="4199" spans="1:53" x14ac:dyDescent="0.4">
      <c r="A4199">
        <v>4243</v>
      </c>
      <c r="B4199" s="1">
        <v>44383</v>
      </c>
      <c r="C4199">
        <v>1</v>
      </c>
      <c r="D4199" s="1">
        <v>44383.291666666664</v>
      </c>
      <c r="E4199" s="1">
        <v>44383.431250000001</v>
      </c>
      <c r="F4199">
        <v>0</v>
      </c>
      <c r="G4199">
        <v>0</v>
      </c>
      <c r="H4199">
        <v>0</v>
      </c>
      <c r="I4199">
        <v>0</v>
      </c>
      <c r="J4199">
        <v>0</v>
      </c>
      <c r="K4199">
        <v>0</v>
      </c>
      <c r="L4199">
        <v>0</v>
      </c>
      <c r="M4199">
        <v>0</v>
      </c>
      <c r="N4199">
        <v>0</v>
      </c>
      <c r="O4199">
        <v>0</v>
      </c>
      <c r="P4199">
        <v>0</v>
      </c>
      <c r="Q4199">
        <v>0</v>
      </c>
      <c r="R4199">
        <v>0</v>
      </c>
      <c r="S4199">
        <v>0</v>
      </c>
      <c r="T4199">
        <v>0</v>
      </c>
      <c r="U4199">
        <v>0</v>
      </c>
      <c r="V4199">
        <v>0</v>
      </c>
      <c r="W4199">
        <v>1</v>
      </c>
      <c r="X4199">
        <v>0</v>
      </c>
      <c r="Y4199">
        <v>24</v>
      </c>
      <c r="Z4199">
        <v>11</v>
      </c>
      <c r="AA4199">
        <v>109</v>
      </c>
      <c r="AB4199">
        <v>59</v>
      </c>
      <c r="AC4199">
        <v>130</v>
      </c>
      <c r="AD4199">
        <v>64</v>
      </c>
      <c r="AE4199">
        <v>30</v>
      </c>
      <c r="AF4199">
        <v>0</v>
      </c>
      <c r="AG4199">
        <v>50000</v>
      </c>
      <c r="AH4199">
        <v>50000</v>
      </c>
      <c r="AI4199">
        <v>0</v>
      </c>
      <c r="AJ4199">
        <v>0</v>
      </c>
      <c r="AK4199" t="s">
        <v>6</v>
      </c>
      <c r="AL4199">
        <v>0</v>
      </c>
      <c r="AM4199">
        <v>0</v>
      </c>
      <c r="AN4199">
        <v>0</v>
      </c>
      <c r="AO4199">
        <v>0</v>
      </c>
      <c r="AP4199">
        <v>0</v>
      </c>
      <c r="AQ4199">
        <v>0</v>
      </c>
      <c r="AR4199">
        <v>0</v>
      </c>
      <c r="AS4199">
        <v>0</v>
      </c>
      <c r="AT4199">
        <v>0</v>
      </c>
      <c r="AU4199">
        <v>0</v>
      </c>
      <c r="AV4199">
        <v>0</v>
      </c>
      <c r="AW4199">
        <v>0</v>
      </c>
      <c r="AX4199">
        <v>0</v>
      </c>
      <c r="AY4199">
        <v>0</v>
      </c>
      <c r="AZ4199">
        <v>0</v>
      </c>
      <c r="BA4199">
        <v>0</v>
      </c>
    </row>
    <row r="4200" spans="1:53" x14ac:dyDescent="0.4">
      <c r="A4200">
        <v>4244</v>
      </c>
      <c r="B4200" s="1">
        <v>44383</v>
      </c>
      <c r="C4200">
        <v>2</v>
      </c>
      <c r="D4200" s="1">
        <v>44383.431250000001</v>
      </c>
      <c r="E4200" s="1">
        <v>44383.746527777781</v>
      </c>
      <c r="F4200">
        <v>6580</v>
      </c>
      <c r="G4200">
        <v>418</v>
      </c>
      <c r="H4200">
        <v>0</v>
      </c>
      <c r="I4200">
        <v>0</v>
      </c>
      <c r="J4200">
        <v>0</v>
      </c>
      <c r="K4200">
        <v>0</v>
      </c>
      <c r="L4200">
        <v>0</v>
      </c>
      <c r="M4200">
        <v>638</v>
      </c>
      <c r="N4200">
        <v>0</v>
      </c>
      <c r="O4200">
        <v>0</v>
      </c>
      <c r="P4200">
        <v>11860</v>
      </c>
      <c r="Q4200">
        <v>0</v>
      </c>
      <c r="R4200">
        <v>18858</v>
      </c>
      <c r="S4200">
        <v>0</v>
      </c>
      <c r="T4200">
        <v>0</v>
      </c>
      <c r="U4200">
        <v>0</v>
      </c>
      <c r="V4200">
        <v>0</v>
      </c>
      <c r="W4200">
        <v>3</v>
      </c>
      <c r="X4200">
        <v>0</v>
      </c>
      <c r="Y4200">
        <v>25</v>
      </c>
      <c r="Z4200">
        <v>16</v>
      </c>
      <c r="AA4200">
        <v>97</v>
      </c>
      <c r="AB4200">
        <v>55</v>
      </c>
      <c r="AC4200">
        <v>130</v>
      </c>
      <c r="AD4200">
        <v>64</v>
      </c>
      <c r="AE4200">
        <v>24</v>
      </c>
      <c r="AF4200">
        <v>6764</v>
      </c>
      <c r="AG4200">
        <v>68858</v>
      </c>
      <c r="AH4200">
        <v>50000</v>
      </c>
      <c r="AI4200">
        <v>0</v>
      </c>
      <c r="AJ4200">
        <v>85</v>
      </c>
      <c r="AK4200" t="s">
        <v>7</v>
      </c>
      <c r="AL4200">
        <v>0</v>
      </c>
      <c r="AM4200">
        <v>0</v>
      </c>
      <c r="AN4200">
        <v>0</v>
      </c>
      <c r="AO4200">
        <v>0</v>
      </c>
      <c r="AP4200">
        <v>0</v>
      </c>
      <c r="AQ4200">
        <v>0</v>
      </c>
      <c r="AR4200">
        <v>0</v>
      </c>
      <c r="AS4200">
        <v>0</v>
      </c>
      <c r="AT4200">
        <v>0</v>
      </c>
      <c r="AU4200">
        <v>0</v>
      </c>
      <c r="AV4200">
        <v>0</v>
      </c>
      <c r="AW4200">
        <v>0</v>
      </c>
      <c r="AX4200">
        <v>792</v>
      </c>
      <c r="AY4200">
        <v>21</v>
      </c>
      <c r="AZ4200">
        <v>31</v>
      </c>
      <c r="BA4200">
        <v>2739</v>
      </c>
    </row>
    <row r="4201" spans="1:53" x14ac:dyDescent="0.4">
      <c r="A4201">
        <v>4245</v>
      </c>
      <c r="B4201" s="1">
        <v>44384</v>
      </c>
      <c r="C4201">
        <v>1</v>
      </c>
      <c r="D4201" s="1">
        <v>44384.291666666664</v>
      </c>
      <c r="E4201" s="1">
        <v>44384.449305555558</v>
      </c>
      <c r="F4201">
        <v>0</v>
      </c>
      <c r="G4201">
        <v>0</v>
      </c>
      <c r="H4201">
        <v>0</v>
      </c>
      <c r="I4201">
        <v>0</v>
      </c>
      <c r="J4201">
        <v>0</v>
      </c>
      <c r="K4201">
        <v>0</v>
      </c>
      <c r="L4201">
        <v>0</v>
      </c>
      <c r="M4201">
        <v>0</v>
      </c>
      <c r="N4201">
        <v>0</v>
      </c>
      <c r="O4201">
        <v>0</v>
      </c>
      <c r="P4201">
        <v>0</v>
      </c>
      <c r="Q4201">
        <v>0</v>
      </c>
      <c r="R4201">
        <v>0</v>
      </c>
      <c r="S4201">
        <v>0</v>
      </c>
      <c r="T4201">
        <v>0</v>
      </c>
      <c r="U4201">
        <v>0</v>
      </c>
      <c r="V4201">
        <v>0</v>
      </c>
      <c r="W4201">
        <v>1</v>
      </c>
      <c r="X4201">
        <v>0</v>
      </c>
      <c r="Y4201">
        <v>24</v>
      </c>
      <c r="Z4201">
        <v>12</v>
      </c>
      <c r="AA4201">
        <v>108</v>
      </c>
      <c r="AB4201">
        <v>58</v>
      </c>
      <c r="AC4201">
        <v>97</v>
      </c>
      <c r="AD4201">
        <v>62</v>
      </c>
      <c r="AE4201">
        <v>20</v>
      </c>
      <c r="AF4201">
        <v>0</v>
      </c>
      <c r="AG4201">
        <v>50000</v>
      </c>
      <c r="AH4201">
        <v>50000</v>
      </c>
      <c r="AI4201">
        <v>0</v>
      </c>
      <c r="AJ4201">
        <v>0</v>
      </c>
      <c r="AK4201" t="s">
        <v>6</v>
      </c>
      <c r="AL4201">
        <v>0</v>
      </c>
      <c r="AM4201">
        <v>0</v>
      </c>
      <c r="AN4201">
        <v>0</v>
      </c>
      <c r="AO4201">
        <v>0</v>
      </c>
      <c r="AP4201">
        <v>0</v>
      </c>
      <c r="AQ4201">
        <v>0</v>
      </c>
      <c r="AR4201">
        <v>0</v>
      </c>
      <c r="AS4201">
        <v>0</v>
      </c>
      <c r="AT4201">
        <v>0</v>
      </c>
      <c r="AU4201">
        <v>0</v>
      </c>
      <c r="AV4201">
        <v>0</v>
      </c>
      <c r="AW4201">
        <v>0</v>
      </c>
      <c r="AX4201">
        <v>0</v>
      </c>
      <c r="AY4201">
        <v>0</v>
      </c>
      <c r="AZ4201">
        <v>0</v>
      </c>
      <c r="BA4201">
        <v>0</v>
      </c>
    </row>
    <row r="4202" spans="1:53" x14ac:dyDescent="0.4">
      <c r="A4202">
        <v>4246</v>
      </c>
      <c r="B4202" s="1">
        <v>44384</v>
      </c>
      <c r="C4202">
        <v>2</v>
      </c>
      <c r="D4202" s="1">
        <v>44384.449305555558</v>
      </c>
      <c r="E4202" s="1">
        <v>44384.772222222222</v>
      </c>
      <c r="F4202">
        <v>13130</v>
      </c>
      <c r="G4202">
        <v>880</v>
      </c>
      <c r="H4202">
        <v>0</v>
      </c>
      <c r="I4202">
        <v>0</v>
      </c>
      <c r="J4202">
        <v>400</v>
      </c>
      <c r="K4202">
        <v>0</v>
      </c>
      <c r="L4202">
        <v>0</v>
      </c>
      <c r="M4202">
        <v>1239</v>
      </c>
      <c r="N4202">
        <v>0</v>
      </c>
      <c r="O4202">
        <v>0</v>
      </c>
      <c r="P4202">
        <v>19340</v>
      </c>
      <c r="Q4202">
        <v>0</v>
      </c>
      <c r="R4202">
        <v>32950</v>
      </c>
      <c r="S4202">
        <v>0</v>
      </c>
      <c r="T4202">
        <v>0</v>
      </c>
      <c r="U4202">
        <v>0</v>
      </c>
      <c r="V4202">
        <v>1</v>
      </c>
      <c r="W4202">
        <v>1</v>
      </c>
      <c r="X4202">
        <v>0</v>
      </c>
      <c r="Y4202">
        <v>37</v>
      </c>
      <c r="Z4202">
        <v>24</v>
      </c>
      <c r="AA4202">
        <v>113</v>
      </c>
      <c r="AB4202">
        <v>69</v>
      </c>
      <c r="AC4202">
        <v>125</v>
      </c>
      <c r="AD4202">
        <v>63</v>
      </c>
      <c r="AE4202">
        <v>22</v>
      </c>
      <c r="AF4202">
        <v>2613</v>
      </c>
      <c r="AG4202">
        <v>82950</v>
      </c>
      <c r="AH4202">
        <v>50000</v>
      </c>
      <c r="AI4202">
        <v>0</v>
      </c>
      <c r="AJ4202">
        <v>70</v>
      </c>
      <c r="AK4202" t="s">
        <v>49</v>
      </c>
      <c r="AL4202">
        <v>0</v>
      </c>
      <c r="AM4202">
        <v>0</v>
      </c>
      <c r="AN4202">
        <v>0</v>
      </c>
      <c r="AO4202">
        <v>0</v>
      </c>
      <c r="AP4202">
        <v>0</v>
      </c>
      <c r="AQ4202">
        <v>0</v>
      </c>
      <c r="AR4202">
        <v>0</v>
      </c>
      <c r="AS4202">
        <v>0</v>
      </c>
      <c r="AT4202">
        <v>0</v>
      </c>
      <c r="AU4202">
        <v>0</v>
      </c>
      <c r="AV4202">
        <v>0</v>
      </c>
      <c r="AW4202">
        <v>0</v>
      </c>
      <c r="AX4202">
        <v>-1060</v>
      </c>
      <c r="AY4202">
        <v>35</v>
      </c>
      <c r="AZ4202">
        <v>59</v>
      </c>
      <c r="BA4202">
        <v>3984</v>
      </c>
    </row>
    <row r="4203" spans="1:53" x14ac:dyDescent="0.4">
      <c r="A4203">
        <v>4247</v>
      </c>
      <c r="B4203" s="1">
        <v>44385</v>
      </c>
      <c r="C4203">
        <v>1</v>
      </c>
      <c r="D4203" s="1">
        <v>44385.291666666664</v>
      </c>
      <c r="E4203" s="1">
        <v>44385.443749999999</v>
      </c>
      <c r="F4203">
        <v>0</v>
      </c>
      <c r="G4203">
        <v>0</v>
      </c>
      <c r="H4203">
        <v>0</v>
      </c>
      <c r="I4203">
        <v>0</v>
      </c>
      <c r="J4203">
        <v>0</v>
      </c>
      <c r="K4203">
        <v>0</v>
      </c>
      <c r="L4203">
        <v>0</v>
      </c>
      <c r="M4203">
        <v>0</v>
      </c>
      <c r="N4203">
        <v>0</v>
      </c>
      <c r="O4203">
        <v>0</v>
      </c>
      <c r="P4203">
        <v>0</v>
      </c>
      <c r="Q4203">
        <v>0</v>
      </c>
      <c r="R4203">
        <v>0</v>
      </c>
      <c r="S4203">
        <v>0</v>
      </c>
      <c r="T4203">
        <v>0</v>
      </c>
      <c r="U4203">
        <v>0</v>
      </c>
      <c r="V4203">
        <v>0</v>
      </c>
      <c r="W4203">
        <v>1</v>
      </c>
      <c r="X4203">
        <v>0</v>
      </c>
      <c r="Y4203">
        <v>25</v>
      </c>
      <c r="Z4203">
        <v>11</v>
      </c>
      <c r="AA4203">
        <v>101</v>
      </c>
      <c r="AB4203">
        <v>66</v>
      </c>
      <c r="AC4203">
        <v>77</v>
      </c>
      <c r="AD4203">
        <v>62</v>
      </c>
      <c r="AE4203">
        <v>20</v>
      </c>
      <c r="AF4203">
        <v>0</v>
      </c>
      <c r="AG4203">
        <v>50000</v>
      </c>
      <c r="AH4203">
        <v>50000</v>
      </c>
      <c r="AI4203">
        <v>0</v>
      </c>
      <c r="AJ4203">
        <v>0</v>
      </c>
      <c r="AK4203" t="s">
        <v>6</v>
      </c>
      <c r="AL4203">
        <v>0</v>
      </c>
      <c r="AM4203">
        <v>0</v>
      </c>
      <c r="AN4203">
        <v>0</v>
      </c>
      <c r="AO4203">
        <v>0</v>
      </c>
      <c r="AP4203">
        <v>0</v>
      </c>
      <c r="AQ4203">
        <v>0</v>
      </c>
      <c r="AR4203">
        <v>0</v>
      </c>
      <c r="AS4203">
        <v>0</v>
      </c>
      <c r="AT4203">
        <v>0</v>
      </c>
      <c r="AU4203">
        <v>0</v>
      </c>
      <c r="AV4203">
        <v>0</v>
      </c>
      <c r="AW4203">
        <v>0</v>
      </c>
      <c r="AX4203">
        <v>0</v>
      </c>
      <c r="AY4203">
        <v>0</v>
      </c>
      <c r="AZ4203">
        <v>0</v>
      </c>
      <c r="BA4203">
        <v>0</v>
      </c>
    </row>
    <row r="4204" spans="1:53" x14ac:dyDescent="0.4">
      <c r="A4204">
        <v>4248</v>
      </c>
      <c r="B4204" s="1">
        <v>44385</v>
      </c>
      <c r="C4204">
        <v>2</v>
      </c>
      <c r="D4204" s="1">
        <v>44385.443749999999</v>
      </c>
      <c r="E4204" s="1">
        <v>44385.785416666666</v>
      </c>
      <c r="F4204">
        <v>21530</v>
      </c>
      <c r="G4204">
        <v>1518</v>
      </c>
      <c r="H4204">
        <v>0</v>
      </c>
      <c r="I4204">
        <v>0</v>
      </c>
      <c r="J4204">
        <v>470</v>
      </c>
      <c r="K4204">
        <v>0</v>
      </c>
      <c r="L4204">
        <v>0</v>
      </c>
      <c r="M4204">
        <v>2052</v>
      </c>
      <c r="N4204">
        <v>0</v>
      </c>
      <c r="O4204">
        <v>0</v>
      </c>
      <c r="P4204">
        <v>7380</v>
      </c>
      <c r="Q4204">
        <v>0</v>
      </c>
      <c r="R4204">
        <v>29958</v>
      </c>
      <c r="S4204">
        <v>0</v>
      </c>
      <c r="T4204">
        <v>0</v>
      </c>
      <c r="U4204">
        <v>0</v>
      </c>
      <c r="V4204">
        <v>1</v>
      </c>
      <c r="W4204">
        <v>2</v>
      </c>
      <c r="X4204">
        <v>0</v>
      </c>
      <c r="Y4204">
        <v>32</v>
      </c>
      <c r="Z4204">
        <v>15</v>
      </c>
      <c r="AA4204">
        <v>73</v>
      </c>
      <c r="AB4204">
        <v>68</v>
      </c>
      <c r="AC4204">
        <v>98</v>
      </c>
      <c r="AD4204">
        <v>63</v>
      </c>
      <c r="AE4204">
        <v>19</v>
      </c>
      <c r="AF4204">
        <v>8444</v>
      </c>
      <c r="AG4204">
        <v>79958</v>
      </c>
      <c r="AH4204">
        <v>50000</v>
      </c>
      <c r="AI4204">
        <v>0</v>
      </c>
      <c r="AJ4204">
        <v>70</v>
      </c>
      <c r="AK4204" t="s">
        <v>49</v>
      </c>
      <c r="AL4204">
        <v>0</v>
      </c>
      <c r="AM4204">
        <v>0</v>
      </c>
      <c r="AN4204">
        <v>0</v>
      </c>
      <c r="AO4204">
        <v>0</v>
      </c>
      <c r="AP4204">
        <v>0</v>
      </c>
      <c r="AQ4204">
        <v>0</v>
      </c>
      <c r="AR4204">
        <v>0</v>
      </c>
      <c r="AS4204">
        <v>0</v>
      </c>
      <c r="AT4204">
        <v>0</v>
      </c>
      <c r="AU4204">
        <v>0</v>
      </c>
      <c r="AV4204">
        <v>0</v>
      </c>
      <c r="AW4204">
        <v>0</v>
      </c>
      <c r="AX4204">
        <v>-466</v>
      </c>
      <c r="AY4204">
        <v>35</v>
      </c>
      <c r="AZ4204">
        <v>55</v>
      </c>
      <c r="BA4204">
        <v>4718</v>
      </c>
    </row>
    <row r="4205" spans="1:53" x14ac:dyDescent="0.4">
      <c r="A4205">
        <v>4249</v>
      </c>
      <c r="B4205" s="1">
        <v>44386</v>
      </c>
      <c r="C4205">
        <v>1</v>
      </c>
      <c r="D4205" s="1">
        <v>44386.291666666664</v>
      </c>
      <c r="E4205" s="1">
        <v>44386.444444444445</v>
      </c>
      <c r="F4205">
        <v>0</v>
      </c>
      <c r="G4205">
        <v>0</v>
      </c>
      <c r="H4205">
        <v>0</v>
      </c>
      <c r="I4205">
        <v>0</v>
      </c>
      <c r="J4205">
        <v>0</v>
      </c>
      <c r="K4205">
        <v>0</v>
      </c>
      <c r="L4205">
        <v>0</v>
      </c>
      <c r="M4205">
        <v>0</v>
      </c>
      <c r="N4205">
        <v>0</v>
      </c>
      <c r="O4205">
        <v>0</v>
      </c>
      <c r="P4205">
        <v>0</v>
      </c>
      <c r="Q4205">
        <v>0</v>
      </c>
      <c r="R4205">
        <v>0</v>
      </c>
      <c r="S4205">
        <v>0</v>
      </c>
      <c r="T4205">
        <v>0</v>
      </c>
      <c r="U4205">
        <v>0</v>
      </c>
      <c r="V4205">
        <v>0</v>
      </c>
      <c r="W4205">
        <v>1</v>
      </c>
      <c r="X4205">
        <v>0</v>
      </c>
      <c r="Y4205">
        <v>25</v>
      </c>
      <c r="Z4205">
        <v>14</v>
      </c>
      <c r="AA4205">
        <v>82</v>
      </c>
      <c r="AB4205">
        <v>70</v>
      </c>
      <c r="AC4205">
        <v>97</v>
      </c>
      <c r="AD4205">
        <v>63</v>
      </c>
      <c r="AE4205">
        <v>15</v>
      </c>
      <c r="AF4205">
        <v>0</v>
      </c>
      <c r="AG4205">
        <v>50000</v>
      </c>
      <c r="AH4205">
        <v>50000</v>
      </c>
      <c r="AI4205">
        <v>0</v>
      </c>
      <c r="AJ4205">
        <v>0</v>
      </c>
      <c r="AK4205" t="s">
        <v>6</v>
      </c>
      <c r="AL4205">
        <v>0</v>
      </c>
      <c r="AM4205">
        <v>0</v>
      </c>
      <c r="AN4205">
        <v>0</v>
      </c>
      <c r="AO4205">
        <v>0</v>
      </c>
      <c r="AP4205">
        <v>0</v>
      </c>
      <c r="AQ4205">
        <v>0</v>
      </c>
      <c r="AR4205">
        <v>0</v>
      </c>
      <c r="AS4205">
        <v>0</v>
      </c>
      <c r="AT4205">
        <v>0</v>
      </c>
      <c r="AU4205">
        <v>0</v>
      </c>
      <c r="AV4205">
        <v>0</v>
      </c>
      <c r="AW4205">
        <v>0</v>
      </c>
      <c r="AX4205">
        <v>0</v>
      </c>
      <c r="AY4205">
        <v>0</v>
      </c>
      <c r="AZ4205">
        <v>0</v>
      </c>
      <c r="BA4205">
        <v>0</v>
      </c>
    </row>
    <row r="4206" spans="1:53" x14ac:dyDescent="0.4">
      <c r="A4206">
        <v>4250</v>
      </c>
      <c r="B4206" s="1">
        <v>44386</v>
      </c>
      <c r="C4206">
        <v>2</v>
      </c>
      <c r="D4206" s="1">
        <v>44386.444444444445</v>
      </c>
      <c r="E4206" s="1">
        <v>44386.760416666664</v>
      </c>
      <c r="F4206">
        <v>17510</v>
      </c>
      <c r="G4206">
        <v>902</v>
      </c>
      <c r="H4206">
        <v>0</v>
      </c>
      <c r="I4206">
        <v>0</v>
      </c>
      <c r="J4206">
        <v>0</v>
      </c>
      <c r="K4206">
        <v>0</v>
      </c>
      <c r="L4206">
        <v>0</v>
      </c>
      <c r="M4206">
        <v>1674</v>
      </c>
      <c r="N4206">
        <v>0</v>
      </c>
      <c r="O4206">
        <v>0</v>
      </c>
      <c r="P4206">
        <v>14230</v>
      </c>
      <c r="Q4206">
        <v>0</v>
      </c>
      <c r="R4206">
        <v>32642</v>
      </c>
      <c r="S4206">
        <v>0</v>
      </c>
      <c r="T4206">
        <v>0</v>
      </c>
      <c r="U4206">
        <v>0</v>
      </c>
      <c r="V4206">
        <v>0</v>
      </c>
      <c r="W4206">
        <v>2</v>
      </c>
      <c r="X4206">
        <v>0</v>
      </c>
      <c r="Y4206">
        <v>50</v>
      </c>
      <c r="Z4206">
        <v>15</v>
      </c>
      <c r="AA4206">
        <v>72</v>
      </c>
      <c r="AB4206">
        <v>66</v>
      </c>
      <c r="AC4206">
        <v>117</v>
      </c>
      <c r="AD4206">
        <v>63</v>
      </c>
      <c r="AE4206">
        <v>19</v>
      </c>
      <c r="AF4206">
        <v>3138</v>
      </c>
      <c r="AG4206">
        <v>82642</v>
      </c>
      <c r="AH4206">
        <v>50000</v>
      </c>
      <c r="AI4206">
        <v>0</v>
      </c>
      <c r="AJ4206">
        <v>102</v>
      </c>
      <c r="AK4206" t="s">
        <v>50</v>
      </c>
      <c r="AL4206">
        <v>0</v>
      </c>
      <c r="AM4206">
        <v>0</v>
      </c>
      <c r="AN4206">
        <v>0</v>
      </c>
      <c r="AO4206">
        <v>0</v>
      </c>
      <c r="AP4206">
        <v>0</v>
      </c>
      <c r="AQ4206">
        <v>0</v>
      </c>
      <c r="AR4206">
        <v>0</v>
      </c>
      <c r="AS4206">
        <v>0</v>
      </c>
      <c r="AT4206">
        <v>0</v>
      </c>
      <c r="AU4206">
        <v>0</v>
      </c>
      <c r="AV4206">
        <v>0</v>
      </c>
      <c r="AW4206">
        <v>0</v>
      </c>
      <c r="AX4206">
        <v>902</v>
      </c>
      <c r="AY4206">
        <v>33</v>
      </c>
      <c r="AZ4206">
        <v>60</v>
      </c>
      <c r="BA4206">
        <v>4059</v>
      </c>
    </row>
    <row r="4207" spans="1:53" x14ac:dyDescent="0.4">
      <c r="A4207">
        <v>4251</v>
      </c>
      <c r="B4207" s="1">
        <v>44387</v>
      </c>
      <c r="C4207">
        <v>1</v>
      </c>
      <c r="D4207" s="1">
        <v>44387.291666666664</v>
      </c>
      <c r="E4207" s="1">
        <v>44387.737500000003</v>
      </c>
      <c r="F4207">
        <v>39760</v>
      </c>
      <c r="G4207">
        <v>2530</v>
      </c>
      <c r="H4207">
        <v>0</v>
      </c>
      <c r="I4207">
        <v>0</v>
      </c>
      <c r="J4207">
        <v>500</v>
      </c>
      <c r="K4207">
        <v>0</v>
      </c>
      <c r="L4207">
        <v>0</v>
      </c>
      <c r="M4207">
        <v>3798</v>
      </c>
      <c r="N4207">
        <v>0</v>
      </c>
      <c r="O4207">
        <v>0</v>
      </c>
      <c r="P4207">
        <v>16320</v>
      </c>
      <c r="Q4207">
        <v>0</v>
      </c>
      <c r="R4207">
        <v>58110</v>
      </c>
      <c r="S4207">
        <v>0</v>
      </c>
      <c r="T4207">
        <v>0</v>
      </c>
      <c r="U4207">
        <v>0</v>
      </c>
      <c r="V4207">
        <v>2</v>
      </c>
      <c r="W4207">
        <v>0</v>
      </c>
      <c r="X4207">
        <v>0</v>
      </c>
      <c r="Y4207">
        <v>61</v>
      </c>
      <c r="Z4207">
        <v>26</v>
      </c>
      <c r="AA4207">
        <v>85</v>
      </c>
      <c r="AB4207">
        <v>69</v>
      </c>
      <c r="AC4207">
        <v>121</v>
      </c>
      <c r="AD4207">
        <v>63</v>
      </c>
      <c r="AE4207">
        <v>35</v>
      </c>
      <c r="AF4207">
        <v>600</v>
      </c>
      <c r="AG4207">
        <v>108110</v>
      </c>
      <c r="AH4207">
        <v>50000</v>
      </c>
      <c r="AI4207">
        <v>0</v>
      </c>
      <c r="AJ4207">
        <v>103</v>
      </c>
      <c r="AK4207" t="s">
        <v>7</v>
      </c>
      <c r="AL4207">
        <v>0</v>
      </c>
      <c r="AM4207">
        <v>0</v>
      </c>
      <c r="AN4207">
        <v>0</v>
      </c>
      <c r="AO4207">
        <v>0</v>
      </c>
      <c r="AP4207">
        <v>0</v>
      </c>
      <c r="AQ4207">
        <v>0</v>
      </c>
      <c r="AR4207">
        <v>0</v>
      </c>
      <c r="AS4207">
        <v>0</v>
      </c>
      <c r="AT4207">
        <v>0</v>
      </c>
      <c r="AU4207">
        <v>0</v>
      </c>
      <c r="AV4207">
        <v>0</v>
      </c>
      <c r="AW4207">
        <v>0</v>
      </c>
      <c r="AX4207">
        <v>308</v>
      </c>
      <c r="AY4207">
        <v>46</v>
      </c>
      <c r="AZ4207">
        <v>93</v>
      </c>
      <c r="BA4207">
        <v>6539</v>
      </c>
    </row>
    <row r="4208" spans="1:53" x14ac:dyDescent="0.4">
      <c r="A4208">
        <v>4252</v>
      </c>
      <c r="B4208" s="1">
        <v>44387</v>
      </c>
      <c r="C4208">
        <v>2</v>
      </c>
      <c r="D4208" s="1">
        <v>44387.737500000003</v>
      </c>
      <c r="E4208" s="1">
        <v>44387.786805555559</v>
      </c>
      <c r="F4208">
        <v>4890</v>
      </c>
      <c r="G4208">
        <v>0</v>
      </c>
      <c r="H4208">
        <v>0</v>
      </c>
      <c r="I4208">
        <v>0</v>
      </c>
      <c r="J4208">
        <v>0</v>
      </c>
      <c r="K4208">
        <v>0</v>
      </c>
      <c r="L4208">
        <v>0</v>
      </c>
      <c r="M4208">
        <v>444</v>
      </c>
      <c r="N4208">
        <v>0</v>
      </c>
      <c r="O4208">
        <v>0</v>
      </c>
      <c r="P4208">
        <v>-4890</v>
      </c>
      <c r="Q4208">
        <v>0</v>
      </c>
      <c r="R4208">
        <v>0</v>
      </c>
      <c r="S4208">
        <v>0</v>
      </c>
      <c r="T4208">
        <v>0</v>
      </c>
      <c r="U4208">
        <v>0</v>
      </c>
      <c r="V4208">
        <v>2</v>
      </c>
      <c r="W4208">
        <v>0</v>
      </c>
      <c r="X4208">
        <v>0</v>
      </c>
      <c r="Y4208">
        <v>61</v>
      </c>
      <c r="Z4208">
        <v>26</v>
      </c>
      <c r="AA4208">
        <v>85</v>
      </c>
      <c r="AB4208">
        <v>69</v>
      </c>
      <c r="AC4208">
        <v>121</v>
      </c>
      <c r="AD4208">
        <v>63</v>
      </c>
      <c r="AE4208">
        <v>35</v>
      </c>
      <c r="AF4208">
        <v>600</v>
      </c>
      <c r="AG4208">
        <v>108110</v>
      </c>
      <c r="AH4208">
        <v>50000</v>
      </c>
      <c r="AI4208">
        <v>0</v>
      </c>
      <c r="AJ4208">
        <v>70</v>
      </c>
      <c r="AK4208" t="s">
        <v>49</v>
      </c>
      <c r="AL4208">
        <v>0</v>
      </c>
      <c r="AM4208">
        <v>0</v>
      </c>
      <c r="AN4208">
        <v>0</v>
      </c>
      <c r="AO4208">
        <v>0</v>
      </c>
      <c r="AP4208">
        <v>0</v>
      </c>
      <c r="AQ4208">
        <v>0</v>
      </c>
      <c r="AR4208">
        <v>0</v>
      </c>
      <c r="AS4208">
        <v>0</v>
      </c>
      <c r="AT4208">
        <v>0</v>
      </c>
      <c r="AU4208">
        <v>0</v>
      </c>
      <c r="AV4208">
        <v>0</v>
      </c>
      <c r="AW4208">
        <v>0</v>
      </c>
      <c r="AX4208">
        <v>2468</v>
      </c>
      <c r="AY4208">
        <v>3</v>
      </c>
      <c r="AZ4208">
        <v>7</v>
      </c>
      <c r="BA4208">
        <v>914</v>
      </c>
    </row>
    <row r="4209" spans="1:53" x14ac:dyDescent="0.4">
      <c r="A4209">
        <v>4253</v>
      </c>
      <c r="B4209" s="1">
        <v>44388</v>
      </c>
      <c r="C4209">
        <v>1</v>
      </c>
      <c r="D4209" s="1">
        <v>44388.291666666664</v>
      </c>
      <c r="E4209" s="1">
        <v>44388.407638888886</v>
      </c>
      <c r="F4209">
        <v>0</v>
      </c>
      <c r="G4209">
        <v>0</v>
      </c>
      <c r="H4209">
        <v>0</v>
      </c>
      <c r="I4209">
        <v>0</v>
      </c>
      <c r="J4209">
        <v>0</v>
      </c>
      <c r="K4209">
        <v>0</v>
      </c>
      <c r="L4209">
        <v>0</v>
      </c>
      <c r="M4209">
        <v>0</v>
      </c>
      <c r="N4209">
        <v>0</v>
      </c>
      <c r="O4209">
        <v>0</v>
      </c>
      <c r="P4209">
        <v>0</v>
      </c>
      <c r="Q4209">
        <v>0</v>
      </c>
      <c r="R4209">
        <v>0</v>
      </c>
      <c r="S4209">
        <v>0</v>
      </c>
      <c r="T4209">
        <v>0</v>
      </c>
      <c r="U4209">
        <v>0</v>
      </c>
      <c r="V4209">
        <v>0</v>
      </c>
      <c r="W4209">
        <v>1</v>
      </c>
      <c r="X4209">
        <v>0</v>
      </c>
      <c r="Y4209">
        <v>25</v>
      </c>
      <c r="Z4209">
        <v>16</v>
      </c>
      <c r="AA4209">
        <v>72</v>
      </c>
      <c r="AB4209">
        <v>69</v>
      </c>
      <c r="AC4209">
        <v>102</v>
      </c>
      <c r="AD4209">
        <v>61</v>
      </c>
      <c r="AE4209">
        <v>25</v>
      </c>
      <c r="AF4209">
        <v>0</v>
      </c>
      <c r="AG4209">
        <v>50000</v>
      </c>
      <c r="AH4209">
        <v>50000</v>
      </c>
      <c r="AI4209">
        <v>0</v>
      </c>
      <c r="AJ4209">
        <v>0</v>
      </c>
      <c r="AK4209" t="s">
        <v>6</v>
      </c>
      <c r="AL4209">
        <v>0</v>
      </c>
      <c r="AM4209">
        <v>0</v>
      </c>
      <c r="AN4209">
        <v>0</v>
      </c>
      <c r="AO4209">
        <v>0</v>
      </c>
      <c r="AP4209">
        <v>0</v>
      </c>
      <c r="AQ4209">
        <v>0</v>
      </c>
      <c r="AR4209">
        <v>0</v>
      </c>
      <c r="AS4209">
        <v>0</v>
      </c>
      <c r="AT4209">
        <v>0</v>
      </c>
      <c r="AU4209">
        <v>0</v>
      </c>
      <c r="AV4209">
        <v>0</v>
      </c>
      <c r="AW4209">
        <v>0</v>
      </c>
      <c r="AX4209">
        <v>0</v>
      </c>
      <c r="AY4209">
        <v>0</v>
      </c>
      <c r="AZ4209">
        <v>0</v>
      </c>
      <c r="BA4209">
        <v>0</v>
      </c>
    </row>
    <row r="4210" spans="1:53" x14ac:dyDescent="0.4">
      <c r="A4210">
        <v>4254</v>
      </c>
      <c r="B4210" s="1">
        <v>44388</v>
      </c>
      <c r="C4210">
        <v>2</v>
      </c>
      <c r="D4210" s="1">
        <v>44388.407638888886</v>
      </c>
      <c r="E4210" s="1">
        <v>44388.754166666666</v>
      </c>
      <c r="F4210">
        <v>35950</v>
      </c>
      <c r="G4210">
        <v>1188</v>
      </c>
      <c r="H4210">
        <v>0</v>
      </c>
      <c r="I4210">
        <v>0</v>
      </c>
      <c r="J4210">
        <v>100</v>
      </c>
      <c r="K4210">
        <v>0</v>
      </c>
      <c r="L4210">
        <v>0</v>
      </c>
      <c r="M4210">
        <v>3366</v>
      </c>
      <c r="N4210">
        <v>0</v>
      </c>
      <c r="O4210">
        <v>0</v>
      </c>
      <c r="P4210">
        <v>19560</v>
      </c>
      <c r="Q4210">
        <v>0</v>
      </c>
      <c r="R4210">
        <v>56598</v>
      </c>
      <c r="S4210">
        <v>0</v>
      </c>
      <c r="T4210">
        <v>0</v>
      </c>
      <c r="U4210">
        <v>0</v>
      </c>
      <c r="V4210">
        <v>3</v>
      </c>
      <c r="W4210">
        <v>2</v>
      </c>
      <c r="X4210">
        <v>0</v>
      </c>
      <c r="Y4210">
        <v>48</v>
      </c>
      <c r="Z4210">
        <v>12</v>
      </c>
      <c r="AA4210">
        <v>72</v>
      </c>
      <c r="AB4210">
        <v>76</v>
      </c>
      <c r="AC4210">
        <v>128</v>
      </c>
      <c r="AD4210">
        <v>59</v>
      </c>
      <c r="AE4210">
        <v>23</v>
      </c>
      <c r="AF4210">
        <v>0</v>
      </c>
      <c r="AG4210">
        <v>106598</v>
      </c>
      <c r="AH4210">
        <v>50000</v>
      </c>
      <c r="AI4210">
        <v>0</v>
      </c>
      <c r="AJ4210">
        <v>98</v>
      </c>
      <c r="AK4210" t="s">
        <v>35</v>
      </c>
      <c r="AL4210">
        <v>0</v>
      </c>
      <c r="AM4210">
        <v>0</v>
      </c>
      <c r="AN4210">
        <v>0</v>
      </c>
      <c r="AO4210">
        <v>0</v>
      </c>
      <c r="AP4210">
        <v>0</v>
      </c>
      <c r="AQ4210">
        <v>0</v>
      </c>
      <c r="AR4210">
        <v>0</v>
      </c>
      <c r="AS4210">
        <v>0</v>
      </c>
      <c r="AT4210">
        <v>0</v>
      </c>
      <c r="AU4210">
        <v>0</v>
      </c>
      <c r="AV4210">
        <v>0</v>
      </c>
      <c r="AW4210">
        <v>0</v>
      </c>
      <c r="AX4210">
        <v>-284</v>
      </c>
      <c r="AY4210">
        <v>43</v>
      </c>
      <c r="AZ4210">
        <v>89</v>
      </c>
      <c r="BA4210">
        <v>7023</v>
      </c>
    </row>
    <row r="4211" spans="1:53" x14ac:dyDescent="0.4">
      <c r="A4211">
        <v>4255</v>
      </c>
      <c r="B4211" s="1">
        <v>44389</v>
      </c>
      <c r="C4211">
        <v>1</v>
      </c>
      <c r="D4211" s="1">
        <v>44389.291666666664</v>
      </c>
      <c r="E4211" s="1">
        <v>44389.443749999999</v>
      </c>
      <c r="F4211">
        <v>0</v>
      </c>
      <c r="G4211">
        <v>0</v>
      </c>
      <c r="H4211">
        <v>0</v>
      </c>
      <c r="I4211">
        <v>0</v>
      </c>
      <c r="J4211">
        <v>0</v>
      </c>
      <c r="K4211">
        <v>0</v>
      </c>
      <c r="L4211">
        <v>0</v>
      </c>
      <c r="M4211">
        <v>0</v>
      </c>
      <c r="N4211">
        <v>0</v>
      </c>
      <c r="O4211">
        <v>0</v>
      </c>
      <c r="P4211">
        <v>0</v>
      </c>
      <c r="Q4211">
        <v>0</v>
      </c>
      <c r="R4211">
        <v>0</v>
      </c>
      <c r="S4211">
        <v>0</v>
      </c>
      <c r="T4211">
        <v>0</v>
      </c>
      <c r="U4211">
        <v>0</v>
      </c>
      <c r="V4211">
        <v>0</v>
      </c>
      <c r="W4211">
        <v>1</v>
      </c>
      <c r="X4211">
        <v>0</v>
      </c>
      <c r="Y4211">
        <v>28</v>
      </c>
      <c r="Z4211">
        <v>9</v>
      </c>
      <c r="AA4211">
        <v>74</v>
      </c>
      <c r="AB4211">
        <v>76</v>
      </c>
      <c r="AC4211">
        <v>100</v>
      </c>
      <c r="AD4211">
        <v>58</v>
      </c>
      <c r="AE4211">
        <v>10</v>
      </c>
      <c r="AF4211">
        <v>0</v>
      </c>
      <c r="AG4211">
        <v>50000</v>
      </c>
      <c r="AH4211">
        <v>50000</v>
      </c>
      <c r="AI4211">
        <v>0</v>
      </c>
      <c r="AJ4211">
        <v>0</v>
      </c>
      <c r="AK4211" t="s">
        <v>6</v>
      </c>
      <c r="AL4211">
        <v>0</v>
      </c>
      <c r="AM4211">
        <v>0</v>
      </c>
      <c r="AN4211">
        <v>0</v>
      </c>
      <c r="AO4211">
        <v>0</v>
      </c>
      <c r="AP4211">
        <v>0</v>
      </c>
      <c r="AQ4211">
        <v>0</v>
      </c>
      <c r="AR4211">
        <v>0</v>
      </c>
      <c r="AS4211">
        <v>0</v>
      </c>
      <c r="AT4211">
        <v>0</v>
      </c>
      <c r="AU4211">
        <v>0</v>
      </c>
      <c r="AV4211">
        <v>0</v>
      </c>
      <c r="AW4211">
        <v>0</v>
      </c>
      <c r="AX4211">
        <v>0</v>
      </c>
      <c r="AY4211">
        <v>0</v>
      </c>
      <c r="AZ4211">
        <v>0</v>
      </c>
      <c r="BA4211">
        <v>0</v>
      </c>
    </row>
    <row r="4212" spans="1:53" x14ac:dyDescent="0.4">
      <c r="A4212">
        <v>4256</v>
      </c>
      <c r="B4212" s="1">
        <v>44389</v>
      </c>
      <c r="C4212">
        <v>2</v>
      </c>
      <c r="D4212" s="1">
        <v>44389.443749999999</v>
      </c>
      <c r="E4212" s="1">
        <v>44389.773611111108</v>
      </c>
      <c r="F4212">
        <v>11130</v>
      </c>
      <c r="G4212">
        <v>924</v>
      </c>
      <c r="H4212">
        <v>0</v>
      </c>
      <c r="I4212">
        <v>0</v>
      </c>
      <c r="J4212">
        <v>0</v>
      </c>
      <c r="K4212">
        <v>0</v>
      </c>
      <c r="L4212">
        <v>0</v>
      </c>
      <c r="M4212">
        <v>1096</v>
      </c>
      <c r="N4212">
        <v>0</v>
      </c>
      <c r="O4212">
        <v>0</v>
      </c>
      <c r="P4212">
        <v>11950</v>
      </c>
      <c r="Q4212">
        <v>0</v>
      </c>
      <c r="R4212">
        <v>24004</v>
      </c>
      <c r="S4212">
        <v>0</v>
      </c>
      <c r="T4212">
        <v>0</v>
      </c>
      <c r="U4212">
        <v>0</v>
      </c>
      <c r="V4212">
        <v>1</v>
      </c>
      <c r="W4212">
        <v>2</v>
      </c>
      <c r="X4212">
        <v>0</v>
      </c>
      <c r="Y4212">
        <v>34</v>
      </c>
      <c r="Z4212">
        <v>15</v>
      </c>
      <c r="AA4212">
        <v>67</v>
      </c>
      <c r="AB4212">
        <v>76</v>
      </c>
      <c r="AC4212">
        <v>111</v>
      </c>
      <c r="AD4212">
        <v>57</v>
      </c>
      <c r="AE4212">
        <v>9</v>
      </c>
      <c r="AF4212">
        <v>600</v>
      </c>
      <c r="AG4212">
        <v>74004</v>
      </c>
      <c r="AH4212">
        <v>50000</v>
      </c>
      <c r="AI4212">
        <v>0</v>
      </c>
      <c r="AJ4212">
        <v>70</v>
      </c>
      <c r="AK4212" t="s">
        <v>49</v>
      </c>
      <c r="AL4212">
        <v>0</v>
      </c>
      <c r="AM4212">
        <v>0</v>
      </c>
      <c r="AN4212">
        <v>0</v>
      </c>
      <c r="AO4212">
        <v>0</v>
      </c>
      <c r="AP4212">
        <v>0</v>
      </c>
      <c r="AQ4212">
        <v>0</v>
      </c>
      <c r="AR4212">
        <v>0</v>
      </c>
      <c r="AS4212">
        <v>0</v>
      </c>
      <c r="AT4212">
        <v>0</v>
      </c>
      <c r="AU4212">
        <v>0</v>
      </c>
      <c r="AV4212">
        <v>0</v>
      </c>
      <c r="AW4212">
        <v>0</v>
      </c>
      <c r="AX4212">
        <v>1782</v>
      </c>
      <c r="AY4212">
        <v>20</v>
      </c>
      <c r="AZ4212">
        <v>42</v>
      </c>
      <c r="BA4212">
        <v>2109</v>
      </c>
    </row>
    <row r="4213" spans="1:53" x14ac:dyDescent="0.4">
      <c r="A4213">
        <v>4257</v>
      </c>
      <c r="B4213" s="1">
        <v>44390</v>
      </c>
      <c r="C4213">
        <v>1</v>
      </c>
      <c r="D4213" s="1">
        <v>44390.291666666664</v>
      </c>
      <c r="E4213" s="1">
        <v>44390.452777777777</v>
      </c>
      <c r="F4213">
        <v>0</v>
      </c>
      <c r="G4213">
        <v>0</v>
      </c>
      <c r="H4213">
        <v>0</v>
      </c>
      <c r="I4213">
        <v>0</v>
      </c>
      <c r="J4213">
        <v>0</v>
      </c>
      <c r="K4213">
        <v>0</v>
      </c>
      <c r="L4213">
        <v>0</v>
      </c>
      <c r="M4213">
        <v>0</v>
      </c>
      <c r="N4213">
        <v>0</v>
      </c>
      <c r="O4213">
        <v>0</v>
      </c>
      <c r="P4213">
        <v>0</v>
      </c>
      <c r="Q4213">
        <v>0</v>
      </c>
      <c r="R4213">
        <v>0</v>
      </c>
      <c r="S4213">
        <v>0</v>
      </c>
      <c r="T4213">
        <v>0</v>
      </c>
      <c r="U4213">
        <v>0</v>
      </c>
      <c r="V4213">
        <v>0</v>
      </c>
      <c r="W4213">
        <v>0</v>
      </c>
      <c r="X4213">
        <v>0</v>
      </c>
      <c r="Y4213">
        <v>32</v>
      </c>
      <c r="Z4213">
        <v>14</v>
      </c>
      <c r="AA4213">
        <v>58</v>
      </c>
      <c r="AB4213">
        <v>76</v>
      </c>
      <c r="AC4213">
        <v>112</v>
      </c>
      <c r="AD4213">
        <v>55</v>
      </c>
      <c r="AE4213">
        <v>5</v>
      </c>
      <c r="AF4213">
        <v>0</v>
      </c>
      <c r="AG4213">
        <v>50000</v>
      </c>
      <c r="AH4213">
        <v>0</v>
      </c>
      <c r="AI4213">
        <v>50000</v>
      </c>
      <c r="AJ4213">
        <v>0</v>
      </c>
      <c r="AK4213" t="s">
        <v>6</v>
      </c>
      <c r="AL4213">
        <v>0</v>
      </c>
      <c r="AM4213">
        <v>0</v>
      </c>
      <c r="AN4213">
        <v>0</v>
      </c>
      <c r="AO4213">
        <v>0</v>
      </c>
      <c r="AP4213">
        <v>0</v>
      </c>
      <c r="AQ4213">
        <v>0</v>
      </c>
      <c r="AR4213">
        <v>0</v>
      </c>
      <c r="AS4213">
        <v>0</v>
      </c>
      <c r="AT4213">
        <v>0</v>
      </c>
      <c r="AU4213">
        <v>0</v>
      </c>
      <c r="AV4213">
        <v>0</v>
      </c>
      <c r="AW4213">
        <v>0</v>
      </c>
      <c r="AX4213">
        <v>0</v>
      </c>
      <c r="AY4213">
        <v>0</v>
      </c>
      <c r="AZ4213">
        <v>0</v>
      </c>
      <c r="BA4213">
        <v>0</v>
      </c>
    </row>
    <row r="4214" spans="1:53" x14ac:dyDescent="0.4">
      <c r="A4214">
        <v>4258</v>
      </c>
      <c r="B4214" s="1">
        <v>44390</v>
      </c>
      <c r="C4214">
        <v>2</v>
      </c>
      <c r="D4214" s="1">
        <v>44390.452777777777</v>
      </c>
      <c r="E4214" s="1">
        <v>44390.756944444445</v>
      </c>
      <c r="F4214">
        <v>15340</v>
      </c>
      <c r="G4214">
        <v>880</v>
      </c>
      <c r="H4214">
        <v>0</v>
      </c>
      <c r="I4214">
        <v>0</v>
      </c>
      <c r="J4214">
        <v>0</v>
      </c>
      <c r="K4214">
        <v>0</v>
      </c>
      <c r="L4214">
        <v>0</v>
      </c>
      <c r="M4214">
        <v>1476</v>
      </c>
      <c r="N4214">
        <v>0</v>
      </c>
      <c r="O4214">
        <v>0</v>
      </c>
      <c r="P4214">
        <v>13800</v>
      </c>
      <c r="Q4214">
        <v>0</v>
      </c>
      <c r="R4214">
        <v>30020</v>
      </c>
      <c r="S4214">
        <v>0</v>
      </c>
      <c r="T4214">
        <v>0</v>
      </c>
      <c r="U4214">
        <v>0</v>
      </c>
      <c r="V4214">
        <v>1</v>
      </c>
      <c r="W4214">
        <v>1</v>
      </c>
      <c r="X4214">
        <v>0</v>
      </c>
      <c r="Y4214">
        <v>34</v>
      </c>
      <c r="Z4214">
        <v>19</v>
      </c>
      <c r="AA4214">
        <v>64</v>
      </c>
      <c r="AB4214">
        <v>83</v>
      </c>
      <c r="AC4214">
        <v>116</v>
      </c>
      <c r="AD4214">
        <v>57</v>
      </c>
      <c r="AE4214">
        <v>10</v>
      </c>
      <c r="AF4214">
        <v>9515</v>
      </c>
      <c r="AG4214">
        <v>80020</v>
      </c>
      <c r="AH4214">
        <v>50000</v>
      </c>
      <c r="AI4214">
        <v>0</v>
      </c>
      <c r="AJ4214">
        <v>70</v>
      </c>
      <c r="AK4214" t="s">
        <v>49</v>
      </c>
      <c r="AL4214">
        <v>0</v>
      </c>
      <c r="AM4214">
        <v>0</v>
      </c>
      <c r="AN4214">
        <v>0</v>
      </c>
      <c r="AO4214">
        <v>0</v>
      </c>
      <c r="AP4214">
        <v>0</v>
      </c>
      <c r="AQ4214">
        <v>0</v>
      </c>
      <c r="AR4214">
        <v>0</v>
      </c>
      <c r="AS4214">
        <v>0</v>
      </c>
      <c r="AT4214">
        <v>0</v>
      </c>
      <c r="AU4214">
        <v>0</v>
      </c>
      <c r="AV4214">
        <v>0</v>
      </c>
      <c r="AW4214">
        <v>0</v>
      </c>
      <c r="AX4214">
        <v>594</v>
      </c>
      <c r="AY4214">
        <v>29</v>
      </c>
      <c r="AZ4214">
        <v>48</v>
      </c>
      <c r="BA4214">
        <v>3912</v>
      </c>
    </row>
    <row r="4215" spans="1:53" x14ac:dyDescent="0.4">
      <c r="A4215">
        <v>4259</v>
      </c>
      <c r="B4215" s="1">
        <v>44391</v>
      </c>
      <c r="C4215">
        <v>1</v>
      </c>
      <c r="D4215" s="1">
        <v>44391.291666666664</v>
      </c>
      <c r="E4215" s="1">
        <v>44391.452777777777</v>
      </c>
      <c r="F4215">
        <v>0</v>
      </c>
      <c r="G4215">
        <v>0</v>
      </c>
      <c r="H4215">
        <v>0</v>
      </c>
      <c r="I4215">
        <v>0</v>
      </c>
      <c r="J4215">
        <v>0</v>
      </c>
      <c r="K4215">
        <v>0</v>
      </c>
      <c r="L4215">
        <v>0</v>
      </c>
      <c r="M4215">
        <v>0</v>
      </c>
      <c r="N4215">
        <v>0</v>
      </c>
      <c r="O4215">
        <v>0</v>
      </c>
      <c r="P4215">
        <v>0</v>
      </c>
      <c r="Q4215">
        <v>0</v>
      </c>
      <c r="R4215">
        <v>0</v>
      </c>
      <c r="S4215">
        <v>0</v>
      </c>
      <c r="T4215">
        <v>0</v>
      </c>
      <c r="U4215">
        <v>0</v>
      </c>
      <c r="V4215">
        <v>0</v>
      </c>
      <c r="W4215">
        <v>0</v>
      </c>
      <c r="X4215">
        <v>0</v>
      </c>
      <c r="Y4215">
        <v>30</v>
      </c>
      <c r="Z4215">
        <v>16</v>
      </c>
      <c r="AA4215">
        <v>65</v>
      </c>
      <c r="AB4215">
        <v>80</v>
      </c>
      <c r="AC4215">
        <v>122</v>
      </c>
      <c r="AD4215">
        <v>55</v>
      </c>
      <c r="AE4215">
        <v>5</v>
      </c>
      <c r="AF4215">
        <v>0</v>
      </c>
      <c r="AG4215">
        <v>50000</v>
      </c>
      <c r="AH4215">
        <v>50000</v>
      </c>
      <c r="AI4215">
        <v>0</v>
      </c>
      <c r="AJ4215">
        <v>0</v>
      </c>
      <c r="AK4215" t="s">
        <v>6</v>
      </c>
      <c r="AL4215">
        <v>0</v>
      </c>
      <c r="AM4215">
        <v>0</v>
      </c>
      <c r="AN4215">
        <v>0</v>
      </c>
      <c r="AO4215">
        <v>0</v>
      </c>
      <c r="AP4215">
        <v>0</v>
      </c>
      <c r="AQ4215">
        <v>0</v>
      </c>
      <c r="AR4215">
        <v>0</v>
      </c>
      <c r="AS4215">
        <v>0</v>
      </c>
      <c r="AT4215">
        <v>0</v>
      </c>
      <c r="AU4215">
        <v>0</v>
      </c>
      <c r="AV4215">
        <v>0</v>
      </c>
      <c r="AW4215">
        <v>0</v>
      </c>
      <c r="AX4215">
        <v>0</v>
      </c>
      <c r="AY4215">
        <v>0</v>
      </c>
      <c r="AZ4215">
        <v>0</v>
      </c>
      <c r="BA4215">
        <v>0</v>
      </c>
    </row>
    <row r="4216" spans="1:53" x14ac:dyDescent="0.4">
      <c r="A4216">
        <v>4260</v>
      </c>
      <c r="B4216" s="1">
        <v>44391</v>
      </c>
      <c r="C4216">
        <v>2</v>
      </c>
      <c r="D4216" s="1">
        <v>44391.452777777777</v>
      </c>
      <c r="E4216" s="1">
        <v>44391.75277777778</v>
      </c>
      <c r="F4216">
        <v>19100</v>
      </c>
      <c r="G4216">
        <v>1342</v>
      </c>
      <c r="H4216">
        <v>0</v>
      </c>
      <c r="I4216">
        <v>0</v>
      </c>
      <c r="J4216">
        <v>200</v>
      </c>
      <c r="K4216">
        <v>0</v>
      </c>
      <c r="L4216">
        <v>0</v>
      </c>
      <c r="M4216">
        <v>1841</v>
      </c>
      <c r="N4216">
        <v>0</v>
      </c>
      <c r="O4216">
        <v>0</v>
      </c>
      <c r="P4216">
        <v>9850</v>
      </c>
      <c r="Q4216">
        <v>0</v>
      </c>
      <c r="R4216">
        <v>30092</v>
      </c>
      <c r="S4216">
        <v>0</v>
      </c>
      <c r="T4216">
        <v>0</v>
      </c>
      <c r="U4216">
        <v>0</v>
      </c>
      <c r="V4216">
        <v>1</v>
      </c>
      <c r="W4216">
        <v>1</v>
      </c>
      <c r="X4216">
        <v>0</v>
      </c>
      <c r="Y4216">
        <v>34</v>
      </c>
      <c r="Z4216">
        <v>26</v>
      </c>
      <c r="AA4216">
        <v>61</v>
      </c>
      <c r="AB4216">
        <v>87</v>
      </c>
      <c r="AC4216">
        <v>135</v>
      </c>
      <c r="AD4216">
        <v>58</v>
      </c>
      <c r="AE4216">
        <v>8</v>
      </c>
      <c r="AF4216">
        <v>5994</v>
      </c>
      <c r="AG4216">
        <v>80092</v>
      </c>
      <c r="AH4216">
        <v>50000</v>
      </c>
      <c r="AI4216">
        <v>0</v>
      </c>
      <c r="AJ4216">
        <v>70</v>
      </c>
      <c r="AK4216" t="s">
        <v>49</v>
      </c>
      <c r="AL4216">
        <v>0</v>
      </c>
      <c r="AM4216">
        <v>0</v>
      </c>
      <c r="AN4216">
        <v>0</v>
      </c>
      <c r="AO4216">
        <v>0</v>
      </c>
      <c r="AP4216">
        <v>0</v>
      </c>
      <c r="AQ4216">
        <v>0</v>
      </c>
      <c r="AR4216">
        <v>0</v>
      </c>
      <c r="AS4216">
        <v>0</v>
      </c>
      <c r="AT4216">
        <v>0</v>
      </c>
      <c r="AU4216">
        <v>0</v>
      </c>
      <c r="AV4216">
        <v>0</v>
      </c>
      <c r="AW4216">
        <v>0</v>
      </c>
      <c r="AX4216">
        <v>0</v>
      </c>
      <c r="AY4216">
        <v>31</v>
      </c>
      <c r="AZ4216">
        <v>53</v>
      </c>
      <c r="BA4216">
        <v>4337</v>
      </c>
    </row>
    <row r="4217" spans="1:53" x14ac:dyDescent="0.4">
      <c r="A4217">
        <v>4261</v>
      </c>
      <c r="B4217" s="1">
        <v>44392</v>
      </c>
      <c r="C4217">
        <v>1</v>
      </c>
      <c r="D4217" s="1">
        <v>44392.291666666664</v>
      </c>
      <c r="E4217" s="1">
        <v>44392.445138888892</v>
      </c>
      <c r="F4217">
        <v>0</v>
      </c>
      <c r="G4217">
        <v>0</v>
      </c>
      <c r="H4217">
        <v>0</v>
      </c>
      <c r="I4217">
        <v>0</v>
      </c>
      <c r="J4217">
        <v>0</v>
      </c>
      <c r="K4217">
        <v>0</v>
      </c>
      <c r="L4217">
        <v>0</v>
      </c>
      <c r="M4217">
        <v>0</v>
      </c>
      <c r="N4217">
        <v>0</v>
      </c>
      <c r="O4217">
        <v>0</v>
      </c>
      <c r="P4217">
        <v>0</v>
      </c>
      <c r="Q4217">
        <v>0</v>
      </c>
      <c r="R4217">
        <v>0</v>
      </c>
      <c r="S4217">
        <v>0</v>
      </c>
      <c r="T4217">
        <v>0</v>
      </c>
      <c r="U4217">
        <v>0</v>
      </c>
      <c r="V4217">
        <v>0</v>
      </c>
      <c r="W4217">
        <v>1</v>
      </c>
      <c r="X4217">
        <v>0</v>
      </c>
      <c r="Y4217">
        <v>25</v>
      </c>
      <c r="Z4217">
        <v>16</v>
      </c>
      <c r="AA4217">
        <v>64</v>
      </c>
      <c r="AB4217">
        <v>78</v>
      </c>
      <c r="AC4217">
        <v>141</v>
      </c>
      <c r="AD4217">
        <v>57</v>
      </c>
      <c r="AE4217">
        <v>5</v>
      </c>
      <c r="AF4217">
        <v>0</v>
      </c>
      <c r="AG4217">
        <v>50000</v>
      </c>
      <c r="AH4217">
        <v>50000</v>
      </c>
      <c r="AI4217">
        <v>0</v>
      </c>
      <c r="AJ4217">
        <v>0</v>
      </c>
      <c r="AK4217" t="s">
        <v>6</v>
      </c>
      <c r="AL4217">
        <v>0</v>
      </c>
      <c r="AM4217">
        <v>0</v>
      </c>
      <c r="AN4217">
        <v>0</v>
      </c>
      <c r="AO4217">
        <v>0</v>
      </c>
      <c r="AP4217">
        <v>0</v>
      </c>
      <c r="AQ4217">
        <v>0</v>
      </c>
      <c r="AR4217">
        <v>0</v>
      </c>
      <c r="AS4217">
        <v>0</v>
      </c>
      <c r="AT4217">
        <v>0</v>
      </c>
      <c r="AU4217">
        <v>0</v>
      </c>
      <c r="AV4217">
        <v>0</v>
      </c>
      <c r="AW4217">
        <v>0</v>
      </c>
      <c r="AX4217">
        <v>0</v>
      </c>
      <c r="AY4217">
        <v>0</v>
      </c>
      <c r="AZ4217">
        <v>0</v>
      </c>
      <c r="BA4217">
        <v>0</v>
      </c>
    </row>
    <row r="4218" spans="1:53" x14ac:dyDescent="0.4">
      <c r="A4218">
        <v>4262</v>
      </c>
      <c r="B4218" s="1">
        <v>44392</v>
      </c>
      <c r="C4218">
        <v>2</v>
      </c>
      <c r="D4218" s="1">
        <v>44392.445138888892</v>
      </c>
      <c r="E4218" s="1">
        <v>44392.787499999999</v>
      </c>
      <c r="F4218">
        <v>32880</v>
      </c>
      <c r="G4218">
        <v>3564</v>
      </c>
      <c r="H4218">
        <v>0</v>
      </c>
      <c r="I4218">
        <v>0</v>
      </c>
      <c r="J4218">
        <v>0</v>
      </c>
      <c r="K4218">
        <v>0</v>
      </c>
      <c r="L4218">
        <v>0</v>
      </c>
      <c r="M4218">
        <v>3311</v>
      </c>
      <c r="N4218">
        <v>0</v>
      </c>
      <c r="O4218">
        <v>0</v>
      </c>
      <c r="P4218">
        <v>13630</v>
      </c>
      <c r="Q4218">
        <v>0</v>
      </c>
      <c r="R4218">
        <v>50074</v>
      </c>
      <c r="S4218">
        <v>0</v>
      </c>
      <c r="T4218">
        <v>0</v>
      </c>
      <c r="U4218">
        <v>0</v>
      </c>
      <c r="V4218">
        <v>0</v>
      </c>
      <c r="W4218">
        <v>4</v>
      </c>
      <c r="X4218">
        <v>0</v>
      </c>
      <c r="Y4218">
        <v>58</v>
      </c>
      <c r="Z4218">
        <v>23</v>
      </c>
      <c r="AA4218">
        <v>29</v>
      </c>
      <c r="AB4218">
        <v>80</v>
      </c>
      <c r="AC4218">
        <v>166</v>
      </c>
      <c r="AD4218">
        <v>56</v>
      </c>
      <c r="AE4218">
        <v>4</v>
      </c>
      <c r="AF4218">
        <v>1730</v>
      </c>
      <c r="AG4218">
        <v>100074</v>
      </c>
      <c r="AH4218">
        <v>50000</v>
      </c>
      <c r="AI4218">
        <v>0</v>
      </c>
      <c r="AJ4218">
        <v>70</v>
      </c>
      <c r="AK4218" t="s">
        <v>49</v>
      </c>
      <c r="AL4218">
        <v>0</v>
      </c>
      <c r="AM4218">
        <v>0</v>
      </c>
      <c r="AN4218">
        <v>0</v>
      </c>
      <c r="AO4218">
        <v>0</v>
      </c>
      <c r="AP4218">
        <v>0</v>
      </c>
      <c r="AQ4218">
        <v>0</v>
      </c>
      <c r="AR4218">
        <v>0</v>
      </c>
      <c r="AS4218">
        <v>0</v>
      </c>
      <c r="AT4218">
        <v>0</v>
      </c>
      <c r="AU4218">
        <v>0</v>
      </c>
      <c r="AV4218">
        <v>0</v>
      </c>
      <c r="AW4218">
        <v>0</v>
      </c>
      <c r="AX4218">
        <v>1012</v>
      </c>
      <c r="AY4218">
        <v>43</v>
      </c>
      <c r="AZ4218">
        <v>78</v>
      </c>
      <c r="BA4218">
        <v>5947</v>
      </c>
    </row>
    <row r="4219" spans="1:53" x14ac:dyDescent="0.4">
      <c r="A4219">
        <v>4263</v>
      </c>
      <c r="B4219" s="1">
        <v>44393</v>
      </c>
      <c r="C4219">
        <v>1</v>
      </c>
      <c r="D4219" s="1">
        <v>44393.291666666664</v>
      </c>
      <c r="E4219" s="1">
        <v>44393.445138888892</v>
      </c>
      <c r="F4219">
        <v>0</v>
      </c>
      <c r="G4219">
        <v>0</v>
      </c>
      <c r="H4219">
        <v>0</v>
      </c>
      <c r="I4219">
        <v>0</v>
      </c>
      <c r="J4219">
        <v>0</v>
      </c>
      <c r="K4219">
        <v>0</v>
      </c>
      <c r="L4219">
        <v>0</v>
      </c>
      <c r="M4219">
        <v>0</v>
      </c>
      <c r="N4219">
        <v>0</v>
      </c>
      <c r="O4219">
        <v>0</v>
      </c>
      <c r="P4219">
        <v>0</v>
      </c>
      <c r="Q4219">
        <v>0</v>
      </c>
      <c r="R4219">
        <v>0</v>
      </c>
      <c r="S4219">
        <v>0</v>
      </c>
      <c r="T4219">
        <v>0</v>
      </c>
      <c r="U4219">
        <v>0</v>
      </c>
      <c r="V4219">
        <v>0</v>
      </c>
      <c r="W4219">
        <v>1</v>
      </c>
      <c r="X4219">
        <v>0</v>
      </c>
      <c r="Y4219">
        <v>26</v>
      </c>
      <c r="Z4219">
        <v>16</v>
      </c>
      <c r="AA4219">
        <v>56</v>
      </c>
      <c r="AB4219">
        <v>81</v>
      </c>
      <c r="AC4219">
        <v>105</v>
      </c>
      <c r="AD4219">
        <v>56</v>
      </c>
      <c r="AE4219">
        <v>20</v>
      </c>
      <c r="AF4219">
        <v>0</v>
      </c>
      <c r="AG4219">
        <v>50000</v>
      </c>
      <c r="AH4219">
        <v>50000</v>
      </c>
      <c r="AI4219">
        <v>0</v>
      </c>
      <c r="AJ4219">
        <v>0</v>
      </c>
      <c r="AK4219" t="s">
        <v>6</v>
      </c>
      <c r="AL4219">
        <v>0</v>
      </c>
      <c r="AM4219">
        <v>0</v>
      </c>
      <c r="AN4219">
        <v>0</v>
      </c>
      <c r="AO4219">
        <v>0</v>
      </c>
      <c r="AP4219">
        <v>0</v>
      </c>
      <c r="AQ4219">
        <v>0</v>
      </c>
      <c r="AR4219">
        <v>0</v>
      </c>
      <c r="AS4219">
        <v>0</v>
      </c>
      <c r="AT4219">
        <v>0</v>
      </c>
      <c r="AU4219">
        <v>0</v>
      </c>
      <c r="AV4219">
        <v>0</v>
      </c>
      <c r="AW4219">
        <v>0</v>
      </c>
      <c r="AX4219">
        <v>0</v>
      </c>
      <c r="AY4219">
        <v>0</v>
      </c>
      <c r="AZ4219">
        <v>0</v>
      </c>
      <c r="BA4219">
        <v>0</v>
      </c>
    </row>
    <row r="4220" spans="1:53" x14ac:dyDescent="0.4">
      <c r="A4220">
        <v>4264</v>
      </c>
      <c r="B4220" s="1">
        <v>44393</v>
      </c>
      <c r="C4220">
        <v>2</v>
      </c>
      <c r="D4220" s="1">
        <v>44393.445138888892</v>
      </c>
      <c r="E4220" s="1">
        <v>44393.751388888886</v>
      </c>
      <c r="F4220">
        <v>22970</v>
      </c>
      <c r="G4220">
        <v>594</v>
      </c>
      <c r="H4220">
        <v>0</v>
      </c>
      <c r="I4220">
        <v>0</v>
      </c>
      <c r="J4220">
        <v>0</v>
      </c>
      <c r="K4220">
        <v>0</v>
      </c>
      <c r="L4220">
        <v>0</v>
      </c>
      <c r="M4220">
        <v>2141</v>
      </c>
      <c r="N4220">
        <v>0</v>
      </c>
      <c r="O4220">
        <v>0</v>
      </c>
      <c r="P4220">
        <v>7520</v>
      </c>
      <c r="Q4220">
        <v>0</v>
      </c>
      <c r="R4220">
        <v>31084</v>
      </c>
      <c r="S4220">
        <v>0</v>
      </c>
      <c r="T4220">
        <v>0</v>
      </c>
      <c r="U4220">
        <v>0</v>
      </c>
      <c r="V4220">
        <v>2</v>
      </c>
      <c r="W4220">
        <v>0</v>
      </c>
      <c r="X4220">
        <v>0</v>
      </c>
      <c r="Y4220">
        <v>44</v>
      </c>
      <c r="Z4220">
        <v>16</v>
      </c>
      <c r="AA4220">
        <v>36</v>
      </c>
      <c r="AB4220">
        <v>79</v>
      </c>
      <c r="AC4220">
        <v>123</v>
      </c>
      <c r="AD4220">
        <v>57</v>
      </c>
      <c r="AE4220">
        <v>19</v>
      </c>
      <c r="AF4220">
        <v>0</v>
      </c>
      <c r="AG4220">
        <v>81084</v>
      </c>
      <c r="AH4220">
        <v>50000</v>
      </c>
      <c r="AI4220">
        <v>0</v>
      </c>
      <c r="AJ4220">
        <v>70</v>
      </c>
      <c r="AK4220" t="s">
        <v>49</v>
      </c>
      <c r="AL4220">
        <v>0</v>
      </c>
      <c r="AM4220">
        <v>0</v>
      </c>
      <c r="AN4220">
        <v>0</v>
      </c>
      <c r="AO4220">
        <v>0</v>
      </c>
      <c r="AP4220">
        <v>0</v>
      </c>
      <c r="AQ4220">
        <v>0</v>
      </c>
      <c r="AR4220">
        <v>0</v>
      </c>
      <c r="AS4220">
        <v>0</v>
      </c>
      <c r="AT4220">
        <v>0</v>
      </c>
      <c r="AU4220">
        <v>0</v>
      </c>
      <c r="AV4220">
        <v>0</v>
      </c>
      <c r="AW4220">
        <v>0</v>
      </c>
      <c r="AX4220">
        <v>5910</v>
      </c>
      <c r="AY4220">
        <v>32</v>
      </c>
      <c r="AZ4220">
        <v>54</v>
      </c>
      <c r="BA4220">
        <v>4773</v>
      </c>
    </row>
    <row r="4221" spans="1:53" x14ac:dyDescent="0.4">
      <c r="A4221">
        <v>4265</v>
      </c>
      <c r="B4221" s="1">
        <v>44393</v>
      </c>
      <c r="C4221">
        <v>3</v>
      </c>
      <c r="D4221" s="1">
        <v>44393.751388888886</v>
      </c>
      <c r="E4221" s="1">
        <v>44394.026388888888</v>
      </c>
      <c r="F4221">
        <v>56090</v>
      </c>
      <c r="G4221">
        <v>2431</v>
      </c>
      <c r="H4221">
        <v>0</v>
      </c>
      <c r="I4221">
        <v>0</v>
      </c>
      <c r="J4221">
        <v>0</v>
      </c>
      <c r="K4221">
        <v>4320</v>
      </c>
      <c r="L4221">
        <v>0</v>
      </c>
      <c r="M4221">
        <v>5713</v>
      </c>
      <c r="N4221">
        <v>0</v>
      </c>
      <c r="O4221">
        <v>0</v>
      </c>
      <c r="P4221">
        <v>-1480</v>
      </c>
      <c r="Q4221">
        <v>0</v>
      </c>
      <c r="R4221">
        <v>61361</v>
      </c>
      <c r="S4221">
        <v>0</v>
      </c>
      <c r="T4221">
        <v>0</v>
      </c>
      <c r="U4221">
        <v>0</v>
      </c>
      <c r="V4221">
        <v>5</v>
      </c>
      <c r="W4221">
        <v>2</v>
      </c>
      <c r="X4221">
        <v>0</v>
      </c>
      <c r="Y4221">
        <v>53</v>
      </c>
      <c r="Z4221">
        <v>18</v>
      </c>
      <c r="AA4221">
        <v>95</v>
      </c>
      <c r="AB4221">
        <v>82</v>
      </c>
      <c r="AC4221">
        <v>126</v>
      </c>
      <c r="AD4221">
        <v>62</v>
      </c>
      <c r="AE4221">
        <v>125</v>
      </c>
      <c r="AF4221">
        <v>5150</v>
      </c>
      <c r="AG4221">
        <v>142445</v>
      </c>
      <c r="AH4221">
        <v>50000</v>
      </c>
      <c r="AI4221">
        <v>0</v>
      </c>
      <c r="AJ4221">
        <v>108</v>
      </c>
      <c r="AK4221" t="s">
        <v>3</v>
      </c>
      <c r="AL4221">
        <v>0</v>
      </c>
      <c r="AM4221">
        <v>0</v>
      </c>
      <c r="AN4221">
        <v>0</v>
      </c>
      <c r="AO4221">
        <v>0</v>
      </c>
      <c r="AP4221">
        <v>0</v>
      </c>
      <c r="AQ4221">
        <v>0</v>
      </c>
      <c r="AR4221">
        <v>0</v>
      </c>
      <c r="AS4221">
        <v>0</v>
      </c>
      <c r="AT4221">
        <v>0</v>
      </c>
      <c r="AU4221">
        <v>0</v>
      </c>
      <c r="AV4221">
        <v>0</v>
      </c>
      <c r="AW4221">
        <v>0</v>
      </c>
      <c r="AX4221">
        <v>0</v>
      </c>
      <c r="AY4221">
        <v>12</v>
      </c>
      <c r="AZ4221">
        <v>32</v>
      </c>
      <c r="BA4221">
        <v>1912</v>
      </c>
    </row>
    <row r="4222" spans="1:53" x14ac:dyDescent="0.4">
      <c r="A4222">
        <v>4266</v>
      </c>
      <c r="B4222" s="1">
        <v>44394</v>
      </c>
      <c r="C4222">
        <v>1</v>
      </c>
      <c r="D4222" s="1">
        <v>44394.291666666664</v>
      </c>
      <c r="E4222" s="1">
        <v>44394.402777777781</v>
      </c>
      <c r="F4222">
        <v>0</v>
      </c>
      <c r="G4222">
        <v>0</v>
      </c>
      <c r="H4222">
        <v>0</v>
      </c>
      <c r="I4222">
        <v>0</v>
      </c>
      <c r="J4222">
        <v>0</v>
      </c>
      <c r="K4222">
        <v>0</v>
      </c>
      <c r="L4222">
        <v>0</v>
      </c>
      <c r="M4222">
        <v>0</v>
      </c>
      <c r="N4222">
        <v>0</v>
      </c>
      <c r="O4222">
        <v>0</v>
      </c>
      <c r="P4222">
        <v>0</v>
      </c>
      <c r="Q4222">
        <v>0</v>
      </c>
      <c r="R4222">
        <v>0</v>
      </c>
      <c r="S4222">
        <v>0</v>
      </c>
      <c r="T4222">
        <v>0</v>
      </c>
      <c r="U4222">
        <v>0</v>
      </c>
      <c r="V4222">
        <v>0</v>
      </c>
      <c r="W4222">
        <v>1</v>
      </c>
      <c r="X4222">
        <v>0</v>
      </c>
      <c r="Y4222">
        <v>25</v>
      </c>
      <c r="Z4222">
        <v>10</v>
      </c>
      <c r="AA4222">
        <v>96</v>
      </c>
      <c r="AB4222">
        <v>83</v>
      </c>
      <c r="AC4222">
        <v>82</v>
      </c>
      <c r="AD4222">
        <v>61</v>
      </c>
      <c r="AE4222">
        <v>125</v>
      </c>
      <c r="AF4222">
        <v>0</v>
      </c>
      <c r="AG4222">
        <v>50000</v>
      </c>
      <c r="AH4222">
        <v>0</v>
      </c>
      <c r="AI4222">
        <v>50000</v>
      </c>
      <c r="AJ4222">
        <v>0</v>
      </c>
      <c r="AK4222" t="s">
        <v>6</v>
      </c>
      <c r="AL4222">
        <v>0</v>
      </c>
      <c r="AM4222">
        <v>0</v>
      </c>
      <c r="AN4222">
        <v>0</v>
      </c>
      <c r="AO4222">
        <v>0</v>
      </c>
      <c r="AP4222">
        <v>0</v>
      </c>
      <c r="AQ4222">
        <v>0</v>
      </c>
      <c r="AR4222">
        <v>0</v>
      </c>
      <c r="AS4222">
        <v>0</v>
      </c>
      <c r="AT4222">
        <v>0</v>
      </c>
      <c r="AU4222">
        <v>0</v>
      </c>
      <c r="AV4222">
        <v>0</v>
      </c>
      <c r="AW4222">
        <v>0</v>
      </c>
      <c r="AX4222">
        <v>0</v>
      </c>
      <c r="AY4222">
        <v>0</v>
      </c>
      <c r="AZ4222">
        <v>0</v>
      </c>
      <c r="BA4222">
        <v>0</v>
      </c>
    </row>
    <row r="4223" spans="1:53" x14ac:dyDescent="0.4">
      <c r="A4223">
        <v>4267</v>
      </c>
      <c r="B4223" s="1">
        <v>44394</v>
      </c>
      <c r="C4223">
        <v>2</v>
      </c>
      <c r="D4223" s="1">
        <v>44394.402777777781</v>
      </c>
      <c r="E4223" s="1">
        <v>44394.742361111108</v>
      </c>
      <c r="F4223">
        <v>36980</v>
      </c>
      <c r="G4223">
        <v>1034</v>
      </c>
      <c r="H4223">
        <v>0</v>
      </c>
      <c r="I4223">
        <v>0</v>
      </c>
      <c r="J4223">
        <v>0</v>
      </c>
      <c r="K4223">
        <v>0</v>
      </c>
      <c r="L4223">
        <v>0</v>
      </c>
      <c r="M4223">
        <v>3453</v>
      </c>
      <c r="N4223">
        <v>0</v>
      </c>
      <c r="O4223">
        <v>0</v>
      </c>
      <c r="P4223">
        <v>19170</v>
      </c>
      <c r="Q4223">
        <v>0</v>
      </c>
      <c r="R4223">
        <v>57184</v>
      </c>
      <c r="S4223">
        <v>0</v>
      </c>
      <c r="T4223">
        <v>0</v>
      </c>
      <c r="U4223">
        <v>0</v>
      </c>
      <c r="V4223">
        <v>2</v>
      </c>
      <c r="W4223">
        <v>2</v>
      </c>
      <c r="X4223">
        <v>0</v>
      </c>
      <c r="Y4223">
        <v>53</v>
      </c>
      <c r="Z4223">
        <v>22</v>
      </c>
      <c r="AA4223">
        <v>71</v>
      </c>
      <c r="AB4223">
        <v>86</v>
      </c>
      <c r="AC4223">
        <v>135</v>
      </c>
      <c r="AD4223">
        <v>61</v>
      </c>
      <c r="AE4223">
        <v>129</v>
      </c>
      <c r="AF4223">
        <v>0</v>
      </c>
      <c r="AG4223">
        <v>107184</v>
      </c>
      <c r="AH4223">
        <v>50000</v>
      </c>
      <c r="AI4223">
        <v>0</v>
      </c>
      <c r="AJ4223">
        <v>103</v>
      </c>
      <c r="AK4223" t="s">
        <v>7</v>
      </c>
      <c r="AL4223">
        <v>0</v>
      </c>
      <c r="AM4223">
        <v>0</v>
      </c>
      <c r="AN4223">
        <v>0</v>
      </c>
      <c r="AO4223">
        <v>0</v>
      </c>
      <c r="AP4223">
        <v>0</v>
      </c>
      <c r="AQ4223">
        <v>0</v>
      </c>
      <c r="AR4223">
        <v>0</v>
      </c>
      <c r="AS4223">
        <v>0</v>
      </c>
      <c r="AT4223">
        <v>0</v>
      </c>
      <c r="AU4223">
        <v>0</v>
      </c>
      <c r="AV4223">
        <v>0</v>
      </c>
      <c r="AW4223">
        <v>0</v>
      </c>
      <c r="AX4223">
        <v>-466</v>
      </c>
      <c r="AY4223">
        <v>42</v>
      </c>
      <c r="AZ4223">
        <v>93</v>
      </c>
      <c r="BA4223">
        <v>6112</v>
      </c>
    </row>
    <row r="4224" spans="1:53" x14ac:dyDescent="0.4">
      <c r="A4224">
        <v>4268</v>
      </c>
      <c r="B4224" s="1">
        <v>44394</v>
      </c>
      <c r="C4224">
        <v>3</v>
      </c>
      <c r="D4224" s="1">
        <v>44394.742361111108</v>
      </c>
      <c r="E4224" s="1">
        <v>44395.105555555558</v>
      </c>
      <c r="F4224">
        <v>130635</v>
      </c>
      <c r="G4224">
        <v>9705</v>
      </c>
      <c r="H4224">
        <v>0</v>
      </c>
      <c r="I4224">
        <v>0</v>
      </c>
      <c r="J4224">
        <v>0</v>
      </c>
      <c r="K4224">
        <v>0</v>
      </c>
      <c r="L4224">
        <v>0</v>
      </c>
      <c r="M4224">
        <v>12754</v>
      </c>
      <c r="N4224">
        <v>0</v>
      </c>
      <c r="O4224">
        <v>0</v>
      </c>
      <c r="P4224">
        <v>10680</v>
      </c>
      <c r="Q4224">
        <v>0</v>
      </c>
      <c r="R4224">
        <v>151020</v>
      </c>
      <c r="S4224">
        <v>0</v>
      </c>
      <c r="T4224">
        <v>0</v>
      </c>
      <c r="U4224">
        <v>0</v>
      </c>
      <c r="V4224">
        <v>14</v>
      </c>
      <c r="W4224">
        <v>2</v>
      </c>
      <c r="X4224">
        <v>0</v>
      </c>
      <c r="Y4224">
        <v>63</v>
      </c>
      <c r="Z4224">
        <v>20</v>
      </c>
      <c r="AA4224">
        <v>55</v>
      </c>
      <c r="AB4224">
        <v>82</v>
      </c>
      <c r="AC4224">
        <v>125</v>
      </c>
      <c r="AD4224">
        <v>60</v>
      </c>
      <c r="AE4224">
        <v>132</v>
      </c>
      <c r="AF4224">
        <v>23922</v>
      </c>
      <c r="AG4224">
        <v>258204</v>
      </c>
      <c r="AH4224">
        <v>50000</v>
      </c>
      <c r="AI4224">
        <v>0</v>
      </c>
      <c r="AJ4224">
        <v>70</v>
      </c>
      <c r="AK4224" t="s">
        <v>49</v>
      </c>
      <c r="AL4224">
        <v>0</v>
      </c>
      <c r="AM4224">
        <v>0</v>
      </c>
      <c r="AN4224">
        <v>0</v>
      </c>
      <c r="AO4224">
        <v>0</v>
      </c>
      <c r="AP4224">
        <v>0</v>
      </c>
      <c r="AQ4224">
        <v>0</v>
      </c>
      <c r="AR4224">
        <v>0</v>
      </c>
      <c r="AS4224">
        <v>0</v>
      </c>
      <c r="AT4224">
        <v>0</v>
      </c>
      <c r="AU4224">
        <v>0</v>
      </c>
      <c r="AV4224">
        <v>0</v>
      </c>
      <c r="AW4224">
        <v>0</v>
      </c>
      <c r="AX4224">
        <v>1408</v>
      </c>
      <c r="AY4224">
        <v>25</v>
      </c>
      <c r="AZ4224">
        <v>69</v>
      </c>
      <c r="BA4224">
        <v>4049</v>
      </c>
    </row>
    <row r="4225" spans="1:53" x14ac:dyDescent="0.4">
      <c r="A4225">
        <v>4269</v>
      </c>
      <c r="B4225" s="1">
        <v>44395</v>
      </c>
      <c r="C4225">
        <v>1</v>
      </c>
      <c r="D4225" s="1">
        <v>44395.291666666664</v>
      </c>
      <c r="E4225" s="1">
        <v>44395.4</v>
      </c>
      <c r="F4225">
        <v>0</v>
      </c>
      <c r="G4225">
        <v>0</v>
      </c>
      <c r="H4225">
        <v>0</v>
      </c>
      <c r="I4225">
        <v>0</v>
      </c>
      <c r="J4225">
        <v>0</v>
      </c>
      <c r="K4225">
        <v>0</v>
      </c>
      <c r="L4225">
        <v>0</v>
      </c>
      <c r="M4225">
        <v>0</v>
      </c>
      <c r="N4225">
        <v>0</v>
      </c>
      <c r="O4225">
        <v>0</v>
      </c>
      <c r="P4225">
        <v>0</v>
      </c>
      <c r="Q4225">
        <v>0</v>
      </c>
      <c r="R4225">
        <v>0</v>
      </c>
      <c r="S4225">
        <v>0</v>
      </c>
      <c r="T4225">
        <v>0</v>
      </c>
      <c r="U4225">
        <v>0</v>
      </c>
      <c r="V4225">
        <v>0</v>
      </c>
      <c r="W4225">
        <v>1</v>
      </c>
      <c r="X4225">
        <v>0</v>
      </c>
      <c r="Y4225">
        <v>28</v>
      </c>
      <c r="Z4225">
        <v>14</v>
      </c>
      <c r="AA4225">
        <v>55</v>
      </c>
      <c r="AB4225">
        <v>67</v>
      </c>
      <c r="AC4225">
        <v>71</v>
      </c>
      <c r="AD4225">
        <v>61</v>
      </c>
      <c r="AE4225">
        <v>135</v>
      </c>
      <c r="AF4225">
        <v>0</v>
      </c>
      <c r="AG4225">
        <v>50000</v>
      </c>
      <c r="AH4225">
        <v>50000</v>
      </c>
      <c r="AI4225">
        <v>0</v>
      </c>
      <c r="AJ4225">
        <v>0</v>
      </c>
      <c r="AK4225" t="s">
        <v>6</v>
      </c>
      <c r="AL4225">
        <v>0</v>
      </c>
      <c r="AM4225">
        <v>0</v>
      </c>
      <c r="AN4225">
        <v>0</v>
      </c>
      <c r="AO4225">
        <v>0</v>
      </c>
      <c r="AP4225">
        <v>0</v>
      </c>
      <c r="AQ4225">
        <v>0</v>
      </c>
      <c r="AR4225">
        <v>0</v>
      </c>
      <c r="AS4225">
        <v>0</v>
      </c>
      <c r="AT4225">
        <v>0</v>
      </c>
      <c r="AU4225">
        <v>0</v>
      </c>
      <c r="AV4225">
        <v>0</v>
      </c>
      <c r="AW4225">
        <v>0</v>
      </c>
      <c r="AX4225">
        <v>0</v>
      </c>
      <c r="AY4225">
        <v>0</v>
      </c>
      <c r="AZ4225">
        <v>0</v>
      </c>
      <c r="BA4225">
        <v>0</v>
      </c>
    </row>
    <row r="4226" spans="1:53" x14ac:dyDescent="0.4">
      <c r="A4226">
        <v>4270</v>
      </c>
      <c r="B4226" s="1">
        <v>44395</v>
      </c>
      <c r="C4226">
        <v>2</v>
      </c>
      <c r="D4226" s="1">
        <v>44395.4</v>
      </c>
      <c r="E4226" s="1">
        <v>44395.746527777781</v>
      </c>
      <c r="F4226">
        <v>38840</v>
      </c>
      <c r="G4226">
        <v>1650</v>
      </c>
      <c r="H4226">
        <v>0</v>
      </c>
      <c r="I4226">
        <v>0</v>
      </c>
      <c r="J4226">
        <v>200</v>
      </c>
      <c r="K4226">
        <v>0</v>
      </c>
      <c r="L4226">
        <v>0</v>
      </c>
      <c r="M4226">
        <v>3660</v>
      </c>
      <c r="N4226">
        <v>0</v>
      </c>
      <c r="O4226">
        <v>0</v>
      </c>
      <c r="P4226">
        <v>18190</v>
      </c>
      <c r="Q4226">
        <v>0</v>
      </c>
      <c r="R4226">
        <v>58480</v>
      </c>
      <c r="S4226">
        <v>0</v>
      </c>
      <c r="T4226">
        <v>0</v>
      </c>
      <c r="U4226">
        <v>0</v>
      </c>
      <c r="V4226">
        <v>4</v>
      </c>
      <c r="W4226">
        <v>1</v>
      </c>
      <c r="X4226">
        <v>0</v>
      </c>
      <c r="Y4226">
        <v>36</v>
      </c>
      <c r="Z4226">
        <v>32</v>
      </c>
      <c r="AA4226">
        <v>57</v>
      </c>
      <c r="AB4226">
        <v>71</v>
      </c>
      <c r="AC4226">
        <v>73</v>
      </c>
      <c r="AD4226">
        <v>61</v>
      </c>
      <c r="AE4226">
        <v>135</v>
      </c>
      <c r="AF4226">
        <v>1060</v>
      </c>
      <c r="AG4226">
        <v>108480</v>
      </c>
      <c r="AH4226">
        <v>50000</v>
      </c>
      <c r="AI4226">
        <v>0</v>
      </c>
      <c r="AJ4226">
        <v>103</v>
      </c>
      <c r="AK4226" t="s">
        <v>7</v>
      </c>
      <c r="AL4226">
        <v>0</v>
      </c>
      <c r="AM4226">
        <v>0</v>
      </c>
      <c r="AN4226">
        <v>0</v>
      </c>
      <c r="AO4226">
        <v>0</v>
      </c>
      <c r="AP4226">
        <v>0</v>
      </c>
      <c r="AQ4226">
        <v>0</v>
      </c>
      <c r="AR4226">
        <v>0</v>
      </c>
      <c r="AS4226">
        <v>0</v>
      </c>
      <c r="AT4226">
        <v>0</v>
      </c>
      <c r="AU4226">
        <v>0</v>
      </c>
      <c r="AV4226">
        <v>0</v>
      </c>
      <c r="AW4226">
        <v>0</v>
      </c>
      <c r="AX4226">
        <v>1188</v>
      </c>
      <c r="AY4226">
        <v>42</v>
      </c>
      <c r="AZ4226">
        <v>91</v>
      </c>
      <c r="BA4226">
        <v>6831</v>
      </c>
    </row>
    <row r="4227" spans="1:53" x14ac:dyDescent="0.4">
      <c r="A4227">
        <v>4271</v>
      </c>
      <c r="B4227" s="1">
        <v>44396</v>
      </c>
      <c r="C4227">
        <v>1</v>
      </c>
      <c r="D4227" s="1">
        <v>44396.291666666664</v>
      </c>
      <c r="E4227" s="1">
        <v>44396.447916666664</v>
      </c>
      <c r="F4227">
        <v>0</v>
      </c>
      <c r="G4227">
        <v>0</v>
      </c>
      <c r="H4227">
        <v>0</v>
      </c>
      <c r="I4227">
        <v>0</v>
      </c>
      <c r="J4227">
        <v>0</v>
      </c>
      <c r="K4227">
        <v>0</v>
      </c>
      <c r="L4227">
        <v>0</v>
      </c>
      <c r="M4227">
        <v>0</v>
      </c>
      <c r="N4227">
        <v>0</v>
      </c>
      <c r="O4227">
        <v>0</v>
      </c>
      <c r="P4227">
        <v>0</v>
      </c>
      <c r="Q4227">
        <v>0</v>
      </c>
      <c r="R4227">
        <v>0</v>
      </c>
      <c r="S4227">
        <v>0</v>
      </c>
      <c r="T4227">
        <v>0</v>
      </c>
      <c r="U4227">
        <v>0</v>
      </c>
      <c r="V4227">
        <v>0</v>
      </c>
      <c r="W4227">
        <v>1</v>
      </c>
      <c r="X4227">
        <v>0</v>
      </c>
      <c r="Y4227">
        <v>25</v>
      </c>
      <c r="Z4227">
        <v>18</v>
      </c>
      <c r="AA4227">
        <v>65</v>
      </c>
      <c r="AB4227">
        <v>67</v>
      </c>
      <c r="AC4227">
        <v>72</v>
      </c>
      <c r="AD4227">
        <v>59</v>
      </c>
      <c r="AE4227">
        <v>135</v>
      </c>
      <c r="AF4227">
        <v>0</v>
      </c>
      <c r="AG4227">
        <v>50000</v>
      </c>
      <c r="AH4227">
        <v>50000</v>
      </c>
      <c r="AI4227">
        <v>0</v>
      </c>
      <c r="AJ4227">
        <v>0</v>
      </c>
      <c r="AK4227" t="s">
        <v>6</v>
      </c>
      <c r="AL4227">
        <v>0</v>
      </c>
      <c r="AM4227">
        <v>0</v>
      </c>
      <c r="AN4227">
        <v>0</v>
      </c>
      <c r="AO4227">
        <v>0</v>
      </c>
      <c r="AP4227">
        <v>0</v>
      </c>
      <c r="AQ4227">
        <v>0</v>
      </c>
      <c r="AR4227">
        <v>0</v>
      </c>
      <c r="AS4227">
        <v>0</v>
      </c>
      <c r="AT4227">
        <v>0</v>
      </c>
      <c r="AU4227">
        <v>0</v>
      </c>
      <c r="AV4227">
        <v>0</v>
      </c>
      <c r="AW4227">
        <v>0</v>
      </c>
      <c r="AX4227">
        <v>0</v>
      </c>
      <c r="AY4227">
        <v>0</v>
      </c>
      <c r="AZ4227">
        <v>0</v>
      </c>
      <c r="BA4227">
        <v>0</v>
      </c>
    </row>
    <row r="4228" spans="1:53" x14ac:dyDescent="0.4">
      <c r="A4228">
        <v>4272</v>
      </c>
      <c r="B4228" s="1">
        <v>44396</v>
      </c>
      <c r="C4228">
        <v>2</v>
      </c>
      <c r="D4228" s="1">
        <v>44396.447916666664</v>
      </c>
      <c r="E4228" s="1">
        <v>44396.765277777777</v>
      </c>
      <c r="F4228">
        <v>27110</v>
      </c>
      <c r="G4228">
        <v>1958</v>
      </c>
      <c r="H4228">
        <v>0</v>
      </c>
      <c r="I4228">
        <v>0</v>
      </c>
      <c r="J4228">
        <v>100</v>
      </c>
      <c r="K4228">
        <v>0</v>
      </c>
      <c r="L4228">
        <v>0</v>
      </c>
      <c r="M4228">
        <v>2635</v>
      </c>
      <c r="N4228">
        <v>0</v>
      </c>
      <c r="O4228">
        <v>0</v>
      </c>
      <c r="P4228">
        <v>9230</v>
      </c>
      <c r="Q4228">
        <v>0</v>
      </c>
      <c r="R4228">
        <v>38198</v>
      </c>
      <c r="S4228">
        <v>0</v>
      </c>
      <c r="T4228">
        <v>0</v>
      </c>
      <c r="U4228">
        <v>0</v>
      </c>
      <c r="V4228">
        <v>3</v>
      </c>
      <c r="W4228">
        <v>0</v>
      </c>
      <c r="X4228">
        <v>0</v>
      </c>
      <c r="Y4228">
        <v>35</v>
      </c>
      <c r="Z4228">
        <v>24</v>
      </c>
      <c r="AA4228">
        <v>64</v>
      </c>
      <c r="AB4228">
        <v>68</v>
      </c>
      <c r="AC4228">
        <v>98</v>
      </c>
      <c r="AD4228">
        <v>57</v>
      </c>
      <c r="AE4228">
        <v>133</v>
      </c>
      <c r="AF4228">
        <v>0</v>
      </c>
      <c r="AG4228">
        <v>88198</v>
      </c>
      <c r="AH4228">
        <v>50000</v>
      </c>
      <c r="AI4228">
        <v>0</v>
      </c>
      <c r="AJ4228">
        <v>70</v>
      </c>
      <c r="AK4228" t="s">
        <v>49</v>
      </c>
      <c r="AL4228">
        <v>0</v>
      </c>
      <c r="AM4228">
        <v>0</v>
      </c>
      <c r="AN4228">
        <v>0</v>
      </c>
      <c r="AO4228">
        <v>0</v>
      </c>
      <c r="AP4228">
        <v>0</v>
      </c>
      <c r="AQ4228">
        <v>0</v>
      </c>
      <c r="AR4228">
        <v>0</v>
      </c>
      <c r="AS4228">
        <v>0</v>
      </c>
      <c r="AT4228">
        <v>0</v>
      </c>
      <c r="AU4228">
        <v>0</v>
      </c>
      <c r="AV4228">
        <v>0</v>
      </c>
      <c r="AW4228">
        <v>0</v>
      </c>
      <c r="AX4228">
        <v>440</v>
      </c>
      <c r="AY4228">
        <v>34</v>
      </c>
      <c r="AZ4228">
        <v>59</v>
      </c>
      <c r="BA4228">
        <v>5395</v>
      </c>
    </row>
    <row r="4229" spans="1:53" x14ac:dyDescent="0.4">
      <c r="A4229">
        <v>4273</v>
      </c>
      <c r="B4229" s="1">
        <v>44397</v>
      </c>
      <c r="C4229">
        <v>1</v>
      </c>
      <c r="D4229" s="1">
        <v>44397.291666666664</v>
      </c>
      <c r="E4229" s="1">
        <v>44397.430555555555</v>
      </c>
      <c r="F4229">
        <v>0</v>
      </c>
      <c r="G4229">
        <v>0</v>
      </c>
      <c r="H4229">
        <v>0</v>
      </c>
      <c r="I4229">
        <v>0</v>
      </c>
      <c r="J4229">
        <v>0</v>
      </c>
      <c r="K4229">
        <v>0</v>
      </c>
      <c r="L4229">
        <v>0</v>
      </c>
      <c r="M4229">
        <v>0</v>
      </c>
      <c r="N4229">
        <v>0</v>
      </c>
      <c r="O4229">
        <v>0</v>
      </c>
      <c r="P4229">
        <v>0</v>
      </c>
      <c r="Q4229">
        <v>0</v>
      </c>
      <c r="R4229">
        <v>0</v>
      </c>
      <c r="S4229">
        <v>0</v>
      </c>
      <c r="T4229">
        <v>0</v>
      </c>
      <c r="U4229">
        <v>0</v>
      </c>
      <c r="V4229">
        <v>0</v>
      </c>
      <c r="W4229">
        <v>0</v>
      </c>
      <c r="X4229">
        <v>0</v>
      </c>
      <c r="Y4229">
        <v>30</v>
      </c>
      <c r="Z4229">
        <v>19</v>
      </c>
      <c r="AA4229">
        <v>60</v>
      </c>
      <c r="AB4229">
        <v>66</v>
      </c>
      <c r="AC4229">
        <v>79</v>
      </c>
      <c r="AD4229">
        <v>56</v>
      </c>
      <c r="AE4229">
        <v>130</v>
      </c>
      <c r="AF4229">
        <v>0</v>
      </c>
      <c r="AG4229">
        <v>50000</v>
      </c>
      <c r="AH4229">
        <v>50000</v>
      </c>
      <c r="AI4229">
        <v>0</v>
      </c>
      <c r="AJ4229">
        <v>0</v>
      </c>
      <c r="AK4229" t="s">
        <v>6</v>
      </c>
      <c r="AL4229">
        <v>0</v>
      </c>
      <c r="AM4229">
        <v>0</v>
      </c>
      <c r="AN4229">
        <v>0</v>
      </c>
      <c r="AO4229">
        <v>0</v>
      </c>
      <c r="AP4229">
        <v>0</v>
      </c>
      <c r="AQ4229">
        <v>0</v>
      </c>
      <c r="AR4229">
        <v>0</v>
      </c>
      <c r="AS4229">
        <v>0</v>
      </c>
      <c r="AT4229">
        <v>0</v>
      </c>
      <c r="AU4229">
        <v>0</v>
      </c>
      <c r="AV4229">
        <v>0</v>
      </c>
      <c r="AW4229">
        <v>0</v>
      </c>
      <c r="AX4229">
        <v>0</v>
      </c>
      <c r="AY4229">
        <v>0</v>
      </c>
      <c r="AZ4229">
        <v>0</v>
      </c>
      <c r="BA4229">
        <v>0</v>
      </c>
    </row>
    <row r="4230" spans="1:53" x14ac:dyDescent="0.4">
      <c r="A4230">
        <v>4274</v>
      </c>
      <c r="B4230" s="1">
        <v>44397</v>
      </c>
      <c r="C4230">
        <v>2</v>
      </c>
      <c r="D4230" s="1">
        <v>44397.430555555555</v>
      </c>
      <c r="E4230" s="1">
        <v>44397.78402777778</v>
      </c>
      <c r="F4230">
        <v>28720</v>
      </c>
      <c r="G4230">
        <v>880</v>
      </c>
      <c r="H4230">
        <v>0</v>
      </c>
      <c r="I4230">
        <v>0</v>
      </c>
      <c r="J4230">
        <v>0</v>
      </c>
      <c r="K4230">
        <v>0</v>
      </c>
      <c r="L4230">
        <v>0</v>
      </c>
      <c r="M4230">
        <v>2690</v>
      </c>
      <c r="N4230">
        <v>0</v>
      </c>
      <c r="O4230">
        <v>0</v>
      </c>
      <c r="P4230">
        <v>5490</v>
      </c>
      <c r="Q4230">
        <v>0</v>
      </c>
      <c r="R4230">
        <v>35090</v>
      </c>
      <c r="S4230">
        <v>0</v>
      </c>
      <c r="T4230">
        <v>0</v>
      </c>
      <c r="U4230">
        <v>0</v>
      </c>
      <c r="V4230">
        <v>0</v>
      </c>
      <c r="W4230">
        <v>2</v>
      </c>
      <c r="X4230">
        <v>0</v>
      </c>
      <c r="Y4230">
        <v>55</v>
      </c>
      <c r="Z4230">
        <v>23</v>
      </c>
      <c r="AA4230">
        <v>39</v>
      </c>
      <c r="AB4230">
        <v>69</v>
      </c>
      <c r="AC4230">
        <v>82</v>
      </c>
      <c r="AD4230">
        <v>58</v>
      </c>
      <c r="AE4230">
        <v>130</v>
      </c>
      <c r="AF4230">
        <v>0</v>
      </c>
      <c r="AG4230">
        <v>85090</v>
      </c>
      <c r="AH4230">
        <v>50000</v>
      </c>
      <c r="AI4230">
        <v>0</v>
      </c>
      <c r="AJ4230">
        <v>70</v>
      </c>
      <c r="AK4230" t="s">
        <v>49</v>
      </c>
      <c r="AL4230">
        <v>0</v>
      </c>
      <c r="AM4230">
        <v>0</v>
      </c>
      <c r="AN4230">
        <v>0</v>
      </c>
      <c r="AO4230">
        <v>0</v>
      </c>
      <c r="AP4230">
        <v>0</v>
      </c>
      <c r="AQ4230">
        <v>0</v>
      </c>
      <c r="AR4230">
        <v>0</v>
      </c>
      <c r="AS4230">
        <v>0</v>
      </c>
      <c r="AT4230">
        <v>0</v>
      </c>
      <c r="AU4230">
        <v>0</v>
      </c>
      <c r="AV4230">
        <v>0</v>
      </c>
      <c r="AW4230">
        <v>0</v>
      </c>
      <c r="AX4230">
        <v>0</v>
      </c>
      <c r="AY4230">
        <v>31</v>
      </c>
      <c r="AZ4230">
        <v>55</v>
      </c>
      <c r="BA4230">
        <v>5261</v>
      </c>
    </row>
    <row r="4231" spans="1:53" x14ac:dyDescent="0.4">
      <c r="A4231">
        <v>4275</v>
      </c>
      <c r="B4231" s="1">
        <v>44398</v>
      </c>
      <c r="C4231">
        <v>1</v>
      </c>
      <c r="D4231" s="1">
        <v>44398.291666666664</v>
      </c>
      <c r="E4231" s="1">
        <v>44398.446527777778</v>
      </c>
      <c r="F4231">
        <v>0</v>
      </c>
      <c r="G4231">
        <v>0</v>
      </c>
      <c r="H4231">
        <v>0</v>
      </c>
      <c r="I4231">
        <v>0</v>
      </c>
      <c r="J4231">
        <v>0</v>
      </c>
      <c r="K4231">
        <v>0</v>
      </c>
      <c r="L4231">
        <v>0</v>
      </c>
      <c r="M4231">
        <v>0</v>
      </c>
      <c r="N4231">
        <v>0</v>
      </c>
      <c r="O4231">
        <v>0</v>
      </c>
      <c r="P4231">
        <v>0</v>
      </c>
      <c r="Q4231">
        <v>0</v>
      </c>
      <c r="R4231">
        <v>0</v>
      </c>
      <c r="S4231">
        <v>0</v>
      </c>
      <c r="T4231">
        <v>0</v>
      </c>
      <c r="U4231">
        <v>0</v>
      </c>
      <c r="V4231">
        <v>0</v>
      </c>
      <c r="W4231">
        <v>1</v>
      </c>
      <c r="X4231">
        <v>0</v>
      </c>
      <c r="Y4231">
        <v>30</v>
      </c>
      <c r="Z4231">
        <v>11</v>
      </c>
      <c r="AA4231">
        <v>50</v>
      </c>
      <c r="AB4231">
        <v>67</v>
      </c>
      <c r="AC4231">
        <v>74</v>
      </c>
      <c r="AD4231">
        <v>56</v>
      </c>
      <c r="AE4231">
        <v>130</v>
      </c>
      <c r="AF4231">
        <v>0</v>
      </c>
      <c r="AG4231">
        <v>50000</v>
      </c>
      <c r="AH4231">
        <v>50000</v>
      </c>
      <c r="AI4231">
        <v>0</v>
      </c>
      <c r="AJ4231">
        <v>0</v>
      </c>
      <c r="AK4231" t="s">
        <v>6</v>
      </c>
      <c r="AL4231">
        <v>0</v>
      </c>
      <c r="AM4231">
        <v>0</v>
      </c>
      <c r="AN4231">
        <v>0</v>
      </c>
      <c r="AO4231">
        <v>0</v>
      </c>
      <c r="AP4231">
        <v>0</v>
      </c>
      <c r="AQ4231">
        <v>0</v>
      </c>
      <c r="AR4231">
        <v>0</v>
      </c>
      <c r="AS4231">
        <v>0</v>
      </c>
      <c r="AT4231">
        <v>0</v>
      </c>
      <c r="AU4231">
        <v>0</v>
      </c>
      <c r="AV4231">
        <v>0</v>
      </c>
      <c r="AW4231">
        <v>0</v>
      </c>
      <c r="AX4231">
        <v>0</v>
      </c>
      <c r="AY4231">
        <v>0</v>
      </c>
      <c r="AZ4231">
        <v>0</v>
      </c>
      <c r="BA4231">
        <v>0</v>
      </c>
    </row>
    <row r="4232" spans="1:53" x14ac:dyDescent="0.4">
      <c r="A4232">
        <v>4276</v>
      </c>
      <c r="B4232" s="1">
        <v>44398</v>
      </c>
      <c r="C4232">
        <v>2</v>
      </c>
      <c r="D4232" s="1">
        <v>44398.446527777778</v>
      </c>
      <c r="E4232" s="1">
        <v>44398.809027777781</v>
      </c>
      <c r="F4232">
        <v>35330</v>
      </c>
      <c r="G4232">
        <v>1342</v>
      </c>
      <c r="H4232">
        <v>0</v>
      </c>
      <c r="I4232">
        <v>0</v>
      </c>
      <c r="J4232">
        <v>0</v>
      </c>
      <c r="K4232">
        <v>200</v>
      </c>
      <c r="L4232">
        <v>0</v>
      </c>
      <c r="M4232">
        <v>3353</v>
      </c>
      <c r="N4232">
        <v>0</v>
      </c>
      <c r="O4232">
        <v>0</v>
      </c>
      <c r="P4232">
        <v>5280</v>
      </c>
      <c r="Q4232">
        <v>0</v>
      </c>
      <c r="R4232">
        <v>42152</v>
      </c>
      <c r="S4232">
        <v>0</v>
      </c>
      <c r="T4232">
        <v>0</v>
      </c>
      <c r="U4232">
        <v>0</v>
      </c>
      <c r="V4232">
        <v>0</v>
      </c>
      <c r="W4232">
        <v>4</v>
      </c>
      <c r="X4232">
        <v>0</v>
      </c>
      <c r="Y4232">
        <v>45</v>
      </c>
      <c r="Z4232">
        <v>21</v>
      </c>
      <c r="AA4232">
        <v>110</v>
      </c>
      <c r="AB4232">
        <v>75</v>
      </c>
      <c r="AC4232">
        <v>99</v>
      </c>
      <c r="AD4232">
        <v>57</v>
      </c>
      <c r="AE4232">
        <v>127</v>
      </c>
      <c r="AF4232">
        <v>500</v>
      </c>
      <c r="AG4232">
        <v>92152</v>
      </c>
      <c r="AH4232">
        <v>50000</v>
      </c>
      <c r="AI4232">
        <v>0</v>
      </c>
      <c r="AJ4232">
        <v>70</v>
      </c>
      <c r="AK4232" t="s">
        <v>49</v>
      </c>
      <c r="AL4232">
        <v>0</v>
      </c>
      <c r="AM4232">
        <v>0</v>
      </c>
      <c r="AN4232">
        <v>0</v>
      </c>
      <c r="AO4232">
        <v>0</v>
      </c>
      <c r="AP4232">
        <v>0</v>
      </c>
      <c r="AQ4232">
        <v>0</v>
      </c>
      <c r="AR4232">
        <v>0</v>
      </c>
      <c r="AS4232">
        <v>0</v>
      </c>
      <c r="AT4232">
        <v>0</v>
      </c>
      <c r="AU4232">
        <v>0</v>
      </c>
      <c r="AV4232">
        <v>0</v>
      </c>
      <c r="AW4232">
        <v>0</v>
      </c>
      <c r="AX4232">
        <v>8900</v>
      </c>
      <c r="AY4232">
        <v>39</v>
      </c>
      <c r="AZ4232">
        <v>76</v>
      </c>
      <c r="BA4232">
        <v>5629</v>
      </c>
    </row>
    <row r="4233" spans="1:53" x14ac:dyDescent="0.4">
      <c r="A4233">
        <v>4277</v>
      </c>
      <c r="B4233" s="1">
        <v>44399</v>
      </c>
      <c r="C4233">
        <v>1</v>
      </c>
      <c r="D4233" s="1">
        <v>44399.291666666664</v>
      </c>
      <c r="E4233" s="1">
        <v>44399.410416666666</v>
      </c>
      <c r="F4233">
        <v>0</v>
      </c>
      <c r="G4233">
        <v>0</v>
      </c>
      <c r="H4233">
        <v>0</v>
      </c>
      <c r="I4233">
        <v>0</v>
      </c>
      <c r="J4233">
        <v>0</v>
      </c>
      <c r="K4233">
        <v>0</v>
      </c>
      <c r="L4233">
        <v>0</v>
      </c>
      <c r="M4233">
        <v>0</v>
      </c>
      <c r="N4233">
        <v>0</v>
      </c>
      <c r="O4233">
        <v>0</v>
      </c>
      <c r="P4233">
        <v>0</v>
      </c>
      <c r="Q4233">
        <v>0</v>
      </c>
      <c r="R4233">
        <v>0</v>
      </c>
      <c r="S4233">
        <v>0</v>
      </c>
      <c r="T4233">
        <v>0</v>
      </c>
      <c r="U4233">
        <v>0</v>
      </c>
      <c r="V4233">
        <v>0</v>
      </c>
      <c r="W4233">
        <v>1</v>
      </c>
      <c r="X4233">
        <v>0</v>
      </c>
      <c r="Y4233">
        <v>24</v>
      </c>
      <c r="Z4233">
        <v>10</v>
      </c>
      <c r="AA4233">
        <v>111</v>
      </c>
      <c r="AB4233">
        <v>73</v>
      </c>
      <c r="AC4233">
        <v>84</v>
      </c>
      <c r="AD4233">
        <v>57</v>
      </c>
      <c r="AE4233">
        <v>125</v>
      </c>
      <c r="AF4233">
        <v>0</v>
      </c>
      <c r="AG4233">
        <v>50000</v>
      </c>
      <c r="AH4233">
        <v>50000</v>
      </c>
      <c r="AI4233">
        <v>0</v>
      </c>
      <c r="AJ4233">
        <v>70</v>
      </c>
      <c r="AK4233" t="s">
        <v>49</v>
      </c>
      <c r="AL4233">
        <v>0</v>
      </c>
      <c r="AM4233">
        <v>0</v>
      </c>
      <c r="AN4233">
        <v>0</v>
      </c>
      <c r="AO4233">
        <v>0</v>
      </c>
      <c r="AP4233">
        <v>0</v>
      </c>
      <c r="AQ4233">
        <v>0</v>
      </c>
      <c r="AR4233">
        <v>0</v>
      </c>
      <c r="AS4233">
        <v>0</v>
      </c>
      <c r="AT4233">
        <v>0</v>
      </c>
      <c r="AU4233">
        <v>0</v>
      </c>
      <c r="AV4233">
        <v>0</v>
      </c>
      <c r="AW4233">
        <v>0</v>
      </c>
      <c r="AX4233">
        <v>0</v>
      </c>
      <c r="AY4233">
        <v>0</v>
      </c>
      <c r="AZ4233">
        <v>0</v>
      </c>
      <c r="BA4233">
        <v>0</v>
      </c>
    </row>
    <row r="4234" spans="1:53" x14ac:dyDescent="0.4">
      <c r="A4234">
        <v>4278</v>
      </c>
      <c r="B4234" s="1">
        <v>44399</v>
      </c>
      <c r="C4234">
        <v>2</v>
      </c>
      <c r="D4234" s="1">
        <v>44399.410416666666</v>
      </c>
      <c r="E4234" s="1">
        <v>44399.770833333336</v>
      </c>
      <c r="F4234">
        <v>29460</v>
      </c>
      <c r="G4234">
        <v>1012</v>
      </c>
      <c r="H4234">
        <v>0</v>
      </c>
      <c r="I4234">
        <v>0</v>
      </c>
      <c r="J4234">
        <v>200</v>
      </c>
      <c r="K4234">
        <v>0</v>
      </c>
      <c r="L4234">
        <v>0</v>
      </c>
      <c r="M4234">
        <v>2754</v>
      </c>
      <c r="N4234">
        <v>0</v>
      </c>
      <c r="O4234">
        <v>0</v>
      </c>
      <c r="P4234">
        <v>4890</v>
      </c>
      <c r="Q4234">
        <v>0</v>
      </c>
      <c r="R4234">
        <v>35162</v>
      </c>
      <c r="S4234">
        <v>0</v>
      </c>
      <c r="T4234">
        <v>0</v>
      </c>
      <c r="U4234">
        <v>0</v>
      </c>
      <c r="V4234">
        <v>2</v>
      </c>
      <c r="W4234">
        <v>0</v>
      </c>
      <c r="X4234">
        <v>0</v>
      </c>
      <c r="Y4234">
        <v>34</v>
      </c>
      <c r="Z4234">
        <v>25</v>
      </c>
      <c r="AA4234">
        <v>128</v>
      </c>
      <c r="AB4234">
        <v>83</v>
      </c>
      <c r="AC4234">
        <v>68</v>
      </c>
      <c r="AD4234">
        <v>58</v>
      </c>
      <c r="AE4234">
        <v>142</v>
      </c>
      <c r="AF4234">
        <v>600</v>
      </c>
      <c r="AG4234">
        <v>85162</v>
      </c>
      <c r="AH4234">
        <v>50000</v>
      </c>
      <c r="AI4234">
        <v>0</v>
      </c>
      <c r="AJ4234">
        <v>70</v>
      </c>
      <c r="AK4234" t="s">
        <v>49</v>
      </c>
      <c r="AL4234">
        <v>0</v>
      </c>
      <c r="AM4234">
        <v>0</v>
      </c>
      <c r="AN4234">
        <v>0</v>
      </c>
      <c r="AO4234">
        <v>0</v>
      </c>
      <c r="AP4234">
        <v>0</v>
      </c>
      <c r="AQ4234">
        <v>0</v>
      </c>
      <c r="AR4234">
        <v>0</v>
      </c>
      <c r="AS4234">
        <v>0</v>
      </c>
      <c r="AT4234">
        <v>0</v>
      </c>
      <c r="AU4234">
        <v>0</v>
      </c>
      <c r="AV4234">
        <v>0</v>
      </c>
      <c r="AW4234">
        <v>0</v>
      </c>
      <c r="AX4234">
        <v>440</v>
      </c>
      <c r="AY4234">
        <v>39</v>
      </c>
      <c r="AZ4234">
        <v>77</v>
      </c>
      <c r="BA4234">
        <v>6271</v>
      </c>
    </row>
    <row r="4235" spans="1:53" x14ac:dyDescent="0.4">
      <c r="A4235">
        <v>4279</v>
      </c>
      <c r="B4235" s="1">
        <v>44400</v>
      </c>
      <c r="C4235">
        <v>1</v>
      </c>
      <c r="D4235" s="1">
        <v>44400.291666666664</v>
      </c>
      <c r="E4235" s="1">
        <v>44400.40347222222</v>
      </c>
      <c r="F4235">
        <v>0</v>
      </c>
      <c r="G4235">
        <v>0</v>
      </c>
      <c r="H4235">
        <v>0</v>
      </c>
      <c r="I4235">
        <v>0</v>
      </c>
      <c r="J4235">
        <v>0</v>
      </c>
      <c r="K4235">
        <v>0</v>
      </c>
      <c r="L4235">
        <v>0</v>
      </c>
      <c r="M4235">
        <v>0</v>
      </c>
      <c r="N4235">
        <v>0</v>
      </c>
      <c r="O4235">
        <v>0</v>
      </c>
      <c r="P4235">
        <v>0</v>
      </c>
      <c r="Q4235">
        <v>0</v>
      </c>
      <c r="R4235">
        <v>0</v>
      </c>
      <c r="S4235">
        <v>0</v>
      </c>
      <c r="T4235">
        <v>0</v>
      </c>
      <c r="U4235">
        <v>0</v>
      </c>
      <c r="V4235">
        <v>0</v>
      </c>
      <c r="W4235">
        <v>0</v>
      </c>
      <c r="X4235">
        <v>0</v>
      </c>
      <c r="Y4235">
        <v>28</v>
      </c>
      <c r="Z4235">
        <v>10</v>
      </c>
      <c r="AA4235">
        <v>119</v>
      </c>
      <c r="AB4235">
        <v>80</v>
      </c>
      <c r="AC4235">
        <v>67</v>
      </c>
      <c r="AD4235">
        <v>58</v>
      </c>
      <c r="AE4235">
        <v>140</v>
      </c>
      <c r="AF4235">
        <v>0</v>
      </c>
      <c r="AG4235">
        <v>50000</v>
      </c>
      <c r="AH4235">
        <v>50000</v>
      </c>
      <c r="AI4235">
        <v>0</v>
      </c>
      <c r="AJ4235">
        <v>0</v>
      </c>
      <c r="AK4235" t="s">
        <v>6</v>
      </c>
      <c r="AL4235">
        <v>0</v>
      </c>
      <c r="AM4235">
        <v>0</v>
      </c>
      <c r="AN4235">
        <v>0</v>
      </c>
      <c r="AO4235">
        <v>0</v>
      </c>
      <c r="AP4235">
        <v>0</v>
      </c>
      <c r="AQ4235">
        <v>0</v>
      </c>
      <c r="AR4235">
        <v>0</v>
      </c>
      <c r="AS4235">
        <v>0</v>
      </c>
      <c r="AT4235">
        <v>0</v>
      </c>
      <c r="AU4235">
        <v>0</v>
      </c>
      <c r="AV4235">
        <v>0</v>
      </c>
      <c r="AW4235">
        <v>0</v>
      </c>
      <c r="AX4235">
        <v>0</v>
      </c>
      <c r="AY4235">
        <v>0</v>
      </c>
      <c r="AZ4235">
        <v>0</v>
      </c>
      <c r="BA4235">
        <v>0</v>
      </c>
    </row>
    <row r="4236" spans="1:53" x14ac:dyDescent="0.4">
      <c r="A4236">
        <v>4280</v>
      </c>
      <c r="B4236" s="1">
        <v>44400</v>
      </c>
      <c r="C4236">
        <v>2</v>
      </c>
      <c r="D4236" s="1">
        <v>44400.40347222222</v>
      </c>
      <c r="E4236" s="1">
        <v>44400.782638888886</v>
      </c>
      <c r="F4236">
        <v>42855</v>
      </c>
      <c r="G4236">
        <v>594</v>
      </c>
      <c r="H4236">
        <v>0</v>
      </c>
      <c r="I4236">
        <v>0</v>
      </c>
      <c r="J4236">
        <v>200</v>
      </c>
      <c r="K4236">
        <v>400</v>
      </c>
      <c r="L4236">
        <v>0</v>
      </c>
      <c r="M4236">
        <v>3970</v>
      </c>
      <c r="N4236">
        <v>0</v>
      </c>
      <c r="O4236">
        <v>0</v>
      </c>
      <c r="P4236">
        <v>7380</v>
      </c>
      <c r="Q4236">
        <v>0</v>
      </c>
      <c r="R4236">
        <v>51029</v>
      </c>
      <c r="S4236">
        <v>0</v>
      </c>
      <c r="T4236">
        <v>0</v>
      </c>
      <c r="U4236">
        <v>0</v>
      </c>
      <c r="V4236">
        <v>1</v>
      </c>
      <c r="W4236">
        <v>4</v>
      </c>
      <c r="X4236">
        <v>0</v>
      </c>
      <c r="Y4236">
        <v>38</v>
      </c>
      <c r="Z4236">
        <v>29</v>
      </c>
      <c r="AA4236">
        <v>125</v>
      </c>
      <c r="AB4236">
        <v>83</v>
      </c>
      <c r="AC4236">
        <v>89</v>
      </c>
      <c r="AD4236">
        <v>63</v>
      </c>
      <c r="AE4236">
        <v>144</v>
      </c>
      <c r="AF4236">
        <v>530</v>
      </c>
      <c r="AG4236">
        <v>101029</v>
      </c>
      <c r="AH4236">
        <v>50000</v>
      </c>
      <c r="AI4236">
        <v>0</v>
      </c>
      <c r="AJ4236">
        <v>107</v>
      </c>
      <c r="AK4236" t="s">
        <v>51</v>
      </c>
      <c r="AL4236">
        <v>0</v>
      </c>
      <c r="AM4236">
        <v>0</v>
      </c>
      <c r="AN4236">
        <v>0</v>
      </c>
      <c r="AO4236">
        <v>0</v>
      </c>
      <c r="AP4236">
        <v>0</v>
      </c>
      <c r="AQ4236">
        <v>0</v>
      </c>
      <c r="AR4236">
        <v>0</v>
      </c>
      <c r="AS4236">
        <v>0</v>
      </c>
      <c r="AT4236">
        <v>0</v>
      </c>
      <c r="AU4236">
        <v>0</v>
      </c>
      <c r="AV4236">
        <v>0</v>
      </c>
      <c r="AW4236">
        <v>0</v>
      </c>
      <c r="AX4236">
        <v>2320</v>
      </c>
      <c r="AY4236">
        <v>44</v>
      </c>
      <c r="AZ4236">
        <v>102</v>
      </c>
      <c r="BA4236">
        <v>7192</v>
      </c>
    </row>
    <row r="4237" spans="1:53" x14ac:dyDescent="0.4">
      <c r="A4237">
        <v>4281</v>
      </c>
      <c r="B4237" s="1">
        <v>44401</v>
      </c>
      <c r="C4237">
        <v>1</v>
      </c>
      <c r="D4237" s="1">
        <v>44401.291666666664</v>
      </c>
      <c r="E4237" s="1">
        <v>44401.399305555555</v>
      </c>
      <c r="F4237">
        <v>0</v>
      </c>
      <c r="G4237">
        <v>0</v>
      </c>
      <c r="H4237">
        <v>0</v>
      </c>
      <c r="I4237">
        <v>0</v>
      </c>
      <c r="J4237">
        <v>0</v>
      </c>
      <c r="K4237">
        <v>0</v>
      </c>
      <c r="L4237">
        <v>0</v>
      </c>
      <c r="M4237">
        <v>0</v>
      </c>
      <c r="N4237">
        <v>0</v>
      </c>
      <c r="O4237">
        <v>0</v>
      </c>
      <c r="P4237">
        <v>0</v>
      </c>
      <c r="Q4237">
        <v>0</v>
      </c>
      <c r="R4237">
        <v>0</v>
      </c>
      <c r="S4237">
        <v>0</v>
      </c>
      <c r="T4237">
        <v>0</v>
      </c>
      <c r="U4237">
        <v>0</v>
      </c>
      <c r="V4237">
        <v>0</v>
      </c>
      <c r="W4237">
        <v>1</v>
      </c>
      <c r="X4237">
        <v>0</v>
      </c>
      <c r="Y4237">
        <v>24</v>
      </c>
      <c r="Z4237">
        <v>10</v>
      </c>
      <c r="AA4237">
        <v>109</v>
      </c>
      <c r="AB4237">
        <v>74</v>
      </c>
      <c r="AC4237">
        <v>96</v>
      </c>
      <c r="AD4237">
        <v>60</v>
      </c>
      <c r="AE4237">
        <v>140</v>
      </c>
      <c r="AF4237">
        <v>0</v>
      </c>
      <c r="AG4237">
        <v>50000</v>
      </c>
      <c r="AH4237">
        <v>50000</v>
      </c>
      <c r="AI4237">
        <v>0</v>
      </c>
      <c r="AJ4237">
        <v>0</v>
      </c>
      <c r="AK4237" t="s">
        <v>6</v>
      </c>
      <c r="AL4237">
        <v>0</v>
      </c>
      <c r="AM4237">
        <v>0</v>
      </c>
      <c r="AN4237">
        <v>0</v>
      </c>
      <c r="AO4237">
        <v>0</v>
      </c>
      <c r="AP4237">
        <v>0</v>
      </c>
      <c r="AQ4237">
        <v>0</v>
      </c>
      <c r="AR4237">
        <v>0</v>
      </c>
      <c r="AS4237">
        <v>0</v>
      </c>
      <c r="AT4237">
        <v>0</v>
      </c>
      <c r="AU4237">
        <v>0</v>
      </c>
      <c r="AV4237">
        <v>0</v>
      </c>
      <c r="AW4237">
        <v>0</v>
      </c>
      <c r="AX4237">
        <v>0</v>
      </c>
      <c r="AY4237">
        <v>0</v>
      </c>
      <c r="AZ4237">
        <v>0</v>
      </c>
      <c r="BA4237">
        <v>0</v>
      </c>
    </row>
    <row r="4238" spans="1:53" x14ac:dyDescent="0.4">
      <c r="A4238">
        <v>4282</v>
      </c>
      <c r="B4238" s="1">
        <v>44401</v>
      </c>
      <c r="C4238">
        <v>2</v>
      </c>
      <c r="D4238" s="1">
        <v>44401.399305555555</v>
      </c>
      <c r="E4238" s="1">
        <v>44401.765277777777</v>
      </c>
      <c r="F4238">
        <v>38490</v>
      </c>
      <c r="G4238">
        <v>7832</v>
      </c>
      <c r="H4238">
        <v>0</v>
      </c>
      <c r="I4238">
        <v>0</v>
      </c>
      <c r="J4238">
        <v>375</v>
      </c>
      <c r="K4238">
        <v>230</v>
      </c>
      <c r="L4238">
        <v>0</v>
      </c>
      <c r="M4238">
        <v>4198</v>
      </c>
      <c r="N4238">
        <v>0</v>
      </c>
      <c r="O4238">
        <v>0</v>
      </c>
      <c r="P4238">
        <v>8490</v>
      </c>
      <c r="Q4238">
        <v>0</v>
      </c>
      <c r="R4238">
        <v>54667</v>
      </c>
      <c r="S4238">
        <v>0</v>
      </c>
      <c r="T4238">
        <v>0</v>
      </c>
      <c r="U4238">
        <v>0</v>
      </c>
      <c r="V4238">
        <v>1</v>
      </c>
      <c r="W4238">
        <v>4</v>
      </c>
      <c r="X4238">
        <v>0</v>
      </c>
      <c r="Y4238">
        <v>45</v>
      </c>
      <c r="Z4238">
        <v>19</v>
      </c>
      <c r="AA4238">
        <v>124</v>
      </c>
      <c r="AB4238">
        <v>71</v>
      </c>
      <c r="AC4238">
        <v>98</v>
      </c>
      <c r="AD4238">
        <v>57</v>
      </c>
      <c r="AE4238">
        <v>164</v>
      </c>
      <c r="AF4238">
        <v>2788</v>
      </c>
      <c r="AG4238">
        <v>104667</v>
      </c>
      <c r="AH4238">
        <v>50000</v>
      </c>
      <c r="AI4238">
        <v>0</v>
      </c>
      <c r="AJ4238">
        <v>70</v>
      </c>
      <c r="AK4238" t="s">
        <v>49</v>
      </c>
      <c r="AL4238">
        <v>0</v>
      </c>
      <c r="AM4238">
        <v>0</v>
      </c>
      <c r="AN4238">
        <v>0</v>
      </c>
      <c r="AO4238">
        <v>0</v>
      </c>
      <c r="AP4238">
        <v>0</v>
      </c>
      <c r="AQ4238">
        <v>0</v>
      </c>
      <c r="AR4238">
        <v>0</v>
      </c>
      <c r="AS4238">
        <v>0</v>
      </c>
      <c r="AT4238">
        <v>0</v>
      </c>
      <c r="AU4238">
        <v>0</v>
      </c>
      <c r="AV4238">
        <v>0</v>
      </c>
      <c r="AW4238">
        <v>0</v>
      </c>
      <c r="AX4238">
        <v>1210</v>
      </c>
      <c r="AY4238">
        <v>47</v>
      </c>
      <c r="AZ4238">
        <v>101</v>
      </c>
      <c r="BA4238">
        <v>7659</v>
      </c>
    </row>
    <row r="4239" spans="1:53" x14ac:dyDescent="0.4">
      <c r="A4239">
        <v>4283</v>
      </c>
      <c r="B4239" s="1">
        <v>44402</v>
      </c>
      <c r="C4239">
        <v>1</v>
      </c>
      <c r="D4239" s="1">
        <v>44402.291666666664</v>
      </c>
      <c r="E4239" s="1">
        <v>44402.409722222219</v>
      </c>
      <c r="F4239">
        <v>0</v>
      </c>
      <c r="G4239">
        <v>0</v>
      </c>
      <c r="H4239">
        <v>0</v>
      </c>
      <c r="I4239">
        <v>0</v>
      </c>
      <c r="J4239">
        <v>0</v>
      </c>
      <c r="K4239">
        <v>0</v>
      </c>
      <c r="L4239">
        <v>0</v>
      </c>
      <c r="M4239">
        <v>0</v>
      </c>
      <c r="N4239">
        <v>0</v>
      </c>
      <c r="O4239">
        <v>0</v>
      </c>
      <c r="P4239">
        <v>0</v>
      </c>
      <c r="Q4239">
        <v>0</v>
      </c>
      <c r="R4239">
        <v>0</v>
      </c>
      <c r="S4239">
        <v>0</v>
      </c>
      <c r="T4239">
        <v>0</v>
      </c>
      <c r="U4239">
        <v>0</v>
      </c>
      <c r="V4239">
        <v>0</v>
      </c>
      <c r="W4239">
        <v>1</v>
      </c>
      <c r="X4239">
        <v>0</v>
      </c>
      <c r="Y4239">
        <v>25</v>
      </c>
      <c r="Z4239">
        <v>17</v>
      </c>
      <c r="AA4239">
        <v>68</v>
      </c>
      <c r="AB4239">
        <v>64</v>
      </c>
      <c r="AC4239">
        <v>105</v>
      </c>
      <c r="AD4239">
        <v>57</v>
      </c>
      <c r="AE4239">
        <v>165</v>
      </c>
      <c r="AF4239">
        <v>0</v>
      </c>
      <c r="AG4239">
        <v>50000</v>
      </c>
      <c r="AH4239">
        <v>50000</v>
      </c>
      <c r="AI4239">
        <v>0</v>
      </c>
      <c r="AJ4239">
        <v>0</v>
      </c>
      <c r="AK4239" t="s">
        <v>6</v>
      </c>
      <c r="AL4239">
        <v>0</v>
      </c>
      <c r="AM4239">
        <v>0</v>
      </c>
      <c r="AN4239">
        <v>0</v>
      </c>
      <c r="AO4239">
        <v>0</v>
      </c>
      <c r="AP4239">
        <v>0</v>
      </c>
      <c r="AQ4239">
        <v>0</v>
      </c>
      <c r="AR4239">
        <v>0</v>
      </c>
      <c r="AS4239">
        <v>0</v>
      </c>
      <c r="AT4239">
        <v>0</v>
      </c>
      <c r="AU4239">
        <v>0</v>
      </c>
      <c r="AV4239">
        <v>0</v>
      </c>
      <c r="AW4239">
        <v>0</v>
      </c>
      <c r="AX4239">
        <v>0</v>
      </c>
      <c r="AY4239">
        <v>0</v>
      </c>
      <c r="AZ4239">
        <v>0</v>
      </c>
      <c r="BA4239">
        <v>0</v>
      </c>
    </row>
    <row r="4240" spans="1:53" x14ac:dyDescent="0.4">
      <c r="A4240">
        <v>4284</v>
      </c>
      <c r="B4240" s="1">
        <v>44402</v>
      </c>
      <c r="C4240">
        <v>2</v>
      </c>
      <c r="D4240" s="1">
        <v>44402.409722222219</v>
      </c>
      <c r="E4240" s="1">
        <v>44403.029861111114</v>
      </c>
      <c r="F4240">
        <v>82729</v>
      </c>
      <c r="G4240">
        <v>3256</v>
      </c>
      <c r="H4240">
        <v>0</v>
      </c>
      <c r="I4240">
        <v>0</v>
      </c>
      <c r="J4240">
        <v>0</v>
      </c>
      <c r="K4240">
        <v>0</v>
      </c>
      <c r="L4240">
        <v>0</v>
      </c>
      <c r="M4240">
        <v>7813</v>
      </c>
      <c r="N4240">
        <v>0</v>
      </c>
      <c r="O4240">
        <v>0</v>
      </c>
      <c r="P4240">
        <v>4250</v>
      </c>
      <c r="Q4240">
        <v>0</v>
      </c>
      <c r="R4240">
        <v>90235</v>
      </c>
      <c r="S4240">
        <v>0</v>
      </c>
      <c r="T4240">
        <v>0</v>
      </c>
      <c r="U4240">
        <v>0</v>
      </c>
      <c r="V4240">
        <v>6</v>
      </c>
      <c r="W4240">
        <v>0</v>
      </c>
      <c r="X4240">
        <v>0</v>
      </c>
      <c r="Y4240">
        <v>49</v>
      </c>
      <c r="Z4240">
        <v>33</v>
      </c>
      <c r="AA4240">
        <v>65</v>
      </c>
      <c r="AB4240">
        <v>69</v>
      </c>
      <c r="AC4240">
        <v>106</v>
      </c>
      <c r="AD4240">
        <v>56</v>
      </c>
      <c r="AE4240">
        <v>163</v>
      </c>
      <c r="AF4240">
        <v>3282</v>
      </c>
      <c r="AG4240">
        <v>140235</v>
      </c>
      <c r="AH4240">
        <v>50000</v>
      </c>
      <c r="AI4240">
        <v>0</v>
      </c>
      <c r="AJ4240">
        <v>108</v>
      </c>
      <c r="AK4240" t="s">
        <v>3</v>
      </c>
      <c r="AL4240">
        <v>0</v>
      </c>
      <c r="AM4240">
        <v>0</v>
      </c>
      <c r="AN4240">
        <v>0</v>
      </c>
      <c r="AO4240">
        <v>0</v>
      </c>
      <c r="AP4240">
        <v>0</v>
      </c>
      <c r="AQ4240">
        <v>0</v>
      </c>
      <c r="AR4240">
        <v>0</v>
      </c>
      <c r="AS4240">
        <v>0</v>
      </c>
      <c r="AT4240">
        <v>0</v>
      </c>
      <c r="AU4240">
        <v>0</v>
      </c>
      <c r="AV4240">
        <v>0</v>
      </c>
      <c r="AW4240">
        <v>0</v>
      </c>
      <c r="AX4240">
        <v>-542</v>
      </c>
      <c r="AY4240">
        <v>55</v>
      </c>
      <c r="AZ4240">
        <v>123</v>
      </c>
      <c r="BA4240">
        <v>8959</v>
      </c>
    </row>
    <row r="4241" spans="1:53" x14ac:dyDescent="0.4">
      <c r="A4241">
        <v>4285</v>
      </c>
      <c r="B4241" s="1">
        <v>44404</v>
      </c>
      <c r="C4241">
        <v>1</v>
      </c>
      <c r="D4241" s="1">
        <v>44404.291666666664</v>
      </c>
      <c r="E4241" s="1">
        <v>44404.390277777777</v>
      </c>
      <c r="F4241">
        <v>0</v>
      </c>
      <c r="G4241">
        <v>0</v>
      </c>
      <c r="H4241">
        <v>0</v>
      </c>
      <c r="I4241">
        <v>0</v>
      </c>
      <c r="J4241">
        <v>0</v>
      </c>
      <c r="K4241">
        <v>0</v>
      </c>
      <c r="L4241">
        <v>0</v>
      </c>
      <c r="M4241">
        <v>0</v>
      </c>
      <c r="N4241">
        <v>0</v>
      </c>
      <c r="O4241">
        <v>0</v>
      </c>
      <c r="P4241">
        <v>0</v>
      </c>
      <c r="Q4241">
        <v>0</v>
      </c>
      <c r="R4241">
        <v>0</v>
      </c>
      <c r="S4241">
        <v>0</v>
      </c>
      <c r="T4241">
        <v>0</v>
      </c>
      <c r="U4241">
        <v>0</v>
      </c>
      <c r="V4241">
        <v>0</v>
      </c>
      <c r="W4241">
        <v>0</v>
      </c>
      <c r="X4241">
        <v>0</v>
      </c>
      <c r="Y4241">
        <v>31</v>
      </c>
      <c r="Z4241">
        <v>18</v>
      </c>
      <c r="AA4241">
        <v>55</v>
      </c>
      <c r="AB4241">
        <v>59</v>
      </c>
      <c r="AC4241">
        <v>118</v>
      </c>
      <c r="AD4241">
        <v>52</v>
      </c>
      <c r="AE4241">
        <v>110</v>
      </c>
      <c r="AF4241">
        <v>0</v>
      </c>
      <c r="AG4241">
        <v>50000</v>
      </c>
      <c r="AH4241">
        <v>50000</v>
      </c>
      <c r="AI4241">
        <v>0</v>
      </c>
      <c r="AJ4241">
        <v>108</v>
      </c>
      <c r="AK4241" t="s">
        <v>3</v>
      </c>
      <c r="AL4241">
        <v>0</v>
      </c>
      <c r="AM4241">
        <v>0</v>
      </c>
      <c r="AN4241">
        <v>0</v>
      </c>
      <c r="AO4241">
        <v>0</v>
      </c>
      <c r="AP4241">
        <v>0</v>
      </c>
      <c r="AQ4241">
        <v>0</v>
      </c>
      <c r="AR4241">
        <v>0</v>
      </c>
      <c r="AS4241">
        <v>0</v>
      </c>
      <c r="AT4241">
        <v>0</v>
      </c>
      <c r="AU4241">
        <v>0</v>
      </c>
      <c r="AV4241">
        <v>0</v>
      </c>
      <c r="AW4241">
        <v>0</v>
      </c>
      <c r="AX4241">
        <v>0</v>
      </c>
      <c r="AY4241">
        <v>0</v>
      </c>
      <c r="AZ4241">
        <v>0</v>
      </c>
      <c r="BA4241">
        <v>0</v>
      </c>
    </row>
    <row r="4242" spans="1:53" x14ac:dyDescent="0.4">
      <c r="A4242">
        <v>4286</v>
      </c>
      <c r="B4242" s="1">
        <v>44404</v>
      </c>
      <c r="C4242">
        <v>2</v>
      </c>
      <c r="D4242" s="1">
        <v>44404.390277777777</v>
      </c>
      <c r="E4242" s="1">
        <v>44404.762499999997</v>
      </c>
      <c r="F4242">
        <v>21595</v>
      </c>
      <c r="G4242">
        <v>1210</v>
      </c>
      <c r="H4242">
        <v>0</v>
      </c>
      <c r="I4242">
        <v>0</v>
      </c>
      <c r="J4242">
        <v>0</v>
      </c>
      <c r="K4242">
        <v>0</v>
      </c>
      <c r="L4242">
        <v>0</v>
      </c>
      <c r="M4242">
        <v>2071</v>
      </c>
      <c r="N4242">
        <v>0</v>
      </c>
      <c r="O4242">
        <v>0</v>
      </c>
      <c r="P4242">
        <v>9025</v>
      </c>
      <c r="Q4242">
        <v>0</v>
      </c>
      <c r="R4242">
        <v>31830</v>
      </c>
      <c r="S4242">
        <v>0</v>
      </c>
      <c r="T4242">
        <v>0</v>
      </c>
      <c r="U4242">
        <v>0</v>
      </c>
      <c r="V4242">
        <v>0</v>
      </c>
      <c r="W4242">
        <v>2</v>
      </c>
      <c r="X4242">
        <v>0</v>
      </c>
      <c r="Y4242">
        <v>45</v>
      </c>
      <c r="Z4242">
        <v>28</v>
      </c>
      <c r="AA4242">
        <v>79</v>
      </c>
      <c r="AB4242">
        <v>61</v>
      </c>
      <c r="AC4242">
        <v>155</v>
      </c>
      <c r="AD4242">
        <v>52</v>
      </c>
      <c r="AE4242">
        <v>120</v>
      </c>
      <c r="AF4242">
        <v>0</v>
      </c>
      <c r="AG4242">
        <v>81880</v>
      </c>
      <c r="AH4242">
        <v>50000</v>
      </c>
      <c r="AI4242">
        <v>50</v>
      </c>
      <c r="AJ4242">
        <v>70</v>
      </c>
      <c r="AK4242" t="s">
        <v>49</v>
      </c>
      <c r="AL4242">
        <v>0</v>
      </c>
      <c r="AM4242">
        <v>0</v>
      </c>
      <c r="AN4242">
        <v>0</v>
      </c>
      <c r="AO4242">
        <v>0</v>
      </c>
      <c r="AP4242">
        <v>0</v>
      </c>
      <c r="AQ4242">
        <v>0</v>
      </c>
      <c r="AR4242">
        <v>0</v>
      </c>
      <c r="AS4242">
        <v>0</v>
      </c>
      <c r="AT4242">
        <v>0</v>
      </c>
      <c r="AU4242">
        <v>0</v>
      </c>
      <c r="AV4242">
        <v>0</v>
      </c>
      <c r="AW4242">
        <v>0</v>
      </c>
      <c r="AX4242">
        <v>-1652</v>
      </c>
      <c r="AY4242">
        <v>34</v>
      </c>
      <c r="AZ4242">
        <v>57</v>
      </c>
      <c r="BA4242">
        <v>5968</v>
      </c>
    </row>
    <row r="4243" spans="1:53" x14ac:dyDescent="0.4">
      <c r="A4243">
        <v>4287</v>
      </c>
      <c r="B4243" s="1">
        <v>44405</v>
      </c>
      <c r="C4243">
        <v>1</v>
      </c>
      <c r="D4243" s="1">
        <v>44405.291666666664</v>
      </c>
      <c r="E4243" s="1">
        <v>44405.404166666667</v>
      </c>
      <c r="F4243">
        <v>0</v>
      </c>
      <c r="G4243">
        <v>0</v>
      </c>
      <c r="H4243">
        <v>0</v>
      </c>
      <c r="I4243">
        <v>0</v>
      </c>
      <c r="J4243">
        <v>0</v>
      </c>
      <c r="K4243">
        <v>0</v>
      </c>
      <c r="L4243">
        <v>0</v>
      </c>
      <c r="M4243">
        <v>0</v>
      </c>
      <c r="N4243">
        <v>0</v>
      </c>
      <c r="O4243">
        <v>0</v>
      </c>
      <c r="P4243">
        <v>0</v>
      </c>
      <c r="Q4243">
        <v>0</v>
      </c>
      <c r="R4243">
        <v>0</v>
      </c>
      <c r="S4243">
        <v>0</v>
      </c>
      <c r="T4243">
        <v>0</v>
      </c>
      <c r="U4243">
        <v>0</v>
      </c>
      <c r="V4243">
        <v>0</v>
      </c>
      <c r="W4243">
        <v>0</v>
      </c>
      <c r="X4243">
        <v>0</v>
      </c>
      <c r="Y4243">
        <v>28</v>
      </c>
      <c r="Z4243">
        <v>16</v>
      </c>
      <c r="AA4243">
        <v>92</v>
      </c>
      <c r="AB4243">
        <v>64</v>
      </c>
      <c r="AC4243">
        <v>121</v>
      </c>
      <c r="AD4243">
        <v>54</v>
      </c>
      <c r="AE4243">
        <v>120</v>
      </c>
      <c r="AF4243">
        <v>0</v>
      </c>
      <c r="AG4243">
        <v>50000</v>
      </c>
      <c r="AH4243">
        <v>50000</v>
      </c>
      <c r="AI4243">
        <v>0</v>
      </c>
      <c r="AJ4243">
        <v>0</v>
      </c>
      <c r="AK4243" t="s">
        <v>6</v>
      </c>
      <c r="AL4243">
        <v>0</v>
      </c>
      <c r="AM4243">
        <v>0</v>
      </c>
      <c r="AN4243">
        <v>0</v>
      </c>
      <c r="AO4243">
        <v>0</v>
      </c>
      <c r="AP4243">
        <v>0</v>
      </c>
      <c r="AQ4243">
        <v>0</v>
      </c>
      <c r="AR4243">
        <v>0</v>
      </c>
      <c r="AS4243">
        <v>0</v>
      </c>
      <c r="AT4243">
        <v>0</v>
      </c>
      <c r="AU4243">
        <v>0</v>
      </c>
      <c r="AV4243">
        <v>0</v>
      </c>
      <c r="AW4243">
        <v>0</v>
      </c>
      <c r="AX4243">
        <v>0</v>
      </c>
      <c r="AY4243">
        <v>0</v>
      </c>
      <c r="AZ4243">
        <v>0</v>
      </c>
      <c r="BA4243">
        <v>0</v>
      </c>
    </row>
    <row r="4244" spans="1:53" x14ac:dyDescent="0.4">
      <c r="A4244">
        <v>4288</v>
      </c>
      <c r="B4244" s="1">
        <v>44405</v>
      </c>
      <c r="C4244">
        <v>2</v>
      </c>
      <c r="D4244" s="1">
        <v>44405.404166666667</v>
      </c>
      <c r="E4244" s="1">
        <v>44405.756944444445</v>
      </c>
      <c r="F4244">
        <v>16960</v>
      </c>
      <c r="G4244">
        <v>748</v>
      </c>
      <c r="H4244">
        <v>0</v>
      </c>
      <c r="I4244">
        <v>0</v>
      </c>
      <c r="J4244">
        <v>200</v>
      </c>
      <c r="K4244">
        <v>0</v>
      </c>
      <c r="L4244">
        <v>0</v>
      </c>
      <c r="M4244">
        <v>1590</v>
      </c>
      <c r="N4244">
        <v>0</v>
      </c>
      <c r="O4244">
        <v>0</v>
      </c>
      <c r="P4244">
        <v>7150</v>
      </c>
      <c r="Q4244">
        <v>0</v>
      </c>
      <c r="R4244">
        <v>24658</v>
      </c>
      <c r="S4244">
        <v>0</v>
      </c>
      <c r="T4244">
        <v>0</v>
      </c>
      <c r="U4244">
        <v>0</v>
      </c>
      <c r="V4244">
        <v>0</v>
      </c>
      <c r="W4244">
        <v>2</v>
      </c>
      <c r="X4244">
        <v>0</v>
      </c>
      <c r="Y4244">
        <v>41</v>
      </c>
      <c r="Z4244">
        <v>16</v>
      </c>
      <c r="AA4244">
        <v>50</v>
      </c>
      <c r="AB4244">
        <v>65</v>
      </c>
      <c r="AC4244">
        <v>139</v>
      </c>
      <c r="AD4244">
        <v>54</v>
      </c>
      <c r="AE4244">
        <v>128</v>
      </c>
      <c r="AF4244">
        <v>5620</v>
      </c>
      <c r="AG4244">
        <v>74658</v>
      </c>
      <c r="AH4244">
        <v>50000</v>
      </c>
      <c r="AI4244">
        <v>0</v>
      </c>
      <c r="AJ4244">
        <v>70</v>
      </c>
      <c r="AK4244" t="s">
        <v>49</v>
      </c>
      <c r="AL4244">
        <v>0</v>
      </c>
      <c r="AM4244">
        <v>0</v>
      </c>
      <c r="AN4244">
        <v>0</v>
      </c>
      <c r="AO4244">
        <v>0</v>
      </c>
      <c r="AP4244">
        <v>0</v>
      </c>
      <c r="AQ4244">
        <v>0</v>
      </c>
      <c r="AR4244">
        <v>0</v>
      </c>
      <c r="AS4244">
        <v>0</v>
      </c>
      <c r="AT4244">
        <v>0</v>
      </c>
      <c r="AU4244">
        <v>0</v>
      </c>
      <c r="AV4244">
        <v>0</v>
      </c>
      <c r="AW4244">
        <v>0</v>
      </c>
      <c r="AX4244">
        <v>440</v>
      </c>
      <c r="AY4244">
        <v>26</v>
      </c>
      <c r="AZ4244">
        <v>47</v>
      </c>
      <c r="BA4244">
        <v>3790</v>
      </c>
    </row>
    <row r="4245" spans="1:53" x14ac:dyDescent="0.4">
      <c r="A4245">
        <v>4289</v>
      </c>
      <c r="B4245" s="1">
        <v>44405</v>
      </c>
      <c r="C4245">
        <v>3</v>
      </c>
      <c r="D4245" s="1">
        <v>44405.756944444445</v>
      </c>
      <c r="E4245" s="1">
        <v>44405.925000000003</v>
      </c>
      <c r="F4245">
        <v>11120</v>
      </c>
      <c r="G4245">
        <v>1034</v>
      </c>
      <c r="H4245">
        <v>0</v>
      </c>
      <c r="I4245">
        <v>0</v>
      </c>
      <c r="J4245">
        <v>0</v>
      </c>
      <c r="K4245">
        <v>0</v>
      </c>
      <c r="L4245">
        <v>0</v>
      </c>
      <c r="M4245">
        <v>1103</v>
      </c>
      <c r="N4245">
        <v>0</v>
      </c>
      <c r="O4245">
        <v>0</v>
      </c>
      <c r="P4245">
        <v>-2310</v>
      </c>
      <c r="Q4245">
        <v>0</v>
      </c>
      <c r="R4245">
        <v>9844</v>
      </c>
      <c r="S4245">
        <v>0</v>
      </c>
      <c r="T4245">
        <v>0</v>
      </c>
      <c r="U4245">
        <v>0</v>
      </c>
      <c r="V4245">
        <v>0</v>
      </c>
      <c r="W4245">
        <v>2</v>
      </c>
      <c r="X4245">
        <v>0</v>
      </c>
      <c r="Y4245">
        <v>45</v>
      </c>
      <c r="Z4245">
        <v>15</v>
      </c>
      <c r="AA4245">
        <v>52</v>
      </c>
      <c r="AB4245">
        <v>64</v>
      </c>
      <c r="AC4245">
        <v>137</v>
      </c>
      <c r="AD4245">
        <v>53</v>
      </c>
      <c r="AE4245">
        <v>128</v>
      </c>
      <c r="AF4245">
        <v>11839</v>
      </c>
      <c r="AG4245">
        <v>84502</v>
      </c>
      <c r="AH4245">
        <v>50000</v>
      </c>
      <c r="AI4245">
        <v>0</v>
      </c>
      <c r="AJ4245">
        <v>104</v>
      </c>
      <c r="AK4245" t="s">
        <v>52</v>
      </c>
      <c r="AL4245">
        <v>0</v>
      </c>
      <c r="AM4245">
        <v>0</v>
      </c>
      <c r="AN4245">
        <v>0</v>
      </c>
      <c r="AO4245">
        <v>0</v>
      </c>
      <c r="AP4245">
        <v>0</v>
      </c>
      <c r="AQ4245">
        <v>0</v>
      </c>
      <c r="AR4245">
        <v>0</v>
      </c>
      <c r="AS4245">
        <v>0</v>
      </c>
      <c r="AT4245">
        <v>0</v>
      </c>
      <c r="AU4245">
        <v>0</v>
      </c>
      <c r="AV4245">
        <v>0</v>
      </c>
      <c r="AW4245">
        <v>0</v>
      </c>
      <c r="AX4245">
        <v>0</v>
      </c>
      <c r="AY4245">
        <v>6</v>
      </c>
      <c r="AZ4245">
        <v>9</v>
      </c>
      <c r="BA4245">
        <v>976</v>
      </c>
    </row>
    <row r="4246" spans="1:53" x14ac:dyDescent="0.4">
      <c r="A4246">
        <v>4290</v>
      </c>
      <c r="B4246" s="1">
        <v>44406</v>
      </c>
      <c r="C4246">
        <v>1</v>
      </c>
      <c r="D4246" s="1">
        <v>44406.291666666664</v>
      </c>
      <c r="E4246" s="1">
        <v>44406.397222222222</v>
      </c>
      <c r="F4246">
        <v>0</v>
      </c>
      <c r="G4246">
        <v>0</v>
      </c>
      <c r="H4246">
        <v>0</v>
      </c>
      <c r="I4246">
        <v>0</v>
      </c>
      <c r="J4246">
        <v>0</v>
      </c>
      <c r="K4246">
        <v>0</v>
      </c>
      <c r="L4246">
        <v>0</v>
      </c>
      <c r="M4246">
        <v>0</v>
      </c>
      <c r="N4246">
        <v>0</v>
      </c>
      <c r="O4246">
        <v>0</v>
      </c>
      <c r="P4246">
        <v>0</v>
      </c>
      <c r="Q4246">
        <v>0</v>
      </c>
      <c r="R4246">
        <v>0</v>
      </c>
      <c r="S4246">
        <v>0</v>
      </c>
      <c r="T4246">
        <v>0</v>
      </c>
      <c r="U4246">
        <v>0</v>
      </c>
      <c r="V4246">
        <v>0</v>
      </c>
      <c r="W4246">
        <v>1</v>
      </c>
      <c r="X4246">
        <v>0</v>
      </c>
      <c r="Y4246">
        <v>27</v>
      </c>
      <c r="Z4246">
        <v>16</v>
      </c>
      <c r="AA4246">
        <v>53</v>
      </c>
      <c r="AB4246">
        <v>64</v>
      </c>
      <c r="AC4246">
        <v>110</v>
      </c>
      <c r="AD4246">
        <v>55</v>
      </c>
      <c r="AE4246">
        <v>125</v>
      </c>
      <c r="AF4246">
        <v>0</v>
      </c>
      <c r="AG4246">
        <v>50000</v>
      </c>
      <c r="AH4246">
        <v>50000</v>
      </c>
      <c r="AI4246">
        <v>0</v>
      </c>
      <c r="AJ4246">
        <v>0</v>
      </c>
      <c r="AK4246" t="s">
        <v>6</v>
      </c>
      <c r="AL4246">
        <v>0</v>
      </c>
      <c r="AM4246">
        <v>0</v>
      </c>
      <c r="AN4246">
        <v>0</v>
      </c>
      <c r="AO4246">
        <v>0</v>
      </c>
      <c r="AP4246">
        <v>0</v>
      </c>
      <c r="AQ4246">
        <v>0</v>
      </c>
      <c r="AR4246">
        <v>0</v>
      </c>
      <c r="AS4246">
        <v>0</v>
      </c>
      <c r="AT4246">
        <v>0</v>
      </c>
      <c r="AU4246">
        <v>0</v>
      </c>
      <c r="AV4246">
        <v>0</v>
      </c>
      <c r="AW4246">
        <v>0</v>
      </c>
      <c r="AX4246">
        <v>0</v>
      </c>
      <c r="AY4246">
        <v>0</v>
      </c>
      <c r="AZ4246">
        <v>0</v>
      </c>
      <c r="BA4246">
        <v>0</v>
      </c>
    </row>
    <row r="4247" spans="1:53" x14ac:dyDescent="0.4">
      <c r="A4247">
        <v>4291</v>
      </c>
      <c r="B4247" s="1">
        <v>44406</v>
      </c>
      <c r="C4247">
        <v>2</v>
      </c>
      <c r="D4247" s="1">
        <v>44406.397222222222</v>
      </c>
      <c r="E4247" s="1">
        <v>44406.768750000003</v>
      </c>
      <c r="F4247">
        <v>22660</v>
      </c>
      <c r="G4247">
        <v>594</v>
      </c>
      <c r="H4247">
        <v>0</v>
      </c>
      <c r="I4247">
        <v>0</v>
      </c>
      <c r="J4247">
        <v>0</v>
      </c>
      <c r="K4247">
        <v>0</v>
      </c>
      <c r="L4247">
        <v>0</v>
      </c>
      <c r="M4247">
        <v>2113</v>
      </c>
      <c r="N4247">
        <v>0</v>
      </c>
      <c r="O4247">
        <v>0</v>
      </c>
      <c r="P4247">
        <v>17010</v>
      </c>
      <c r="Q4247">
        <v>0</v>
      </c>
      <c r="R4247">
        <v>40264</v>
      </c>
      <c r="S4247">
        <v>0</v>
      </c>
      <c r="T4247">
        <v>0</v>
      </c>
      <c r="U4247">
        <v>0</v>
      </c>
      <c r="V4247">
        <v>1</v>
      </c>
      <c r="W4247">
        <v>2</v>
      </c>
      <c r="X4247">
        <v>0</v>
      </c>
      <c r="Y4247">
        <v>44</v>
      </c>
      <c r="Z4247">
        <v>21</v>
      </c>
      <c r="AA4247">
        <v>78</v>
      </c>
      <c r="AB4247">
        <v>71</v>
      </c>
      <c r="AC4247">
        <v>129</v>
      </c>
      <c r="AD4247">
        <v>54</v>
      </c>
      <c r="AE4247">
        <v>125</v>
      </c>
      <c r="AF4247">
        <v>2729</v>
      </c>
      <c r="AG4247">
        <v>90264</v>
      </c>
      <c r="AH4247">
        <v>50000</v>
      </c>
      <c r="AI4247">
        <v>0</v>
      </c>
      <c r="AJ4247">
        <v>70</v>
      </c>
      <c r="AK4247" t="s">
        <v>49</v>
      </c>
      <c r="AL4247">
        <v>0</v>
      </c>
      <c r="AM4247">
        <v>0</v>
      </c>
      <c r="AN4247">
        <v>0</v>
      </c>
      <c r="AO4247">
        <v>0</v>
      </c>
      <c r="AP4247">
        <v>0</v>
      </c>
      <c r="AQ4247">
        <v>0</v>
      </c>
      <c r="AR4247">
        <v>0</v>
      </c>
      <c r="AS4247">
        <v>0</v>
      </c>
      <c r="AT4247">
        <v>0</v>
      </c>
      <c r="AU4247">
        <v>0</v>
      </c>
      <c r="AV4247">
        <v>0</v>
      </c>
      <c r="AW4247">
        <v>0</v>
      </c>
      <c r="AX4247">
        <v>0</v>
      </c>
      <c r="AY4247">
        <v>38</v>
      </c>
      <c r="AZ4247">
        <v>68</v>
      </c>
      <c r="BA4247">
        <v>6131</v>
      </c>
    </row>
    <row r="4248" spans="1:53" x14ac:dyDescent="0.4">
      <c r="A4248">
        <v>4292</v>
      </c>
      <c r="B4248" s="1">
        <v>44406</v>
      </c>
      <c r="C4248">
        <v>3</v>
      </c>
      <c r="D4248" s="1">
        <v>44406.768750000003</v>
      </c>
      <c r="E4248" s="1">
        <v>44406.967361111114</v>
      </c>
      <c r="F4248">
        <v>21070</v>
      </c>
      <c r="G4248">
        <v>0</v>
      </c>
      <c r="H4248">
        <v>0</v>
      </c>
      <c r="I4248">
        <v>0</v>
      </c>
      <c r="J4248">
        <v>100</v>
      </c>
      <c r="K4248">
        <v>0</v>
      </c>
      <c r="L4248">
        <v>0</v>
      </c>
      <c r="M4248">
        <v>1905</v>
      </c>
      <c r="N4248">
        <v>0</v>
      </c>
      <c r="O4248">
        <v>0</v>
      </c>
      <c r="P4248">
        <v>-17010</v>
      </c>
      <c r="Q4248">
        <v>0</v>
      </c>
      <c r="R4248">
        <v>3960</v>
      </c>
      <c r="S4248">
        <v>0</v>
      </c>
      <c r="T4248">
        <v>0</v>
      </c>
      <c r="U4248">
        <v>0</v>
      </c>
      <c r="V4248">
        <v>2</v>
      </c>
      <c r="W4248">
        <v>1</v>
      </c>
      <c r="X4248">
        <v>0</v>
      </c>
      <c r="Y4248">
        <v>42</v>
      </c>
      <c r="Z4248">
        <v>21</v>
      </c>
      <c r="AA4248">
        <v>87</v>
      </c>
      <c r="AB4248">
        <v>71</v>
      </c>
      <c r="AC4248">
        <v>134</v>
      </c>
      <c r="AD4248">
        <v>56</v>
      </c>
      <c r="AE4248">
        <v>125</v>
      </c>
      <c r="AF4248">
        <v>2729</v>
      </c>
      <c r="AG4248">
        <v>94224</v>
      </c>
      <c r="AH4248">
        <v>50000</v>
      </c>
      <c r="AI4248">
        <v>0</v>
      </c>
      <c r="AJ4248">
        <v>108</v>
      </c>
      <c r="AK4248" t="s">
        <v>3</v>
      </c>
      <c r="AL4248">
        <v>0</v>
      </c>
      <c r="AM4248">
        <v>0</v>
      </c>
      <c r="AN4248">
        <v>0</v>
      </c>
      <c r="AO4248">
        <v>0</v>
      </c>
      <c r="AP4248">
        <v>0</v>
      </c>
      <c r="AQ4248">
        <v>0</v>
      </c>
      <c r="AR4248">
        <v>0</v>
      </c>
      <c r="AS4248">
        <v>0</v>
      </c>
      <c r="AT4248">
        <v>0</v>
      </c>
      <c r="AU4248">
        <v>0</v>
      </c>
      <c r="AV4248">
        <v>0</v>
      </c>
      <c r="AW4248">
        <v>0</v>
      </c>
      <c r="AX4248">
        <v>1320</v>
      </c>
      <c r="AY4248">
        <v>3</v>
      </c>
      <c r="AZ4248">
        <v>5</v>
      </c>
      <c r="BA4248">
        <v>1180</v>
      </c>
    </row>
    <row r="4249" spans="1:53" x14ac:dyDescent="0.4">
      <c r="A4249">
        <v>4293</v>
      </c>
      <c r="B4249" s="1">
        <v>44407</v>
      </c>
      <c r="C4249">
        <v>1</v>
      </c>
      <c r="D4249" s="1">
        <v>44407.291666666664</v>
      </c>
      <c r="E4249" s="1">
        <v>44407.401388888888</v>
      </c>
      <c r="F4249">
        <v>0</v>
      </c>
      <c r="G4249">
        <v>0</v>
      </c>
      <c r="H4249">
        <v>0</v>
      </c>
      <c r="I4249">
        <v>0</v>
      </c>
      <c r="J4249">
        <v>0</v>
      </c>
      <c r="K4249">
        <v>0</v>
      </c>
      <c r="L4249">
        <v>0</v>
      </c>
      <c r="M4249">
        <v>0</v>
      </c>
      <c r="N4249">
        <v>0</v>
      </c>
      <c r="O4249">
        <v>0</v>
      </c>
      <c r="P4249">
        <v>0</v>
      </c>
      <c r="Q4249">
        <v>0</v>
      </c>
      <c r="R4249">
        <v>0</v>
      </c>
      <c r="S4249">
        <v>0</v>
      </c>
      <c r="T4249">
        <v>0</v>
      </c>
      <c r="U4249">
        <v>0</v>
      </c>
      <c r="V4249">
        <v>0</v>
      </c>
      <c r="W4249">
        <v>1</v>
      </c>
      <c r="X4249">
        <v>0</v>
      </c>
      <c r="Y4249">
        <v>25</v>
      </c>
      <c r="Z4249">
        <v>13</v>
      </c>
      <c r="AA4249">
        <v>91</v>
      </c>
      <c r="AB4249">
        <v>63</v>
      </c>
      <c r="AC4249">
        <v>85</v>
      </c>
      <c r="AD4249">
        <v>55</v>
      </c>
      <c r="AE4249">
        <v>125</v>
      </c>
      <c r="AF4249">
        <v>0</v>
      </c>
      <c r="AG4249">
        <v>50000</v>
      </c>
      <c r="AH4249">
        <v>50000</v>
      </c>
      <c r="AI4249">
        <v>0</v>
      </c>
      <c r="AJ4249">
        <v>0</v>
      </c>
      <c r="AK4249" t="s">
        <v>6</v>
      </c>
      <c r="AL4249">
        <v>0</v>
      </c>
      <c r="AM4249">
        <v>0</v>
      </c>
      <c r="AN4249">
        <v>0</v>
      </c>
      <c r="AO4249">
        <v>0</v>
      </c>
      <c r="AP4249">
        <v>0</v>
      </c>
      <c r="AQ4249">
        <v>0</v>
      </c>
      <c r="AR4249">
        <v>0</v>
      </c>
      <c r="AS4249">
        <v>0</v>
      </c>
      <c r="AT4249">
        <v>0</v>
      </c>
      <c r="AU4249">
        <v>0</v>
      </c>
      <c r="AV4249">
        <v>0</v>
      </c>
      <c r="AW4249">
        <v>0</v>
      </c>
      <c r="AX4249">
        <v>0</v>
      </c>
      <c r="AY4249">
        <v>0</v>
      </c>
      <c r="AZ4249">
        <v>0</v>
      </c>
      <c r="BA4249">
        <v>0</v>
      </c>
    </row>
    <row r="4250" spans="1:53" x14ac:dyDescent="0.4">
      <c r="A4250">
        <v>4294</v>
      </c>
      <c r="B4250" s="1">
        <v>44407</v>
      </c>
      <c r="C4250">
        <v>2</v>
      </c>
      <c r="D4250" s="1">
        <v>44407.401388888888</v>
      </c>
      <c r="E4250" s="1">
        <v>44407.767361111109</v>
      </c>
      <c r="F4250">
        <v>34480</v>
      </c>
      <c r="G4250">
        <v>440</v>
      </c>
      <c r="H4250">
        <v>0</v>
      </c>
      <c r="I4250">
        <v>0</v>
      </c>
      <c r="J4250">
        <v>500</v>
      </c>
      <c r="K4250">
        <v>440</v>
      </c>
      <c r="L4250">
        <v>0</v>
      </c>
      <c r="M4250">
        <v>3171</v>
      </c>
      <c r="N4250">
        <v>0</v>
      </c>
      <c r="O4250">
        <v>0</v>
      </c>
      <c r="P4250">
        <v>5310</v>
      </c>
      <c r="Q4250">
        <v>0</v>
      </c>
      <c r="R4250">
        <v>40170</v>
      </c>
      <c r="S4250">
        <v>0</v>
      </c>
      <c r="T4250">
        <v>0</v>
      </c>
      <c r="U4250">
        <v>0</v>
      </c>
      <c r="V4250">
        <v>5</v>
      </c>
      <c r="W4250">
        <v>0</v>
      </c>
      <c r="X4250">
        <v>0</v>
      </c>
      <c r="Y4250">
        <v>12</v>
      </c>
      <c r="Z4250">
        <v>21</v>
      </c>
      <c r="AA4250">
        <v>94</v>
      </c>
      <c r="AB4250">
        <v>63</v>
      </c>
      <c r="AC4250">
        <v>94</v>
      </c>
      <c r="AD4250">
        <v>55</v>
      </c>
      <c r="AE4250">
        <v>127</v>
      </c>
      <c r="AF4250">
        <v>3776</v>
      </c>
      <c r="AG4250">
        <v>90168</v>
      </c>
      <c r="AH4250">
        <v>50000</v>
      </c>
      <c r="AI4250">
        <v>-2</v>
      </c>
      <c r="AJ4250">
        <v>70</v>
      </c>
      <c r="AK4250" t="s">
        <v>49</v>
      </c>
      <c r="AL4250">
        <v>0</v>
      </c>
      <c r="AM4250">
        <v>0</v>
      </c>
      <c r="AN4250">
        <v>0</v>
      </c>
      <c r="AO4250">
        <v>0</v>
      </c>
      <c r="AP4250">
        <v>0</v>
      </c>
      <c r="AQ4250">
        <v>0</v>
      </c>
      <c r="AR4250">
        <v>0</v>
      </c>
      <c r="AS4250">
        <v>0</v>
      </c>
      <c r="AT4250">
        <v>0</v>
      </c>
      <c r="AU4250">
        <v>0</v>
      </c>
      <c r="AV4250">
        <v>0</v>
      </c>
      <c r="AW4250">
        <v>0</v>
      </c>
      <c r="AX4250">
        <v>720</v>
      </c>
      <c r="AY4250">
        <v>44</v>
      </c>
      <c r="AZ4250">
        <v>80</v>
      </c>
      <c r="BA4250">
        <v>5895</v>
      </c>
    </row>
    <row r="4251" spans="1:53" x14ac:dyDescent="0.4">
      <c r="A4251">
        <v>4295</v>
      </c>
      <c r="B4251" s="1">
        <v>44408</v>
      </c>
      <c r="C4251">
        <v>1</v>
      </c>
      <c r="D4251" s="1">
        <v>44408.291666666664</v>
      </c>
      <c r="E4251" s="1">
        <v>44408.402777777781</v>
      </c>
      <c r="F4251">
        <v>0</v>
      </c>
      <c r="G4251">
        <v>0</v>
      </c>
      <c r="H4251">
        <v>0</v>
      </c>
      <c r="I4251">
        <v>0</v>
      </c>
      <c r="J4251">
        <v>0</v>
      </c>
      <c r="K4251">
        <v>0</v>
      </c>
      <c r="L4251">
        <v>0</v>
      </c>
      <c r="M4251">
        <v>0</v>
      </c>
      <c r="N4251">
        <v>0</v>
      </c>
      <c r="O4251">
        <v>0</v>
      </c>
      <c r="P4251">
        <v>0</v>
      </c>
      <c r="Q4251">
        <v>0</v>
      </c>
      <c r="R4251">
        <v>0</v>
      </c>
      <c r="S4251">
        <v>0</v>
      </c>
      <c r="T4251">
        <v>0</v>
      </c>
      <c r="U4251">
        <v>0</v>
      </c>
      <c r="V4251">
        <v>0</v>
      </c>
      <c r="W4251">
        <v>0</v>
      </c>
      <c r="X4251">
        <v>0</v>
      </c>
      <c r="Y4251">
        <v>30</v>
      </c>
      <c r="Z4251">
        <v>11</v>
      </c>
      <c r="AA4251">
        <v>100</v>
      </c>
      <c r="AB4251">
        <v>63</v>
      </c>
      <c r="AC4251">
        <v>95</v>
      </c>
      <c r="AD4251">
        <v>55</v>
      </c>
      <c r="AE4251">
        <v>125</v>
      </c>
      <c r="AF4251">
        <v>0</v>
      </c>
      <c r="AG4251">
        <v>50000</v>
      </c>
      <c r="AH4251">
        <v>50000</v>
      </c>
      <c r="AI4251">
        <v>0</v>
      </c>
      <c r="AJ4251">
        <v>0</v>
      </c>
      <c r="AK4251" t="s">
        <v>6</v>
      </c>
      <c r="AL4251">
        <v>0</v>
      </c>
      <c r="AM4251">
        <v>0</v>
      </c>
      <c r="AN4251">
        <v>0</v>
      </c>
      <c r="AO4251">
        <v>0</v>
      </c>
      <c r="AP4251">
        <v>0</v>
      </c>
      <c r="AQ4251">
        <v>0</v>
      </c>
      <c r="AR4251">
        <v>0</v>
      </c>
      <c r="AS4251">
        <v>0</v>
      </c>
      <c r="AT4251">
        <v>0</v>
      </c>
      <c r="AU4251">
        <v>0</v>
      </c>
      <c r="AV4251">
        <v>0</v>
      </c>
      <c r="AW4251">
        <v>0</v>
      </c>
      <c r="AX4251">
        <v>0</v>
      </c>
      <c r="AY4251">
        <v>0</v>
      </c>
      <c r="AZ4251">
        <v>0</v>
      </c>
      <c r="BA4251">
        <v>0</v>
      </c>
    </row>
    <row r="4252" spans="1:53" x14ac:dyDescent="0.4">
      <c r="A4252">
        <v>4296</v>
      </c>
      <c r="B4252" s="1">
        <v>44408</v>
      </c>
      <c r="C4252">
        <v>2</v>
      </c>
      <c r="D4252" s="1">
        <v>44408.402777777781</v>
      </c>
      <c r="E4252" s="1">
        <v>44408.784722222219</v>
      </c>
      <c r="F4252">
        <v>46330</v>
      </c>
      <c r="G4252">
        <v>1958</v>
      </c>
      <c r="H4252">
        <v>0</v>
      </c>
      <c r="I4252">
        <v>0</v>
      </c>
      <c r="J4252">
        <v>100</v>
      </c>
      <c r="K4252">
        <v>0</v>
      </c>
      <c r="L4252">
        <v>0</v>
      </c>
      <c r="M4252">
        <v>4379</v>
      </c>
      <c r="N4252">
        <v>0</v>
      </c>
      <c r="O4252">
        <v>0</v>
      </c>
      <c r="P4252">
        <v>4820</v>
      </c>
      <c r="Q4252">
        <v>0</v>
      </c>
      <c r="R4252">
        <v>53008</v>
      </c>
      <c r="S4252">
        <v>0</v>
      </c>
      <c r="T4252">
        <v>0</v>
      </c>
      <c r="U4252">
        <v>0</v>
      </c>
      <c r="V4252">
        <v>2</v>
      </c>
      <c r="W4252">
        <v>1</v>
      </c>
      <c r="X4252">
        <v>0</v>
      </c>
      <c r="Y4252">
        <v>49</v>
      </c>
      <c r="Z4252">
        <v>25</v>
      </c>
      <c r="AA4252">
        <v>97</v>
      </c>
      <c r="AB4252">
        <v>61</v>
      </c>
      <c r="AC4252">
        <v>131</v>
      </c>
      <c r="AD4252">
        <v>53</v>
      </c>
      <c r="AE4252">
        <v>125</v>
      </c>
      <c r="AF4252">
        <v>2058</v>
      </c>
      <c r="AG4252">
        <v>103008</v>
      </c>
      <c r="AH4252">
        <v>50000</v>
      </c>
      <c r="AI4252">
        <v>0</v>
      </c>
      <c r="AJ4252">
        <v>70</v>
      </c>
      <c r="AK4252" t="s">
        <v>49</v>
      </c>
      <c r="AL4252">
        <v>0</v>
      </c>
      <c r="AM4252">
        <v>0</v>
      </c>
      <c r="AN4252">
        <v>0</v>
      </c>
      <c r="AO4252">
        <v>0</v>
      </c>
      <c r="AP4252">
        <v>0</v>
      </c>
      <c r="AQ4252">
        <v>0</v>
      </c>
      <c r="AR4252">
        <v>0</v>
      </c>
      <c r="AS4252">
        <v>0</v>
      </c>
      <c r="AT4252">
        <v>0</v>
      </c>
      <c r="AU4252">
        <v>0</v>
      </c>
      <c r="AV4252">
        <v>0</v>
      </c>
      <c r="AW4252">
        <v>0</v>
      </c>
      <c r="AX4252">
        <v>0</v>
      </c>
      <c r="AY4252">
        <v>46</v>
      </c>
      <c r="AZ4252">
        <v>94</v>
      </c>
      <c r="BA4252">
        <v>6995</v>
      </c>
    </row>
    <row r="4253" spans="1:53" x14ac:dyDescent="0.4">
      <c r="A4253">
        <v>4297</v>
      </c>
      <c r="B4253" s="1">
        <v>44409</v>
      </c>
      <c r="C4253">
        <v>1</v>
      </c>
      <c r="D4253" s="1">
        <v>44409.291666666664</v>
      </c>
      <c r="E4253" s="1">
        <v>44409.40347222222</v>
      </c>
      <c r="F4253">
        <v>0</v>
      </c>
      <c r="G4253">
        <v>0</v>
      </c>
      <c r="H4253">
        <v>0</v>
      </c>
      <c r="I4253">
        <v>0</v>
      </c>
      <c r="J4253">
        <v>0</v>
      </c>
      <c r="K4253">
        <v>0</v>
      </c>
      <c r="L4253">
        <v>0</v>
      </c>
      <c r="M4253">
        <v>0</v>
      </c>
      <c r="N4253">
        <v>0</v>
      </c>
      <c r="O4253">
        <v>0</v>
      </c>
      <c r="P4253">
        <v>0</v>
      </c>
      <c r="Q4253">
        <v>0</v>
      </c>
      <c r="R4253">
        <v>0</v>
      </c>
      <c r="S4253">
        <v>0</v>
      </c>
      <c r="T4253">
        <v>0</v>
      </c>
      <c r="U4253">
        <v>0</v>
      </c>
      <c r="V4253">
        <v>0</v>
      </c>
      <c r="W4253">
        <v>1</v>
      </c>
      <c r="X4253">
        <v>0</v>
      </c>
      <c r="Y4253">
        <v>26</v>
      </c>
      <c r="Z4253">
        <v>13</v>
      </c>
      <c r="AA4253">
        <v>78</v>
      </c>
      <c r="AB4253">
        <v>60</v>
      </c>
      <c r="AC4253">
        <v>132</v>
      </c>
      <c r="AD4253">
        <v>51</v>
      </c>
      <c r="AE4253">
        <v>125</v>
      </c>
      <c r="AF4253">
        <v>0</v>
      </c>
      <c r="AG4253">
        <v>50000</v>
      </c>
      <c r="AH4253">
        <v>50000</v>
      </c>
      <c r="AI4253">
        <v>0</v>
      </c>
      <c r="AJ4253">
        <v>0</v>
      </c>
      <c r="AK4253" t="s">
        <v>6</v>
      </c>
      <c r="AL4253">
        <v>0</v>
      </c>
      <c r="AM4253">
        <v>0</v>
      </c>
      <c r="AN4253">
        <v>0</v>
      </c>
      <c r="AO4253">
        <v>0</v>
      </c>
      <c r="AP4253">
        <v>0</v>
      </c>
      <c r="AQ4253">
        <v>0</v>
      </c>
      <c r="AR4253">
        <v>0</v>
      </c>
      <c r="AS4253">
        <v>0</v>
      </c>
      <c r="AT4253">
        <v>0</v>
      </c>
      <c r="AU4253">
        <v>0</v>
      </c>
      <c r="AV4253">
        <v>0</v>
      </c>
      <c r="AW4253">
        <v>0</v>
      </c>
      <c r="AX4253">
        <v>0</v>
      </c>
      <c r="AY4253">
        <v>0</v>
      </c>
      <c r="AZ4253">
        <v>0</v>
      </c>
      <c r="BA4253">
        <v>0</v>
      </c>
    </row>
    <row r="4254" spans="1:53" x14ac:dyDescent="0.4">
      <c r="A4254">
        <v>4298</v>
      </c>
      <c r="B4254" s="1">
        <v>44409</v>
      </c>
      <c r="C4254">
        <v>2</v>
      </c>
      <c r="D4254" s="1">
        <v>44409.40347222222</v>
      </c>
      <c r="E4254" s="1">
        <v>44409.761805555558</v>
      </c>
      <c r="F4254">
        <v>33770</v>
      </c>
      <c r="G4254">
        <v>1474</v>
      </c>
      <c r="H4254">
        <v>0</v>
      </c>
      <c r="I4254">
        <v>0</v>
      </c>
      <c r="J4254">
        <v>200</v>
      </c>
      <c r="K4254">
        <v>0</v>
      </c>
      <c r="L4254">
        <v>0</v>
      </c>
      <c r="M4254">
        <v>3184</v>
      </c>
      <c r="N4254">
        <v>0</v>
      </c>
      <c r="O4254">
        <v>0</v>
      </c>
      <c r="P4254">
        <v>20320</v>
      </c>
      <c r="Q4254">
        <v>0</v>
      </c>
      <c r="R4254">
        <v>55364</v>
      </c>
      <c r="S4254">
        <v>0</v>
      </c>
      <c r="T4254">
        <v>0</v>
      </c>
      <c r="U4254">
        <v>0</v>
      </c>
      <c r="V4254">
        <v>2</v>
      </c>
      <c r="W4254">
        <v>2</v>
      </c>
      <c r="X4254">
        <v>0</v>
      </c>
      <c r="Y4254">
        <v>52</v>
      </c>
      <c r="Z4254">
        <v>14</v>
      </c>
      <c r="AA4254">
        <v>101</v>
      </c>
      <c r="AB4254">
        <v>57</v>
      </c>
      <c r="AC4254">
        <v>154</v>
      </c>
      <c r="AD4254">
        <v>50</v>
      </c>
      <c r="AE4254">
        <v>124</v>
      </c>
      <c r="AF4254">
        <v>1500</v>
      </c>
      <c r="AG4254">
        <v>105364</v>
      </c>
      <c r="AH4254">
        <v>50000</v>
      </c>
      <c r="AI4254">
        <v>0</v>
      </c>
      <c r="AJ4254">
        <v>70</v>
      </c>
      <c r="AK4254" t="s">
        <v>49</v>
      </c>
      <c r="AL4254">
        <v>0</v>
      </c>
      <c r="AM4254">
        <v>0</v>
      </c>
      <c r="AN4254">
        <v>0</v>
      </c>
      <c r="AO4254">
        <v>0</v>
      </c>
      <c r="AP4254">
        <v>0</v>
      </c>
      <c r="AQ4254">
        <v>0</v>
      </c>
      <c r="AR4254">
        <v>0</v>
      </c>
      <c r="AS4254">
        <v>0</v>
      </c>
      <c r="AT4254">
        <v>0</v>
      </c>
      <c r="AU4254">
        <v>0</v>
      </c>
      <c r="AV4254">
        <v>0</v>
      </c>
      <c r="AW4254">
        <v>0</v>
      </c>
      <c r="AX4254">
        <v>902</v>
      </c>
      <c r="AY4254">
        <v>53</v>
      </c>
      <c r="AZ4254">
        <v>101</v>
      </c>
      <c r="BA4254">
        <v>6810</v>
      </c>
    </row>
    <row r="4255" spans="1:53" x14ac:dyDescent="0.4">
      <c r="A4255">
        <v>4299</v>
      </c>
      <c r="B4255" s="1">
        <v>44410</v>
      </c>
      <c r="C4255">
        <v>1</v>
      </c>
      <c r="D4255" s="1">
        <v>44410.291666666664</v>
      </c>
      <c r="E4255" s="1">
        <v>44410.405555555553</v>
      </c>
      <c r="F4255">
        <v>0</v>
      </c>
      <c r="G4255">
        <v>0</v>
      </c>
      <c r="H4255">
        <v>0</v>
      </c>
      <c r="I4255">
        <v>0</v>
      </c>
      <c r="J4255">
        <v>0</v>
      </c>
      <c r="K4255">
        <v>0</v>
      </c>
      <c r="L4255">
        <v>0</v>
      </c>
      <c r="M4255">
        <v>0</v>
      </c>
      <c r="N4255">
        <v>0</v>
      </c>
      <c r="O4255">
        <v>0</v>
      </c>
      <c r="P4255">
        <v>0</v>
      </c>
      <c r="Q4255">
        <v>0</v>
      </c>
      <c r="R4255">
        <v>0</v>
      </c>
      <c r="S4255">
        <v>0</v>
      </c>
      <c r="T4255">
        <v>0</v>
      </c>
      <c r="U4255">
        <v>0</v>
      </c>
      <c r="V4255">
        <v>0</v>
      </c>
      <c r="W4255">
        <v>1</v>
      </c>
      <c r="X4255">
        <v>0</v>
      </c>
      <c r="Y4255">
        <v>25</v>
      </c>
      <c r="Z4255">
        <v>11</v>
      </c>
      <c r="AA4255">
        <v>103</v>
      </c>
      <c r="AB4255">
        <v>62</v>
      </c>
      <c r="AC4255">
        <v>71</v>
      </c>
      <c r="AD4255">
        <v>52</v>
      </c>
      <c r="AE4255">
        <v>130</v>
      </c>
      <c r="AF4255">
        <v>0</v>
      </c>
      <c r="AG4255">
        <v>50000</v>
      </c>
      <c r="AH4255">
        <v>50000</v>
      </c>
      <c r="AI4255">
        <v>0</v>
      </c>
      <c r="AJ4255">
        <v>0</v>
      </c>
      <c r="AK4255" t="s">
        <v>6</v>
      </c>
      <c r="AL4255">
        <v>0</v>
      </c>
      <c r="AM4255">
        <v>0</v>
      </c>
      <c r="AN4255">
        <v>0</v>
      </c>
      <c r="AO4255">
        <v>0</v>
      </c>
      <c r="AP4255">
        <v>0</v>
      </c>
      <c r="AQ4255">
        <v>0</v>
      </c>
      <c r="AR4255">
        <v>0</v>
      </c>
      <c r="AS4255">
        <v>0</v>
      </c>
      <c r="AT4255">
        <v>0</v>
      </c>
      <c r="AU4255">
        <v>0</v>
      </c>
      <c r="AV4255">
        <v>0</v>
      </c>
      <c r="AW4255">
        <v>0</v>
      </c>
      <c r="AX4255">
        <v>0</v>
      </c>
      <c r="AY4255">
        <v>0</v>
      </c>
      <c r="AZ4255">
        <v>0</v>
      </c>
      <c r="BA4255">
        <v>0</v>
      </c>
    </row>
    <row r="4256" spans="1:53" x14ac:dyDescent="0.4">
      <c r="A4256">
        <v>4300</v>
      </c>
      <c r="B4256" s="1">
        <v>44410</v>
      </c>
      <c r="C4256">
        <v>2</v>
      </c>
      <c r="D4256" s="1">
        <v>44410.405555555553</v>
      </c>
      <c r="E4256" s="1">
        <v>44410.774305555555</v>
      </c>
      <c r="F4256">
        <v>26850</v>
      </c>
      <c r="G4256">
        <v>2376</v>
      </c>
      <c r="H4256">
        <v>0</v>
      </c>
      <c r="I4256">
        <v>0</v>
      </c>
      <c r="J4256">
        <v>200</v>
      </c>
      <c r="K4256">
        <v>0</v>
      </c>
      <c r="L4256">
        <v>0</v>
      </c>
      <c r="M4256">
        <v>2638</v>
      </c>
      <c r="N4256">
        <v>0</v>
      </c>
      <c r="O4256">
        <v>0</v>
      </c>
      <c r="P4256">
        <v>9990</v>
      </c>
      <c r="Q4256">
        <v>0</v>
      </c>
      <c r="R4256">
        <v>39016</v>
      </c>
      <c r="S4256">
        <v>0</v>
      </c>
      <c r="T4256">
        <v>0</v>
      </c>
      <c r="U4256">
        <v>0</v>
      </c>
      <c r="V4256">
        <v>0</v>
      </c>
      <c r="W4256">
        <v>7</v>
      </c>
      <c r="X4256">
        <v>0</v>
      </c>
      <c r="Y4256">
        <v>35</v>
      </c>
      <c r="Z4256">
        <v>8</v>
      </c>
      <c r="AA4256">
        <v>92</v>
      </c>
      <c r="AB4256">
        <v>62</v>
      </c>
      <c r="AC4256">
        <v>80</v>
      </c>
      <c r="AD4256">
        <v>52</v>
      </c>
      <c r="AE4256">
        <v>138</v>
      </c>
      <c r="AF4256">
        <v>1518</v>
      </c>
      <c r="AG4256">
        <v>89016</v>
      </c>
      <c r="AH4256">
        <v>50000</v>
      </c>
      <c r="AI4256">
        <v>0</v>
      </c>
      <c r="AJ4256">
        <v>70</v>
      </c>
      <c r="AK4256" t="s">
        <v>49</v>
      </c>
      <c r="AL4256">
        <v>0</v>
      </c>
      <c r="AM4256">
        <v>0</v>
      </c>
      <c r="AN4256">
        <v>0</v>
      </c>
      <c r="AO4256">
        <v>0</v>
      </c>
      <c r="AP4256">
        <v>0</v>
      </c>
      <c r="AQ4256">
        <v>0</v>
      </c>
      <c r="AR4256">
        <v>0</v>
      </c>
      <c r="AS4256">
        <v>0</v>
      </c>
      <c r="AT4256">
        <v>0</v>
      </c>
      <c r="AU4256">
        <v>0</v>
      </c>
      <c r="AV4256">
        <v>0</v>
      </c>
      <c r="AW4256">
        <v>0</v>
      </c>
      <c r="AX4256">
        <v>1606</v>
      </c>
      <c r="AY4256">
        <v>37</v>
      </c>
      <c r="AZ4256">
        <v>64</v>
      </c>
      <c r="BA4256">
        <v>5966</v>
      </c>
    </row>
    <row r="4257" spans="1:53" x14ac:dyDescent="0.4">
      <c r="A4257">
        <v>4301</v>
      </c>
      <c r="B4257" s="1">
        <v>44411</v>
      </c>
      <c r="C4257">
        <v>1</v>
      </c>
      <c r="D4257" s="1">
        <v>44411.291666666664</v>
      </c>
      <c r="E4257" s="1">
        <v>44411.390277777777</v>
      </c>
      <c r="F4257">
        <v>0</v>
      </c>
      <c r="G4257">
        <v>0</v>
      </c>
      <c r="H4257">
        <v>0</v>
      </c>
      <c r="I4257">
        <v>0</v>
      </c>
      <c r="J4257">
        <v>0</v>
      </c>
      <c r="K4257">
        <v>0</v>
      </c>
      <c r="L4257">
        <v>0</v>
      </c>
      <c r="M4257">
        <v>0</v>
      </c>
      <c r="N4257">
        <v>0</v>
      </c>
      <c r="O4257">
        <v>0</v>
      </c>
      <c r="P4257">
        <v>0</v>
      </c>
      <c r="Q4257">
        <v>0</v>
      </c>
      <c r="R4257">
        <v>0</v>
      </c>
      <c r="S4257">
        <v>0</v>
      </c>
      <c r="T4257">
        <v>0</v>
      </c>
      <c r="U4257">
        <v>0</v>
      </c>
      <c r="V4257">
        <v>0</v>
      </c>
      <c r="W4257">
        <v>0</v>
      </c>
      <c r="X4257">
        <v>0</v>
      </c>
      <c r="Y4257">
        <v>32</v>
      </c>
      <c r="Z4257">
        <v>9</v>
      </c>
      <c r="AA4257">
        <v>93</v>
      </c>
      <c r="AB4257">
        <v>61</v>
      </c>
      <c r="AC4257">
        <v>76</v>
      </c>
      <c r="AD4257">
        <v>51</v>
      </c>
      <c r="AE4257">
        <v>135</v>
      </c>
      <c r="AF4257">
        <v>0</v>
      </c>
      <c r="AG4257">
        <v>50000</v>
      </c>
      <c r="AH4257">
        <v>50000</v>
      </c>
      <c r="AI4257">
        <v>0</v>
      </c>
      <c r="AJ4257">
        <v>0</v>
      </c>
      <c r="AK4257" t="s">
        <v>6</v>
      </c>
      <c r="AL4257">
        <v>0</v>
      </c>
      <c r="AM4257">
        <v>0</v>
      </c>
      <c r="AN4257">
        <v>0</v>
      </c>
      <c r="AO4257">
        <v>0</v>
      </c>
      <c r="AP4257">
        <v>0</v>
      </c>
      <c r="AQ4257">
        <v>0</v>
      </c>
      <c r="AR4257">
        <v>0</v>
      </c>
      <c r="AS4257">
        <v>0</v>
      </c>
      <c r="AT4257">
        <v>0</v>
      </c>
      <c r="AU4257">
        <v>0</v>
      </c>
      <c r="AV4257">
        <v>0</v>
      </c>
      <c r="AW4257">
        <v>0</v>
      </c>
      <c r="AX4257">
        <v>0</v>
      </c>
      <c r="AY4257">
        <v>0</v>
      </c>
      <c r="AZ4257">
        <v>0</v>
      </c>
      <c r="BA4257">
        <v>0</v>
      </c>
    </row>
    <row r="4258" spans="1:53" x14ac:dyDescent="0.4">
      <c r="A4258">
        <v>4302</v>
      </c>
      <c r="B4258" s="1">
        <v>44411</v>
      </c>
      <c r="C4258">
        <v>2</v>
      </c>
      <c r="D4258" s="1">
        <v>44411.390277777777</v>
      </c>
      <c r="E4258" s="1">
        <v>44411.924305555556</v>
      </c>
      <c r="F4258">
        <v>43840</v>
      </c>
      <c r="G4258">
        <v>594</v>
      </c>
      <c r="H4258">
        <v>0</v>
      </c>
      <c r="I4258">
        <v>0</v>
      </c>
      <c r="J4258">
        <v>0</v>
      </c>
      <c r="K4258">
        <v>0</v>
      </c>
      <c r="L4258">
        <v>0</v>
      </c>
      <c r="M4258">
        <v>4038</v>
      </c>
      <c r="N4258">
        <v>0</v>
      </c>
      <c r="O4258">
        <v>0</v>
      </c>
      <c r="P4258">
        <v>4620</v>
      </c>
      <c r="Q4258">
        <v>0</v>
      </c>
      <c r="R4258">
        <v>49054</v>
      </c>
      <c r="S4258">
        <v>0</v>
      </c>
      <c r="T4258">
        <v>0</v>
      </c>
      <c r="U4258">
        <v>0</v>
      </c>
      <c r="V4258">
        <v>1</v>
      </c>
      <c r="W4258">
        <v>1</v>
      </c>
      <c r="X4258">
        <v>0</v>
      </c>
      <c r="Y4258">
        <v>63</v>
      </c>
      <c r="Z4258">
        <v>6</v>
      </c>
      <c r="AA4258">
        <v>78</v>
      </c>
      <c r="AB4258">
        <v>69</v>
      </c>
      <c r="AC4258">
        <v>81</v>
      </c>
      <c r="AD4258">
        <v>50</v>
      </c>
      <c r="AE4258">
        <v>132</v>
      </c>
      <c r="AF4258">
        <v>5612</v>
      </c>
      <c r="AG4258">
        <v>99054</v>
      </c>
      <c r="AH4258">
        <v>50000</v>
      </c>
      <c r="AI4258">
        <v>0</v>
      </c>
      <c r="AJ4258">
        <v>108</v>
      </c>
      <c r="AK4258" t="s">
        <v>3</v>
      </c>
      <c r="AL4258">
        <v>0</v>
      </c>
      <c r="AM4258">
        <v>0</v>
      </c>
      <c r="AN4258">
        <v>0</v>
      </c>
      <c r="AO4258">
        <v>0</v>
      </c>
      <c r="AP4258">
        <v>0</v>
      </c>
      <c r="AQ4258">
        <v>0</v>
      </c>
      <c r="AR4258">
        <v>0</v>
      </c>
      <c r="AS4258">
        <v>0</v>
      </c>
      <c r="AT4258">
        <v>0</v>
      </c>
      <c r="AU4258">
        <v>0</v>
      </c>
      <c r="AV4258">
        <v>0</v>
      </c>
      <c r="AW4258">
        <v>0</v>
      </c>
      <c r="AX4258">
        <v>0</v>
      </c>
      <c r="AY4258">
        <v>33</v>
      </c>
      <c r="AZ4258">
        <v>70</v>
      </c>
      <c r="BA4258">
        <v>5949</v>
      </c>
    </row>
    <row r="4259" spans="1:53" x14ac:dyDescent="0.4">
      <c r="A4259">
        <v>4303</v>
      </c>
      <c r="B4259" s="1">
        <v>44412</v>
      </c>
      <c r="C4259">
        <v>1</v>
      </c>
      <c r="D4259" s="1">
        <v>44412.291666666664</v>
      </c>
      <c r="E4259" s="1">
        <v>44412.402083333334</v>
      </c>
      <c r="F4259">
        <v>0</v>
      </c>
      <c r="G4259">
        <v>0</v>
      </c>
      <c r="H4259">
        <v>0</v>
      </c>
      <c r="I4259">
        <v>0</v>
      </c>
      <c r="J4259">
        <v>0</v>
      </c>
      <c r="K4259">
        <v>0</v>
      </c>
      <c r="L4259">
        <v>0</v>
      </c>
      <c r="M4259">
        <v>0</v>
      </c>
      <c r="N4259">
        <v>0</v>
      </c>
      <c r="O4259">
        <v>0</v>
      </c>
      <c r="P4259">
        <v>0</v>
      </c>
      <c r="Q4259">
        <v>0</v>
      </c>
      <c r="R4259">
        <v>0</v>
      </c>
      <c r="S4259">
        <v>0</v>
      </c>
      <c r="T4259">
        <v>0</v>
      </c>
      <c r="U4259">
        <v>0</v>
      </c>
      <c r="V4259">
        <v>0</v>
      </c>
      <c r="W4259">
        <v>1</v>
      </c>
      <c r="X4259">
        <v>0</v>
      </c>
      <c r="Y4259">
        <v>27</v>
      </c>
      <c r="Z4259">
        <v>9</v>
      </c>
      <c r="AA4259">
        <v>89</v>
      </c>
      <c r="AB4259">
        <v>69</v>
      </c>
      <c r="AC4259">
        <v>77</v>
      </c>
      <c r="AD4259">
        <v>50</v>
      </c>
      <c r="AE4259">
        <v>130</v>
      </c>
      <c r="AF4259">
        <v>0</v>
      </c>
      <c r="AG4259">
        <v>50000</v>
      </c>
      <c r="AH4259">
        <v>50000</v>
      </c>
      <c r="AI4259">
        <v>0</v>
      </c>
      <c r="AJ4259">
        <v>0</v>
      </c>
      <c r="AK4259" t="s">
        <v>6</v>
      </c>
      <c r="AL4259">
        <v>0</v>
      </c>
      <c r="AM4259">
        <v>0</v>
      </c>
      <c r="AN4259">
        <v>0</v>
      </c>
      <c r="AO4259">
        <v>0</v>
      </c>
      <c r="AP4259">
        <v>0</v>
      </c>
      <c r="AQ4259">
        <v>0</v>
      </c>
      <c r="AR4259">
        <v>0</v>
      </c>
      <c r="AS4259">
        <v>0</v>
      </c>
      <c r="AT4259">
        <v>0</v>
      </c>
      <c r="AU4259">
        <v>0</v>
      </c>
      <c r="AV4259">
        <v>0</v>
      </c>
      <c r="AW4259">
        <v>0</v>
      </c>
      <c r="AX4259">
        <v>0</v>
      </c>
      <c r="AY4259">
        <v>0</v>
      </c>
      <c r="AZ4259">
        <v>0</v>
      </c>
      <c r="BA4259">
        <v>0</v>
      </c>
    </row>
    <row r="4260" spans="1:53" x14ac:dyDescent="0.4">
      <c r="A4260">
        <v>4304</v>
      </c>
      <c r="B4260" s="1">
        <v>44412</v>
      </c>
      <c r="C4260">
        <v>2</v>
      </c>
      <c r="D4260" s="1">
        <v>44412.402083333334</v>
      </c>
      <c r="E4260" s="1">
        <v>44412.754166666666</v>
      </c>
      <c r="F4260">
        <v>28760</v>
      </c>
      <c r="G4260">
        <v>1056</v>
      </c>
      <c r="H4260">
        <v>0</v>
      </c>
      <c r="I4260">
        <v>0</v>
      </c>
      <c r="J4260">
        <v>0</v>
      </c>
      <c r="K4260">
        <v>0</v>
      </c>
      <c r="L4260">
        <v>0</v>
      </c>
      <c r="M4260">
        <v>2710</v>
      </c>
      <c r="N4260">
        <v>0</v>
      </c>
      <c r="O4260">
        <v>0</v>
      </c>
      <c r="P4260">
        <v>9310</v>
      </c>
      <c r="Q4260">
        <v>0</v>
      </c>
      <c r="R4260">
        <v>39126</v>
      </c>
      <c r="S4260">
        <v>0</v>
      </c>
      <c r="T4260">
        <v>0</v>
      </c>
      <c r="U4260">
        <v>0</v>
      </c>
      <c r="V4260">
        <v>3</v>
      </c>
      <c r="W4260">
        <v>0</v>
      </c>
      <c r="X4260">
        <v>0</v>
      </c>
      <c r="Y4260">
        <v>41</v>
      </c>
      <c r="Z4260">
        <v>10</v>
      </c>
      <c r="AA4260">
        <v>81</v>
      </c>
      <c r="AB4260">
        <v>67</v>
      </c>
      <c r="AC4260">
        <v>76</v>
      </c>
      <c r="AD4260">
        <v>51</v>
      </c>
      <c r="AE4260">
        <v>131</v>
      </c>
      <c r="AF4260">
        <v>530</v>
      </c>
      <c r="AG4260">
        <v>89126</v>
      </c>
      <c r="AH4260">
        <v>50000</v>
      </c>
      <c r="AI4260">
        <v>0</v>
      </c>
      <c r="AJ4260">
        <v>70</v>
      </c>
      <c r="AK4260" t="s">
        <v>49</v>
      </c>
      <c r="AL4260">
        <v>0</v>
      </c>
      <c r="AM4260">
        <v>0</v>
      </c>
      <c r="AN4260">
        <v>0</v>
      </c>
      <c r="AO4260">
        <v>0</v>
      </c>
      <c r="AP4260">
        <v>0</v>
      </c>
      <c r="AQ4260">
        <v>0</v>
      </c>
      <c r="AR4260">
        <v>0</v>
      </c>
      <c r="AS4260">
        <v>0</v>
      </c>
      <c r="AT4260">
        <v>0</v>
      </c>
      <c r="AU4260">
        <v>0</v>
      </c>
      <c r="AV4260">
        <v>0</v>
      </c>
      <c r="AW4260">
        <v>0</v>
      </c>
      <c r="AX4260">
        <v>0</v>
      </c>
      <c r="AY4260">
        <v>31</v>
      </c>
      <c r="AZ4260">
        <v>61</v>
      </c>
      <c r="BA4260">
        <v>5084</v>
      </c>
    </row>
    <row r="4261" spans="1:53" x14ac:dyDescent="0.4">
      <c r="A4261">
        <v>4305</v>
      </c>
      <c r="B4261" s="1">
        <v>44413</v>
      </c>
      <c r="C4261">
        <v>1</v>
      </c>
      <c r="D4261" s="1">
        <v>44413.291666666664</v>
      </c>
      <c r="E4261" s="1">
        <v>44413.402777777781</v>
      </c>
      <c r="F4261">
        <v>0</v>
      </c>
      <c r="G4261">
        <v>0</v>
      </c>
      <c r="H4261">
        <v>0</v>
      </c>
      <c r="I4261">
        <v>0</v>
      </c>
      <c r="J4261">
        <v>0</v>
      </c>
      <c r="K4261">
        <v>0</v>
      </c>
      <c r="L4261">
        <v>0</v>
      </c>
      <c r="M4261">
        <v>0</v>
      </c>
      <c r="N4261">
        <v>0</v>
      </c>
      <c r="O4261">
        <v>0</v>
      </c>
      <c r="P4261">
        <v>0</v>
      </c>
      <c r="Q4261">
        <v>0</v>
      </c>
      <c r="R4261">
        <v>0</v>
      </c>
      <c r="S4261">
        <v>0</v>
      </c>
      <c r="T4261">
        <v>0</v>
      </c>
      <c r="U4261">
        <v>0</v>
      </c>
      <c r="V4261">
        <v>0</v>
      </c>
      <c r="W4261">
        <v>0</v>
      </c>
      <c r="X4261">
        <v>0</v>
      </c>
      <c r="Y4261">
        <v>30</v>
      </c>
      <c r="Z4261">
        <v>12</v>
      </c>
      <c r="AA4261">
        <v>93</v>
      </c>
      <c r="AB4261">
        <v>69</v>
      </c>
      <c r="AC4261">
        <v>87</v>
      </c>
      <c r="AD4261">
        <v>50</v>
      </c>
      <c r="AE4261">
        <v>130</v>
      </c>
      <c r="AF4261">
        <v>0</v>
      </c>
      <c r="AG4261">
        <v>50000</v>
      </c>
      <c r="AH4261">
        <v>50000</v>
      </c>
      <c r="AI4261">
        <v>0</v>
      </c>
      <c r="AJ4261">
        <v>0</v>
      </c>
      <c r="AK4261" t="s">
        <v>6</v>
      </c>
      <c r="AL4261">
        <v>0</v>
      </c>
      <c r="AM4261">
        <v>0</v>
      </c>
      <c r="AN4261">
        <v>0</v>
      </c>
      <c r="AO4261">
        <v>0</v>
      </c>
      <c r="AP4261">
        <v>0</v>
      </c>
      <c r="AQ4261">
        <v>0</v>
      </c>
      <c r="AR4261">
        <v>0</v>
      </c>
      <c r="AS4261">
        <v>0</v>
      </c>
      <c r="AT4261">
        <v>0</v>
      </c>
      <c r="AU4261">
        <v>0</v>
      </c>
      <c r="AV4261">
        <v>0</v>
      </c>
      <c r="AW4261">
        <v>0</v>
      </c>
      <c r="AX4261">
        <v>0</v>
      </c>
      <c r="AY4261">
        <v>0</v>
      </c>
      <c r="AZ4261">
        <v>0</v>
      </c>
      <c r="BA4261">
        <v>0</v>
      </c>
    </row>
    <row r="4262" spans="1:53" x14ac:dyDescent="0.4">
      <c r="A4262">
        <v>4306</v>
      </c>
      <c r="B4262" s="1">
        <v>44413</v>
      </c>
      <c r="C4262">
        <v>2</v>
      </c>
      <c r="D4262" s="1">
        <v>44413.402777777781</v>
      </c>
      <c r="E4262" s="1">
        <v>44413.768055555556</v>
      </c>
      <c r="F4262">
        <v>27290</v>
      </c>
      <c r="G4262">
        <v>3476</v>
      </c>
      <c r="H4262">
        <v>0</v>
      </c>
      <c r="I4262">
        <v>0</v>
      </c>
      <c r="J4262">
        <v>0</v>
      </c>
      <c r="K4262">
        <v>0</v>
      </c>
      <c r="L4262">
        <v>0</v>
      </c>
      <c r="M4262">
        <v>2798</v>
      </c>
      <c r="N4262">
        <v>0</v>
      </c>
      <c r="O4262">
        <v>0</v>
      </c>
      <c r="P4262">
        <v>9295</v>
      </c>
      <c r="Q4262">
        <v>0</v>
      </c>
      <c r="R4262">
        <v>40061</v>
      </c>
      <c r="S4262">
        <v>0</v>
      </c>
      <c r="T4262">
        <v>0</v>
      </c>
      <c r="U4262">
        <v>0</v>
      </c>
      <c r="V4262">
        <v>2</v>
      </c>
      <c r="W4262">
        <v>0</v>
      </c>
      <c r="X4262">
        <v>0</v>
      </c>
      <c r="Y4262">
        <v>45</v>
      </c>
      <c r="Z4262">
        <v>20</v>
      </c>
      <c r="AA4262">
        <v>96</v>
      </c>
      <c r="AB4262">
        <v>71</v>
      </c>
      <c r="AC4262">
        <v>101</v>
      </c>
      <c r="AD4262">
        <v>47</v>
      </c>
      <c r="AE4262">
        <v>136</v>
      </c>
      <c r="AF4262">
        <v>530</v>
      </c>
      <c r="AG4262">
        <v>90061</v>
      </c>
      <c r="AH4262">
        <v>50000</v>
      </c>
      <c r="AI4262">
        <v>0</v>
      </c>
      <c r="AJ4262">
        <v>70</v>
      </c>
      <c r="AK4262" t="s">
        <v>49</v>
      </c>
      <c r="AL4262">
        <v>0</v>
      </c>
      <c r="AM4262">
        <v>0</v>
      </c>
      <c r="AN4262">
        <v>0</v>
      </c>
      <c r="AO4262">
        <v>0</v>
      </c>
      <c r="AP4262">
        <v>0</v>
      </c>
      <c r="AQ4262">
        <v>0</v>
      </c>
      <c r="AR4262">
        <v>0</v>
      </c>
      <c r="AS4262">
        <v>0</v>
      </c>
      <c r="AT4262">
        <v>0</v>
      </c>
      <c r="AU4262">
        <v>0</v>
      </c>
      <c r="AV4262">
        <v>0</v>
      </c>
      <c r="AW4262">
        <v>0</v>
      </c>
      <c r="AX4262">
        <v>-1060</v>
      </c>
      <c r="AY4262">
        <v>40</v>
      </c>
      <c r="AZ4262">
        <v>66</v>
      </c>
      <c r="BA4262">
        <v>7022</v>
      </c>
    </row>
    <row r="4263" spans="1:53" x14ac:dyDescent="0.4">
      <c r="A4263">
        <v>4307</v>
      </c>
      <c r="B4263" s="1">
        <v>44413</v>
      </c>
      <c r="C4263">
        <v>3</v>
      </c>
      <c r="D4263" s="1">
        <v>44413.768055555556</v>
      </c>
      <c r="E4263" s="1">
        <v>44414.120833333334</v>
      </c>
      <c r="F4263">
        <v>48720</v>
      </c>
      <c r="G4263">
        <v>308</v>
      </c>
      <c r="H4263">
        <v>0</v>
      </c>
      <c r="I4263">
        <v>0</v>
      </c>
      <c r="J4263">
        <v>100</v>
      </c>
      <c r="K4263">
        <v>0</v>
      </c>
      <c r="L4263">
        <v>0</v>
      </c>
      <c r="M4263">
        <v>4446</v>
      </c>
      <c r="N4263">
        <v>0</v>
      </c>
      <c r="O4263">
        <v>0</v>
      </c>
      <c r="P4263">
        <v>-9295</v>
      </c>
      <c r="Q4263">
        <v>0</v>
      </c>
      <c r="R4263">
        <v>39633</v>
      </c>
      <c r="S4263">
        <v>0</v>
      </c>
      <c r="T4263">
        <v>0</v>
      </c>
      <c r="U4263">
        <v>0</v>
      </c>
      <c r="V4263">
        <v>5</v>
      </c>
      <c r="W4263">
        <v>4</v>
      </c>
      <c r="X4263">
        <v>0</v>
      </c>
      <c r="Y4263">
        <v>25</v>
      </c>
      <c r="Z4263">
        <v>18</v>
      </c>
      <c r="AA4263">
        <v>80</v>
      </c>
      <c r="AB4263">
        <v>70</v>
      </c>
      <c r="AC4263">
        <v>83</v>
      </c>
      <c r="AD4263">
        <v>48</v>
      </c>
      <c r="AE4263">
        <v>134</v>
      </c>
      <c r="AF4263">
        <v>12990</v>
      </c>
      <c r="AG4263">
        <v>129694</v>
      </c>
      <c r="AH4263">
        <v>50000</v>
      </c>
      <c r="AI4263">
        <v>0</v>
      </c>
      <c r="AJ4263">
        <v>114</v>
      </c>
      <c r="AK4263" t="s">
        <v>53</v>
      </c>
      <c r="AL4263">
        <v>0</v>
      </c>
      <c r="AM4263">
        <v>0</v>
      </c>
      <c r="AN4263">
        <v>0</v>
      </c>
      <c r="AO4263">
        <v>0</v>
      </c>
      <c r="AP4263">
        <v>0</v>
      </c>
      <c r="AQ4263">
        <v>0</v>
      </c>
      <c r="AR4263">
        <v>0</v>
      </c>
      <c r="AS4263">
        <v>0</v>
      </c>
      <c r="AT4263">
        <v>0</v>
      </c>
      <c r="AU4263">
        <v>0</v>
      </c>
      <c r="AV4263">
        <v>0</v>
      </c>
      <c r="AW4263">
        <v>0</v>
      </c>
      <c r="AX4263">
        <v>0</v>
      </c>
      <c r="AY4263">
        <v>6</v>
      </c>
      <c r="AZ4263">
        <v>25</v>
      </c>
      <c r="BA4263">
        <v>1203</v>
      </c>
    </row>
    <row r="4264" spans="1:53" x14ac:dyDescent="0.4">
      <c r="A4264">
        <v>4308</v>
      </c>
      <c r="B4264" s="1">
        <v>44414</v>
      </c>
      <c r="C4264">
        <v>1</v>
      </c>
      <c r="D4264" s="1">
        <v>44414.291666666664</v>
      </c>
      <c r="E4264" s="1">
        <v>44414.404861111114</v>
      </c>
      <c r="F4264">
        <v>0</v>
      </c>
      <c r="G4264">
        <v>0</v>
      </c>
      <c r="H4264">
        <v>0</v>
      </c>
      <c r="I4264">
        <v>0</v>
      </c>
      <c r="J4264">
        <v>0</v>
      </c>
      <c r="K4264">
        <v>0</v>
      </c>
      <c r="L4264">
        <v>0</v>
      </c>
      <c r="M4264">
        <v>0</v>
      </c>
      <c r="N4264">
        <v>0</v>
      </c>
      <c r="O4264">
        <v>0</v>
      </c>
      <c r="P4264">
        <v>0</v>
      </c>
      <c r="Q4264">
        <v>0</v>
      </c>
      <c r="R4264">
        <v>0</v>
      </c>
      <c r="S4264">
        <v>0</v>
      </c>
      <c r="T4264">
        <v>0</v>
      </c>
      <c r="U4264">
        <v>0</v>
      </c>
      <c r="V4264">
        <v>0</v>
      </c>
      <c r="W4264">
        <v>1</v>
      </c>
      <c r="X4264">
        <v>0</v>
      </c>
      <c r="Y4264">
        <v>25</v>
      </c>
      <c r="Z4264">
        <v>15</v>
      </c>
      <c r="AA4264">
        <v>80</v>
      </c>
      <c r="AB4264">
        <v>66</v>
      </c>
      <c r="AC4264">
        <v>83</v>
      </c>
      <c r="AD4264">
        <v>48</v>
      </c>
      <c r="AE4264">
        <v>130</v>
      </c>
      <c r="AF4264">
        <v>0</v>
      </c>
      <c r="AG4264">
        <v>50000</v>
      </c>
      <c r="AH4264">
        <v>50000</v>
      </c>
      <c r="AI4264">
        <v>0</v>
      </c>
      <c r="AJ4264">
        <v>0</v>
      </c>
      <c r="AK4264" t="s">
        <v>6</v>
      </c>
      <c r="AL4264">
        <v>0</v>
      </c>
      <c r="AM4264">
        <v>0</v>
      </c>
      <c r="AN4264">
        <v>0</v>
      </c>
      <c r="AO4264">
        <v>0</v>
      </c>
      <c r="AP4264">
        <v>0</v>
      </c>
      <c r="AQ4264">
        <v>0</v>
      </c>
      <c r="AR4264">
        <v>0</v>
      </c>
      <c r="AS4264">
        <v>0</v>
      </c>
      <c r="AT4264">
        <v>0</v>
      </c>
      <c r="AU4264">
        <v>0</v>
      </c>
      <c r="AV4264">
        <v>0</v>
      </c>
      <c r="AW4264">
        <v>0</v>
      </c>
      <c r="AX4264">
        <v>0</v>
      </c>
      <c r="AY4264">
        <v>0</v>
      </c>
      <c r="AZ4264">
        <v>0</v>
      </c>
      <c r="BA4264">
        <v>0</v>
      </c>
    </row>
    <row r="4265" spans="1:53" x14ac:dyDescent="0.4">
      <c r="A4265">
        <v>4309</v>
      </c>
      <c r="B4265" s="1">
        <v>44414</v>
      </c>
      <c r="C4265">
        <v>2</v>
      </c>
      <c r="D4265" s="1">
        <v>44414.404861111114</v>
      </c>
      <c r="E4265" s="1">
        <v>44414.75277777778</v>
      </c>
      <c r="F4265">
        <v>22060</v>
      </c>
      <c r="G4265">
        <v>594</v>
      </c>
      <c r="H4265">
        <v>0</v>
      </c>
      <c r="I4265">
        <v>0</v>
      </c>
      <c r="J4265">
        <v>595</v>
      </c>
      <c r="K4265">
        <v>0</v>
      </c>
      <c r="L4265">
        <v>0</v>
      </c>
      <c r="M4265">
        <v>2007</v>
      </c>
      <c r="N4265">
        <v>0</v>
      </c>
      <c r="O4265">
        <v>0</v>
      </c>
      <c r="P4265">
        <v>8820</v>
      </c>
      <c r="Q4265">
        <v>0</v>
      </c>
      <c r="R4265">
        <v>30879</v>
      </c>
      <c r="S4265">
        <v>0</v>
      </c>
      <c r="T4265">
        <v>0</v>
      </c>
      <c r="U4265">
        <v>0</v>
      </c>
      <c r="V4265">
        <v>0</v>
      </c>
      <c r="W4265">
        <v>1</v>
      </c>
      <c r="X4265">
        <v>0</v>
      </c>
      <c r="Y4265">
        <v>44</v>
      </c>
      <c r="Z4265">
        <v>22</v>
      </c>
      <c r="AA4265">
        <v>111</v>
      </c>
      <c r="AB4265">
        <v>71</v>
      </c>
      <c r="AC4265">
        <v>85</v>
      </c>
      <c r="AD4265">
        <v>47</v>
      </c>
      <c r="AE4265">
        <v>132</v>
      </c>
      <c r="AF4265">
        <v>5012</v>
      </c>
      <c r="AG4265">
        <v>80879</v>
      </c>
      <c r="AH4265">
        <v>50000</v>
      </c>
      <c r="AI4265">
        <v>0</v>
      </c>
      <c r="AJ4265">
        <v>70</v>
      </c>
      <c r="AK4265" t="s">
        <v>49</v>
      </c>
      <c r="AL4265">
        <v>0</v>
      </c>
      <c r="AM4265">
        <v>0</v>
      </c>
      <c r="AN4265">
        <v>0</v>
      </c>
      <c r="AO4265">
        <v>0</v>
      </c>
      <c r="AP4265">
        <v>0</v>
      </c>
      <c r="AQ4265">
        <v>0</v>
      </c>
      <c r="AR4265">
        <v>0</v>
      </c>
      <c r="AS4265">
        <v>0</v>
      </c>
      <c r="AT4265">
        <v>0</v>
      </c>
      <c r="AU4265">
        <v>0</v>
      </c>
      <c r="AV4265">
        <v>0</v>
      </c>
      <c r="AW4265">
        <v>0</v>
      </c>
      <c r="AX4265">
        <v>440</v>
      </c>
      <c r="AY4265">
        <v>34</v>
      </c>
      <c r="AZ4265">
        <v>64</v>
      </c>
      <c r="BA4265">
        <v>5527</v>
      </c>
    </row>
    <row r="4266" spans="1:53" x14ac:dyDescent="0.4">
      <c r="A4266">
        <v>4310</v>
      </c>
      <c r="B4266" s="1">
        <v>44415</v>
      </c>
      <c r="C4266">
        <v>1</v>
      </c>
      <c r="D4266" s="1">
        <v>44415.291666666664</v>
      </c>
      <c r="E4266" s="1">
        <v>44415.406944444447</v>
      </c>
      <c r="F4266">
        <v>0</v>
      </c>
      <c r="G4266">
        <v>0</v>
      </c>
      <c r="H4266">
        <v>0</v>
      </c>
      <c r="I4266">
        <v>0</v>
      </c>
      <c r="J4266">
        <v>0</v>
      </c>
      <c r="K4266">
        <v>0</v>
      </c>
      <c r="L4266">
        <v>0</v>
      </c>
      <c r="M4266">
        <v>0</v>
      </c>
      <c r="N4266">
        <v>0</v>
      </c>
      <c r="O4266">
        <v>0</v>
      </c>
      <c r="P4266">
        <v>0</v>
      </c>
      <c r="Q4266">
        <v>0</v>
      </c>
      <c r="R4266">
        <v>0</v>
      </c>
      <c r="S4266">
        <v>0</v>
      </c>
      <c r="T4266">
        <v>0</v>
      </c>
      <c r="U4266">
        <v>0</v>
      </c>
      <c r="V4266">
        <v>0</v>
      </c>
      <c r="W4266">
        <v>1</v>
      </c>
      <c r="X4266">
        <v>0</v>
      </c>
      <c r="Y4266">
        <v>25</v>
      </c>
      <c r="Z4266">
        <v>13</v>
      </c>
      <c r="AA4266">
        <v>93</v>
      </c>
      <c r="AB4266">
        <v>61</v>
      </c>
      <c r="AC4266">
        <v>78</v>
      </c>
      <c r="AD4266">
        <v>48</v>
      </c>
      <c r="AE4266">
        <v>130</v>
      </c>
      <c r="AF4266">
        <v>0</v>
      </c>
      <c r="AG4266">
        <v>50000</v>
      </c>
      <c r="AH4266">
        <v>50000</v>
      </c>
      <c r="AI4266">
        <v>0</v>
      </c>
      <c r="AJ4266">
        <v>0</v>
      </c>
      <c r="AK4266" t="s">
        <v>6</v>
      </c>
      <c r="AL4266">
        <v>0</v>
      </c>
      <c r="AM4266">
        <v>0</v>
      </c>
      <c r="AN4266">
        <v>0</v>
      </c>
      <c r="AO4266">
        <v>0</v>
      </c>
      <c r="AP4266">
        <v>0</v>
      </c>
      <c r="AQ4266">
        <v>0</v>
      </c>
      <c r="AR4266">
        <v>0</v>
      </c>
      <c r="AS4266">
        <v>0</v>
      </c>
      <c r="AT4266">
        <v>0</v>
      </c>
      <c r="AU4266">
        <v>0</v>
      </c>
      <c r="AV4266">
        <v>0</v>
      </c>
      <c r="AW4266">
        <v>0</v>
      </c>
      <c r="AX4266">
        <v>0</v>
      </c>
      <c r="AY4266">
        <v>0</v>
      </c>
      <c r="AZ4266">
        <v>0</v>
      </c>
      <c r="BA4266">
        <v>0</v>
      </c>
    </row>
    <row r="4267" spans="1:53" x14ac:dyDescent="0.4">
      <c r="A4267">
        <v>4311</v>
      </c>
      <c r="B4267" s="1">
        <v>44415</v>
      </c>
      <c r="C4267">
        <v>2</v>
      </c>
      <c r="D4267" s="1">
        <v>44415.406944444447</v>
      </c>
      <c r="E4267" s="1">
        <v>44415.772916666669</v>
      </c>
      <c r="F4267">
        <v>35740</v>
      </c>
      <c r="G4267">
        <v>0</v>
      </c>
      <c r="H4267">
        <v>0</v>
      </c>
      <c r="I4267">
        <v>0</v>
      </c>
      <c r="J4267">
        <v>300</v>
      </c>
      <c r="K4267">
        <v>0</v>
      </c>
      <c r="L4267">
        <v>0</v>
      </c>
      <c r="M4267">
        <v>3221</v>
      </c>
      <c r="N4267">
        <v>0</v>
      </c>
      <c r="O4267">
        <v>0</v>
      </c>
      <c r="P4267">
        <v>8370</v>
      </c>
      <c r="Q4267">
        <v>0</v>
      </c>
      <c r="R4267">
        <v>43810</v>
      </c>
      <c r="S4267">
        <v>0</v>
      </c>
      <c r="T4267">
        <v>0</v>
      </c>
      <c r="U4267">
        <v>0</v>
      </c>
      <c r="V4267">
        <v>1</v>
      </c>
      <c r="W4267">
        <v>2</v>
      </c>
      <c r="X4267">
        <v>0</v>
      </c>
      <c r="Y4267">
        <v>50</v>
      </c>
      <c r="Z4267">
        <v>19</v>
      </c>
      <c r="AA4267">
        <v>98</v>
      </c>
      <c r="AB4267">
        <v>60</v>
      </c>
      <c r="AC4267">
        <v>112</v>
      </c>
      <c r="AD4267">
        <v>51</v>
      </c>
      <c r="AE4267">
        <v>135</v>
      </c>
      <c r="AF4267">
        <v>0</v>
      </c>
      <c r="AG4267">
        <v>93810</v>
      </c>
      <c r="AH4267">
        <v>50000</v>
      </c>
      <c r="AI4267">
        <v>0</v>
      </c>
      <c r="AJ4267">
        <v>70</v>
      </c>
      <c r="AK4267" t="s">
        <v>49</v>
      </c>
      <c r="AL4267">
        <v>0</v>
      </c>
      <c r="AM4267">
        <v>0</v>
      </c>
      <c r="AN4267">
        <v>0</v>
      </c>
      <c r="AO4267">
        <v>0</v>
      </c>
      <c r="AP4267">
        <v>0</v>
      </c>
      <c r="AQ4267">
        <v>0</v>
      </c>
      <c r="AR4267">
        <v>0</v>
      </c>
      <c r="AS4267">
        <v>0</v>
      </c>
      <c r="AT4267">
        <v>0</v>
      </c>
      <c r="AU4267">
        <v>0</v>
      </c>
      <c r="AV4267">
        <v>0</v>
      </c>
      <c r="AW4267">
        <v>0</v>
      </c>
      <c r="AX4267">
        <v>2474</v>
      </c>
      <c r="AY4267">
        <v>38</v>
      </c>
      <c r="AZ4267">
        <v>83</v>
      </c>
      <c r="BA4267">
        <v>6011</v>
      </c>
    </row>
    <row r="4268" spans="1:53" x14ac:dyDescent="0.4">
      <c r="A4268">
        <v>4312</v>
      </c>
      <c r="B4268" s="1">
        <v>44415</v>
      </c>
      <c r="C4268">
        <v>3</v>
      </c>
      <c r="D4268" s="1">
        <v>44415.772916666669</v>
      </c>
      <c r="E4268" s="1">
        <v>44415.997916666667</v>
      </c>
      <c r="F4268">
        <v>72690</v>
      </c>
      <c r="G4268">
        <v>2904</v>
      </c>
      <c r="H4268">
        <v>0</v>
      </c>
      <c r="I4268">
        <v>0</v>
      </c>
      <c r="J4268">
        <v>0</v>
      </c>
      <c r="K4268">
        <v>4840</v>
      </c>
      <c r="L4268">
        <v>0</v>
      </c>
      <c r="M4268">
        <v>7312</v>
      </c>
      <c r="N4268">
        <v>0</v>
      </c>
      <c r="O4268">
        <v>0</v>
      </c>
      <c r="P4268">
        <v>6150</v>
      </c>
      <c r="Q4268">
        <v>0</v>
      </c>
      <c r="R4268">
        <v>86584</v>
      </c>
      <c r="S4268">
        <v>0</v>
      </c>
      <c r="T4268">
        <v>0</v>
      </c>
      <c r="U4268">
        <v>0</v>
      </c>
      <c r="V4268">
        <v>5</v>
      </c>
      <c r="W4268">
        <v>7</v>
      </c>
      <c r="X4268">
        <v>0</v>
      </c>
      <c r="Y4268">
        <v>65</v>
      </c>
      <c r="Z4268">
        <v>26</v>
      </c>
      <c r="AA4268">
        <v>110</v>
      </c>
      <c r="AB4268">
        <v>53</v>
      </c>
      <c r="AC4268">
        <v>121</v>
      </c>
      <c r="AD4268">
        <v>51</v>
      </c>
      <c r="AE4268">
        <v>139</v>
      </c>
      <c r="AF4268">
        <v>2140</v>
      </c>
      <c r="AG4268">
        <v>180394</v>
      </c>
      <c r="AH4268">
        <v>50000</v>
      </c>
      <c r="AI4268">
        <v>0</v>
      </c>
      <c r="AJ4268">
        <v>108</v>
      </c>
      <c r="AK4268" t="s">
        <v>3</v>
      </c>
      <c r="AL4268">
        <v>0</v>
      </c>
      <c r="AM4268">
        <v>0</v>
      </c>
      <c r="AN4268">
        <v>0</v>
      </c>
      <c r="AO4268">
        <v>0</v>
      </c>
      <c r="AP4268">
        <v>0</v>
      </c>
      <c r="AQ4268">
        <v>0</v>
      </c>
      <c r="AR4268">
        <v>0</v>
      </c>
      <c r="AS4268">
        <v>0</v>
      </c>
      <c r="AT4268">
        <v>0</v>
      </c>
      <c r="AU4268">
        <v>0</v>
      </c>
      <c r="AV4268">
        <v>0</v>
      </c>
      <c r="AW4268">
        <v>0</v>
      </c>
      <c r="AX4268">
        <v>41060</v>
      </c>
      <c r="AY4268">
        <v>21</v>
      </c>
      <c r="AZ4268">
        <v>62</v>
      </c>
      <c r="BA4268">
        <v>2897</v>
      </c>
    </row>
    <row r="4269" spans="1:53" x14ac:dyDescent="0.4">
      <c r="A4269">
        <v>4313</v>
      </c>
      <c r="B4269" s="1">
        <v>44416</v>
      </c>
      <c r="C4269">
        <v>1</v>
      </c>
      <c r="D4269" s="1">
        <v>44416.291666666664</v>
      </c>
      <c r="E4269" s="1">
        <v>44416.404166666667</v>
      </c>
      <c r="F4269">
        <v>0</v>
      </c>
      <c r="G4269">
        <v>0</v>
      </c>
      <c r="H4269">
        <v>0</v>
      </c>
      <c r="I4269">
        <v>0</v>
      </c>
      <c r="J4269">
        <v>0</v>
      </c>
      <c r="K4269">
        <v>0</v>
      </c>
      <c r="L4269">
        <v>0</v>
      </c>
      <c r="M4269">
        <v>0</v>
      </c>
      <c r="N4269">
        <v>0</v>
      </c>
      <c r="O4269">
        <v>0</v>
      </c>
      <c r="P4269">
        <v>0</v>
      </c>
      <c r="Q4269">
        <v>0</v>
      </c>
      <c r="R4269">
        <v>0</v>
      </c>
      <c r="S4269">
        <v>0</v>
      </c>
      <c r="T4269">
        <v>0</v>
      </c>
      <c r="U4269">
        <v>0</v>
      </c>
      <c r="V4269">
        <v>0</v>
      </c>
      <c r="W4269">
        <v>1</v>
      </c>
      <c r="X4269">
        <v>0</v>
      </c>
      <c r="Y4269">
        <v>25</v>
      </c>
      <c r="Z4269">
        <v>13</v>
      </c>
      <c r="AA4269">
        <v>95</v>
      </c>
      <c r="AB4269">
        <v>51</v>
      </c>
      <c r="AC4269">
        <v>107</v>
      </c>
      <c r="AD4269">
        <v>49</v>
      </c>
      <c r="AE4269">
        <v>135</v>
      </c>
      <c r="AF4269">
        <v>0</v>
      </c>
      <c r="AG4269">
        <v>50000</v>
      </c>
      <c r="AH4269">
        <v>50000</v>
      </c>
      <c r="AI4269">
        <v>0</v>
      </c>
      <c r="AJ4269">
        <v>0</v>
      </c>
      <c r="AK4269" t="s">
        <v>6</v>
      </c>
      <c r="AL4269">
        <v>0</v>
      </c>
      <c r="AM4269">
        <v>0</v>
      </c>
      <c r="AN4269">
        <v>0</v>
      </c>
      <c r="AO4269">
        <v>0</v>
      </c>
      <c r="AP4269">
        <v>0</v>
      </c>
      <c r="AQ4269">
        <v>0</v>
      </c>
      <c r="AR4269">
        <v>0</v>
      </c>
      <c r="AS4269">
        <v>0</v>
      </c>
      <c r="AT4269">
        <v>0</v>
      </c>
      <c r="AU4269">
        <v>0</v>
      </c>
      <c r="AV4269">
        <v>0</v>
      </c>
      <c r="AW4269">
        <v>0</v>
      </c>
      <c r="AX4269">
        <v>0</v>
      </c>
      <c r="AY4269">
        <v>0</v>
      </c>
      <c r="AZ4269">
        <v>0</v>
      </c>
      <c r="BA4269">
        <v>0</v>
      </c>
    </row>
    <row r="4270" spans="1:53" x14ac:dyDescent="0.4">
      <c r="A4270">
        <v>4314</v>
      </c>
      <c r="B4270" s="1">
        <v>44416</v>
      </c>
      <c r="C4270">
        <v>2</v>
      </c>
      <c r="D4270" s="1">
        <v>44416.404166666667</v>
      </c>
      <c r="E4270" s="1">
        <v>44416.770138888889</v>
      </c>
      <c r="F4270">
        <v>43350</v>
      </c>
      <c r="G4270">
        <v>1782</v>
      </c>
      <c r="H4270">
        <v>0</v>
      </c>
      <c r="I4270">
        <v>0</v>
      </c>
      <c r="J4270">
        <v>132</v>
      </c>
      <c r="K4270">
        <v>0</v>
      </c>
      <c r="L4270">
        <v>0</v>
      </c>
      <c r="M4270">
        <v>4088</v>
      </c>
      <c r="N4270">
        <v>0</v>
      </c>
      <c r="O4270">
        <v>0</v>
      </c>
      <c r="P4270">
        <v>8190</v>
      </c>
      <c r="Q4270">
        <v>0</v>
      </c>
      <c r="R4270">
        <v>53190</v>
      </c>
      <c r="S4270">
        <v>0</v>
      </c>
      <c r="T4270">
        <v>0</v>
      </c>
      <c r="U4270">
        <v>0</v>
      </c>
      <c r="V4270">
        <v>4</v>
      </c>
      <c r="W4270">
        <v>0</v>
      </c>
      <c r="X4270">
        <v>0</v>
      </c>
      <c r="Y4270">
        <v>35</v>
      </c>
      <c r="Z4270">
        <v>23</v>
      </c>
      <c r="AA4270">
        <v>113</v>
      </c>
      <c r="AB4270">
        <v>47</v>
      </c>
      <c r="AC4270">
        <v>118</v>
      </c>
      <c r="AD4270">
        <v>46</v>
      </c>
      <c r="AE4270">
        <v>130</v>
      </c>
      <c r="AF4270">
        <v>1500</v>
      </c>
      <c r="AG4270">
        <v>103190</v>
      </c>
      <c r="AH4270">
        <v>50000</v>
      </c>
      <c r="AI4270">
        <v>0</v>
      </c>
      <c r="AJ4270">
        <v>70</v>
      </c>
      <c r="AK4270" t="s">
        <v>49</v>
      </c>
      <c r="AL4270">
        <v>0</v>
      </c>
      <c r="AM4270">
        <v>0</v>
      </c>
      <c r="AN4270">
        <v>0</v>
      </c>
      <c r="AO4270">
        <v>0</v>
      </c>
      <c r="AP4270">
        <v>0</v>
      </c>
      <c r="AQ4270">
        <v>0</v>
      </c>
      <c r="AR4270">
        <v>0</v>
      </c>
      <c r="AS4270">
        <v>0</v>
      </c>
      <c r="AT4270">
        <v>0</v>
      </c>
      <c r="AU4270">
        <v>0</v>
      </c>
      <c r="AV4270">
        <v>0</v>
      </c>
      <c r="AW4270">
        <v>0</v>
      </c>
      <c r="AX4270">
        <v>-466</v>
      </c>
      <c r="AY4270">
        <v>47</v>
      </c>
      <c r="AZ4270">
        <v>96</v>
      </c>
      <c r="BA4270">
        <v>7735</v>
      </c>
    </row>
    <row r="4271" spans="1:53" x14ac:dyDescent="0.4">
      <c r="A4271">
        <v>4315</v>
      </c>
      <c r="B4271" s="1">
        <v>44416</v>
      </c>
      <c r="C4271">
        <v>3</v>
      </c>
      <c r="D4271" s="1">
        <v>44416.770138888889</v>
      </c>
      <c r="E4271" s="1">
        <v>44417.058333333334</v>
      </c>
      <c r="F4271">
        <v>82220</v>
      </c>
      <c r="G4271">
        <v>4554</v>
      </c>
      <c r="H4271">
        <v>0</v>
      </c>
      <c r="I4271">
        <v>0</v>
      </c>
      <c r="J4271">
        <v>0</v>
      </c>
      <c r="K4271">
        <v>0</v>
      </c>
      <c r="L4271">
        <v>0</v>
      </c>
      <c r="M4271">
        <v>7888</v>
      </c>
      <c r="N4271">
        <v>0</v>
      </c>
      <c r="O4271">
        <v>0</v>
      </c>
      <c r="P4271">
        <v>14162</v>
      </c>
      <c r="Q4271">
        <v>0</v>
      </c>
      <c r="R4271">
        <v>100936</v>
      </c>
      <c r="S4271">
        <v>0</v>
      </c>
      <c r="T4271">
        <v>0</v>
      </c>
      <c r="U4271">
        <v>0</v>
      </c>
      <c r="V4271">
        <v>12</v>
      </c>
      <c r="W4271">
        <v>1</v>
      </c>
      <c r="X4271">
        <v>0</v>
      </c>
      <c r="Y4271">
        <v>30</v>
      </c>
      <c r="Z4271">
        <v>21</v>
      </c>
      <c r="AA4271">
        <v>101</v>
      </c>
      <c r="AB4271">
        <v>44</v>
      </c>
      <c r="AC4271">
        <v>121</v>
      </c>
      <c r="AD4271">
        <v>47</v>
      </c>
      <c r="AE4271">
        <v>126</v>
      </c>
      <c r="AF4271">
        <v>24755</v>
      </c>
      <c r="AG4271">
        <v>204126</v>
      </c>
      <c r="AH4271">
        <v>50000</v>
      </c>
      <c r="AI4271">
        <v>0</v>
      </c>
      <c r="AJ4271">
        <v>70</v>
      </c>
      <c r="AK4271" t="s">
        <v>49</v>
      </c>
      <c r="AL4271">
        <v>0</v>
      </c>
      <c r="AM4271">
        <v>0</v>
      </c>
      <c r="AN4271">
        <v>0</v>
      </c>
      <c r="AO4271">
        <v>0</v>
      </c>
      <c r="AP4271">
        <v>0</v>
      </c>
      <c r="AQ4271">
        <v>0</v>
      </c>
      <c r="AR4271">
        <v>0</v>
      </c>
      <c r="AS4271">
        <v>0</v>
      </c>
      <c r="AT4271">
        <v>0</v>
      </c>
      <c r="AU4271">
        <v>0</v>
      </c>
      <c r="AV4271">
        <v>0</v>
      </c>
      <c r="AW4271">
        <v>0</v>
      </c>
      <c r="AX4271">
        <v>3641</v>
      </c>
      <c r="AY4271">
        <v>16</v>
      </c>
      <c r="AZ4271">
        <v>52</v>
      </c>
      <c r="BA4271">
        <v>2816</v>
      </c>
    </row>
    <row r="4272" spans="1:53" x14ac:dyDescent="0.4">
      <c r="A4272">
        <v>4316</v>
      </c>
      <c r="B4272" s="1">
        <v>44418</v>
      </c>
      <c r="C4272">
        <v>1</v>
      </c>
      <c r="D4272" s="1">
        <v>44418.291666666664</v>
      </c>
      <c r="E4272" s="1">
        <v>44418.405555555553</v>
      </c>
      <c r="F4272">
        <v>0</v>
      </c>
      <c r="G4272">
        <v>0</v>
      </c>
      <c r="H4272">
        <v>0</v>
      </c>
      <c r="I4272">
        <v>0</v>
      </c>
      <c r="J4272">
        <v>0</v>
      </c>
      <c r="K4272">
        <v>0</v>
      </c>
      <c r="L4272">
        <v>0</v>
      </c>
      <c r="M4272">
        <v>0</v>
      </c>
      <c r="N4272">
        <v>0</v>
      </c>
      <c r="O4272">
        <v>0</v>
      </c>
      <c r="P4272">
        <v>0</v>
      </c>
      <c r="Q4272">
        <v>0</v>
      </c>
      <c r="R4272">
        <v>0</v>
      </c>
      <c r="S4272">
        <v>0</v>
      </c>
      <c r="T4272">
        <v>0</v>
      </c>
      <c r="U4272">
        <v>0</v>
      </c>
      <c r="V4272">
        <v>0</v>
      </c>
      <c r="W4272">
        <v>0</v>
      </c>
      <c r="X4272">
        <v>0</v>
      </c>
      <c r="Y4272">
        <v>30</v>
      </c>
      <c r="Z4272">
        <v>14</v>
      </c>
      <c r="AA4272">
        <v>96</v>
      </c>
      <c r="AB4272">
        <v>40</v>
      </c>
      <c r="AC4272">
        <v>107</v>
      </c>
      <c r="AD4272">
        <v>43</v>
      </c>
      <c r="AE4272">
        <v>115</v>
      </c>
      <c r="AF4272">
        <v>0</v>
      </c>
      <c r="AG4272">
        <v>50000</v>
      </c>
      <c r="AH4272">
        <v>50000</v>
      </c>
      <c r="AI4272">
        <v>0</v>
      </c>
      <c r="AJ4272">
        <v>0</v>
      </c>
      <c r="AK4272" t="s">
        <v>6</v>
      </c>
      <c r="AL4272">
        <v>0</v>
      </c>
      <c r="AM4272">
        <v>0</v>
      </c>
      <c r="AN4272">
        <v>0</v>
      </c>
      <c r="AO4272">
        <v>0</v>
      </c>
      <c r="AP4272">
        <v>0</v>
      </c>
      <c r="AQ4272">
        <v>0</v>
      </c>
      <c r="AR4272">
        <v>0</v>
      </c>
      <c r="AS4272">
        <v>0</v>
      </c>
      <c r="AT4272">
        <v>0</v>
      </c>
      <c r="AU4272">
        <v>0</v>
      </c>
      <c r="AV4272">
        <v>0</v>
      </c>
      <c r="AW4272">
        <v>0</v>
      </c>
      <c r="AX4272">
        <v>0</v>
      </c>
      <c r="AY4272">
        <v>0</v>
      </c>
      <c r="AZ4272">
        <v>0</v>
      </c>
      <c r="BA4272">
        <v>0</v>
      </c>
    </row>
    <row r="4273" spans="1:53" x14ac:dyDescent="0.4">
      <c r="A4273">
        <v>4317</v>
      </c>
      <c r="B4273" s="1">
        <v>44418</v>
      </c>
      <c r="C4273">
        <v>2</v>
      </c>
      <c r="D4273" s="1">
        <v>44418.405555555553</v>
      </c>
      <c r="E4273" s="1">
        <v>44418.760416666664</v>
      </c>
      <c r="F4273">
        <v>35590</v>
      </c>
      <c r="G4273">
        <v>594</v>
      </c>
      <c r="H4273">
        <v>0</v>
      </c>
      <c r="I4273">
        <v>0</v>
      </c>
      <c r="J4273">
        <v>100</v>
      </c>
      <c r="K4273">
        <v>0</v>
      </c>
      <c r="L4273">
        <v>0</v>
      </c>
      <c r="M4273">
        <v>3278</v>
      </c>
      <c r="N4273">
        <v>0</v>
      </c>
      <c r="O4273">
        <v>0</v>
      </c>
      <c r="P4273">
        <v>16670</v>
      </c>
      <c r="Q4273">
        <v>0</v>
      </c>
      <c r="R4273">
        <v>52754</v>
      </c>
      <c r="S4273">
        <v>0</v>
      </c>
      <c r="T4273">
        <v>0</v>
      </c>
      <c r="U4273">
        <v>0</v>
      </c>
      <c r="V4273">
        <v>2</v>
      </c>
      <c r="W4273">
        <v>1</v>
      </c>
      <c r="X4273">
        <v>0</v>
      </c>
      <c r="Y4273">
        <v>48</v>
      </c>
      <c r="Z4273">
        <v>29</v>
      </c>
      <c r="AA4273">
        <v>110</v>
      </c>
      <c r="AB4273">
        <v>52</v>
      </c>
      <c r="AC4273">
        <v>132</v>
      </c>
      <c r="AD4273">
        <v>44</v>
      </c>
      <c r="AE4273">
        <v>114</v>
      </c>
      <c r="AF4273">
        <v>0</v>
      </c>
      <c r="AG4273">
        <v>102754</v>
      </c>
      <c r="AH4273">
        <v>50000</v>
      </c>
      <c r="AI4273">
        <v>0</v>
      </c>
      <c r="AJ4273">
        <v>70</v>
      </c>
      <c r="AK4273" t="s">
        <v>49</v>
      </c>
      <c r="AL4273">
        <v>0</v>
      </c>
      <c r="AM4273">
        <v>0</v>
      </c>
      <c r="AN4273">
        <v>0</v>
      </c>
      <c r="AO4273">
        <v>0</v>
      </c>
      <c r="AP4273">
        <v>0</v>
      </c>
      <c r="AQ4273">
        <v>0</v>
      </c>
      <c r="AR4273">
        <v>0</v>
      </c>
      <c r="AS4273">
        <v>0</v>
      </c>
      <c r="AT4273">
        <v>0</v>
      </c>
      <c r="AU4273">
        <v>0</v>
      </c>
      <c r="AV4273">
        <v>0</v>
      </c>
      <c r="AW4273">
        <v>0</v>
      </c>
      <c r="AX4273">
        <v>1980</v>
      </c>
      <c r="AY4273">
        <v>50</v>
      </c>
      <c r="AZ4273">
        <v>92</v>
      </c>
      <c r="BA4273">
        <v>7779</v>
      </c>
    </row>
    <row r="4274" spans="1:53" x14ac:dyDescent="0.4">
      <c r="A4274">
        <v>4318</v>
      </c>
      <c r="B4274" s="1">
        <v>44418</v>
      </c>
      <c r="C4274">
        <v>3</v>
      </c>
      <c r="D4274" s="1">
        <v>44418.760416666664</v>
      </c>
      <c r="E4274" s="1">
        <v>44419.054166666669</v>
      </c>
      <c r="F4274">
        <v>77180</v>
      </c>
      <c r="G4274">
        <v>3366</v>
      </c>
      <c r="H4274">
        <v>0</v>
      </c>
      <c r="I4274">
        <v>0</v>
      </c>
      <c r="J4274">
        <v>100</v>
      </c>
      <c r="K4274">
        <v>0</v>
      </c>
      <c r="L4274">
        <v>0</v>
      </c>
      <c r="M4274">
        <v>7312</v>
      </c>
      <c r="N4274">
        <v>0</v>
      </c>
      <c r="O4274">
        <v>0</v>
      </c>
      <c r="P4274">
        <v>13180</v>
      </c>
      <c r="Q4274">
        <v>0</v>
      </c>
      <c r="R4274">
        <v>93626</v>
      </c>
      <c r="S4274">
        <v>0</v>
      </c>
      <c r="T4274">
        <v>0</v>
      </c>
      <c r="U4274">
        <v>0</v>
      </c>
      <c r="V4274">
        <v>6</v>
      </c>
      <c r="W4274">
        <v>1</v>
      </c>
      <c r="X4274">
        <v>0</v>
      </c>
      <c r="Y4274">
        <v>98</v>
      </c>
      <c r="Z4274">
        <v>34</v>
      </c>
      <c r="AA4274">
        <v>75</v>
      </c>
      <c r="AB4274">
        <v>43</v>
      </c>
      <c r="AC4274">
        <v>137</v>
      </c>
      <c r="AD4274">
        <v>44</v>
      </c>
      <c r="AE4274">
        <v>111</v>
      </c>
      <c r="AF4274">
        <v>5029</v>
      </c>
      <c r="AG4274">
        <v>196380</v>
      </c>
      <c r="AH4274">
        <v>50000</v>
      </c>
      <c r="AI4274">
        <v>0</v>
      </c>
      <c r="AJ4274">
        <v>114</v>
      </c>
      <c r="AK4274" t="s">
        <v>53</v>
      </c>
      <c r="AL4274">
        <v>0</v>
      </c>
      <c r="AM4274">
        <v>0</v>
      </c>
      <c r="AN4274">
        <v>0</v>
      </c>
      <c r="AO4274">
        <v>0</v>
      </c>
      <c r="AP4274">
        <v>0</v>
      </c>
      <c r="AQ4274">
        <v>0</v>
      </c>
      <c r="AR4274">
        <v>0</v>
      </c>
      <c r="AS4274">
        <v>0</v>
      </c>
      <c r="AT4274">
        <v>0</v>
      </c>
      <c r="AU4274">
        <v>0</v>
      </c>
      <c r="AV4274">
        <v>0</v>
      </c>
      <c r="AW4274">
        <v>0</v>
      </c>
      <c r="AX4274">
        <v>0</v>
      </c>
      <c r="AY4274">
        <v>15</v>
      </c>
      <c r="AZ4274">
        <v>52</v>
      </c>
      <c r="BA4274">
        <v>2810</v>
      </c>
    </row>
    <row r="4275" spans="1:53" x14ac:dyDescent="0.4">
      <c r="A4275">
        <v>4319</v>
      </c>
      <c r="B4275" s="1">
        <v>44419</v>
      </c>
      <c r="C4275">
        <v>1</v>
      </c>
      <c r="D4275" s="1">
        <v>44419.291666666664</v>
      </c>
      <c r="E4275" s="1">
        <v>44419.405555555553</v>
      </c>
      <c r="F4275">
        <v>0</v>
      </c>
      <c r="G4275">
        <v>0</v>
      </c>
      <c r="H4275">
        <v>0</v>
      </c>
      <c r="I4275">
        <v>0</v>
      </c>
      <c r="J4275">
        <v>0</v>
      </c>
      <c r="K4275">
        <v>0</v>
      </c>
      <c r="L4275">
        <v>0</v>
      </c>
      <c r="M4275">
        <v>0</v>
      </c>
      <c r="N4275">
        <v>0</v>
      </c>
      <c r="O4275">
        <v>0</v>
      </c>
      <c r="P4275">
        <v>0</v>
      </c>
      <c r="Q4275">
        <v>0</v>
      </c>
      <c r="R4275">
        <v>0</v>
      </c>
      <c r="S4275">
        <v>0</v>
      </c>
      <c r="T4275">
        <v>0</v>
      </c>
      <c r="U4275">
        <v>0</v>
      </c>
      <c r="V4275">
        <v>0</v>
      </c>
      <c r="W4275">
        <v>1</v>
      </c>
      <c r="X4275">
        <v>0</v>
      </c>
      <c r="Y4275">
        <v>25</v>
      </c>
      <c r="Z4275">
        <v>17</v>
      </c>
      <c r="AA4275">
        <v>80</v>
      </c>
      <c r="AB4275">
        <v>43</v>
      </c>
      <c r="AC4275">
        <v>103</v>
      </c>
      <c r="AD4275">
        <v>43</v>
      </c>
      <c r="AE4275">
        <v>105</v>
      </c>
      <c r="AF4275">
        <v>0</v>
      </c>
      <c r="AG4275">
        <v>50000</v>
      </c>
      <c r="AH4275">
        <v>50000</v>
      </c>
      <c r="AI4275">
        <v>0</v>
      </c>
      <c r="AJ4275">
        <v>0</v>
      </c>
      <c r="AK4275" t="s">
        <v>6</v>
      </c>
      <c r="AL4275">
        <v>0</v>
      </c>
      <c r="AM4275">
        <v>0</v>
      </c>
      <c r="AN4275">
        <v>0</v>
      </c>
      <c r="AO4275">
        <v>0</v>
      </c>
      <c r="AP4275">
        <v>0</v>
      </c>
      <c r="AQ4275">
        <v>0</v>
      </c>
      <c r="AR4275">
        <v>0</v>
      </c>
      <c r="AS4275">
        <v>0</v>
      </c>
      <c r="AT4275">
        <v>0</v>
      </c>
      <c r="AU4275">
        <v>0</v>
      </c>
      <c r="AV4275">
        <v>0</v>
      </c>
      <c r="AW4275">
        <v>0</v>
      </c>
      <c r="AX4275">
        <v>0</v>
      </c>
      <c r="AY4275">
        <v>0</v>
      </c>
      <c r="AZ4275">
        <v>0</v>
      </c>
      <c r="BA4275">
        <v>0</v>
      </c>
    </row>
    <row r="4276" spans="1:53" x14ac:dyDescent="0.4">
      <c r="A4276">
        <v>4320</v>
      </c>
      <c r="B4276" s="1">
        <v>44419</v>
      </c>
      <c r="C4276">
        <v>2</v>
      </c>
      <c r="D4276" s="1">
        <v>44419.405555555553</v>
      </c>
      <c r="E4276" s="1">
        <v>44419.750694444447</v>
      </c>
      <c r="F4276">
        <v>34285</v>
      </c>
      <c r="G4276">
        <v>0</v>
      </c>
      <c r="H4276">
        <v>0</v>
      </c>
      <c r="I4276">
        <v>0</v>
      </c>
      <c r="J4276">
        <v>0</v>
      </c>
      <c r="K4276">
        <v>0</v>
      </c>
      <c r="L4276">
        <v>0</v>
      </c>
      <c r="M4276">
        <v>3116</v>
      </c>
      <c r="N4276">
        <v>0</v>
      </c>
      <c r="O4276">
        <v>0</v>
      </c>
      <c r="P4276">
        <v>16750</v>
      </c>
      <c r="Q4276">
        <v>0</v>
      </c>
      <c r="R4276">
        <v>51035</v>
      </c>
      <c r="S4276">
        <v>0</v>
      </c>
      <c r="T4276">
        <v>0</v>
      </c>
      <c r="U4276">
        <v>0</v>
      </c>
      <c r="V4276">
        <v>1</v>
      </c>
      <c r="W4276">
        <v>2</v>
      </c>
      <c r="X4276">
        <v>0</v>
      </c>
      <c r="Y4276">
        <v>56</v>
      </c>
      <c r="Z4276">
        <v>25</v>
      </c>
      <c r="AA4276">
        <v>59</v>
      </c>
      <c r="AB4276">
        <v>47</v>
      </c>
      <c r="AC4276">
        <v>127</v>
      </c>
      <c r="AD4276">
        <v>42</v>
      </c>
      <c r="AE4276">
        <v>105</v>
      </c>
      <c r="AF4276">
        <v>2700</v>
      </c>
      <c r="AG4276">
        <v>101035</v>
      </c>
      <c r="AH4276">
        <v>50000</v>
      </c>
      <c r="AI4276">
        <v>0</v>
      </c>
      <c r="AJ4276">
        <v>70</v>
      </c>
      <c r="AK4276" t="s">
        <v>49</v>
      </c>
      <c r="AL4276">
        <v>0</v>
      </c>
      <c r="AM4276">
        <v>0</v>
      </c>
      <c r="AN4276">
        <v>0</v>
      </c>
      <c r="AO4276">
        <v>0</v>
      </c>
      <c r="AP4276">
        <v>0</v>
      </c>
      <c r="AQ4276">
        <v>0</v>
      </c>
      <c r="AR4276">
        <v>0</v>
      </c>
      <c r="AS4276">
        <v>0</v>
      </c>
      <c r="AT4276">
        <v>0</v>
      </c>
      <c r="AU4276">
        <v>0</v>
      </c>
      <c r="AV4276">
        <v>0</v>
      </c>
      <c r="AW4276">
        <v>0</v>
      </c>
      <c r="AX4276">
        <v>440</v>
      </c>
      <c r="AY4276">
        <v>39</v>
      </c>
      <c r="AZ4276">
        <v>90</v>
      </c>
      <c r="BA4276">
        <v>6889</v>
      </c>
    </row>
    <row r="4277" spans="1:53" x14ac:dyDescent="0.4">
      <c r="A4277">
        <v>4321</v>
      </c>
      <c r="B4277" s="1">
        <v>44419</v>
      </c>
      <c r="C4277">
        <v>3</v>
      </c>
      <c r="D4277" s="1">
        <v>44419.750694444447</v>
      </c>
      <c r="E4277" s="1">
        <v>44420.015972222223</v>
      </c>
      <c r="F4277">
        <v>73930</v>
      </c>
      <c r="G4277">
        <v>2134</v>
      </c>
      <c r="H4277">
        <v>0</v>
      </c>
      <c r="I4277">
        <v>0</v>
      </c>
      <c r="J4277">
        <v>0</v>
      </c>
      <c r="K4277">
        <v>0</v>
      </c>
      <c r="L4277">
        <v>0</v>
      </c>
      <c r="M4277">
        <v>6914</v>
      </c>
      <c r="N4277">
        <v>0</v>
      </c>
      <c r="O4277">
        <v>0</v>
      </c>
      <c r="P4277">
        <v>-11030</v>
      </c>
      <c r="Q4277">
        <v>0</v>
      </c>
      <c r="R4277">
        <v>65034</v>
      </c>
      <c r="S4277">
        <v>0</v>
      </c>
      <c r="T4277">
        <v>0</v>
      </c>
      <c r="U4277">
        <v>0</v>
      </c>
      <c r="V4277">
        <v>3</v>
      </c>
      <c r="W4277">
        <v>5</v>
      </c>
      <c r="X4277">
        <v>0</v>
      </c>
      <c r="Y4277">
        <v>74</v>
      </c>
      <c r="Z4277">
        <v>30</v>
      </c>
      <c r="AA4277">
        <v>50</v>
      </c>
      <c r="AB4277">
        <v>49</v>
      </c>
      <c r="AC4277">
        <v>140</v>
      </c>
      <c r="AD4277">
        <v>43</v>
      </c>
      <c r="AE4277">
        <v>104</v>
      </c>
      <c r="AF4277">
        <v>12900</v>
      </c>
      <c r="AG4277">
        <v>166069</v>
      </c>
      <c r="AH4277">
        <v>50000</v>
      </c>
      <c r="AI4277">
        <v>0</v>
      </c>
      <c r="AJ4277">
        <v>108</v>
      </c>
      <c r="AK4277" t="s">
        <v>3</v>
      </c>
      <c r="AL4277">
        <v>0</v>
      </c>
      <c r="AM4277">
        <v>0</v>
      </c>
      <c r="AN4277">
        <v>0</v>
      </c>
      <c r="AO4277">
        <v>0</v>
      </c>
      <c r="AP4277">
        <v>0</v>
      </c>
      <c r="AQ4277">
        <v>0</v>
      </c>
      <c r="AR4277">
        <v>0</v>
      </c>
      <c r="AS4277">
        <v>0</v>
      </c>
      <c r="AT4277">
        <v>0</v>
      </c>
      <c r="AU4277">
        <v>0</v>
      </c>
      <c r="AV4277">
        <v>0</v>
      </c>
      <c r="AW4277">
        <v>0</v>
      </c>
      <c r="AX4277">
        <v>-990</v>
      </c>
      <c r="AY4277">
        <v>19</v>
      </c>
      <c r="AZ4277">
        <v>44</v>
      </c>
      <c r="BA4277">
        <v>3023</v>
      </c>
    </row>
    <row r="4278" spans="1:53" x14ac:dyDescent="0.4">
      <c r="A4278">
        <v>4322</v>
      </c>
      <c r="B4278" s="1">
        <v>44420</v>
      </c>
      <c r="C4278">
        <v>1</v>
      </c>
      <c r="D4278" s="1">
        <v>44420.291666666664</v>
      </c>
      <c r="E4278" s="1">
        <v>44420.402083333334</v>
      </c>
      <c r="F4278">
        <v>0</v>
      </c>
      <c r="G4278">
        <v>0</v>
      </c>
      <c r="H4278">
        <v>0</v>
      </c>
      <c r="I4278">
        <v>0</v>
      </c>
      <c r="J4278">
        <v>0</v>
      </c>
      <c r="K4278">
        <v>0</v>
      </c>
      <c r="L4278">
        <v>0</v>
      </c>
      <c r="M4278">
        <v>0</v>
      </c>
      <c r="N4278">
        <v>0</v>
      </c>
      <c r="O4278">
        <v>0</v>
      </c>
      <c r="P4278">
        <v>0</v>
      </c>
      <c r="Q4278">
        <v>0</v>
      </c>
      <c r="R4278">
        <v>0</v>
      </c>
      <c r="S4278">
        <v>0</v>
      </c>
      <c r="T4278">
        <v>0</v>
      </c>
      <c r="U4278">
        <v>0</v>
      </c>
      <c r="V4278">
        <v>0</v>
      </c>
      <c r="W4278">
        <v>1</v>
      </c>
      <c r="X4278">
        <v>0</v>
      </c>
      <c r="Y4278">
        <v>23</v>
      </c>
      <c r="Z4278">
        <v>15</v>
      </c>
      <c r="AA4278">
        <v>108</v>
      </c>
      <c r="AB4278">
        <v>48</v>
      </c>
      <c r="AC4278">
        <v>99</v>
      </c>
      <c r="AD4278">
        <v>42</v>
      </c>
      <c r="AE4278">
        <v>100</v>
      </c>
      <c r="AF4278">
        <v>0</v>
      </c>
      <c r="AG4278">
        <v>50000</v>
      </c>
      <c r="AH4278">
        <v>50000</v>
      </c>
      <c r="AI4278">
        <v>0</v>
      </c>
      <c r="AJ4278">
        <v>0</v>
      </c>
      <c r="AK4278" t="s">
        <v>6</v>
      </c>
      <c r="AL4278">
        <v>0</v>
      </c>
      <c r="AM4278">
        <v>0</v>
      </c>
      <c r="AN4278">
        <v>0</v>
      </c>
      <c r="AO4278">
        <v>0</v>
      </c>
      <c r="AP4278">
        <v>0</v>
      </c>
      <c r="AQ4278">
        <v>0</v>
      </c>
      <c r="AR4278">
        <v>0</v>
      </c>
      <c r="AS4278">
        <v>0</v>
      </c>
      <c r="AT4278">
        <v>0</v>
      </c>
      <c r="AU4278">
        <v>0</v>
      </c>
      <c r="AV4278">
        <v>0</v>
      </c>
      <c r="AW4278">
        <v>0</v>
      </c>
      <c r="AX4278">
        <v>0</v>
      </c>
      <c r="AY4278">
        <v>0</v>
      </c>
      <c r="AZ4278">
        <v>0</v>
      </c>
      <c r="BA4278">
        <v>0</v>
      </c>
    </row>
    <row r="4279" spans="1:53" x14ac:dyDescent="0.4">
      <c r="A4279">
        <v>4323</v>
      </c>
      <c r="B4279" s="1">
        <v>44420</v>
      </c>
      <c r="C4279">
        <v>2</v>
      </c>
      <c r="D4279" s="1">
        <v>44420.402083333334</v>
      </c>
      <c r="E4279" s="1">
        <v>44420.755555555559</v>
      </c>
      <c r="F4279">
        <v>43650</v>
      </c>
      <c r="G4279">
        <v>2838</v>
      </c>
      <c r="H4279">
        <v>0</v>
      </c>
      <c r="I4279">
        <v>0</v>
      </c>
      <c r="J4279">
        <v>0</v>
      </c>
      <c r="K4279">
        <v>0</v>
      </c>
      <c r="L4279">
        <v>0</v>
      </c>
      <c r="M4279">
        <v>4224</v>
      </c>
      <c r="N4279">
        <v>0</v>
      </c>
      <c r="O4279">
        <v>0</v>
      </c>
      <c r="P4279">
        <v>12380</v>
      </c>
      <c r="Q4279">
        <v>0</v>
      </c>
      <c r="R4279">
        <v>58868</v>
      </c>
      <c r="S4279">
        <v>0</v>
      </c>
      <c r="T4279">
        <v>0</v>
      </c>
      <c r="U4279">
        <v>0</v>
      </c>
      <c r="V4279">
        <v>2</v>
      </c>
      <c r="W4279">
        <v>0</v>
      </c>
      <c r="X4279">
        <v>0</v>
      </c>
      <c r="Y4279">
        <v>51</v>
      </c>
      <c r="Z4279">
        <v>27</v>
      </c>
      <c r="AA4279">
        <v>140</v>
      </c>
      <c r="AB4279">
        <v>61</v>
      </c>
      <c r="AC4279">
        <v>125</v>
      </c>
      <c r="AD4279">
        <v>43</v>
      </c>
      <c r="AE4279">
        <v>106</v>
      </c>
      <c r="AF4279">
        <v>5747</v>
      </c>
      <c r="AG4279">
        <v>108868</v>
      </c>
      <c r="AH4279">
        <v>50000</v>
      </c>
      <c r="AI4279">
        <v>0</v>
      </c>
      <c r="AJ4279">
        <v>70</v>
      </c>
      <c r="AK4279" t="s">
        <v>49</v>
      </c>
      <c r="AL4279">
        <v>0</v>
      </c>
      <c r="AM4279">
        <v>0</v>
      </c>
      <c r="AN4279">
        <v>0</v>
      </c>
      <c r="AO4279">
        <v>0</v>
      </c>
      <c r="AP4279">
        <v>0</v>
      </c>
      <c r="AQ4279">
        <v>0</v>
      </c>
      <c r="AR4279">
        <v>0</v>
      </c>
      <c r="AS4279">
        <v>0</v>
      </c>
      <c r="AT4279">
        <v>0</v>
      </c>
      <c r="AU4279">
        <v>0</v>
      </c>
      <c r="AV4279">
        <v>0</v>
      </c>
      <c r="AW4279">
        <v>0</v>
      </c>
      <c r="AX4279">
        <v>0</v>
      </c>
      <c r="AY4279">
        <v>43</v>
      </c>
      <c r="AZ4279">
        <v>90</v>
      </c>
      <c r="BA4279">
        <v>7114</v>
      </c>
    </row>
    <row r="4280" spans="1:53" x14ac:dyDescent="0.4">
      <c r="A4280">
        <v>4324</v>
      </c>
      <c r="B4280" s="1">
        <v>44420</v>
      </c>
      <c r="C4280">
        <v>3</v>
      </c>
      <c r="D4280" s="1">
        <v>44420.755555555559</v>
      </c>
      <c r="E4280" s="1">
        <v>44420.955555555556</v>
      </c>
      <c r="F4280">
        <v>41700</v>
      </c>
      <c r="G4280">
        <v>770</v>
      </c>
      <c r="H4280">
        <v>0</v>
      </c>
      <c r="I4280">
        <v>0</v>
      </c>
      <c r="J4280">
        <v>100</v>
      </c>
      <c r="K4280">
        <v>0</v>
      </c>
      <c r="L4280">
        <v>0</v>
      </c>
      <c r="M4280">
        <v>3851</v>
      </c>
      <c r="N4280">
        <v>0</v>
      </c>
      <c r="O4280">
        <v>0</v>
      </c>
      <c r="P4280">
        <v>24050</v>
      </c>
      <c r="Q4280">
        <v>0</v>
      </c>
      <c r="R4280">
        <v>66420</v>
      </c>
      <c r="S4280">
        <v>0</v>
      </c>
      <c r="T4280">
        <v>0</v>
      </c>
      <c r="U4280">
        <v>0</v>
      </c>
      <c r="V4280">
        <v>10</v>
      </c>
      <c r="W4280">
        <v>0</v>
      </c>
      <c r="X4280">
        <v>0</v>
      </c>
      <c r="Y4280">
        <v>22</v>
      </c>
      <c r="Z4280">
        <v>27</v>
      </c>
      <c r="AA4280">
        <v>145</v>
      </c>
      <c r="AB4280">
        <v>27</v>
      </c>
      <c r="AC4280">
        <v>144</v>
      </c>
      <c r="AD4280">
        <v>43</v>
      </c>
      <c r="AE4280">
        <v>106</v>
      </c>
      <c r="AF4280">
        <v>22177</v>
      </c>
      <c r="AG4280">
        <v>175288</v>
      </c>
      <c r="AH4280">
        <v>50000</v>
      </c>
      <c r="AI4280">
        <v>0</v>
      </c>
      <c r="AJ4280">
        <v>108</v>
      </c>
      <c r="AK4280" t="s">
        <v>3</v>
      </c>
      <c r="AL4280">
        <v>0</v>
      </c>
      <c r="AM4280">
        <v>0</v>
      </c>
      <c r="AN4280">
        <v>0</v>
      </c>
      <c r="AO4280">
        <v>0</v>
      </c>
      <c r="AP4280">
        <v>0</v>
      </c>
      <c r="AQ4280">
        <v>0</v>
      </c>
      <c r="AR4280">
        <v>0</v>
      </c>
      <c r="AS4280">
        <v>0</v>
      </c>
      <c r="AT4280">
        <v>0</v>
      </c>
      <c r="AU4280">
        <v>0</v>
      </c>
      <c r="AV4280">
        <v>0</v>
      </c>
      <c r="AW4280">
        <v>0</v>
      </c>
      <c r="AX4280">
        <v>1019</v>
      </c>
      <c r="AY4280">
        <v>19</v>
      </c>
      <c r="AZ4280">
        <v>48</v>
      </c>
      <c r="BA4280">
        <v>2695</v>
      </c>
    </row>
    <row r="4281" spans="1:53" x14ac:dyDescent="0.4">
      <c r="A4281">
        <v>4325</v>
      </c>
      <c r="B4281" s="1">
        <v>44421</v>
      </c>
      <c r="C4281">
        <v>1</v>
      </c>
      <c r="D4281" s="1">
        <v>44421.291666666664</v>
      </c>
      <c r="E4281" s="1">
        <v>44421.404861111114</v>
      </c>
      <c r="F4281">
        <v>0</v>
      </c>
      <c r="G4281">
        <v>0</v>
      </c>
      <c r="H4281">
        <v>0</v>
      </c>
      <c r="I4281">
        <v>0</v>
      </c>
      <c r="J4281">
        <v>0</v>
      </c>
      <c r="K4281">
        <v>0</v>
      </c>
      <c r="L4281">
        <v>0</v>
      </c>
      <c r="M4281">
        <v>0</v>
      </c>
      <c r="N4281">
        <v>0</v>
      </c>
      <c r="O4281">
        <v>0</v>
      </c>
      <c r="P4281">
        <v>0</v>
      </c>
      <c r="Q4281">
        <v>0</v>
      </c>
      <c r="R4281">
        <v>0</v>
      </c>
      <c r="S4281">
        <v>0</v>
      </c>
      <c r="T4281">
        <v>0</v>
      </c>
      <c r="U4281">
        <v>0</v>
      </c>
      <c r="V4281">
        <v>0</v>
      </c>
      <c r="W4281">
        <v>1</v>
      </c>
      <c r="X4281">
        <v>0</v>
      </c>
      <c r="Y4281">
        <v>24</v>
      </c>
      <c r="Z4281">
        <v>11</v>
      </c>
      <c r="AA4281">
        <v>115</v>
      </c>
      <c r="AB4281">
        <v>56</v>
      </c>
      <c r="AC4281">
        <v>88</v>
      </c>
      <c r="AD4281">
        <v>43</v>
      </c>
      <c r="AE4281">
        <v>105</v>
      </c>
      <c r="AF4281">
        <v>0</v>
      </c>
      <c r="AG4281">
        <v>50000</v>
      </c>
      <c r="AH4281">
        <v>50000</v>
      </c>
      <c r="AI4281">
        <v>0</v>
      </c>
      <c r="AJ4281">
        <v>0</v>
      </c>
      <c r="AK4281" t="s">
        <v>6</v>
      </c>
      <c r="AL4281">
        <v>0</v>
      </c>
      <c r="AM4281">
        <v>0</v>
      </c>
      <c r="AN4281">
        <v>0</v>
      </c>
      <c r="AO4281">
        <v>0</v>
      </c>
      <c r="AP4281">
        <v>0</v>
      </c>
      <c r="AQ4281">
        <v>0</v>
      </c>
      <c r="AR4281">
        <v>0</v>
      </c>
      <c r="AS4281">
        <v>0</v>
      </c>
      <c r="AT4281">
        <v>0</v>
      </c>
      <c r="AU4281">
        <v>0</v>
      </c>
      <c r="AV4281">
        <v>0</v>
      </c>
      <c r="AW4281">
        <v>0</v>
      </c>
      <c r="AX4281">
        <v>0</v>
      </c>
      <c r="AY4281">
        <v>0</v>
      </c>
      <c r="AZ4281">
        <v>0</v>
      </c>
      <c r="BA4281">
        <v>0</v>
      </c>
    </row>
    <row r="4282" spans="1:53" x14ac:dyDescent="0.4">
      <c r="A4282">
        <v>4326</v>
      </c>
      <c r="B4282" s="1">
        <v>44421</v>
      </c>
      <c r="C4282">
        <v>2</v>
      </c>
      <c r="D4282" s="1">
        <v>44421.404861111114</v>
      </c>
      <c r="E4282" s="1">
        <v>44421.761111111111</v>
      </c>
      <c r="F4282">
        <v>36990</v>
      </c>
      <c r="G4282">
        <v>2552</v>
      </c>
      <c r="H4282">
        <v>0</v>
      </c>
      <c r="I4282">
        <v>0</v>
      </c>
      <c r="J4282">
        <v>100</v>
      </c>
      <c r="K4282">
        <v>0</v>
      </c>
      <c r="L4282">
        <v>0</v>
      </c>
      <c r="M4282">
        <v>3583</v>
      </c>
      <c r="N4282">
        <v>0</v>
      </c>
      <c r="O4282">
        <v>0</v>
      </c>
      <c r="P4282">
        <v>11000</v>
      </c>
      <c r="Q4282">
        <v>0</v>
      </c>
      <c r="R4282">
        <v>50442</v>
      </c>
      <c r="S4282">
        <v>0</v>
      </c>
      <c r="T4282">
        <v>0</v>
      </c>
      <c r="U4282">
        <v>0</v>
      </c>
      <c r="V4282">
        <v>0</v>
      </c>
      <c r="W4282">
        <v>4</v>
      </c>
      <c r="X4282">
        <v>0</v>
      </c>
      <c r="Y4282">
        <v>52</v>
      </c>
      <c r="Z4282">
        <v>24</v>
      </c>
      <c r="AA4282">
        <v>119</v>
      </c>
      <c r="AB4282">
        <v>62</v>
      </c>
      <c r="AC4282">
        <v>114</v>
      </c>
      <c r="AD4282">
        <v>41</v>
      </c>
      <c r="AE4282">
        <v>97</v>
      </c>
      <c r="AF4282">
        <v>0</v>
      </c>
      <c r="AG4282">
        <v>100442</v>
      </c>
      <c r="AH4282">
        <v>50000</v>
      </c>
      <c r="AI4282">
        <v>0</v>
      </c>
      <c r="AJ4282">
        <v>102</v>
      </c>
      <c r="AK4282" t="s">
        <v>50</v>
      </c>
      <c r="AL4282">
        <v>0</v>
      </c>
      <c r="AM4282">
        <v>0</v>
      </c>
      <c r="AN4282">
        <v>0</v>
      </c>
      <c r="AO4282">
        <v>0</v>
      </c>
      <c r="AP4282">
        <v>0</v>
      </c>
      <c r="AQ4282">
        <v>0</v>
      </c>
      <c r="AR4282">
        <v>0</v>
      </c>
      <c r="AS4282">
        <v>0</v>
      </c>
      <c r="AT4282">
        <v>0</v>
      </c>
      <c r="AU4282">
        <v>0</v>
      </c>
      <c r="AV4282">
        <v>0</v>
      </c>
      <c r="AW4282">
        <v>0</v>
      </c>
      <c r="AX4282">
        <v>902</v>
      </c>
      <c r="AY4282">
        <v>39</v>
      </c>
      <c r="AZ4282">
        <v>76</v>
      </c>
      <c r="BA4282">
        <v>7251</v>
      </c>
    </row>
    <row r="4283" spans="1:53" x14ac:dyDescent="0.4">
      <c r="A4283">
        <v>4327</v>
      </c>
      <c r="B4283" s="1">
        <v>44422</v>
      </c>
      <c r="C4283">
        <v>1</v>
      </c>
      <c r="D4283" s="1">
        <v>44422.291666666664</v>
      </c>
      <c r="E4283" s="1">
        <v>44422.40625</v>
      </c>
      <c r="F4283">
        <v>0</v>
      </c>
      <c r="G4283">
        <v>0</v>
      </c>
      <c r="H4283">
        <v>0</v>
      </c>
      <c r="I4283">
        <v>0</v>
      </c>
      <c r="J4283">
        <v>0</v>
      </c>
      <c r="K4283">
        <v>0</v>
      </c>
      <c r="L4283">
        <v>0</v>
      </c>
      <c r="M4283">
        <v>0</v>
      </c>
      <c r="N4283">
        <v>0</v>
      </c>
      <c r="O4283">
        <v>0</v>
      </c>
      <c r="P4283">
        <v>0</v>
      </c>
      <c r="Q4283">
        <v>0</v>
      </c>
      <c r="R4283">
        <v>0</v>
      </c>
      <c r="S4283">
        <v>0</v>
      </c>
      <c r="T4283">
        <v>0</v>
      </c>
      <c r="U4283">
        <v>0</v>
      </c>
      <c r="V4283">
        <v>0</v>
      </c>
      <c r="W4283">
        <v>1</v>
      </c>
      <c r="X4283">
        <v>0</v>
      </c>
      <c r="Y4283">
        <v>24</v>
      </c>
      <c r="Z4283">
        <v>10</v>
      </c>
      <c r="AA4283">
        <v>117</v>
      </c>
      <c r="AB4283">
        <v>59</v>
      </c>
      <c r="AC4283">
        <v>104</v>
      </c>
      <c r="AD4283">
        <v>41</v>
      </c>
      <c r="AE4283">
        <v>105</v>
      </c>
      <c r="AF4283">
        <v>0</v>
      </c>
      <c r="AG4283">
        <v>50000</v>
      </c>
      <c r="AH4283">
        <v>50000</v>
      </c>
      <c r="AI4283">
        <v>0</v>
      </c>
      <c r="AJ4283">
        <v>0</v>
      </c>
      <c r="AK4283" t="s">
        <v>6</v>
      </c>
      <c r="AL4283">
        <v>0</v>
      </c>
      <c r="AM4283">
        <v>0</v>
      </c>
      <c r="AN4283">
        <v>0</v>
      </c>
      <c r="AO4283">
        <v>0</v>
      </c>
      <c r="AP4283">
        <v>0</v>
      </c>
      <c r="AQ4283">
        <v>0</v>
      </c>
      <c r="AR4283">
        <v>0</v>
      </c>
      <c r="AS4283">
        <v>0</v>
      </c>
      <c r="AT4283">
        <v>0</v>
      </c>
      <c r="AU4283">
        <v>0</v>
      </c>
      <c r="AV4283">
        <v>0</v>
      </c>
      <c r="AW4283">
        <v>0</v>
      </c>
      <c r="AX4283">
        <v>0</v>
      </c>
      <c r="AY4283">
        <v>0</v>
      </c>
      <c r="AZ4283">
        <v>0</v>
      </c>
      <c r="BA4283">
        <v>0</v>
      </c>
    </row>
    <row r="4284" spans="1:53" x14ac:dyDescent="0.4">
      <c r="A4284">
        <v>4328</v>
      </c>
      <c r="B4284" s="1">
        <v>44422</v>
      </c>
      <c r="C4284">
        <v>2</v>
      </c>
      <c r="D4284" s="1">
        <v>44422.40625</v>
      </c>
      <c r="E4284" s="1">
        <v>44422.75277777778</v>
      </c>
      <c r="F4284">
        <v>44540</v>
      </c>
      <c r="G4284">
        <v>2728</v>
      </c>
      <c r="H4284">
        <v>0</v>
      </c>
      <c r="I4284">
        <v>0</v>
      </c>
      <c r="J4284">
        <v>450</v>
      </c>
      <c r="K4284">
        <v>0</v>
      </c>
      <c r="L4284">
        <v>0</v>
      </c>
      <c r="M4284">
        <v>4251</v>
      </c>
      <c r="N4284">
        <v>0</v>
      </c>
      <c r="O4284">
        <v>0</v>
      </c>
      <c r="P4284">
        <v>18950</v>
      </c>
      <c r="Q4284">
        <v>0</v>
      </c>
      <c r="R4284">
        <v>65768</v>
      </c>
      <c r="S4284">
        <v>0</v>
      </c>
      <c r="T4284">
        <v>0</v>
      </c>
      <c r="U4284">
        <v>0</v>
      </c>
      <c r="V4284">
        <v>1</v>
      </c>
      <c r="W4284">
        <v>3</v>
      </c>
      <c r="X4284">
        <v>0</v>
      </c>
      <c r="Y4284">
        <v>53</v>
      </c>
      <c r="Z4284">
        <v>18</v>
      </c>
      <c r="AA4284">
        <v>163</v>
      </c>
      <c r="AB4284">
        <v>65</v>
      </c>
      <c r="AC4284">
        <v>105</v>
      </c>
      <c r="AD4284">
        <v>40</v>
      </c>
      <c r="AE4284">
        <v>103</v>
      </c>
      <c r="AF4284">
        <v>7865</v>
      </c>
      <c r="AG4284">
        <v>115768</v>
      </c>
      <c r="AH4284">
        <v>50000</v>
      </c>
      <c r="AI4284">
        <v>0</v>
      </c>
      <c r="AJ4284">
        <v>70</v>
      </c>
      <c r="AK4284" t="s">
        <v>49</v>
      </c>
      <c r="AL4284">
        <v>0</v>
      </c>
      <c r="AM4284">
        <v>0</v>
      </c>
      <c r="AN4284">
        <v>0</v>
      </c>
      <c r="AO4284">
        <v>0</v>
      </c>
      <c r="AP4284">
        <v>0</v>
      </c>
      <c r="AQ4284">
        <v>0</v>
      </c>
      <c r="AR4284">
        <v>0</v>
      </c>
      <c r="AS4284">
        <v>0</v>
      </c>
      <c r="AT4284">
        <v>0</v>
      </c>
      <c r="AU4284">
        <v>0</v>
      </c>
      <c r="AV4284">
        <v>0</v>
      </c>
      <c r="AW4284">
        <v>0</v>
      </c>
      <c r="AX4284">
        <v>0</v>
      </c>
      <c r="AY4284">
        <v>48</v>
      </c>
      <c r="AZ4284">
        <v>102</v>
      </c>
      <c r="BA4284">
        <v>7759</v>
      </c>
    </row>
    <row r="4285" spans="1:53" x14ac:dyDescent="0.4">
      <c r="A4285">
        <v>4329</v>
      </c>
      <c r="B4285" s="1">
        <v>44422</v>
      </c>
      <c r="C4285">
        <v>3</v>
      </c>
      <c r="D4285" s="1">
        <v>44422.75277777778</v>
      </c>
      <c r="E4285" s="1">
        <v>44423.004166666666</v>
      </c>
      <c r="F4285">
        <v>66650</v>
      </c>
      <c r="G4285">
        <v>1045</v>
      </c>
      <c r="H4285">
        <v>0</v>
      </c>
      <c r="I4285">
        <v>0</v>
      </c>
      <c r="J4285">
        <v>200</v>
      </c>
      <c r="K4285">
        <v>720</v>
      </c>
      <c r="L4285">
        <v>0</v>
      </c>
      <c r="M4285">
        <v>6200</v>
      </c>
      <c r="N4285">
        <v>0</v>
      </c>
      <c r="O4285">
        <v>0</v>
      </c>
      <c r="P4285">
        <v>37917</v>
      </c>
      <c r="Q4285">
        <v>0</v>
      </c>
      <c r="R4285">
        <v>106132</v>
      </c>
      <c r="S4285">
        <v>0</v>
      </c>
      <c r="T4285">
        <v>0</v>
      </c>
      <c r="U4285">
        <v>0</v>
      </c>
      <c r="V4285">
        <v>7</v>
      </c>
      <c r="W4285">
        <v>1</v>
      </c>
      <c r="X4285">
        <v>0</v>
      </c>
      <c r="Y4285">
        <v>57</v>
      </c>
      <c r="Z4285">
        <v>15</v>
      </c>
      <c r="AA4285">
        <v>148</v>
      </c>
      <c r="AB4285">
        <v>66</v>
      </c>
      <c r="AC4285">
        <v>95</v>
      </c>
      <c r="AD4285">
        <v>40</v>
      </c>
      <c r="AE4285">
        <v>100</v>
      </c>
      <c r="AF4285">
        <v>63050</v>
      </c>
      <c r="AG4285">
        <v>221900</v>
      </c>
      <c r="AH4285">
        <v>50000</v>
      </c>
      <c r="AI4285">
        <v>0</v>
      </c>
      <c r="AJ4285">
        <v>108</v>
      </c>
      <c r="AK4285" t="s">
        <v>3</v>
      </c>
      <c r="AL4285">
        <v>0</v>
      </c>
      <c r="AM4285">
        <v>0</v>
      </c>
      <c r="AN4285">
        <v>0</v>
      </c>
      <c r="AO4285">
        <v>0</v>
      </c>
      <c r="AP4285">
        <v>0</v>
      </c>
      <c r="AQ4285">
        <v>0</v>
      </c>
      <c r="AR4285">
        <v>0</v>
      </c>
      <c r="AS4285">
        <v>0</v>
      </c>
      <c r="AT4285">
        <v>0</v>
      </c>
      <c r="AU4285">
        <v>0</v>
      </c>
      <c r="AV4285">
        <v>0</v>
      </c>
      <c r="AW4285">
        <v>0</v>
      </c>
      <c r="AX4285">
        <v>8190</v>
      </c>
      <c r="AY4285">
        <v>17</v>
      </c>
      <c r="AZ4285">
        <v>57</v>
      </c>
      <c r="BA4285">
        <v>2804</v>
      </c>
    </row>
    <row r="4286" spans="1:53" x14ac:dyDescent="0.4">
      <c r="A4286">
        <v>4330</v>
      </c>
      <c r="B4286" s="1">
        <v>44422</v>
      </c>
      <c r="C4286">
        <v>4</v>
      </c>
      <c r="D4286" s="1">
        <v>44423.004166666666</v>
      </c>
      <c r="E4286" s="1">
        <v>44423.119444444441</v>
      </c>
      <c r="F4286">
        <v>24470</v>
      </c>
      <c r="G4286">
        <v>0</v>
      </c>
      <c r="H4286">
        <v>0</v>
      </c>
      <c r="I4286">
        <v>0</v>
      </c>
      <c r="J4286">
        <v>0</v>
      </c>
      <c r="K4286">
        <v>6510</v>
      </c>
      <c r="L4286">
        <v>0</v>
      </c>
      <c r="M4286">
        <v>2817</v>
      </c>
      <c r="N4286">
        <v>0</v>
      </c>
      <c r="O4286">
        <v>0</v>
      </c>
      <c r="P4286">
        <v>-9800</v>
      </c>
      <c r="Q4286">
        <v>0</v>
      </c>
      <c r="R4286">
        <v>21180</v>
      </c>
      <c r="S4286">
        <v>0</v>
      </c>
      <c r="T4286">
        <v>0</v>
      </c>
      <c r="U4286">
        <v>0</v>
      </c>
      <c r="V4286">
        <v>8</v>
      </c>
      <c r="W4286">
        <v>0</v>
      </c>
      <c r="X4286">
        <v>0</v>
      </c>
      <c r="Y4286">
        <v>62</v>
      </c>
      <c r="Z4286">
        <v>15</v>
      </c>
      <c r="AA4286">
        <v>145</v>
      </c>
      <c r="AB4286">
        <v>66</v>
      </c>
      <c r="AC4286">
        <v>91</v>
      </c>
      <c r="AD4286">
        <v>40</v>
      </c>
      <c r="AE4286">
        <v>100</v>
      </c>
      <c r="AF4286">
        <v>74570</v>
      </c>
      <c r="AG4286">
        <v>243080</v>
      </c>
      <c r="AH4286">
        <v>50000</v>
      </c>
      <c r="AI4286">
        <v>0</v>
      </c>
      <c r="AJ4286">
        <v>114</v>
      </c>
      <c r="AK4286" t="s">
        <v>53</v>
      </c>
      <c r="AL4286">
        <v>0</v>
      </c>
      <c r="AM4286">
        <v>0</v>
      </c>
      <c r="AN4286">
        <v>0</v>
      </c>
      <c r="AO4286">
        <v>0</v>
      </c>
      <c r="AP4286">
        <v>0</v>
      </c>
      <c r="AQ4286">
        <v>0</v>
      </c>
      <c r="AR4286">
        <v>0</v>
      </c>
      <c r="AS4286">
        <v>0</v>
      </c>
      <c r="AT4286">
        <v>0</v>
      </c>
      <c r="AU4286">
        <v>0</v>
      </c>
      <c r="AV4286">
        <v>0</v>
      </c>
      <c r="AW4286">
        <v>0</v>
      </c>
      <c r="AX4286">
        <v>2220</v>
      </c>
      <c r="AY4286">
        <v>1</v>
      </c>
      <c r="AZ4286">
        <v>1</v>
      </c>
      <c r="BA4286">
        <v>1113</v>
      </c>
    </row>
    <row r="4287" spans="1:53" x14ac:dyDescent="0.4">
      <c r="A4287">
        <v>4331</v>
      </c>
      <c r="B4287" s="1">
        <v>44423</v>
      </c>
      <c r="C4287">
        <v>1</v>
      </c>
      <c r="D4287" s="1">
        <v>44423.291666666664</v>
      </c>
      <c r="E4287" s="1">
        <v>44423.407638888886</v>
      </c>
      <c r="F4287">
        <v>0</v>
      </c>
      <c r="G4287">
        <v>0</v>
      </c>
      <c r="H4287">
        <v>0</v>
      </c>
      <c r="I4287">
        <v>0</v>
      </c>
      <c r="J4287">
        <v>0</v>
      </c>
      <c r="K4287">
        <v>0</v>
      </c>
      <c r="L4287">
        <v>0</v>
      </c>
      <c r="M4287">
        <v>0</v>
      </c>
      <c r="N4287">
        <v>0</v>
      </c>
      <c r="O4287">
        <v>0</v>
      </c>
      <c r="P4287">
        <v>0</v>
      </c>
      <c r="Q4287">
        <v>0</v>
      </c>
      <c r="R4287">
        <v>0</v>
      </c>
      <c r="S4287">
        <v>0</v>
      </c>
      <c r="T4287">
        <v>0</v>
      </c>
      <c r="U4287">
        <v>0</v>
      </c>
      <c r="V4287">
        <v>0</v>
      </c>
      <c r="W4287">
        <v>1</v>
      </c>
      <c r="X4287">
        <v>0</v>
      </c>
      <c r="Y4287">
        <v>25</v>
      </c>
      <c r="Z4287">
        <v>10</v>
      </c>
      <c r="AA4287">
        <v>106</v>
      </c>
      <c r="AB4287">
        <v>65</v>
      </c>
      <c r="AC4287">
        <v>85</v>
      </c>
      <c r="AD4287">
        <v>40</v>
      </c>
      <c r="AE4287">
        <v>100</v>
      </c>
      <c r="AF4287">
        <v>0</v>
      </c>
      <c r="AG4287">
        <v>50000</v>
      </c>
      <c r="AH4287">
        <v>50000</v>
      </c>
      <c r="AI4287">
        <v>0</v>
      </c>
      <c r="AJ4287">
        <v>0</v>
      </c>
      <c r="AK4287" t="s">
        <v>6</v>
      </c>
      <c r="AL4287">
        <v>0</v>
      </c>
      <c r="AM4287">
        <v>0</v>
      </c>
      <c r="AN4287">
        <v>0</v>
      </c>
      <c r="AO4287">
        <v>0</v>
      </c>
      <c r="AP4287">
        <v>0</v>
      </c>
      <c r="AQ4287">
        <v>0</v>
      </c>
      <c r="AR4287">
        <v>0</v>
      </c>
      <c r="AS4287">
        <v>0</v>
      </c>
      <c r="AT4287">
        <v>0</v>
      </c>
      <c r="AU4287">
        <v>0</v>
      </c>
      <c r="AV4287">
        <v>0</v>
      </c>
      <c r="AW4287">
        <v>0</v>
      </c>
      <c r="AX4287">
        <v>0</v>
      </c>
      <c r="AY4287">
        <v>0</v>
      </c>
      <c r="AZ4287">
        <v>0</v>
      </c>
      <c r="BA4287">
        <v>0</v>
      </c>
    </row>
    <row r="4288" spans="1:53" x14ac:dyDescent="0.4">
      <c r="A4288">
        <v>4332</v>
      </c>
      <c r="B4288" s="1">
        <v>44423</v>
      </c>
      <c r="C4288">
        <v>2</v>
      </c>
      <c r="D4288" s="1">
        <v>44423.407638888886</v>
      </c>
      <c r="E4288" s="1">
        <v>44423.742361111108</v>
      </c>
      <c r="F4288">
        <v>39970</v>
      </c>
      <c r="G4288">
        <v>748</v>
      </c>
      <c r="H4288">
        <v>0</v>
      </c>
      <c r="I4288">
        <v>0</v>
      </c>
      <c r="J4288">
        <v>200</v>
      </c>
      <c r="K4288">
        <v>0</v>
      </c>
      <c r="L4288">
        <v>0</v>
      </c>
      <c r="M4288">
        <v>3682</v>
      </c>
      <c r="N4288">
        <v>0</v>
      </c>
      <c r="O4288">
        <v>0</v>
      </c>
      <c r="P4288">
        <v>11420</v>
      </c>
      <c r="Q4288">
        <v>0</v>
      </c>
      <c r="R4288">
        <v>51938</v>
      </c>
      <c r="S4288">
        <v>0</v>
      </c>
      <c r="T4288">
        <v>0</v>
      </c>
      <c r="U4288">
        <v>0</v>
      </c>
      <c r="V4288">
        <v>3</v>
      </c>
      <c r="W4288">
        <v>0</v>
      </c>
      <c r="X4288">
        <v>0</v>
      </c>
      <c r="Y4288">
        <v>44</v>
      </c>
      <c r="Z4288">
        <v>15</v>
      </c>
      <c r="AA4288">
        <v>125</v>
      </c>
      <c r="AB4288">
        <v>73</v>
      </c>
      <c r="AC4288">
        <v>99</v>
      </c>
      <c r="AD4288">
        <v>40</v>
      </c>
      <c r="AE4288">
        <v>98</v>
      </c>
      <c r="AF4288">
        <v>3000</v>
      </c>
      <c r="AG4288">
        <v>101938</v>
      </c>
      <c r="AH4288">
        <v>50000</v>
      </c>
      <c r="AI4288">
        <v>0</v>
      </c>
      <c r="AJ4288">
        <v>103</v>
      </c>
      <c r="AK4288" t="s">
        <v>7</v>
      </c>
      <c r="AL4288">
        <v>0</v>
      </c>
      <c r="AM4288">
        <v>0</v>
      </c>
      <c r="AN4288">
        <v>0</v>
      </c>
      <c r="AO4288">
        <v>0</v>
      </c>
      <c r="AP4288">
        <v>0</v>
      </c>
      <c r="AQ4288">
        <v>0</v>
      </c>
      <c r="AR4288">
        <v>0</v>
      </c>
      <c r="AS4288">
        <v>0</v>
      </c>
      <c r="AT4288">
        <v>0</v>
      </c>
      <c r="AU4288">
        <v>0</v>
      </c>
      <c r="AV4288">
        <v>0</v>
      </c>
      <c r="AW4288">
        <v>0</v>
      </c>
      <c r="AX4288">
        <v>594</v>
      </c>
      <c r="AY4288">
        <v>39</v>
      </c>
      <c r="AZ4288">
        <v>84</v>
      </c>
      <c r="BA4288">
        <v>6418</v>
      </c>
    </row>
    <row r="4289" spans="1:53" x14ac:dyDescent="0.4">
      <c r="A4289">
        <v>4333</v>
      </c>
      <c r="B4289" s="1">
        <v>44423</v>
      </c>
      <c r="C4289">
        <v>3</v>
      </c>
      <c r="D4289" s="1">
        <v>44423.742361111108</v>
      </c>
      <c r="E4289" s="1">
        <v>44423.850694444445</v>
      </c>
      <c r="F4289">
        <v>15380</v>
      </c>
      <c r="G4289">
        <v>594</v>
      </c>
      <c r="H4289">
        <v>0</v>
      </c>
      <c r="I4289">
        <v>0</v>
      </c>
      <c r="J4289">
        <v>0</v>
      </c>
      <c r="K4289">
        <v>0</v>
      </c>
      <c r="L4289">
        <v>0</v>
      </c>
      <c r="M4289">
        <v>1452</v>
      </c>
      <c r="N4289">
        <v>0</v>
      </c>
      <c r="O4289">
        <v>0</v>
      </c>
      <c r="P4289">
        <v>-8340</v>
      </c>
      <c r="Q4289">
        <v>0</v>
      </c>
      <c r="R4289">
        <v>7634</v>
      </c>
      <c r="S4289">
        <v>0</v>
      </c>
      <c r="T4289">
        <v>0</v>
      </c>
      <c r="U4289">
        <v>0</v>
      </c>
      <c r="V4289">
        <v>3</v>
      </c>
      <c r="W4289">
        <v>0</v>
      </c>
      <c r="X4289">
        <v>0</v>
      </c>
      <c r="Y4289">
        <v>49</v>
      </c>
      <c r="Z4289">
        <v>16</v>
      </c>
      <c r="AA4289">
        <v>129</v>
      </c>
      <c r="AB4289">
        <v>72</v>
      </c>
      <c r="AC4289">
        <v>95</v>
      </c>
      <c r="AD4289">
        <v>39</v>
      </c>
      <c r="AE4289">
        <v>97</v>
      </c>
      <c r="AF4289">
        <v>4830</v>
      </c>
      <c r="AG4289">
        <v>109572</v>
      </c>
      <c r="AH4289">
        <v>50000</v>
      </c>
      <c r="AI4289">
        <v>0</v>
      </c>
      <c r="AJ4289">
        <v>108</v>
      </c>
      <c r="AK4289" t="s">
        <v>3</v>
      </c>
      <c r="AL4289">
        <v>0</v>
      </c>
      <c r="AM4289">
        <v>0</v>
      </c>
      <c r="AN4289">
        <v>0</v>
      </c>
      <c r="AO4289">
        <v>0</v>
      </c>
      <c r="AP4289">
        <v>0</v>
      </c>
      <c r="AQ4289">
        <v>0</v>
      </c>
      <c r="AR4289">
        <v>0</v>
      </c>
      <c r="AS4289">
        <v>0</v>
      </c>
      <c r="AT4289">
        <v>0</v>
      </c>
      <c r="AU4289">
        <v>0</v>
      </c>
      <c r="AV4289">
        <v>0</v>
      </c>
      <c r="AW4289">
        <v>0</v>
      </c>
      <c r="AX4289">
        <v>0</v>
      </c>
      <c r="AY4289">
        <v>3</v>
      </c>
      <c r="AZ4289">
        <v>6</v>
      </c>
      <c r="BA4289">
        <v>1006</v>
      </c>
    </row>
    <row r="4290" spans="1:53" x14ac:dyDescent="0.4">
      <c r="A4290">
        <v>4334</v>
      </c>
      <c r="B4290" s="1">
        <v>44423</v>
      </c>
      <c r="C4290">
        <v>4</v>
      </c>
      <c r="D4290" s="1">
        <v>44423.850694444445</v>
      </c>
      <c r="E4290" s="1">
        <v>44424.020833333336</v>
      </c>
      <c r="F4290">
        <v>10440</v>
      </c>
      <c r="G4290">
        <v>1540</v>
      </c>
      <c r="H4290">
        <v>0</v>
      </c>
      <c r="I4290">
        <v>0</v>
      </c>
      <c r="J4290">
        <v>0</v>
      </c>
      <c r="K4290">
        <v>0</v>
      </c>
      <c r="L4290">
        <v>0</v>
      </c>
      <c r="M4290">
        <v>1089</v>
      </c>
      <c r="N4290">
        <v>0</v>
      </c>
      <c r="O4290">
        <v>0</v>
      </c>
      <c r="P4290">
        <v>1860</v>
      </c>
      <c r="Q4290">
        <v>0</v>
      </c>
      <c r="R4290">
        <v>13840</v>
      </c>
      <c r="S4290">
        <v>0</v>
      </c>
      <c r="T4290">
        <v>0</v>
      </c>
      <c r="U4290">
        <v>0</v>
      </c>
      <c r="V4290">
        <v>3</v>
      </c>
      <c r="W4290">
        <v>2</v>
      </c>
      <c r="X4290">
        <v>0</v>
      </c>
      <c r="Y4290">
        <v>52</v>
      </c>
      <c r="Z4290">
        <v>17</v>
      </c>
      <c r="AA4290">
        <v>127</v>
      </c>
      <c r="AB4290">
        <v>72</v>
      </c>
      <c r="AC4290">
        <v>98</v>
      </c>
      <c r="AD4290">
        <v>39</v>
      </c>
      <c r="AE4290">
        <v>97</v>
      </c>
      <c r="AF4290">
        <v>5340</v>
      </c>
      <c r="AG4290">
        <v>123412</v>
      </c>
      <c r="AH4290">
        <v>50000</v>
      </c>
      <c r="AI4290">
        <v>0</v>
      </c>
      <c r="AJ4290">
        <v>108</v>
      </c>
      <c r="AK4290" t="s">
        <v>3</v>
      </c>
      <c r="AL4290">
        <v>0</v>
      </c>
      <c r="AM4290">
        <v>0</v>
      </c>
      <c r="AN4290">
        <v>0</v>
      </c>
      <c r="AO4290">
        <v>0</v>
      </c>
      <c r="AP4290">
        <v>0</v>
      </c>
      <c r="AQ4290">
        <v>0</v>
      </c>
      <c r="AR4290">
        <v>0</v>
      </c>
      <c r="AS4290">
        <v>0</v>
      </c>
      <c r="AT4290">
        <v>0</v>
      </c>
      <c r="AU4290">
        <v>0</v>
      </c>
      <c r="AV4290">
        <v>0</v>
      </c>
      <c r="AW4290">
        <v>0</v>
      </c>
      <c r="AX4290">
        <v>0</v>
      </c>
      <c r="AY4290">
        <v>4</v>
      </c>
      <c r="AZ4290">
        <v>8</v>
      </c>
      <c r="BA4290">
        <v>593</v>
      </c>
    </row>
    <row r="4291" spans="1:53" x14ac:dyDescent="0.4">
      <c r="A4291">
        <v>4335</v>
      </c>
      <c r="B4291" s="1">
        <v>44424</v>
      </c>
      <c r="C4291">
        <v>1</v>
      </c>
      <c r="D4291" s="1">
        <v>44424.291666666664</v>
      </c>
      <c r="E4291" s="1">
        <v>44425.131944444445</v>
      </c>
      <c r="F4291">
        <v>79800</v>
      </c>
      <c r="G4291">
        <v>440</v>
      </c>
      <c r="H4291">
        <v>0</v>
      </c>
      <c r="I4291">
        <v>0</v>
      </c>
      <c r="J4291">
        <v>300</v>
      </c>
      <c r="K4291">
        <v>0</v>
      </c>
      <c r="L4291">
        <v>0</v>
      </c>
      <c r="M4291">
        <v>7264</v>
      </c>
      <c r="N4291">
        <v>0</v>
      </c>
      <c r="O4291">
        <v>0</v>
      </c>
      <c r="P4291">
        <v>0</v>
      </c>
      <c r="Q4291">
        <v>0</v>
      </c>
      <c r="R4291">
        <v>79940</v>
      </c>
      <c r="S4291">
        <v>0</v>
      </c>
      <c r="T4291">
        <v>0</v>
      </c>
      <c r="U4291">
        <v>0</v>
      </c>
      <c r="V4291">
        <v>5</v>
      </c>
      <c r="W4291">
        <v>0</v>
      </c>
      <c r="X4291">
        <v>0</v>
      </c>
      <c r="Y4291">
        <v>46</v>
      </c>
      <c r="Z4291">
        <v>12</v>
      </c>
      <c r="AA4291">
        <v>169</v>
      </c>
      <c r="AB4291">
        <v>78</v>
      </c>
      <c r="AC4291">
        <v>110</v>
      </c>
      <c r="AD4291">
        <v>41</v>
      </c>
      <c r="AE4291">
        <v>97</v>
      </c>
      <c r="AF4291">
        <v>5738</v>
      </c>
      <c r="AG4291">
        <v>129940</v>
      </c>
      <c r="AH4291">
        <v>50000</v>
      </c>
      <c r="AI4291">
        <v>0</v>
      </c>
      <c r="AJ4291">
        <v>114</v>
      </c>
      <c r="AK4291" t="s">
        <v>53</v>
      </c>
      <c r="AL4291">
        <v>0</v>
      </c>
      <c r="AM4291">
        <v>0</v>
      </c>
      <c r="AN4291">
        <v>0</v>
      </c>
      <c r="AO4291">
        <v>0</v>
      </c>
      <c r="AP4291">
        <v>0</v>
      </c>
      <c r="AQ4291">
        <v>0</v>
      </c>
      <c r="AR4291">
        <v>0</v>
      </c>
      <c r="AS4291">
        <v>0</v>
      </c>
      <c r="AT4291">
        <v>0</v>
      </c>
      <c r="AU4291">
        <v>0</v>
      </c>
      <c r="AV4291">
        <v>0</v>
      </c>
      <c r="AW4291">
        <v>0</v>
      </c>
      <c r="AX4291">
        <v>0</v>
      </c>
      <c r="AY4291">
        <v>48</v>
      </c>
      <c r="AZ4291">
        <v>114</v>
      </c>
      <c r="BA4291">
        <v>8919</v>
      </c>
    </row>
    <row r="4292" spans="1:53" x14ac:dyDescent="0.4">
      <c r="A4292">
        <v>4336</v>
      </c>
      <c r="B4292" s="1">
        <v>44425</v>
      </c>
      <c r="C4292">
        <v>1</v>
      </c>
      <c r="D4292" s="1">
        <v>44425.291666666664</v>
      </c>
      <c r="E4292" s="1">
        <v>44425.402083333334</v>
      </c>
      <c r="F4292">
        <v>0</v>
      </c>
      <c r="G4292">
        <v>0</v>
      </c>
      <c r="H4292">
        <v>0</v>
      </c>
      <c r="I4292">
        <v>0</v>
      </c>
      <c r="J4292">
        <v>0</v>
      </c>
      <c r="K4292">
        <v>0</v>
      </c>
      <c r="L4292">
        <v>0</v>
      </c>
      <c r="M4292">
        <v>0</v>
      </c>
      <c r="N4292">
        <v>0</v>
      </c>
      <c r="O4292">
        <v>0</v>
      </c>
      <c r="P4292">
        <v>0</v>
      </c>
      <c r="Q4292">
        <v>0</v>
      </c>
      <c r="R4292">
        <v>0</v>
      </c>
      <c r="S4292">
        <v>0</v>
      </c>
      <c r="T4292">
        <v>0</v>
      </c>
      <c r="U4292">
        <v>0</v>
      </c>
      <c r="V4292">
        <v>0</v>
      </c>
      <c r="W4292">
        <v>0</v>
      </c>
      <c r="X4292">
        <v>0</v>
      </c>
      <c r="Y4292">
        <v>30</v>
      </c>
      <c r="Z4292">
        <v>6</v>
      </c>
      <c r="AA4292">
        <v>117</v>
      </c>
      <c r="AB4292">
        <v>78</v>
      </c>
      <c r="AC4292">
        <v>110</v>
      </c>
      <c r="AD4292">
        <v>41</v>
      </c>
      <c r="AE4292">
        <v>95</v>
      </c>
      <c r="AF4292">
        <v>0</v>
      </c>
      <c r="AG4292">
        <v>50000</v>
      </c>
      <c r="AH4292">
        <v>50000</v>
      </c>
      <c r="AI4292">
        <v>0</v>
      </c>
      <c r="AJ4292">
        <v>0</v>
      </c>
      <c r="AK4292" t="s">
        <v>6</v>
      </c>
      <c r="AL4292">
        <v>0</v>
      </c>
      <c r="AM4292">
        <v>0</v>
      </c>
      <c r="AN4292">
        <v>0</v>
      </c>
      <c r="AO4292">
        <v>0</v>
      </c>
      <c r="AP4292">
        <v>0</v>
      </c>
      <c r="AQ4292">
        <v>0</v>
      </c>
      <c r="AR4292">
        <v>0</v>
      </c>
      <c r="AS4292">
        <v>0</v>
      </c>
      <c r="AT4292">
        <v>0</v>
      </c>
      <c r="AU4292">
        <v>0</v>
      </c>
      <c r="AV4292">
        <v>0</v>
      </c>
      <c r="AW4292">
        <v>0</v>
      </c>
      <c r="AX4292">
        <v>0</v>
      </c>
      <c r="AY4292">
        <v>0</v>
      </c>
      <c r="AZ4292">
        <v>0</v>
      </c>
      <c r="BA4292">
        <v>0</v>
      </c>
    </row>
    <row r="4293" spans="1:53" x14ac:dyDescent="0.4">
      <c r="A4293">
        <v>4337</v>
      </c>
      <c r="B4293" s="1">
        <v>44425</v>
      </c>
      <c r="C4293">
        <v>2</v>
      </c>
      <c r="D4293" s="1">
        <v>44425.402083333334</v>
      </c>
      <c r="E4293" s="1">
        <v>44425.760416666664</v>
      </c>
      <c r="F4293">
        <v>29750</v>
      </c>
      <c r="G4293">
        <v>2816</v>
      </c>
      <c r="H4293">
        <v>0</v>
      </c>
      <c r="I4293">
        <v>0</v>
      </c>
      <c r="J4293">
        <v>300</v>
      </c>
      <c r="K4293">
        <v>0</v>
      </c>
      <c r="L4293">
        <v>0</v>
      </c>
      <c r="M4293">
        <v>2931</v>
      </c>
      <c r="N4293">
        <v>0</v>
      </c>
      <c r="O4293">
        <v>0</v>
      </c>
      <c r="P4293">
        <v>18060</v>
      </c>
      <c r="Q4293">
        <v>0</v>
      </c>
      <c r="R4293">
        <v>50326</v>
      </c>
      <c r="S4293">
        <v>0</v>
      </c>
      <c r="T4293">
        <v>0</v>
      </c>
      <c r="U4293">
        <v>0</v>
      </c>
      <c r="V4293">
        <v>1</v>
      </c>
      <c r="W4293">
        <v>3</v>
      </c>
      <c r="X4293">
        <v>0</v>
      </c>
      <c r="Y4293">
        <v>47</v>
      </c>
      <c r="Z4293">
        <v>12</v>
      </c>
      <c r="AA4293">
        <v>128</v>
      </c>
      <c r="AB4293">
        <v>82</v>
      </c>
      <c r="AC4293">
        <v>139</v>
      </c>
      <c r="AD4293">
        <v>42</v>
      </c>
      <c r="AE4293">
        <v>98</v>
      </c>
      <c r="AF4293">
        <v>3728</v>
      </c>
      <c r="AG4293">
        <v>100326</v>
      </c>
      <c r="AH4293">
        <v>50000</v>
      </c>
      <c r="AI4293">
        <v>0</v>
      </c>
      <c r="AJ4293">
        <v>70</v>
      </c>
      <c r="AK4293" t="s">
        <v>49</v>
      </c>
      <c r="AL4293">
        <v>0</v>
      </c>
      <c r="AM4293">
        <v>0</v>
      </c>
      <c r="AN4293">
        <v>0</v>
      </c>
      <c r="AO4293">
        <v>0</v>
      </c>
      <c r="AP4293">
        <v>0</v>
      </c>
      <c r="AQ4293">
        <v>0</v>
      </c>
      <c r="AR4293">
        <v>0</v>
      </c>
      <c r="AS4293">
        <v>0</v>
      </c>
      <c r="AT4293">
        <v>0</v>
      </c>
      <c r="AU4293">
        <v>0</v>
      </c>
      <c r="AV4293">
        <v>0</v>
      </c>
      <c r="AW4293">
        <v>0</v>
      </c>
      <c r="AX4293">
        <v>0</v>
      </c>
      <c r="AY4293">
        <v>38</v>
      </c>
      <c r="AZ4293">
        <v>75</v>
      </c>
      <c r="BA4293">
        <v>6664</v>
      </c>
    </row>
    <row r="4294" spans="1:53" x14ac:dyDescent="0.4">
      <c r="A4294">
        <v>4338</v>
      </c>
      <c r="B4294" s="1">
        <v>44425</v>
      </c>
      <c r="C4294">
        <v>3</v>
      </c>
      <c r="D4294" s="1">
        <v>44425.760416666664</v>
      </c>
      <c r="E4294" s="1">
        <v>44426.010416666664</v>
      </c>
      <c r="F4294">
        <v>28490</v>
      </c>
      <c r="G4294">
        <v>2101</v>
      </c>
      <c r="H4294">
        <v>0</v>
      </c>
      <c r="I4294">
        <v>0</v>
      </c>
      <c r="J4294">
        <v>100</v>
      </c>
      <c r="K4294">
        <v>0</v>
      </c>
      <c r="L4294">
        <v>0</v>
      </c>
      <c r="M4294">
        <v>2772</v>
      </c>
      <c r="N4294">
        <v>0</v>
      </c>
      <c r="O4294">
        <v>0</v>
      </c>
      <c r="P4294">
        <v>-15640</v>
      </c>
      <c r="Q4294">
        <v>0</v>
      </c>
      <c r="R4294">
        <v>14851</v>
      </c>
      <c r="S4294">
        <v>0</v>
      </c>
      <c r="T4294">
        <v>0</v>
      </c>
      <c r="U4294">
        <v>0</v>
      </c>
      <c r="V4294">
        <v>0</v>
      </c>
      <c r="W4294">
        <v>4</v>
      </c>
      <c r="X4294">
        <v>0</v>
      </c>
      <c r="Y4294">
        <v>49</v>
      </c>
      <c r="Z4294">
        <v>11</v>
      </c>
      <c r="AA4294">
        <v>125</v>
      </c>
      <c r="AB4294">
        <v>83</v>
      </c>
      <c r="AC4294">
        <v>137</v>
      </c>
      <c r="AD4294">
        <v>41</v>
      </c>
      <c r="AE4294">
        <v>106</v>
      </c>
      <c r="AF4294">
        <v>22346</v>
      </c>
      <c r="AG4294">
        <v>115177</v>
      </c>
      <c r="AH4294">
        <v>50000</v>
      </c>
      <c r="AI4294">
        <v>0</v>
      </c>
      <c r="AJ4294">
        <v>114</v>
      </c>
      <c r="AK4294" t="s">
        <v>53</v>
      </c>
      <c r="AL4294">
        <v>0</v>
      </c>
      <c r="AM4294">
        <v>0</v>
      </c>
      <c r="AN4294">
        <v>0</v>
      </c>
      <c r="AO4294">
        <v>0</v>
      </c>
      <c r="AP4294">
        <v>0</v>
      </c>
      <c r="AQ4294">
        <v>0</v>
      </c>
      <c r="AR4294">
        <v>0</v>
      </c>
      <c r="AS4294">
        <v>0</v>
      </c>
      <c r="AT4294">
        <v>0</v>
      </c>
      <c r="AU4294">
        <v>0</v>
      </c>
      <c r="AV4294">
        <v>0</v>
      </c>
      <c r="AW4294">
        <v>0</v>
      </c>
      <c r="AX4294">
        <v>0</v>
      </c>
      <c r="AY4294">
        <v>4</v>
      </c>
      <c r="AZ4294">
        <v>9</v>
      </c>
      <c r="BA4294">
        <v>1371</v>
      </c>
    </row>
    <row r="4295" spans="1:53" x14ac:dyDescent="0.4">
      <c r="A4295">
        <v>4339</v>
      </c>
      <c r="B4295" s="1">
        <v>44426</v>
      </c>
      <c r="C4295">
        <v>1</v>
      </c>
      <c r="D4295" s="1">
        <v>44426.291666666664</v>
      </c>
      <c r="E4295" s="1">
        <v>44426.402083333334</v>
      </c>
      <c r="F4295">
        <v>0</v>
      </c>
      <c r="G4295">
        <v>0</v>
      </c>
      <c r="H4295">
        <v>0</v>
      </c>
      <c r="I4295">
        <v>0</v>
      </c>
      <c r="J4295">
        <v>0</v>
      </c>
      <c r="K4295">
        <v>0</v>
      </c>
      <c r="L4295">
        <v>0</v>
      </c>
      <c r="M4295">
        <v>0</v>
      </c>
      <c r="N4295">
        <v>0</v>
      </c>
      <c r="O4295">
        <v>0</v>
      </c>
      <c r="P4295">
        <v>0</v>
      </c>
      <c r="Q4295">
        <v>0</v>
      </c>
      <c r="R4295">
        <v>0</v>
      </c>
      <c r="S4295">
        <v>0</v>
      </c>
      <c r="T4295">
        <v>0</v>
      </c>
      <c r="U4295">
        <v>0</v>
      </c>
      <c r="V4295">
        <v>0</v>
      </c>
      <c r="W4295">
        <v>1</v>
      </c>
      <c r="X4295">
        <v>0</v>
      </c>
      <c r="Y4295">
        <v>24</v>
      </c>
      <c r="Z4295">
        <v>11</v>
      </c>
      <c r="AA4295">
        <v>104</v>
      </c>
      <c r="AB4295">
        <v>83</v>
      </c>
      <c r="AC4295">
        <v>64</v>
      </c>
      <c r="AD4295">
        <v>41</v>
      </c>
      <c r="AE4295">
        <v>105</v>
      </c>
      <c r="AF4295">
        <v>0</v>
      </c>
      <c r="AG4295">
        <v>50000</v>
      </c>
      <c r="AH4295">
        <v>50000</v>
      </c>
      <c r="AI4295">
        <v>0</v>
      </c>
      <c r="AJ4295">
        <v>0</v>
      </c>
      <c r="AK4295" t="s">
        <v>6</v>
      </c>
      <c r="AL4295">
        <v>0</v>
      </c>
      <c r="AM4295">
        <v>0</v>
      </c>
      <c r="AN4295">
        <v>0</v>
      </c>
      <c r="AO4295">
        <v>0</v>
      </c>
      <c r="AP4295">
        <v>0</v>
      </c>
      <c r="AQ4295">
        <v>0</v>
      </c>
      <c r="AR4295">
        <v>0</v>
      </c>
      <c r="AS4295">
        <v>0</v>
      </c>
      <c r="AT4295">
        <v>0</v>
      </c>
      <c r="AU4295">
        <v>0</v>
      </c>
      <c r="AV4295">
        <v>0</v>
      </c>
      <c r="AW4295">
        <v>0</v>
      </c>
      <c r="AX4295">
        <v>0</v>
      </c>
      <c r="AY4295">
        <v>0</v>
      </c>
      <c r="AZ4295">
        <v>0</v>
      </c>
      <c r="BA4295">
        <v>0</v>
      </c>
    </row>
    <row r="4296" spans="1:53" x14ac:dyDescent="0.4">
      <c r="A4296">
        <v>4340</v>
      </c>
      <c r="B4296" s="1">
        <v>44426</v>
      </c>
      <c r="C4296">
        <v>2</v>
      </c>
      <c r="D4296" s="1">
        <v>44426.402083333334</v>
      </c>
      <c r="E4296" s="1">
        <v>44426.768750000003</v>
      </c>
      <c r="F4296">
        <v>38530</v>
      </c>
      <c r="G4296">
        <v>2376</v>
      </c>
      <c r="H4296">
        <v>0</v>
      </c>
      <c r="I4296">
        <v>0</v>
      </c>
      <c r="J4296">
        <v>200</v>
      </c>
      <c r="K4296">
        <v>0</v>
      </c>
      <c r="L4296">
        <v>0</v>
      </c>
      <c r="M4296">
        <v>3698</v>
      </c>
      <c r="N4296">
        <v>0</v>
      </c>
      <c r="O4296">
        <v>0</v>
      </c>
      <c r="P4296">
        <v>9710</v>
      </c>
      <c r="Q4296">
        <v>0</v>
      </c>
      <c r="R4296">
        <v>50416</v>
      </c>
      <c r="S4296">
        <v>0</v>
      </c>
      <c r="T4296">
        <v>0</v>
      </c>
      <c r="U4296">
        <v>0</v>
      </c>
      <c r="V4296">
        <v>0</v>
      </c>
      <c r="W4296">
        <v>3</v>
      </c>
      <c r="X4296">
        <v>0</v>
      </c>
      <c r="Y4296">
        <v>59</v>
      </c>
      <c r="Z4296">
        <v>15</v>
      </c>
      <c r="AA4296">
        <v>132</v>
      </c>
      <c r="AB4296">
        <v>87</v>
      </c>
      <c r="AC4296">
        <v>103</v>
      </c>
      <c r="AD4296">
        <v>46</v>
      </c>
      <c r="AE4296">
        <v>106</v>
      </c>
      <c r="AF4296">
        <v>0</v>
      </c>
      <c r="AG4296">
        <v>100416</v>
      </c>
      <c r="AH4296">
        <v>50000</v>
      </c>
      <c r="AI4296">
        <v>0</v>
      </c>
      <c r="AJ4296">
        <v>70</v>
      </c>
      <c r="AK4296" t="s">
        <v>49</v>
      </c>
      <c r="AL4296">
        <v>0</v>
      </c>
      <c r="AM4296">
        <v>0</v>
      </c>
      <c r="AN4296">
        <v>0</v>
      </c>
      <c r="AO4296">
        <v>0</v>
      </c>
      <c r="AP4296">
        <v>0</v>
      </c>
      <c r="AQ4296">
        <v>0</v>
      </c>
      <c r="AR4296">
        <v>0</v>
      </c>
      <c r="AS4296">
        <v>0</v>
      </c>
      <c r="AT4296">
        <v>0</v>
      </c>
      <c r="AU4296">
        <v>0</v>
      </c>
      <c r="AV4296">
        <v>0</v>
      </c>
      <c r="AW4296">
        <v>0</v>
      </c>
      <c r="AX4296">
        <v>440</v>
      </c>
      <c r="AY4296">
        <v>38</v>
      </c>
      <c r="AZ4296">
        <v>76</v>
      </c>
      <c r="BA4296">
        <v>6699</v>
      </c>
    </row>
    <row r="4297" spans="1:53" x14ac:dyDescent="0.4">
      <c r="A4297">
        <v>4341</v>
      </c>
      <c r="B4297" s="1">
        <v>44427</v>
      </c>
      <c r="C4297">
        <v>1</v>
      </c>
      <c r="D4297" s="1">
        <v>44427.291666666664</v>
      </c>
      <c r="E4297" s="1">
        <v>44427.40625</v>
      </c>
      <c r="F4297">
        <v>0</v>
      </c>
      <c r="G4297">
        <v>0</v>
      </c>
      <c r="H4297">
        <v>0</v>
      </c>
      <c r="I4297">
        <v>0</v>
      </c>
      <c r="J4297">
        <v>0</v>
      </c>
      <c r="K4297">
        <v>0</v>
      </c>
      <c r="L4297">
        <v>0</v>
      </c>
      <c r="M4297">
        <v>0</v>
      </c>
      <c r="N4297">
        <v>0</v>
      </c>
      <c r="O4297">
        <v>0</v>
      </c>
      <c r="P4297">
        <v>0</v>
      </c>
      <c r="Q4297">
        <v>0</v>
      </c>
      <c r="R4297">
        <v>0</v>
      </c>
      <c r="S4297">
        <v>0</v>
      </c>
      <c r="T4297">
        <v>0</v>
      </c>
      <c r="U4297">
        <v>0</v>
      </c>
      <c r="V4297">
        <v>0</v>
      </c>
      <c r="W4297">
        <v>1</v>
      </c>
      <c r="X4297">
        <v>0</v>
      </c>
      <c r="Y4297">
        <v>24</v>
      </c>
      <c r="Z4297">
        <v>10</v>
      </c>
      <c r="AA4297">
        <v>110</v>
      </c>
      <c r="AB4297">
        <v>73</v>
      </c>
      <c r="AC4297">
        <v>106</v>
      </c>
      <c r="AD4297">
        <v>37</v>
      </c>
      <c r="AE4297">
        <v>105</v>
      </c>
      <c r="AF4297">
        <v>0</v>
      </c>
      <c r="AG4297">
        <v>50000</v>
      </c>
      <c r="AH4297">
        <v>50000</v>
      </c>
      <c r="AI4297">
        <v>0</v>
      </c>
      <c r="AJ4297">
        <v>0</v>
      </c>
      <c r="AK4297" t="s">
        <v>6</v>
      </c>
      <c r="AL4297">
        <v>0</v>
      </c>
      <c r="AM4297">
        <v>0</v>
      </c>
      <c r="AN4297">
        <v>0</v>
      </c>
      <c r="AO4297">
        <v>0</v>
      </c>
      <c r="AP4297">
        <v>0</v>
      </c>
      <c r="AQ4297">
        <v>0</v>
      </c>
      <c r="AR4297">
        <v>0</v>
      </c>
      <c r="AS4297">
        <v>0</v>
      </c>
      <c r="AT4297">
        <v>0</v>
      </c>
      <c r="AU4297">
        <v>0</v>
      </c>
      <c r="AV4297">
        <v>0</v>
      </c>
      <c r="AW4297">
        <v>0</v>
      </c>
      <c r="AX4297">
        <v>0</v>
      </c>
      <c r="AY4297">
        <v>0</v>
      </c>
      <c r="AZ4297">
        <v>0</v>
      </c>
      <c r="BA4297">
        <v>0</v>
      </c>
    </row>
    <row r="4298" spans="1:53" x14ac:dyDescent="0.4">
      <c r="A4298">
        <v>4342</v>
      </c>
      <c r="B4298" s="1">
        <v>44427</v>
      </c>
      <c r="C4298">
        <v>2</v>
      </c>
      <c r="D4298" s="1">
        <v>44427.40625</v>
      </c>
      <c r="E4298" s="1">
        <v>44427.75277777778</v>
      </c>
      <c r="F4298">
        <v>31240</v>
      </c>
      <c r="G4298">
        <v>1474</v>
      </c>
      <c r="H4298">
        <v>0</v>
      </c>
      <c r="I4298">
        <v>0</v>
      </c>
      <c r="J4298">
        <v>0</v>
      </c>
      <c r="K4298">
        <v>0</v>
      </c>
      <c r="L4298">
        <v>0</v>
      </c>
      <c r="M4298">
        <v>2975</v>
      </c>
      <c r="N4298">
        <v>0</v>
      </c>
      <c r="O4298">
        <v>0</v>
      </c>
      <c r="P4298">
        <v>14470</v>
      </c>
      <c r="Q4298">
        <v>0</v>
      </c>
      <c r="R4298">
        <v>47184</v>
      </c>
      <c r="S4298">
        <v>0</v>
      </c>
      <c r="T4298">
        <v>0</v>
      </c>
      <c r="U4298">
        <v>0</v>
      </c>
      <c r="V4298">
        <v>0</v>
      </c>
      <c r="W4298">
        <v>4</v>
      </c>
      <c r="X4298">
        <v>0</v>
      </c>
      <c r="Y4298">
        <v>50</v>
      </c>
      <c r="Z4298">
        <v>24</v>
      </c>
      <c r="AA4298">
        <v>100</v>
      </c>
      <c r="AB4298">
        <v>70</v>
      </c>
      <c r="AC4298">
        <v>140</v>
      </c>
      <c r="AD4298">
        <v>36</v>
      </c>
      <c r="AE4298">
        <v>104</v>
      </c>
      <c r="AF4298">
        <v>0</v>
      </c>
      <c r="AG4298">
        <v>97184</v>
      </c>
      <c r="AH4298">
        <v>50000</v>
      </c>
      <c r="AI4298">
        <v>0</v>
      </c>
      <c r="AJ4298">
        <v>70</v>
      </c>
      <c r="AK4298" t="s">
        <v>49</v>
      </c>
      <c r="AL4298">
        <v>0</v>
      </c>
      <c r="AM4298">
        <v>0</v>
      </c>
      <c r="AN4298">
        <v>0</v>
      </c>
      <c r="AO4298">
        <v>0</v>
      </c>
      <c r="AP4298">
        <v>0</v>
      </c>
      <c r="AQ4298">
        <v>0</v>
      </c>
      <c r="AR4298">
        <v>0</v>
      </c>
      <c r="AS4298">
        <v>0</v>
      </c>
      <c r="AT4298">
        <v>0</v>
      </c>
      <c r="AU4298">
        <v>0</v>
      </c>
      <c r="AV4298">
        <v>0</v>
      </c>
      <c r="AW4298">
        <v>0</v>
      </c>
      <c r="AX4298">
        <v>440</v>
      </c>
      <c r="AY4298">
        <v>39</v>
      </c>
      <c r="AZ4298">
        <v>71</v>
      </c>
      <c r="BA4298">
        <v>6494</v>
      </c>
    </row>
    <row r="4299" spans="1:53" x14ac:dyDescent="0.4">
      <c r="A4299">
        <v>4343</v>
      </c>
      <c r="B4299" s="1">
        <v>44427</v>
      </c>
      <c r="C4299">
        <v>3</v>
      </c>
      <c r="D4299" s="1">
        <v>44427.75277777778</v>
      </c>
      <c r="E4299" s="1">
        <v>44427.963194444441</v>
      </c>
      <c r="F4299">
        <v>31055</v>
      </c>
      <c r="G4299">
        <v>1430</v>
      </c>
      <c r="H4299">
        <v>0</v>
      </c>
      <c r="I4299">
        <v>0</v>
      </c>
      <c r="J4299">
        <v>0</v>
      </c>
      <c r="K4299">
        <v>0</v>
      </c>
      <c r="L4299">
        <v>0</v>
      </c>
      <c r="M4299">
        <v>2951</v>
      </c>
      <c r="N4299">
        <v>0</v>
      </c>
      <c r="O4299">
        <v>0</v>
      </c>
      <c r="P4299">
        <v>-11390</v>
      </c>
      <c r="Q4299">
        <v>0</v>
      </c>
      <c r="R4299">
        <v>21095</v>
      </c>
      <c r="S4299">
        <v>0</v>
      </c>
      <c r="T4299">
        <v>0</v>
      </c>
      <c r="U4299">
        <v>0</v>
      </c>
      <c r="V4299">
        <v>0</v>
      </c>
      <c r="W4299">
        <v>4</v>
      </c>
      <c r="X4299">
        <v>0</v>
      </c>
      <c r="Y4299">
        <v>62</v>
      </c>
      <c r="Z4299">
        <v>24</v>
      </c>
      <c r="AA4299">
        <v>118</v>
      </c>
      <c r="AB4299">
        <v>70</v>
      </c>
      <c r="AC4299">
        <v>144</v>
      </c>
      <c r="AD4299">
        <v>35</v>
      </c>
      <c r="AE4299">
        <v>108</v>
      </c>
      <c r="AF4299">
        <v>7256</v>
      </c>
      <c r="AG4299">
        <v>118279</v>
      </c>
      <c r="AH4299">
        <v>50000</v>
      </c>
      <c r="AI4299">
        <v>0</v>
      </c>
      <c r="AJ4299">
        <v>108</v>
      </c>
      <c r="AK4299" t="s">
        <v>3</v>
      </c>
      <c r="AL4299">
        <v>0</v>
      </c>
      <c r="AM4299">
        <v>0</v>
      </c>
      <c r="AN4299">
        <v>0</v>
      </c>
      <c r="AO4299">
        <v>0</v>
      </c>
      <c r="AP4299">
        <v>0</v>
      </c>
      <c r="AQ4299">
        <v>0</v>
      </c>
      <c r="AR4299">
        <v>0</v>
      </c>
      <c r="AS4299">
        <v>0</v>
      </c>
      <c r="AT4299">
        <v>0</v>
      </c>
      <c r="AU4299">
        <v>0</v>
      </c>
      <c r="AV4299">
        <v>0</v>
      </c>
      <c r="AW4299">
        <v>0</v>
      </c>
      <c r="AX4299">
        <v>0</v>
      </c>
      <c r="AY4299">
        <v>8</v>
      </c>
      <c r="AZ4299">
        <v>17</v>
      </c>
      <c r="BA4299">
        <v>1701</v>
      </c>
    </row>
    <row r="4300" spans="1:53" x14ac:dyDescent="0.4">
      <c r="A4300">
        <v>4344</v>
      </c>
      <c r="B4300" s="1">
        <v>44428</v>
      </c>
      <c r="C4300">
        <v>1</v>
      </c>
      <c r="D4300" s="1">
        <v>44428.291666666664</v>
      </c>
      <c r="E4300" s="1">
        <v>44428.404166666667</v>
      </c>
      <c r="F4300">
        <v>0</v>
      </c>
      <c r="G4300">
        <v>0</v>
      </c>
      <c r="H4300">
        <v>0</v>
      </c>
      <c r="I4300">
        <v>0</v>
      </c>
      <c r="J4300">
        <v>0</v>
      </c>
      <c r="K4300">
        <v>0</v>
      </c>
      <c r="L4300">
        <v>0</v>
      </c>
      <c r="M4300">
        <v>0</v>
      </c>
      <c r="N4300">
        <v>0</v>
      </c>
      <c r="O4300">
        <v>0</v>
      </c>
      <c r="P4300">
        <v>0</v>
      </c>
      <c r="Q4300">
        <v>0</v>
      </c>
      <c r="R4300">
        <v>0</v>
      </c>
      <c r="S4300">
        <v>0</v>
      </c>
      <c r="T4300">
        <v>0</v>
      </c>
      <c r="U4300">
        <v>0</v>
      </c>
      <c r="V4300">
        <v>0</v>
      </c>
      <c r="W4300">
        <v>1</v>
      </c>
      <c r="X4300">
        <v>0</v>
      </c>
      <c r="Y4300">
        <v>25</v>
      </c>
      <c r="Z4300">
        <v>10</v>
      </c>
      <c r="AA4300">
        <v>107</v>
      </c>
      <c r="AB4300">
        <v>62</v>
      </c>
      <c r="AC4300">
        <v>92</v>
      </c>
      <c r="AD4300">
        <v>35</v>
      </c>
      <c r="AE4300">
        <v>105</v>
      </c>
      <c r="AF4300">
        <v>0</v>
      </c>
      <c r="AG4300">
        <v>50000</v>
      </c>
      <c r="AH4300">
        <v>50000</v>
      </c>
      <c r="AI4300">
        <v>0</v>
      </c>
      <c r="AJ4300">
        <v>0</v>
      </c>
      <c r="AK4300" t="s">
        <v>6</v>
      </c>
      <c r="AL4300">
        <v>0</v>
      </c>
      <c r="AM4300">
        <v>0</v>
      </c>
      <c r="AN4300">
        <v>0</v>
      </c>
      <c r="AO4300">
        <v>0</v>
      </c>
      <c r="AP4300">
        <v>0</v>
      </c>
      <c r="AQ4300">
        <v>0</v>
      </c>
      <c r="AR4300">
        <v>0</v>
      </c>
      <c r="AS4300">
        <v>0</v>
      </c>
      <c r="AT4300">
        <v>0</v>
      </c>
      <c r="AU4300">
        <v>0</v>
      </c>
      <c r="AV4300">
        <v>0</v>
      </c>
      <c r="AW4300">
        <v>0</v>
      </c>
      <c r="AX4300">
        <v>0</v>
      </c>
      <c r="AY4300">
        <v>0</v>
      </c>
      <c r="AZ4300">
        <v>0</v>
      </c>
      <c r="BA4300">
        <v>0</v>
      </c>
    </row>
    <row r="4301" spans="1:53" x14ac:dyDescent="0.4">
      <c r="A4301">
        <v>4345</v>
      </c>
      <c r="B4301" s="1">
        <v>44428</v>
      </c>
      <c r="C4301">
        <v>2</v>
      </c>
      <c r="D4301" s="1">
        <v>44428.404166666667</v>
      </c>
      <c r="E4301" s="1">
        <v>44428.754861111112</v>
      </c>
      <c r="F4301">
        <v>27030</v>
      </c>
      <c r="G4301">
        <v>440</v>
      </c>
      <c r="H4301">
        <v>0</v>
      </c>
      <c r="I4301">
        <v>0</v>
      </c>
      <c r="J4301">
        <v>140</v>
      </c>
      <c r="K4301">
        <v>0</v>
      </c>
      <c r="L4301">
        <v>0</v>
      </c>
      <c r="M4301">
        <v>2482</v>
      </c>
      <c r="N4301">
        <v>0</v>
      </c>
      <c r="O4301">
        <v>0</v>
      </c>
      <c r="P4301">
        <v>8510</v>
      </c>
      <c r="Q4301">
        <v>0</v>
      </c>
      <c r="R4301">
        <v>35840</v>
      </c>
      <c r="S4301">
        <v>0</v>
      </c>
      <c r="T4301">
        <v>0</v>
      </c>
      <c r="U4301">
        <v>0</v>
      </c>
      <c r="V4301">
        <v>0</v>
      </c>
      <c r="W4301">
        <v>2</v>
      </c>
      <c r="X4301">
        <v>0</v>
      </c>
      <c r="Y4301">
        <v>52</v>
      </c>
      <c r="Z4301">
        <v>15</v>
      </c>
      <c r="AA4301">
        <v>98</v>
      </c>
      <c r="AB4301">
        <v>65</v>
      </c>
      <c r="AC4301">
        <v>106</v>
      </c>
      <c r="AD4301">
        <v>35</v>
      </c>
      <c r="AE4301">
        <v>105</v>
      </c>
      <c r="AF4301">
        <v>1950</v>
      </c>
      <c r="AG4301">
        <v>85840</v>
      </c>
      <c r="AH4301">
        <v>50000</v>
      </c>
      <c r="AI4301">
        <v>0</v>
      </c>
      <c r="AJ4301">
        <v>102</v>
      </c>
      <c r="AK4301" t="s">
        <v>50</v>
      </c>
      <c r="AL4301">
        <v>0</v>
      </c>
      <c r="AM4301">
        <v>0</v>
      </c>
      <c r="AN4301">
        <v>0</v>
      </c>
      <c r="AO4301">
        <v>0</v>
      </c>
      <c r="AP4301">
        <v>0</v>
      </c>
      <c r="AQ4301">
        <v>0</v>
      </c>
      <c r="AR4301">
        <v>0</v>
      </c>
      <c r="AS4301">
        <v>0</v>
      </c>
      <c r="AT4301">
        <v>0</v>
      </c>
      <c r="AU4301">
        <v>0</v>
      </c>
      <c r="AV4301">
        <v>0</v>
      </c>
      <c r="AW4301">
        <v>0</v>
      </c>
      <c r="AX4301">
        <v>1188</v>
      </c>
      <c r="AY4301">
        <v>31</v>
      </c>
      <c r="AZ4301">
        <v>58</v>
      </c>
      <c r="BA4301">
        <v>4932</v>
      </c>
    </row>
    <row r="4302" spans="1:53" x14ac:dyDescent="0.4">
      <c r="A4302">
        <v>4346</v>
      </c>
      <c r="B4302" s="1">
        <v>44428</v>
      </c>
      <c r="C4302">
        <v>3</v>
      </c>
      <c r="D4302" s="1">
        <v>44428.754861111112</v>
      </c>
      <c r="E4302" s="1">
        <v>44429.001388888886</v>
      </c>
      <c r="F4302">
        <v>52460</v>
      </c>
      <c r="G4302">
        <v>2981</v>
      </c>
      <c r="H4302">
        <v>0</v>
      </c>
      <c r="I4302">
        <v>0</v>
      </c>
      <c r="J4302">
        <v>0</v>
      </c>
      <c r="K4302">
        <v>0</v>
      </c>
      <c r="L4302">
        <v>0</v>
      </c>
      <c r="M4302">
        <v>5040</v>
      </c>
      <c r="N4302">
        <v>0</v>
      </c>
      <c r="O4302">
        <v>0</v>
      </c>
      <c r="P4302">
        <v>-8510</v>
      </c>
      <c r="Q4302">
        <v>0</v>
      </c>
      <c r="R4302">
        <v>46931</v>
      </c>
      <c r="S4302">
        <v>0</v>
      </c>
      <c r="T4302">
        <v>0</v>
      </c>
      <c r="U4302">
        <v>0</v>
      </c>
      <c r="V4302">
        <v>0</v>
      </c>
      <c r="W4302">
        <v>5</v>
      </c>
      <c r="X4302">
        <v>0</v>
      </c>
      <c r="Y4302">
        <v>49</v>
      </c>
      <c r="Z4302">
        <v>15</v>
      </c>
      <c r="AA4302">
        <v>111</v>
      </c>
      <c r="AB4302">
        <v>66</v>
      </c>
      <c r="AC4302">
        <v>106</v>
      </c>
      <c r="AD4302">
        <v>35</v>
      </c>
      <c r="AE4302">
        <v>107</v>
      </c>
      <c r="AF4302">
        <v>35529</v>
      </c>
      <c r="AG4302">
        <v>132771</v>
      </c>
      <c r="AH4302">
        <v>50000</v>
      </c>
      <c r="AI4302">
        <v>0</v>
      </c>
      <c r="AJ4302">
        <v>95</v>
      </c>
      <c r="AK4302" t="s">
        <v>21</v>
      </c>
      <c r="AL4302">
        <v>0</v>
      </c>
      <c r="AM4302">
        <v>0</v>
      </c>
      <c r="AN4302">
        <v>0</v>
      </c>
      <c r="AO4302">
        <v>0</v>
      </c>
      <c r="AP4302">
        <v>0</v>
      </c>
      <c r="AQ4302">
        <v>0</v>
      </c>
      <c r="AR4302">
        <v>0</v>
      </c>
      <c r="AS4302">
        <v>0</v>
      </c>
      <c r="AT4302">
        <v>0</v>
      </c>
      <c r="AU4302">
        <v>0</v>
      </c>
      <c r="AV4302">
        <v>0</v>
      </c>
      <c r="AW4302">
        <v>0</v>
      </c>
      <c r="AX4302">
        <v>0</v>
      </c>
      <c r="AY4302">
        <v>7</v>
      </c>
      <c r="AZ4302">
        <v>15</v>
      </c>
      <c r="BA4302">
        <v>1504</v>
      </c>
    </row>
    <row r="4303" spans="1:53" x14ac:dyDescent="0.4">
      <c r="A4303">
        <v>4347</v>
      </c>
      <c r="B4303" s="1">
        <v>44429</v>
      </c>
      <c r="C4303">
        <v>1</v>
      </c>
      <c r="D4303" s="1">
        <v>44429.291666666664</v>
      </c>
      <c r="E4303" s="1">
        <v>44429.402083333334</v>
      </c>
      <c r="F4303">
        <v>0</v>
      </c>
      <c r="G4303">
        <v>0</v>
      </c>
      <c r="H4303">
        <v>0</v>
      </c>
      <c r="I4303">
        <v>0</v>
      </c>
      <c r="J4303">
        <v>0</v>
      </c>
      <c r="K4303">
        <v>0</v>
      </c>
      <c r="L4303">
        <v>0</v>
      </c>
      <c r="M4303">
        <v>0</v>
      </c>
      <c r="N4303">
        <v>0</v>
      </c>
      <c r="O4303">
        <v>0</v>
      </c>
      <c r="P4303">
        <v>0</v>
      </c>
      <c r="Q4303">
        <v>0</v>
      </c>
      <c r="R4303">
        <v>0</v>
      </c>
      <c r="S4303">
        <v>0</v>
      </c>
      <c r="T4303">
        <v>0</v>
      </c>
      <c r="U4303">
        <v>0</v>
      </c>
      <c r="V4303">
        <v>0</v>
      </c>
      <c r="W4303">
        <v>1</v>
      </c>
      <c r="X4303">
        <v>0</v>
      </c>
      <c r="Y4303">
        <v>25</v>
      </c>
      <c r="Z4303">
        <v>11</v>
      </c>
      <c r="AA4303">
        <v>101</v>
      </c>
      <c r="AB4303">
        <v>62</v>
      </c>
      <c r="AC4303">
        <v>102</v>
      </c>
      <c r="AD4303">
        <v>35</v>
      </c>
      <c r="AE4303">
        <v>105</v>
      </c>
      <c r="AF4303">
        <v>0</v>
      </c>
      <c r="AG4303">
        <v>50000</v>
      </c>
      <c r="AH4303">
        <v>50000</v>
      </c>
      <c r="AI4303">
        <v>0</v>
      </c>
      <c r="AJ4303">
        <v>0</v>
      </c>
      <c r="AK4303" t="s">
        <v>6</v>
      </c>
      <c r="AL4303">
        <v>0</v>
      </c>
      <c r="AM4303">
        <v>0</v>
      </c>
      <c r="AN4303">
        <v>0</v>
      </c>
      <c r="AO4303">
        <v>0</v>
      </c>
      <c r="AP4303">
        <v>0</v>
      </c>
      <c r="AQ4303">
        <v>0</v>
      </c>
      <c r="AR4303">
        <v>0</v>
      </c>
      <c r="AS4303">
        <v>0</v>
      </c>
      <c r="AT4303">
        <v>0</v>
      </c>
      <c r="AU4303">
        <v>0</v>
      </c>
      <c r="AV4303">
        <v>0</v>
      </c>
      <c r="AW4303">
        <v>0</v>
      </c>
      <c r="AX4303">
        <v>0</v>
      </c>
      <c r="AY4303">
        <v>0</v>
      </c>
      <c r="AZ4303">
        <v>0</v>
      </c>
      <c r="BA4303">
        <v>0</v>
      </c>
    </row>
    <row r="4304" spans="1:53" x14ac:dyDescent="0.4">
      <c r="A4304">
        <v>4348</v>
      </c>
      <c r="B4304" s="1">
        <v>44429</v>
      </c>
      <c r="C4304">
        <v>2</v>
      </c>
      <c r="D4304" s="1">
        <v>44429.402083333334</v>
      </c>
      <c r="E4304" s="1">
        <v>44429.763888888891</v>
      </c>
      <c r="F4304">
        <v>34705</v>
      </c>
      <c r="G4304">
        <v>3014</v>
      </c>
      <c r="H4304">
        <v>0</v>
      </c>
      <c r="I4304">
        <v>0</v>
      </c>
      <c r="J4304">
        <v>0</v>
      </c>
      <c r="K4304">
        <v>0</v>
      </c>
      <c r="L4304">
        <v>0</v>
      </c>
      <c r="M4304">
        <v>3425</v>
      </c>
      <c r="N4304">
        <v>0</v>
      </c>
      <c r="O4304">
        <v>0</v>
      </c>
      <c r="P4304">
        <v>9020</v>
      </c>
      <c r="Q4304">
        <v>0</v>
      </c>
      <c r="R4304">
        <v>46739</v>
      </c>
      <c r="S4304">
        <v>0</v>
      </c>
      <c r="T4304">
        <v>0</v>
      </c>
      <c r="U4304">
        <v>0</v>
      </c>
      <c r="V4304">
        <v>1</v>
      </c>
      <c r="W4304">
        <v>1</v>
      </c>
      <c r="X4304">
        <v>0</v>
      </c>
      <c r="Y4304">
        <v>45</v>
      </c>
      <c r="Z4304">
        <v>24</v>
      </c>
      <c r="AA4304">
        <v>120</v>
      </c>
      <c r="AB4304">
        <v>72</v>
      </c>
      <c r="AC4304">
        <v>139</v>
      </c>
      <c r="AD4304">
        <v>36</v>
      </c>
      <c r="AE4304">
        <v>108</v>
      </c>
      <c r="AF4304">
        <v>7461</v>
      </c>
      <c r="AG4304">
        <v>96739</v>
      </c>
      <c r="AH4304">
        <v>50000</v>
      </c>
      <c r="AI4304">
        <v>0</v>
      </c>
      <c r="AJ4304">
        <v>70</v>
      </c>
      <c r="AK4304" t="s">
        <v>49</v>
      </c>
      <c r="AL4304">
        <v>0</v>
      </c>
      <c r="AM4304">
        <v>0</v>
      </c>
      <c r="AN4304">
        <v>0</v>
      </c>
      <c r="AO4304">
        <v>0</v>
      </c>
      <c r="AP4304">
        <v>0</v>
      </c>
      <c r="AQ4304">
        <v>0</v>
      </c>
      <c r="AR4304">
        <v>0</v>
      </c>
      <c r="AS4304">
        <v>0</v>
      </c>
      <c r="AT4304">
        <v>0</v>
      </c>
      <c r="AU4304">
        <v>0</v>
      </c>
      <c r="AV4304">
        <v>0</v>
      </c>
      <c r="AW4304">
        <v>0</v>
      </c>
      <c r="AX4304">
        <v>0</v>
      </c>
      <c r="AY4304">
        <v>40</v>
      </c>
      <c r="AZ4304">
        <v>75</v>
      </c>
      <c r="BA4304">
        <v>6600</v>
      </c>
    </row>
    <row r="4305" spans="1:53" x14ac:dyDescent="0.4">
      <c r="A4305">
        <v>4349</v>
      </c>
      <c r="B4305" s="1">
        <v>44429</v>
      </c>
      <c r="C4305">
        <v>3</v>
      </c>
      <c r="D4305" s="1">
        <v>44429.763888888891</v>
      </c>
      <c r="E4305" s="1">
        <v>44430.0625</v>
      </c>
      <c r="F4305">
        <v>49620</v>
      </c>
      <c r="G4305">
        <v>2856</v>
      </c>
      <c r="H4305">
        <v>0</v>
      </c>
      <c r="I4305">
        <v>0</v>
      </c>
      <c r="J4305">
        <v>0</v>
      </c>
      <c r="K4305">
        <v>0</v>
      </c>
      <c r="L4305">
        <v>0</v>
      </c>
      <c r="M4305">
        <v>4770</v>
      </c>
      <c r="N4305">
        <v>0</v>
      </c>
      <c r="O4305">
        <v>0</v>
      </c>
      <c r="P4305">
        <v>5780</v>
      </c>
      <c r="Q4305">
        <v>0</v>
      </c>
      <c r="R4305">
        <v>58256</v>
      </c>
      <c r="S4305">
        <v>0</v>
      </c>
      <c r="T4305">
        <v>0</v>
      </c>
      <c r="U4305">
        <v>0</v>
      </c>
      <c r="V4305">
        <v>3</v>
      </c>
      <c r="W4305">
        <v>4</v>
      </c>
      <c r="X4305">
        <v>0</v>
      </c>
      <c r="Y4305">
        <v>54</v>
      </c>
      <c r="Z4305">
        <v>26</v>
      </c>
      <c r="AA4305">
        <v>100</v>
      </c>
      <c r="AB4305">
        <v>67</v>
      </c>
      <c r="AC4305">
        <v>125</v>
      </c>
      <c r="AD4305">
        <v>36</v>
      </c>
      <c r="AE4305">
        <v>108</v>
      </c>
      <c r="AF4305">
        <v>23107</v>
      </c>
      <c r="AG4305">
        <v>154995</v>
      </c>
      <c r="AH4305">
        <v>50000</v>
      </c>
      <c r="AI4305">
        <v>0</v>
      </c>
      <c r="AJ4305">
        <v>114</v>
      </c>
      <c r="AK4305" t="s">
        <v>53</v>
      </c>
      <c r="AL4305">
        <v>0</v>
      </c>
      <c r="AM4305">
        <v>0</v>
      </c>
      <c r="AN4305">
        <v>0</v>
      </c>
      <c r="AO4305">
        <v>0</v>
      </c>
      <c r="AP4305">
        <v>0</v>
      </c>
      <c r="AQ4305">
        <v>0</v>
      </c>
      <c r="AR4305">
        <v>0</v>
      </c>
      <c r="AS4305">
        <v>0</v>
      </c>
      <c r="AT4305">
        <v>0</v>
      </c>
      <c r="AU4305">
        <v>0</v>
      </c>
      <c r="AV4305">
        <v>0</v>
      </c>
      <c r="AW4305">
        <v>0</v>
      </c>
      <c r="AX4305">
        <v>2880</v>
      </c>
      <c r="AY4305">
        <v>12</v>
      </c>
      <c r="AZ4305">
        <v>34</v>
      </c>
      <c r="BA4305">
        <v>1870</v>
      </c>
    </row>
    <row r="4306" spans="1:53" x14ac:dyDescent="0.4">
      <c r="A4306">
        <v>4350</v>
      </c>
      <c r="B4306" s="1">
        <v>44430</v>
      </c>
      <c r="C4306">
        <v>1</v>
      </c>
      <c r="D4306" s="1">
        <v>44430.291666666664</v>
      </c>
      <c r="E4306" s="1">
        <v>44430.399305555555</v>
      </c>
      <c r="F4306">
        <v>0</v>
      </c>
      <c r="G4306">
        <v>0</v>
      </c>
      <c r="H4306">
        <v>0</v>
      </c>
      <c r="I4306">
        <v>0</v>
      </c>
      <c r="J4306">
        <v>0</v>
      </c>
      <c r="K4306">
        <v>0</v>
      </c>
      <c r="L4306">
        <v>0</v>
      </c>
      <c r="M4306">
        <v>0</v>
      </c>
      <c r="N4306">
        <v>0</v>
      </c>
      <c r="O4306">
        <v>0</v>
      </c>
      <c r="P4306">
        <v>0</v>
      </c>
      <c r="Q4306">
        <v>0</v>
      </c>
      <c r="R4306">
        <v>0</v>
      </c>
      <c r="S4306">
        <v>0</v>
      </c>
      <c r="T4306">
        <v>0</v>
      </c>
      <c r="U4306">
        <v>0</v>
      </c>
      <c r="V4306">
        <v>0</v>
      </c>
      <c r="W4306">
        <v>1</v>
      </c>
      <c r="X4306">
        <v>0</v>
      </c>
      <c r="Y4306">
        <v>25</v>
      </c>
      <c r="Z4306">
        <v>10</v>
      </c>
      <c r="AA4306">
        <v>106</v>
      </c>
      <c r="AB4306">
        <v>64</v>
      </c>
      <c r="AC4306">
        <v>89</v>
      </c>
      <c r="AD4306">
        <v>39</v>
      </c>
      <c r="AE4306">
        <v>115</v>
      </c>
      <c r="AF4306">
        <v>0</v>
      </c>
      <c r="AG4306">
        <v>50000</v>
      </c>
      <c r="AH4306">
        <v>50000</v>
      </c>
      <c r="AI4306">
        <v>0</v>
      </c>
      <c r="AJ4306">
        <v>0</v>
      </c>
      <c r="AK4306" t="s">
        <v>6</v>
      </c>
      <c r="AL4306">
        <v>0</v>
      </c>
      <c r="AM4306">
        <v>0</v>
      </c>
      <c r="AN4306">
        <v>0</v>
      </c>
      <c r="AO4306">
        <v>0</v>
      </c>
      <c r="AP4306">
        <v>0</v>
      </c>
      <c r="AQ4306">
        <v>0</v>
      </c>
      <c r="AR4306">
        <v>0</v>
      </c>
      <c r="AS4306">
        <v>0</v>
      </c>
      <c r="AT4306">
        <v>0</v>
      </c>
      <c r="AU4306">
        <v>0</v>
      </c>
      <c r="AV4306">
        <v>0</v>
      </c>
      <c r="AW4306">
        <v>0</v>
      </c>
      <c r="AX4306">
        <v>0</v>
      </c>
      <c r="AY4306">
        <v>0</v>
      </c>
      <c r="AZ4306">
        <v>0</v>
      </c>
      <c r="BA4306">
        <v>0</v>
      </c>
    </row>
    <row r="4307" spans="1:53" x14ac:dyDescent="0.4">
      <c r="A4307">
        <v>4351</v>
      </c>
      <c r="B4307" s="1">
        <v>44430</v>
      </c>
      <c r="C4307">
        <v>2</v>
      </c>
      <c r="D4307" s="1">
        <v>44430.399305555555</v>
      </c>
      <c r="E4307" s="1">
        <v>44430.775000000001</v>
      </c>
      <c r="F4307">
        <v>27095</v>
      </c>
      <c r="G4307">
        <v>1782</v>
      </c>
      <c r="H4307">
        <v>0</v>
      </c>
      <c r="I4307">
        <v>0</v>
      </c>
      <c r="J4307">
        <v>0</v>
      </c>
      <c r="K4307">
        <v>0</v>
      </c>
      <c r="L4307">
        <v>0</v>
      </c>
      <c r="M4307">
        <v>2624</v>
      </c>
      <c r="N4307">
        <v>0</v>
      </c>
      <c r="O4307">
        <v>0</v>
      </c>
      <c r="P4307">
        <v>6990</v>
      </c>
      <c r="Q4307">
        <v>0</v>
      </c>
      <c r="R4307">
        <v>35867</v>
      </c>
      <c r="S4307">
        <v>0</v>
      </c>
      <c r="T4307">
        <v>0</v>
      </c>
      <c r="U4307">
        <v>0</v>
      </c>
      <c r="V4307">
        <v>2</v>
      </c>
      <c r="W4307">
        <v>0</v>
      </c>
      <c r="X4307">
        <v>0</v>
      </c>
      <c r="Y4307">
        <v>40</v>
      </c>
      <c r="Z4307">
        <v>19</v>
      </c>
      <c r="AA4307">
        <v>111</v>
      </c>
      <c r="AB4307">
        <v>64</v>
      </c>
      <c r="AC4307">
        <v>116</v>
      </c>
      <c r="AD4307">
        <v>39</v>
      </c>
      <c r="AE4307">
        <v>118</v>
      </c>
      <c r="AF4307">
        <v>594</v>
      </c>
      <c r="AG4307">
        <v>85867</v>
      </c>
      <c r="AH4307">
        <v>50000</v>
      </c>
      <c r="AI4307">
        <v>0</v>
      </c>
      <c r="AJ4307">
        <v>70</v>
      </c>
      <c r="AK4307" t="s">
        <v>49</v>
      </c>
      <c r="AL4307">
        <v>0</v>
      </c>
      <c r="AM4307">
        <v>0</v>
      </c>
      <c r="AN4307">
        <v>0</v>
      </c>
      <c r="AO4307">
        <v>0</v>
      </c>
      <c r="AP4307">
        <v>0</v>
      </c>
      <c r="AQ4307">
        <v>0</v>
      </c>
      <c r="AR4307">
        <v>0</v>
      </c>
      <c r="AS4307">
        <v>0</v>
      </c>
      <c r="AT4307">
        <v>0</v>
      </c>
      <c r="AU4307">
        <v>0</v>
      </c>
      <c r="AV4307">
        <v>0</v>
      </c>
      <c r="AW4307">
        <v>0</v>
      </c>
      <c r="AX4307">
        <v>0</v>
      </c>
      <c r="AY4307">
        <v>33</v>
      </c>
      <c r="AZ4307">
        <v>67</v>
      </c>
      <c r="BA4307">
        <v>4706</v>
      </c>
    </row>
    <row r="4308" spans="1:53" x14ac:dyDescent="0.4">
      <c r="A4308">
        <v>4352</v>
      </c>
      <c r="B4308" s="1">
        <v>44432</v>
      </c>
      <c r="C4308">
        <v>1</v>
      </c>
      <c r="D4308" s="1">
        <v>44432.291666666664</v>
      </c>
      <c r="E4308" s="1">
        <v>44432.390277777777</v>
      </c>
      <c r="F4308">
        <v>0</v>
      </c>
      <c r="G4308">
        <v>0</v>
      </c>
      <c r="H4308">
        <v>0</v>
      </c>
      <c r="I4308">
        <v>0</v>
      </c>
      <c r="J4308">
        <v>0</v>
      </c>
      <c r="K4308">
        <v>0</v>
      </c>
      <c r="L4308">
        <v>0</v>
      </c>
      <c r="M4308">
        <v>0</v>
      </c>
      <c r="N4308">
        <v>0</v>
      </c>
      <c r="O4308">
        <v>0</v>
      </c>
      <c r="P4308">
        <v>0</v>
      </c>
      <c r="Q4308">
        <v>0</v>
      </c>
      <c r="R4308">
        <v>0</v>
      </c>
      <c r="S4308">
        <v>0</v>
      </c>
      <c r="T4308">
        <v>0</v>
      </c>
      <c r="U4308">
        <v>0</v>
      </c>
      <c r="V4308">
        <v>0</v>
      </c>
      <c r="W4308">
        <v>0</v>
      </c>
      <c r="X4308">
        <v>0</v>
      </c>
      <c r="Y4308">
        <v>30</v>
      </c>
      <c r="Z4308">
        <v>6</v>
      </c>
      <c r="AA4308">
        <v>129</v>
      </c>
      <c r="AB4308">
        <v>61</v>
      </c>
      <c r="AC4308">
        <v>74</v>
      </c>
      <c r="AD4308">
        <v>41</v>
      </c>
      <c r="AE4308">
        <v>105</v>
      </c>
      <c r="AF4308">
        <v>0</v>
      </c>
      <c r="AG4308">
        <v>50000</v>
      </c>
      <c r="AH4308">
        <v>50000</v>
      </c>
      <c r="AI4308">
        <v>0</v>
      </c>
      <c r="AJ4308">
        <v>0</v>
      </c>
      <c r="AK4308" t="s">
        <v>6</v>
      </c>
      <c r="AL4308">
        <v>0</v>
      </c>
      <c r="AM4308">
        <v>0</v>
      </c>
      <c r="AN4308">
        <v>0</v>
      </c>
      <c r="AO4308">
        <v>0</v>
      </c>
      <c r="AP4308">
        <v>0</v>
      </c>
      <c r="AQ4308">
        <v>0</v>
      </c>
      <c r="AR4308">
        <v>0</v>
      </c>
      <c r="AS4308">
        <v>0</v>
      </c>
      <c r="AT4308">
        <v>0</v>
      </c>
      <c r="AU4308">
        <v>0</v>
      </c>
      <c r="AV4308">
        <v>0</v>
      </c>
      <c r="AW4308">
        <v>0</v>
      </c>
      <c r="AX4308">
        <v>0</v>
      </c>
      <c r="AY4308">
        <v>0</v>
      </c>
      <c r="AZ4308">
        <v>0</v>
      </c>
      <c r="BA4308">
        <v>0</v>
      </c>
    </row>
    <row r="4309" spans="1:53" x14ac:dyDescent="0.4">
      <c r="A4309">
        <v>4353</v>
      </c>
      <c r="B4309" s="1">
        <v>44433</v>
      </c>
      <c r="C4309">
        <v>1</v>
      </c>
      <c r="D4309" s="1">
        <v>44433.291666666664</v>
      </c>
      <c r="E4309" s="1">
        <v>44433.404166666667</v>
      </c>
      <c r="F4309">
        <v>0</v>
      </c>
      <c r="G4309">
        <v>0</v>
      </c>
      <c r="H4309">
        <v>0</v>
      </c>
      <c r="I4309">
        <v>0</v>
      </c>
      <c r="J4309">
        <v>0</v>
      </c>
      <c r="K4309">
        <v>0</v>
      </c>
      <c r="L4309">
        <v>0</v>
      </c>
      <c r="M4309">
        <v>0</v>
      </c>
      <c r="N4309">
        <v>0</v>
      </c>
      <c r="O4309">
        <v>0</v>
      </c>
      <c r="P4309">
        <v>0</v>
      </c>
      <c r="Q4309">
        <v>0</v>
      </c>
      <c r="R4309">
        <v>0</v>
      </c>
      <c r="S4309">
        <v>0</v>
      </c>
      <c r="T4309">
        <v>0</v>
      </c>
      <c r="U4309">
        <v>0</v>
      </c>
      <c r="V4309">
        <v>0</v>
      </c>
      <c r="W4309">
        <v>0</v>
      </c>
      <c r="X4309">
        <v>0</v>
      </c>
      <c r="Y4309">
        <v>27</v>
      </c>
      <c r="Z4309">
        <v>10</v>
      </c>
      <c r="AA4309">
        <v>135</v>
      </c>
      <c r="AB4309">
        <v>68</v>
      </c>
      <c r="AC4309">
        <v>79</v>
      </c>
      <c r="AD4309">
        <v>40</v>
      </c>
      <c r="AE4309">
        <v>110</v>
      </c>
      <c r="AF4309">
        <v>0</v>
      </c>
      <c r="AG4309">
        <v>50000</v>
      </c>
      <c r="AH4309">
        <v>50000</v>
      </c>
      <c r="AI4309">
        <v>0</v>
      </c>
      <c r="AJ4309">
        <v>0</v>
      </c>
      <c r="AK4309" t="s">
        <v>6</v>
      </c>
      <c r="AL4309">
        <v>0</v>
      </c>
      <c r="AM4309">
        <v>0</v>
      </c>
      <c r="AN4309">
        <v>0</v>
      </c>
      <c r="AO4309">
        <v>0</v>
      </c>
      <c r="AP4309">
        <v>0</v>
      </c>
      <c r="AQ4309">
        <v>0</v>
      </c>
      <c r="AR4309">
        <v>0</v>
      </c>
      <c r="AS4309">
        <v>0</v>
      </c>
      <c r="AT4309">
        <v>0</v>
      </c>
      <c r="AU4309">
        <v>0</v>
      </c>
      <c r="AV4309">
        <v>0</v>
      </c>
      <c r="AW4309">
        <v>0</v>
      </c>
      <c r="AX4309">
        <v>0</v>
      </c>
      <c r="AY4309">
        <v>0</v>
      </c>
      <c r="AZ4309">
        <v>0</v>
      </c>
      <c r="BA4309">
        <v>0</v>
      </c>
    </row>
    <row r="4310" spans="1:53" x14ac:dyDescent="0.4">
      <c r="A4310">
        <v>4354</v>
      </c>
      <c r="B4310" s="1">
        <v>44434</v>
      </c>
      <c r="C4310">
        <v>1</v>
      </c>
      <c r="D4310" s="1">
        <v>44434.291666666664</v>
      </c>
      <c r="E4310" s="1">
        <v>44434.402083333334</v>
      </c>
      <c r="F4310">
        <v>0</v>
      </c>
      <c r="G4310">
        <v>0</v>
      </c>
      <c r="H4310">
        <v>0</v>
      </c>
      <c r="I4310">
        <v>0</v>
      </c>
      <c r="J4310">
        <v>0</v>
      </c>
      <c r="K4310">
        <v>0</v>
      </c>
      <c r="L4310">
        <v>0</v>
      </c>
      <c r="M4310">
        <v>0</v>
      </c>
      <c r="N4310">
        <v>0</v>
      </c>
      <c r="O4310">
        <v>0</v>
      </c>
      <c r="P4310">
        <v>0</v>
      </c>
      <c r="Q4310">
        <v>0</v>
      </c>
      <c r="R4310">
        <v>0</v>
      </c>
      <c r="S4310">
        <v>0</v>
      </c>
      <c r="T4310">
        <v>0</v>
      </c>
      <c r="U4310">
        <v>0</v>
      </c>
      <c r="V4310">
        <v>0</v>
      </c>
      <c r="W4310">
        <v>1</v>
      </c>
      <c r="X4310">
        <v>0</v>
      </c>
      <c r="Y4310">
        <v>25</v>
      </c>
      <c r="Z4310">
        <v>10</v>
      </c>
      <c r="AA4310">
        <v>109</v>
      </c>
      <c r="AB4310">
        <v>66</v>
      </c>
      <c r="AC4310">
        <v>50</v>
      </c>
      <c r="AD4310">
        <v>39</v>
      </c>
      <c r="AE4310">
        <v>105</v>
      </c>
      <c r="AF4310">
        <v>0</v>
      </c>
      <c r="AG4310">
        <v>50000</v>
      </c>
      <c r="AH4310">
        <v>50000</v>
      </c>
      <c r="AI4310">
        <v>0</v>
      </c>
      <c r="AJ4310">
        <v>0</v>
      </c>
      <c r="AK4310" t="s">
        <v>6</v>
      </c>
      <c r="AL4310">
        <v>0</v>
      </c>
      <c r="AM4310">
        <v>0</v>
      </c>
      <c r="AN4310">
        <v>0</v>
      </c>
      <c r="AO4310">
        <v>0</v>
      </c>
      <c r="AP4310">
        <v>0</v>
      </c>
      <c r="AQ4310">
        <v>0</v>
      </c>
      <c r="AR4310">
        <v>0</v>
      </c>
      <c r="AS4310">
        <v>0</v>
      </c>
      <c r="AT4310">
        <v>0</v>
      </c>
      <c r="AU4310">
        <v>0</v>
      </c>
      <c r="AV4310">
        <v>0</v>
      </c>
      <c r="AW4310">
        <v>0</v>
      </c>
      <c r="AX4310">
        <v>0</v>
      </c>
      <c r="AY4310">
        <v>0</v>
      </c>
      <c r="AZ4310">
        <v>0</v>
      </c>
      <c r="BA4310">
        <v>0</v>
      </c>
    </row>
    <row r="4311" spans="1:53" x14ac:dyDescent="0.4">
      <c r="A4311">
        <v>4355</v>
      </c>
      <c r="B4311" s="1">
        <v>44470</v>
      </c>
      <c r="C4311">
        <v>1</v>
      </c>
      <c r="D4311" s="1">
        <v>44470.291666666664</v>
      </c>
      <c r="E4311" s="1">
        <v>44470.436805555553</v>
      </c>
      <c r="F4311">
        <v>0</v>
      </c>
      <c r="G4311">
        <v>0</v>
      </c>
      <c r="H4311">
        <v>0</v>
      </c>
      <c r="I4311">
        <v>0</v>
      </c>
      <c r="J4311">
        <v>0</v>
      </c>
      <c r="K4311">
        <v>0</v>
      </c>
      <c r="L4311">
        <v>0</v>
      </c>
      <c r="M4311">
        <v>0</v>
      </c>
      <c r="N4311">
        <v>0</v>
      </c>
      <c r="O4311">
        <v>0</v>
      </c>
      <c r="P4311">
        <v>0</v>
      </c>
      <c r="Q4311">
        <v>0</v>
      </c>
      <c r="R4311">
        <v>0</v>
      </c>
      <c r="S4311">
        <v>0</v>
      </c>
      <c r="T4311">
        <v>0</v>
      </c>
      <c r="U4311">
        <v>0</v>
      </c>
      <c r="V4311">
        <v>0</v>
      </c>
      <c r="W4311">
        <v>1</v>
      </c>
      <c r="X4311">
        <v>0</v>
      </c>
      <c r="Y4311">
        <v>25</v>
      </c>
      <c r="Z4311">
        <v>10</v>
      </c>
      <c r="AA4311">
        <v>106</v>
      </c>
      <c r="AB4311">
        <v>67</v>
      </c>
      <c r="AC4311">
        <v>77</v>
      </c>
      <c r="AD4311">
        <v>35</v>
      </c>
      <c r="AE4311">
        <v>105</v>
      </c>
      <c r="AF4311">
        <v>0</v>
      </c>
      <c r="AG4311">
        <v>50000</v>
      </c>
      <c r="AH4311">
        <v>50000</v>
      </c>
      <c r="AI4311">
        <v>0</v>
      </c>
      <c r="AJ4311">
        <v>0</v>
      </c>
      <c r="AK4311" t="s">
        <v>6</v>
      </c>
      <c r="AL4311">
        <v>0</v>
      </c>
      <c r="AM4311">
        <v>0</v>
      </c>
      <c r="AN4311">
        <v>0</v>
      </c>
      <c r="AO4311">
        <v>0</v>
      </c>
      <c r="AP4311">
        <v>0</v>
      </c>
      <c r="AQ4311">
        <v>0</v>
      </c>
      <c r="AR4311">
        <v>0</v>
      </c>
      <c r="AS4311">
        <v>0</v>
      </c>
      <c r="AT4311">
        <v>0</v>
      </c>
      <c r="AU4311">
        <v>0</v>
      </c>
      <c r="AV4311">
        <v>0</v>
      </c>
      <c r="AW4311">
        <v>0</v>
      </c>
      <c r="AX4311">
        <v>0</v>
      </c>
      <c r="AY4311">
        <v>0</v>
      </c>
      <c r="AZ4311">
        <v>0</v>
      </c>
      <c r="BA4311">
        <v>0</v>
      </c>
    </row>
    <row r="4312" spans="1:53" x14ac:dyDescent="0.4">
      <c r="A4312">
        <v>4356</v>
      </c>
      <c r="B4312" s="1">
        <v>44470</v>
      </c>
      <c r="C4312">
        <v>2</v>
      </c>
      <c r="D4312" s="1">
        <v>44470.436805555553</v>
      </c>
      <c r="E4312" s="1">
        <v>44470.743055555555</v>
      </c>
      <c r="F4312">
        <v>19010</v>
      </c>
      <c r="G4312">
        <v>1696</v>
      </c>
      <c r="H4312">
        <v>0</v>
      </c>
      <c r="I4312">
        <v>0</v>
      </c>
      <c r="J4312">
        <v>300</v>
      </c>
      <c r="K4312">
        <v>0</v>
      </c>
      <c r="L4312">
        <v>0</v>
      </c>
      <c r="M4312">
        <v>1855</v>
      </c>
      <c r="N4312">
        <v>0</v>
      </c>
      <c r="O4312">
        <v>0</v>
      </c>
      <c r="P4312">
        <v>7900</v>
      </c>
      <c r="Q4312">
        <v>0</v>
      </c>
      <c r="R4312">
        <v>28306</v>
      </c>
      <c r="S4312">
        <v>0</v>
      </c>
      <c r="T4312">
        <v>0</v>
      </c>
      <c r="U4312">
        <v>0</v>
      </c>
      <c r="V4312">
        <v>1</v>
      </c>
      <c r="W4312">
        <v>1</v>
      </c>
      <c r="X4312">
        <v>0</v>
      </c>
      <c r="Y4312">
        <v>41</v>
      </c>
      <c r="Z4312">
        <v>15</v>
      </c>
      <c r="AA4312">
        <v>93</v>
      </c>
      <c r="AB4312">
        <v>63</v>
      </c>
      <c r="AC4312">
        <v>88</v>
      </c>
      <c r="AD4312">
        <v>35</v>
      </c>
      <c r="AE4312">
        <v>101</v>
      </c>
      <c r="AF4312">
        <v>1200</v>
      </c>
      <c r="AG4312">
        <v>78306</v>
      </c>
      <c r="AH4312">
        <v>50000</v>
      </c>
      <c r="AI4312">
        <v>0</v>
      </c>
      <c r="AJ4312">
        <v>103</v>
      </c>
      <c r="AK4312" t="s">
        <v>7</v>
      </c>
      <c r="AL4312">
        <v>0</v>
      </c>
      <c r="AM4312">
        <v>0</v>
      </c>
      <c r="AN4312">
        <v>0</v>
      </c>
      <c r="AO4312">
        <v>0</v>
      </c>
      <c r="AP4312">
        <v>0</v>
      </c>
      <c r="AQ4312">
        <v>0</v>
      </c>
      <c r="AR4312">
        <v>0</v>
      </c>
      <c r="AS4312">
        <v>0</v>
      </c>
      <c r="AT4312">
        <v>0</v>
      </c>
      <c r="AU4312">
        <v>0</v>
      </c>
      <c r="AV4312">
        <v>0</v>
      </c>
      <c r="AW4312">
        <v>0</v>
      </c>
      <c r="AX4312">
        <v>594</v>
      </c>
      <c r="AY4312">
        <v>34</v>
      </c>
      <c r="AZ4312">
        <v>44</v>
      </c>
      <c r="BA4312">
        <v>4605</v>
      </c>
    </row>
    <row r="4313" spans="1:53" x14ac:dyDescent="0.4">
      <c r="A4313">
        <v>4357</v>
      </c>
      <c r="B4313" s="1">
        <v>44471</v>
      </c>
      <c r="C4313">
        <v>1</v>
      </c>
      <c r="D4313" s="1">
        <v>44471.291666666664</v>
      </c>
      <c r="E4313" s="1">
        <v>44471.410416666666</v>
      </c>
      <c r="F4313">
        <v>0</v>
      </c>
      <c r="G4313">
        <v>0</v>
      </c>
      <c r="H4313">
        <v>0</v>
      </c>
      <c r="I4313">
        <v>0</v>
      </c>
      <c r="J4313">
        <v>0</v>
      </c>
      <c r="K4313">
        <v>0</v>
      </c>
      <c r="L4313">
        <v>0</v>
      </c>
      <c r="M4313">
        <v>0</v>
      </c>
      <c r="N4313">
        <v>0</v>
      </c>
      <c r="O4313">
        <v>0</v>
      </c>
      <c r="P4313">
        <v>0</v>
      </c>
      <c r="Q4313">
        <v>0</v>
      </c>
      <c r="R4313">
        <v>0</v>
      </c>
      <c r="S4313">
        <v>0</v>
      </c>
      <c r="T4313">
        <v>0</v>
      </c>
      <c r="U4313">
        <v>0</v>
      </c>
      <c r="V4313">
        <v>0</v>
      </c>
      <c r="W4313">
        <v>0</v>
      </c>
      <c r="X4313">
        <v>0</v>
      </c>
      <c r="Y4313">
        <v>33</v>
      </c>
      <c r="Z4313">
        <v>11</v>
      </c>
      <c r="AA4313">
        <v>76</v>
      </c>
      <c r="AB4313">
        <v>59</v>
      </c>
      <c r="AC4313">
        <v>68</v>
      </c>
      <c r="AD4313">
        <v>33</v>
      </c>
      <c r="AE4313">
        <v>105</v>
      </c>
      <c r="AF4313">
        <v>0</v>
      </c>
      <c r="AG4313">
        <v>50000</v>
      </c>
      <c r="AH4313">
        <v>50000</v>
      </c>
      <c r="AI4313">
        <v>0</v>
      </c>
      <c r="AJ4313">
        <v>0</v>
      </c>
      <c r="AK4313" t="s">
        <v>6</v>
      </c>
      <c r="AL4313">
        <v>0</v>
      </c>
      <c r="AM4313">
        <v>0</v>
      </c>
      <c r="AN4313">
        <v>0</v>
      </c>
      <c r="AO4313">
        <v>0</v>
      </c>
      <c r="AP4313">
        <v>0</v>
      </c>
      <c r="AQ4313">
        <v>0</v>
      </c>
      <c r="AR4313">
        <v>0</v>
      </c>
      <c r="AS4313">
        <v>0</v>
      </c>
      <c r="AT4313">
        <v>0</v>
      </c>
      <c r="AU4313">
        <v>0</v>
      </c>
      <c r="AV4313">
        <v>0</v>
      </c>
      <c r="AW4313">
        <v>0</v>
      </c>
      <c r="AX4313">
        <v>0</v>
      </c>
      <c r="AY4313">
        <v>0</v>
      </c>
      <c r="AZ4313">
        <v>0</v>
      </c>
      <c r="BA4313">
        <v>0</v>
      </c>
    </row>
    <row r="4314" spans="1:53" x14ac:dyDescent="0.4">
      <c r="A4314">
        <v>4358</v>
      </c>
      <c r="B4314" s="1">
        <v>44471</v>
      </c>
      <c r="C4314">
        <v>2</v>
      </c>
      <c r="D4314" s="1">
        <v>44471.410416666666</v>
      </c>
      <c r="E4314" s="1">
        <v>44471.758333333331</v>
      </c>
      <c r="F4314">
        <v>38930</v>
      </c>
      <c r="G4314">
        <v>4334</v>
      </c>
      <c r="H4314">
        <v>0</v>
      </c>
      <c r="I4314">
        <v>0</v>
      </c>
      <c r="J4314">
        <v>100</v>
      </c>
      <c r="K4314">
        <v>0</v>
      </c>
      <c r="L4314">
        <v>0</v>
      </c>
      <c r="M4314">
        <v>3924</v>
      </c>
      <c r="N4314">
        <v>0</v>
      </c>
      <c r="O4314">
        <v>0</v>
      </c>
      <c r="P4314">
        <v>19625</v>
      </c>
      <c r="Q4314">
        <v>0</v>
      </c>
      <c r="R4314">
        <v>62789</v>
      </c>
      <c r="S4314">
        <v>0</v>
      </c>
      <c r="T4314">
        <v>0</v>
      </c>
      <c r="U4314">
        <v>0</v>
      </c>
      <c r="V4314">
        <v>4</v>
      </c>
      <c r="W4314">
        <v>0</v>
      </c>
      <c r="X4314">
        <v>0</v>
      </c>
      <c r="Y4314">
        <v>44</v>
      </c>
      <c r="Z4314">
        <v>33</v>
      </c>
      <c r="AA4314">
        <v>34</v>
      </c>
      <c r="AB4314">
        <v>60</v>
      </c>
      <c r="AC4314">
        <v>79</v>
      </c>
      <c r="AD4314">
        <v>31</v>
      </c>
      <c r="AE4314">
        <v>94</v>
      </c>
      <c r="AF4314">
        <v>4850</v>
      </c>
      <c r="AG4314">
        <v>112789</v>
      </c>
      <c r="AH4314">
        <v>50000</v>
      </c>
      <c r="AI4314">
        <v>0</v>
      </c>
      <c r="AJ4314">
        <v>91</v>
      </c>
      <c r="AK4314" t="s">
        <v>48</v>
      </c>
      <c r="AL4314">
        <v>0</v>
      </c>
      <c r="AM4314">
        <v>0</v>
      </c>
      <c r="AN4314">
        <v>0</v>
      </c>
      <c r="AO4314">
        <v>0</v>
      </c>
      <c r="AP4314">
        <v>0</v>
      </c>
      <c r="AQ4314">
        <v>0</v>
      </c>
      <c r="AR4314">
        <v>0</v>
      </c>
      <c r="AS4314">
        <v>0</v>
      </c>
      <c r="AT4314">
        <v>0</v>
      </c>
      <c r="AU4314">
        <v>0</v>
      </c>
      <c r="AV4314">
        <v>0</v>
      </c>
      <c r="AW4314">
        <v>0</v>
      </c>
      <c r="AX4314">
        <v>-2806</v>
      </c>
      <c r="AY4314">
        <v>48</v>
      </c>
      <c r="AZ4314">
        <v>94</v>
      </c>
      <c r="BA4314">
        <v>7062</v>
      </c>
    </row>
    <row r="4315" spans="1:53" x14ac:dyDescent="0.4">
      <c r="A4315">
        <v>4359</v>
      </c>
      <c r="B4315" s="1">
        <v>44471</v>
      </c>
      <c r="C4315">
        <v>3</v>
      </c>
      <c r="D4315" s="1">
        <v>44471.758333333331</v>
      </c>
      <c r="E4315" s="1">
        <v>44471.876388888886</v>
      </c>
      <c r="F4315">
        <v>19105</v>
      </c>
      <c r="G4315">
        <v>594</v>
      </c>
      <c r="H4315">
        <v>0</v>
      </c>
      <c r="I4315">
        <v>0</v>
      </c>
      <c r="J4315">
        <v>0</v>
      </c>
      <c r="K4315">
        <v>0</v>
      </c>
      <c r="L4315">
        <v>0</v>
      </c>
      <c r="M4315">
        <v>1790</v>
      </c>
      <c r="N4315">
        <v>0</v>
      </c>
      <c r="O4315">
        <v>0</v>
      </c>
      <c r="P4315">
        <v>3985</v>
      </c>
      <c r="Q4315">
        <v>0</v>
      </c>
      <c r="R4315">
        <v>23684</v>
      </c>
      <c r="S4315">
        <v>0</v>
      </c>
      <c r="T4315">
        <v>0</v>
      </c>
      <c r="U4315">
        <v>0</v>
      </c>
      <c r="V4315">
        <v>4</v>
      </c>
      <c r="W4315">
        <v>1</v>
      </c>
      <c r="X4315">
        <v>0</v>
      </c>
      <c r="Y4315">
        <v>54</v>
      </c>
      <c r="Z4315">
        <v>35</v>
      </c>
      <c r="AA4315">
        <v>32</v>
      </c>
      <c r="AB4315">
        <v>60</v>
      </c>
      <c r="AC4315">
        <v>88</v>
      </c>
      <c r="AD4315">
        <v>31</v>
      </c>
      <c r="AE4315">
        <v>94</v>
      </c>
      <c r="AF4315">
        <v>12644</v>
      </c>
      <c r="AG4315">
        <v>136473</v>
      </c>
      <c r="AH4315">
        <v>50000</v>
      </c>
      <c r="AI4315">
        <v>0</v>
      </c>
      <c r="AJ4315">
        <v>108</v>
      </c>
      <c r="AK4315" t="s">
        <v>3</v>
      </c>
      <c r="AL4315">
        <v>0</v>
      </c>
      <c r="AM4315">
        <v>0</v>
      </c>
      <c r="AN4315">
        <v>0</v>
      </c>
      <c r="AO4315">
        <v>0</v>
      </c>
      <c r="AP4315">
        <v>0</v>
      </c>
      <c r="AQ4315">
        <v>0</v>
      </c>
      <c r="AR4315">
        <v>0</v>
      </c>
      <c r="AS4315">
        <v>0</v>
      </c>
      <c r="AT4315">
        <v>0</v>
      </c>
      <c r="AU4315">
        <v>0</v>
      </c>
      <c r="AV4315">
        <v>0</v>
      </c>
      <c r="AW4315">
        <v>0</v>
      </c>
      <c r="AX4315">
        <v>8310</v>
      </c>
      <c r="AY4315">
        <v>8</v>
      </c>
      <c r="AZ4315">
        <v>23</v>
      </c>
      <c r="BA4315">
        <v>1363</v>
      </c>
    </row>
    <row r="4316" spans="1:53" x14ac:dyDescent="0.4">
      <c r="A4316">
        <v>4360</v>
      </c>
      <c r="B4316" s="1">
        <v>44472</v>
      </c>
      <c r="C4316">
        <v>1</v>
      </c>
      <c r="D4316" s="1">
        <v>44472.291666666664</v>
      </c>
      <c r="E4316" s="1">
        <v>44472.398611111108</v>
      </c>
      <c r="F4316">
        <v>0</v>
      </c>
      <c r="G4316">
        <v>0</v>
      </c>
      <c r="H4316">
        <v>0</v>
      </c>
      <c r="I4316">
        <v>0</v>
      </c>
      <c r="J4316">
        <v>0</v>
      </c>
      <c r="K4316">
        <v>0</v>
      </c>
      <c r="L4316">
        <v>0</v>
      </c>
      <c r="M4316">
        <v>0</v>
      </c>
      <c r="N4316">
        <v>0</v>
      </c>
      <c r="O4316">
        <v>0</v>
      </c>
      <c r="P4316">
        <v>0</v>
      </c>
      <c r="Q4316">
        <v>0</v>
      </c>
      <c r="R4316">
        <v>0</v>
      </c>
      <c r="S4316">
        <v>0</v>
      </c>
      <c r="T4316">
        <v>0</v>
      </c>
      <c r="U4316">
        <v>0</v>
      </c>
      <c r="V4316">
        <v>0</v>
      </c>
      <c r="W4316">
        <v>1</v>
      </c>
      <c r="X4316">
        <v>0</v>
      </c>
      <c r="Y4316">
        <v>25</v>
      </c>
      <c r="Z4316">
        <v>19</v>
      </c>
      <c r="AA4316">
        <v>71</v>
      </c>
      <c r="AB4316">
        <v>50</v>
      </c>
      <c r="AC4316">
        <v>67</v>
      </c>
      <c r="AD4316">
        <v>28</v>
      </c>
      <c r="AE4316">
        <v>90</v>
      </c>
      <c r="AF4316">
        <v>0</v>
      </c>
      <c r="AG4316">
        <v>50000</v>
      </c>
      <c r="AH4316">
        <v>50000</v>
      </c>
      <c r="AI4316">
        <v>0</v>
      </c>
      <c r="AJ4316">
        <v>0</v>
      </c>
      <c r="AK4316" t="s">
        <v>6</v>
      </c>
      <c r="AL4316">
        <v>0</v>
      </c>
      <c r="AM4316">
        <v>0</v>
      </c>
      <c r="AN4316">
        <v>0</v>
      </c>
      <c r="AO4316">
        <v>0</v>
      </c>
      <c r="AP4316">
        <v>0</v>
      </c>
      <c r="AQ4316">
        <v>0</v>
      </c>
      <c r="AR4316">
        <v>0</v>
      </c>
      <c r="AS4316">
        <v>0</v>
      </c>
      <c r="AT4316">
        <v>0</v>
      </c>
      <c r="AU4316">
        <v>0</v>
      </c>
      <c r="AV4316">
        <v>0</v>
      </c>
      <c r="AW4316">
        <v>0</v>
      </c>
      <c r="AX4316">
        <v>0</v>
      </c>
      <c r="AY4316">
        <v>0</v>
      </c>
      <c r="AZ4316">
        <v>0</v>
      </c>
      <c r="BA4316">
        <v>0</v>
      </c>
    </row>
    <row r="4317" spans="1:53" x14ac:dyDescent="0.4">
      <c r="A4317">
        <v>4361</v>
      </c>
      <c r="B4317" s="1">
        <v>44472</v>
      </c>
      <c r="C4317">
        <v>2</v>
      </c>
      <c r="D4317" s="1">
        <v>44472.398611111108</v>
      </c>
      <c r="E4317" s="1">
        <v>44472.736111111109</v>
      </c>
      <c r="F4317">
        <v>44750</v>
      </c>
      <c r="G4317">
        <v>3278</v>
      </c>
      <c r="H4317">
        <v>0</v>
      </c>
      <c r="I4317">
        <v>0</v>
      </c>
      <c r="J4317">
        <v>0</v>
      </c>
      <c r="K4317">
        <v>0</v>
      </c>
      <c r="L4317">
        <v>0</v>
      </c>
      <c r="M4317">
        <v>4362</v>
      </c>
      <c r="N4317">
        <v>0</v>
      </c>
      <c r="O4317">
        <v>0</v>
      </c>
      <c r="P4317">
        <v>13890</v>
      </c>
      <c r="Q4317">
        <v>0</v>
      </c>
      <c r="R4317">
        <v>61918</v>
      </c>
      <c r="S4317">
        <v>0</v>
      </c>
      <c r="T4317">
        <v>0</v>
      </c>
      <c r="U4317">
        <v>0</v>
      </c>
      <c r="V4317">
        <v>2</v>
      </c>
      <c r="W4317">
        <v>1</v>
      </c>
      <c r="X4317">
        <v>0</v>
      </c>
      <c r="Y4317">
        <v>49</v>
      </c>
      <c r="Z4317">
        <v>30</v>
      </c>
      <c r="AA4317">
        <v>89</v>
      </c>
      <c r="AB4317">
        <v>54</v>
      </c>
      <c r="AC4317">
        <v>81</v>
      </c>
      <c r="AD4317">
        <v>26</v>
      </c>
      <c r="AE4317">
        <v>86</v>
      </c>
      <c r="AF4317">
        <v>10292</v>
      </c>
      <c r="AG4317">
        <v>111918</v>
      </c>
      <c r="AH4317">
        <v>50000</v>
      </c>
      <c r="AI4317">
        <v>0</v>
      </c>
      <c r="AJ4317">
        <v>104</v>
      </c>
      <c r="AK4317" t="s">
        <v>52</v>
      </c>
      <c r="AL4317">
        <v>0</v>
      </c>
      <c r="AM4317">
        <v>0</v>
      </c>
      <c r="AN4317">
        <v>0</v>
      </c>
      <c r="AO4317">
        <v>0</v>
      </c>
      <c r="AP4317">
        <v>0</v>
      </c>
      <c r="AQ4317">
        <v>0</v>
      </c>
      <c r="AR4317">
        <v>0</v>
      </c>
      <c r="AS4317">
        <v>0</v>
      </c>
      <c r="AT4317">
        <v>0</v>
      </c>
      <c r="AU4317">
        <v>0</v>
      </c>
      <c r="AV4317">
        <v>0</v>
      </c>
      <c r="AW4317">
        <v>0</v>
      </c>
      <c r="AX4317">
        <v>440</v>
      </c>
      <c r="AY4317">
        <v>43</v>
      </c>
      <c r="AZ4317">
        <v>94</v>
      </c>
      <c r="BA4317">
        <v>7545</v>
      </c>
    </row>
    <row r="4318" spans="1:53" x14ac:dyDescent="0.4">
      <c r="A4318">
        <v>4362</v>
      </c>
      <c r="B4318" s="1">
        <v>44472</v>
      </c>
      <c r="C4318">
        <v>3</v>
      </c>
      <c r="D4318" s="1">
        <v>44472.736111111109</v>
      </c>
      <c r="E4318" s="1">
        <v>44473.107638888891</v>
      </c>
      <c r="F4318">
        <v>26360</v>
      </c>
      <c r="G4318">
        <v>2090</v>
      </c>
      <c r="H4318">
        <v>0</v>
      </c>
      <c r="I4318">
        <v>0</v>
      </c>
      <c r="J4318">
        <v>0</v>
      </c>
      <c r="K4318">
        <v>0</v>
      </c>
      <c r="L4318">
        <v>0</v>
      </c>
      <c r="M4318">
        <v>2584</v>
      </c>
      <c r="N4318">
        <v>0</v>
      </c>
      <c r="O4318">
        <v>0</v>
      </c>
      <c r="P4318">
        <v>890</v>
      </c>
      <c r="Q4318">
        <v>0</v>
      </c>
      <c r="R4318">
        <v>29340</v>
      </c>
      <c r="S4318">
        <v>0</v>
      </c>
      <c r="T4318">
        <v>0</v>
      </c>
      <c r="U4318">
        <v>0</v>
      </c>
      <c r="V4318">
        <v>4</v>
      </c>
      <c r="W4318">
        <v>0</v>
      </c>
      <c r="X4318">
        <v>0</v>
      </c>
      <c r="Y4318">
        <v>63</v>
      </c>
      <c r="Z4318">
        <v>26</v>
      </c>
      <c r="AA4318">
        <v>84</v>
      </c>
      <c r="AB4318">
        <v>54</v>
      </c>
      <c r="AC4318">
        <v>79</v>
      </c>
      <c r="AD4318">
        <v>26</v>
      </c>
      <c r="AE4318">
        <v>86</v>
      </c>
      <c r="AF4318">
        <v>13152</v>
      </c>
      <c r="AG4318">
        <v>141258</v>
      </c>
      <c r="AH4318">
        <v>50000</v>
      </c>
      <c r="AI4318">
        <v>0</v>
      </c>
      <c r="AJ4318">
        <v>108</v>
      </c>
      <c r="AK4318" t="s">
        <v>3</v>
      </c>
      <c r="AL4318">
        <v>0</v>
      </c>
      <c r="AM4318">
        <v>0</v>
      </c>
      <c r="AN4318">
        <v>0</v>
      </c>
      <c r="AO4318">
        <v>0</v>
      </c>
      <c r="AP4318">
        <v>0</v>
      </c>
      <c r="AQ4318">
        <v>0</v>
      </c>
      <c r="AR4318">
        <v>0</v>
      </c>
      <c r="AS4318">
        <v>0</v>
      </c>
      <c r="AT4318">
        <v>0</v>
      </c>
      <c r="AU4318">
        <v>0</v>
      </c>
      <c r="AV4318">
        <v>0</v>
      </c>
      <c r="AW4318">
        <v>0</v>
      </c>
      <c r="AX4318">
        <v>1274</v>
      </c>
      <c r="AY4318">
        <v>10</v>
      </c>
      <c r="AZ4318">
        <v>20</v>
      </c>
      <c r="BA4318">
        <v>2028</v>
      </c>
    </row>
    <row r="4319" spans="1:53" x14ac:dyDescent="0.4">
      <c r="A4319">
        <v>4363</v>
      </c>
      <c r="B4319" s="1">
        <v>44473</v>
      </c>
      <c r="C4319">
        <v>1</v>
      </c>
      <c r="D4319" s="1">
        <v>44473.291666666664</v>
      </c>
      <c r="E4319" s="1">
        <v>44473.447916666664</v>
      </c>
      <c r="F4319">
        <v>0</v>
      </c>
      <c r="G4319">
        <v>0</v>
      </c>
      <c r="H4319">
        <v>0</v>
      </c>
      <c r="I4319">
        <v>0</v>
      </c>
      <c r="J4319">
        <v>0</v>
      </c>
      <c r="K4319">
        <v>0</v>
      </c>
      <c r="L4319">
        <v>0</v>
      </c>
      <c r="M4319">
        <v>0</v>
      </c>
      <c r="N4319">
        <v>0</v>
      </c>
      <c r="O4319">
        <v>0</v>
      </c>
      <c r="P4319">
        <v>0</v>
      </c>
      <c r="Q4319">
        <v>0</v>
      </c>
      <c r="R4319">
        <v>0</v>
      </c>
      <c r="S4319">
        <v>0</v>
      </c>
      <c r="T4319">
        <v>0</v>
      </c>
      <c r="U4319">
        <v>0</v>
      </c>
      <c r="V4319">
        <v>0</v>
      </c>
      <c r="W4319">
        <v>0</v>
      </c>
      <c r="X4319">
        <v>0</v>
      </c>
      <c r="Y4319">
        <v>30</v>
      </c>
      <c r="Z4319">
        <v>16</v>
      </c>
      <c r="AA4319">
        <v>84</v>
      </c>
      <c r="AB4319">
        <v>53</v>
      </c>
      <c r="AC4319">
        <v>73</v>
      </c>
      <c r="AD4319">
        <v>26</v>
      </c>
      <c r="AE4319">
        <v>90</v>
      </c>
      <c r="AF4319">
        <v>0</v>
      </c>
      <c r="AG4319">
        <v>50000</v>
      </c>
      <c r="AH4319">
        <v>50000</v>
      </c>
      <c r="AI4319">
        <v>0</v>
      </c>
      <c r="AJ4319">
        <v>0</v>
      </c>
      <c r="AK4319" t="s">
        <v>6</v>
      </c>
      <c r="AL4319">
        <v>0</v>
      </c>
      <c r="AM4319">
        <v>0</v>
      </c>
      <c r="AN4319">
        <v>0</v>
      </c>
      <c r="AO4319">
        <v>0</v>
      </c>
      <c r="AP4319">
        <v>0</v>
      </c>
      <c r="AQ4319">
        <v>0</v>
      </c>
      <c r="AR4319">
        <v>0</v>
      </c>
      <c r="AS4319">
        <v>0</v>
      </c>
      <c r="AT4319">
        <v>0</v>
      </c>
      <c r="AU4319">
        <v>0</v>
      </c>
      <c r="AV4319">
        <v>0</v>
      </c>
      <c r="AW4319">
        <v>0</v>
      </c>
      <c r="AX4319">
        <v>0</v>
      </c>
      <c r="AY4319">
        <v>0</v>
      </c>
      <c r="AZ4319">
        <v>0</v>
      </c>
      <c r="BA4319">
        <v>0</v>
      </c>
    </row>
    <row r="4320" spans="1:53" x14ac:dyDescent="0.4">
      <c r="A4320">
        <v>4364</v>
      </c>
      <c r="B4320" s="1">
        <v>44473</v>
      </c>
      <c r="C4320">
        <v>2</v>
      </c>
      <c r="D4320" s="1">
        <v>44473.447916666664</v>
      </c>
      <c r="E4320" s="1">
        <v>44473.743055555555</v>
      </c>
      <c r="F4320">
        <v>16700</v>
      </c>
      <c r="G4320">
        <v>3212</v>
      </c>
      <c r="H4320">
        <v>0</v>
      </c>
      <c r="I4320">
        <v>0</v>
      </c>
      <c r="J4320">
        <v>362</v>
      </c>
      <c r="K4320">
        <v>0</v>
      </c>
      <c r="L4320">
        <v>0</v>
      </c>
      <c r="M4320">
        <v>1776</v>
      </c>
      <c r="N4320">
        <v>0</v>
      </c>
      <c r="O4320">
        <v>0</v>
      </c>
      <c r="P4320">
        <v>8590</v>
      </c>
      <c r="Q4320">
        <v>0</v>
      </c>
      <c r="R4320">
        <v>28140</v>
      </c>
      <c r="S4320">
        <v>0</v>
      </c>
      <c r="T4320">
        <v>0</v>
      </c>
      <c r="U4320">
        <v>0</v>
      </c>
      <c r="V4320">
        <v>0</v>
      </c>
      <c r="W4320">
        <v>3</v>
      </c>
      <c r="X4320">
        <v>0</v>
      </c>
      <c r="Y4320">
        <v>42</v>
      </c>
      <c r="Z4320">
        <v>21</v>
      </c>
      <c r="AA4320">
        <v>72</v>
      </c>
      <c r="AB4320">
        <v>46</v>
      </c>
      <c r="AC4320">
        <v>91</v>
      </c>
      <c r="AD4320">
        <v>27</v>
      </c>
      <c r="AE4320">
        <v>95</v>
      </c>
      <c r="AF4320">
        <v>0</v>
      </c>
      <c r="AG4320">
        <v>78140</v>
      </c>
      <c r="AH4320">
        <v>50000</v>
      </c>
      <c r="AI4320">
        <v>0</v>
      </c>
      <c r="AJ4320">
        <v>103</v>
      </c>
      <c r="AK4320" t="s">
        <v>7</v>
      </c>
      <c r="AL4320">
        <v>0</v>
      </c>
      <c r="AM4320">
        <v>0</v>
      </c>
      <c r="AN4320">
        <v>0</v>
      </c>
      <c r="AO4320">
        <v>0</v>
      </c>
      <c r="AP4320">
        <v>0</v>
      </c>
      <c r="AQ4320">
        <v>0</v>
      </c>
      <c r="AR4320">
        <v>0</v>
      </c>
      <c r="AS4320">
        <v>0</v>
      </c>
      <c r="AT4320">
        <v>0</v>
      </c>
      <c r="AU4320">
        <v>0</v>
      </c>
      <c r="AV4320">
        <v>0</v>
      </c>
      <c r="AW4320">
        <v>0</v>
      </c>
      <c r="AX4320">
        <v>0</v>
      </c>
      <c r="AY4320">
        <v>24</v>
      </c>
      <c r="AZ4320">
        <v>40</v>
      </c>
      <c r="BA4320">
        <v>3598</v>
      </c>
    </row>
    <row r="4321" spans="1:53" x14ac:dyDescent="0.4">
      <c r="A4321">
        <v>4365</v>
      </c>
      <c r="B4321" s="1">
        <v>44474</v>
      </c>
      <c r="C4321">
        <v>1</v>
      </c>
      <c r="D4321" s="1">
        <v>44474.291666666664</v>
      </c>
      <c r="E4321" s="1">
        <v>44474.447222222225</v>
      </c>
      <c r="F4321">
        <v>0</v>
      </c>
      <c r="G4321">
        <v>0</v>
      </c>
      <c r="H4321">
        <v>0</v>
      </c>
      <c r="I4321">
        <v>0</v>
      </c>
      <c r="J4321">
        <v>0</v>
      </c>
      <c r="K4321">
        <v>0</v>
      </c>
      <c r="L4321">
        <v>0</v>
      </c>
      <c r="M4321">
        <v>0</v>
      </c>
      <c r="N4321">
        <v>0</v>
      </c>
      <c r="O4321">
        <v>0</v>
      </c>
      <c r="P4321">
        <v>0</v>
      </c>
      <c r="Q4321">
        <v>0</v>
      </c>
      <c r="R4321">
        <v>0</v>
      </c>
      <c r="S4321">
        <v>0</v>
      </c>
      <c r="T4321">
        <v>0</v>
      </c>
      <c r="U4321">
        <v>0</v>
      </c>
      <c r="V4321">
        <v>0</v>
      </c>
      <c r="W4321">
        <v>0</v>
      </c>
      <c r="X4321">
        <v>0</v>
      </c>
      <c r="Y4321">
        <v>31</v>
      </c>
      <c r="Z4321">
        <v>18</v>
      </c>
      <c r="AA4321">
        <v>66</v>
      </c>
      <c r="AB4321">
        <v>48</v>
      </c>
      <c r="AC4321">
        <v>78</v>
      </c>
      <c r="AD4321">
        <v>26</v>
      </c>
      <c r="AE4321">
        <v>90</v>
      </c>
      <c r="AF4321">
        <v>0</v>
      </c>
      <c r="AG4321">
        <v>50000</v>
      </c>
      <c r="AH4321">
        <v>50000</v>
      </c>
      <c r="AI4321">
        <v>0</v>
      </c>
      <c r="AJ4321">
        <v>0</v>
      </c>
      <c r="AK4321" t="s">
        <v>6</v>
      </c>
      <c r="AL4321">
        <v>0</v>
      </c>
      <c r="AM4321">
        <v>0</v>
      </c>
      <c r="AN4321">
        <v>0</v>
      </c>
      <c r="AO4321">
        <v>0</v>
      </c>
      <c r="AP4321">
        <v>0</v>
      </c>
      <c r="AQ4321">
        <v>0</v>
      </c>
      <c r="AR4321">
        <v>0</v>
      </c>
      <c r="AS4321">
        <v>0</v>
      </c>
      <c r="AT4321">
        <v>0</v>
      </c>
      <c r="AU4321">
        <v>0</v>
      </c>
      <c r="AV4321">
        <v>0</v>
      </c>
      <c r="AW4321">
        <v>0</v>
      </c>
      <c r="AX4321">
        <v>0</v>
      </c>
      <c r="AY4321">
        <v>0</v>
      </c>
      <c r="AZ4321">
        <v>0</v>
      </c>
      <c r="BA4321">
        <v>0</v>
      </c>
    </row>
    <row r="4322" spans="1:53" x14ac:dyDescent="0.4">
      <c r="A4322">
        <v>4366</v>
      </c>
      <c r="B4322" s="1">
        <v>44474</v>
      </c>
      <c r="C4322">
        <v>2</v>
      </c>
      <c r="D4322" s="1">
        <v>44474.447222222225</v>
      </c>
      <c r="E4322" s="1">
        <v>44474.746527777781</v>
      </c>
      <c r="F4322">
        <v>20750</v>
      </c>
      <c r="G4322">
        <v>0</v>
      </c>
      <c r="H4322">
        <v>0</v>
      </c>
      <c r="I4322">
        <v>0</v>
      </c>
      <c r="J4322">
        <v>100</v>
      </c>
      <c r="K4322">
        <v>0</v>
      </c>
      <c r="L4322">
        <v>0</v>
      </c>
      <c r="M4322">
        <v>1878</v>
      </c>
      <c r="N4322">
        <v>0</v>
      </c>
      <c r="O4322">
        <v>0</v>
      </c>
      <c r="P4322">
        <v>5790</v>
      </c>
      <c r="Q4322">
        <v>0</v>
      </c>
      <c r="R4322">
        <v>26440</v>
      </c>
      <c r="S4322">
        <v>0</v>
      </c>
      <c r="T4322">
        <v>0</v>
      </c>
      <c r="U4322">
        <v>0</v>
      </c>
      <c r="V4322">
        <v>0</v>
      </c>
      <c r="W4322">
        <v>0</v>
      </c>
      <c r="X4322">
        <v>0</v>
      </c>
      <c r="Y4322">
        <v>53</v>
      </c>
      <c r="Z4322">
        <v>20</v>
      </c>
      <c r="AA4322">
        <v>45</v>
      </c>
      <c r="AB4322">
        <v>45</v>
      </c>
      <c r="AC4322">
        <v>75</v>
      </c>
      <c r="AD4322">
        <v>25</v>
      </c>
      <c r="AE4322">
        <v>87</v>
      </c>
      <c r="AF4322">
        <v>5728</v>
      </c>
      <c r="AG4322">
        <v>76440</v>
      </c>
      <c r="AH4322">
        <v>50000</v>
      </c>
      <c r="AI4322">
        <v>0</v>
      </c>
      <c r="AJ4322">
        <v>104</v>
      </c>
      <c r="AK4322" t="s">
        <v>52</v>
      </c>
      <c r="AL4322">
        <v>0</v>
      </c>
      <c r="AM4322">
        <v>0</v>
      </c>
      <c r="AN4322">
        <v>0</v>
      </c>
      <c r="AO4322">
        <v>0</v>
      </c>
      <c r="AP4322">
        <v>0</v>
      </c>
      <c r="AQ4322">
        <v>0</v>
      </c>
      <c r="AR4322">
        <v>0</v>
      </c>
      <c r="AS4322">
        <v>0</v>
      </c>
      <c r="AT4322">
        <v>0</v>
      </c>
      <c r="AU4322">
        <v>0</v>
      </c>
      <c r="AV4322">
        <v>0</v>
      </c>
      <c r="AW4322">
        <v>0</v>
      </c>
      <c r="AX4322">
        <v>-530</v>
      </c>
      <c r="AY4322">
        <v>31</v>
      </c>
      <c r="AZ4322">
        <v>45</v>
      </c>
      <c r="BA4322">
        <v>4560</v>
      </c>
    </row>
    <row r="4323" spans="1:53" x14ac:dyDescent="0.4">
      <c r="A4323">
        <v>4367</v>
      </c>
      <c r="B4323" s="1">
        <v>44474</v>
      </c>
      <c r="C4323">
        <v>3</v>
      </c>
      <c r="D4323" s="1">
        <v>44474.746527777781</v>
      </c>
      <c r="E4323" s="1">
        <v>44474.936111111114</v>
      </c>
      <c r="F4323">
        <v>12610</v>
      </c>
      <c r="G4323">
        <v>440</v>
      </c>
      <c r="H4323">
        <v>0</v>
      </c>
      <c r="I4323">
        <v>0</v>
      </c>
      <c r="J4323">
        <v>0</v>
      </c>
      <c r="K4323">
        <v>0</v>
      </c>
      <c r="L4323">
        <v>0</v>
      </c>
      <c r="M4323">
        <v>1187</v>
      </c>
      <c r="N4323">
        <v>0</v>
      </c>
      <c r="O4323">
        <v>0</v>
      </c>
      <c r="P4323">
        <v>-5790</v>
      </c>
      <c r="Q4323">
        <v>0</v>
      </c>
      <c r="R4323">
        <v>7260</v>
      </c>
      <c r="S4323">
        <v>0</v>
      </c>
      <c r="T4323">
        <v>0</v>
      </c>
      <c r="U4323">
        <v>0</v>
      </c>
      <c r="V4323">
        <v>0</v>
      </c>
      <c r="W4323">
        <v>1</v>
      </c>
      <c r="X4323">
        <v>0</v>
      </c>
      <c r="Y4323">
        <v>47</v>
      </c>
      <c r="Z4323">
        <v>18</v>
      </c>
      <c r="AA4323">
        <v>46</v>
      </c>
      <c r="AB4323">
        <v>46</v>
      </c>
      <c r="AC4323">
        <v>77</v>
      </c>
      <c r="AD4323">
        <v>27</v>
      </c>
      <c r="AE4323">
        <v>87</v>
      </c>
      <c r="AF4323">
        <v>14808</v>
      </c>
      <c r="AG4323">
        <v>83700</v>
      </c>
      <c r="AH4323">
        <v>50000</v>
      </c>
      <c r="AI4323">
        <v>0</v>
      </c>
      <c r="AJ4323">
        <v>104</v>
      </c>
      <c r="AK4323" t="s">
        <v>52</v>
      </c>
      <c r="AL4323">
        <v>0</v>
      </c>
      <c r="AM4323">
        <v>0</v>
      </c>
      <c r="AN4323">
        <v>0</v>
      </c>
      <c r="AO4323">
        <v>0</v>
      </c>
      <c r="AP4323">
        <v>0</v>
      </c>
      <c r="AQ4323">
        <v>0</v>
      </c>
      <c r="AR4323">
        <v>0</v>
      </c>
      <c r="AS4323">
        <v>0</v>
      </c>
      <c r="AT4323">
        <v>0</v>
      </c>
      <c r="AU4323">
        <v>0</v>
      </c>
      <c r="AV4323">
        <v>0</v>
      </c>
      <c r="AW4323">
        <v>0</v>
      </c>
      <c r="AX4323">
        <v>1320</v>
      </c>
      <c r="AY4323">
        <v>4</v>
      </c>
      <c r="AZ4323">
        <v>8</v>
      </c>
      <c r="BA4323">
        <v>836</v>
      </c>
    </row>
    <row r="4324" spans="1:53" x14ac:dyDescent="0.4">
      <c r="A4324">
        <v>4368</v>
      </c>
      <c r="B4324" s="1">
        <v>44475</v>
      </c>
      <c r="C4324">
        <v>1</v>
      </c>
      <c r="D4324" s="1">
        <v>44475.291666666664</v>
      </c>
      <c r="E4324" s="1">
        <v>44475.447222222225</v>
      </c>
      <c r="F4324">
        <v>0</v>
      </c>
      <c r="G4324">
        <v>0</v>
      </c>
      <c r="H4324">
        <v>0</v>
      </c>
      <c r="I4324">
        <v>0</v>
      </c>
      <c r="J4324">
        <v>0</v>
      </c>
      <c r="K4324">
        <v>0</v>
      </c>
      <c r="L4324">
        <v>0</v>
      </c>
      <c r="M4324">
        <v>0</v>
      </c>
      <c r="N4324">
        <v>0</v>
      </c>
      <c r="O4324">
        <v>0</v>
      </c>
      <c r="P4324">
        <v>0</v>
      </c>
      <c r="Q4324">
        <v>0</v>
      </c>
      <c r="R4324">
        <v>0</v>
      </c>
      <c r="S4324">
        <v>0</v>
      </c>
      <c r="T4324">
        <v>0</v>
      </c>
      <c r="U4324">
        <v>0</v>
      </c>
      <c r="V4324">
        <v>0</v>
      </c>
      <c r="W4324">
        <v>1</v>
      </c>
      <c r="X4324">
        <v>0</v>
      </c>
      <c r="Y4324">
        <v>29</v>
      </c>
      <c r="Z4324">
        <v>17</v>
      </c>
      <c r="AA4324">
        <v>42</v>
      </c>
      <c r="AB4324">
        <v>46</v>
      </c>
      <c r="AC4324">
        <v>78</v>
      </c>
      <c r="AD4324">
        <v>27</v>
      </c>
      <c r="AE4324">
        <v>85</v>
      </c>
      <c r="AF4324">
        <v>0</v>
      </c>
      <c r="AG4324">
        <v>50000</v>
      </c>
      <c r="AH4324">
        <v>0</v>
      </c>
      <c r="AI4324">
        <v>50000</v>
      </c>
      <c r="AJ4324">
        <v>0</v>
      </c>
      <c r="AK4324" t="s">
        <v>6</v>
      </c>
      <c r="AL4324">
        <v>0</v>
      </c>
      <c r="AM4324">
        <v>0</v>
      </c>
      <c r="AN4324">
        <v>0</v>
      </c>
      <c r="AO4324">
        <v>0</v>
      </c>
      <c r="AP4324">
        <v>0</v>
      </c>
      <c r="AQ4324">
        <v>0</v>
      </c>
      <c r="AR4324">
        <v>0</v>
      </c>
      <c r="AS4324">
        <v>0</v>
      </c>
      <c r="AT4324">
        <v>0</v>
      </c>
      <c r="AU4324">
        <v>0</v>
      </c>
      <c r="AV4324">
        <v>0</v>
      </c>
      <c r="AW4324">
        <v>0</v>
      </c>
      <c r="AX4324">
        <v>0</v>
      </c>
      <c r="AY4324">
        <v>0</v>
      </c>
      <c r="AZ4324">
        <v>0</v>
      </c>
      <c r="BA4324">
        <v>0</v>
      </c>
    </row>
    <row r="4325" spans="1:53" x14ac:dyDescent="0.4">
      <c r="A4325">
        <v>4369</v>
      </c>
      <c r="B4325" s="1">
        <v>44475</v>
      </c>
      <c r="C4325">
        <v>2</v>
      </c>
      <c r="D4325" s="1">
        <v>44475.447222222225</v>
      </c>
      <c r="E4325" s="1">
        <v>44475.73333333333</v>
      </c>
      <c r="F4325">
        <v>25750</v>
      </c>
      <c r="G4325">
        <v>308</v>
      </c>
      <c r="H4325">
        <v>0</v>
      </c>
      <c r="I4325">
        <v>0</v>
      </c>
      <c r="J4325">
        <v>0</v>
      </c>
      <c r="K4325">
        <v>0</v>
      </c>
      <c r="L4325">
        <v>0</v>
      </c>
      <c r="M4325">
        <v>2369</v>
      </c>
      <c r="N4325">
        <v>0</v>
      </c>
      <c r="O4325">
        <v>0</v>
      </c>
      <c r="P4325">
        <v>9470</v>
      </c>
      <c r="Q4325">
        <v>0</v>
      </c>
      <c r="R4325">
        <v>35528</v>
      </c>
      <c r="S4325">
        <v>0</v>
      </c>
      <c r="T4325">
        <v>0</v>
      </c>
      <c r="U4325">
        <v>0</v>
      </c>
      <c r="V4325">
        <v>0</v>
      </c>
      <c r="W4325">
        <v>4</v>
      </c>
      <c r="X4325">
        <v>0</v>
      </c>
      <c r="Y4325">
        <v>39</v>
      </c>
      <c r="Z4325">
        <v>24</v>
      </c>
      <c r="AA4325">
        <v>89</v>
      </c>
      <c r="AB4325">
        <v>46</v>
      </c>
      <c r="AC4325">
        <v>90</v>
      </c>
      <c r="AD4325">
        <v>27</v>
      </c>
      <c r="AE4325">
        <v>83</v>
      </c>
      <c r="AF4325">
        <v>2210</v>
      </c>
      <c r="AG4325">
        <v>85528</v>
      </c>
      <c r="AH4325">
        <v>50000</v>
      </c>
      <c r="AI4325">
        <v>0</v>
      </c>
      <c r="AJ4325">
        <v>114</v>
      </c>
      <c r="AK4325" t="s">
        <v>53</v>
      </c>
      <c r="AL4325">
        <v>0</v>
      </c>
      <c r="AM4325">
        <v>0</v>
      </c>
      <c r="AN4325">
        <v>0</v>
      </c>
      <c r="AO4325">
        <v>0</v>
      </c>
      <c r="AP4325">
        <v>0</v>
      </c>
      <c r="AQ4325">
        <v>0</v>
      </c>
      <c r="AR4325">
        <v>0</v>
      </c>
      <c r="AS4325">
        <v>0</v>
      </c>
      <c r="AT4325">
        <v>0</v>
      </c>
      <c r="AU4325">
        <v>0</v>
      </c>
      <c r="AV4325">
        <v>0</v>
      </c>
      <c r="AW4325">
        <v>0</v>
      </c>
      <c r="AX4325">
        <v>0</v>
      </c>
      <c r="AY4325">
        <v>33</v>
      </c>
      <c r="AZ4325">
        <v>56</v>
      </c>
      <c r="BA4325">
        <v>5055</v>
      </c>
    </row>
    <row r="4326" spans="1:53" x14ac:dyDescent="0.4">
      <c r="A4326">
        <v>4370</v>
      </c>
      <c r="B4326" s="1">
        <v>44475</v>
      </c>
      <c r="C4326">
        <v>3</v>
      </c>
      <c r="D4326" s="1">
        <v>44475.73333333333</v>
      </c>
      <c r="E4326" s="1">
        <v>44476.020833333336</v>
      </c>
      <c r="F4326">
        <v>30880</v>
      </c>
      <c r="G4326">
        <v>0</v>
      </c>
      <c r="H4326">
        <v>0</v>
      </c>
      <c r="I4326">
        <v>0</v>
      </c>
      <c r="J4326">
        <v>0</v>
      </c>
      <c r="K4326">
        <v>0</v>
      </c>
      <c r="L4326">
        <v>0</v>
      </c>
      <c r="M4326">
        <v>2808</v>
      </c>
      <c r="N4326">
        <v>0</v>
      </c>
      <c r="O4326">
        <v>0</v>
      </c>
      <c r="P4326">
        <v>-7050</v>
      </c>
      <c r="Q4326">
        <v>0</v>
      </c>
      <c r="R4326">
        <v>23830</v>
      </c>
      <c r="S4326">
        <v>0</v>
      </c>
      <c r="T4326">
        <v>0</v>
      </c>
      <c r="U4326">
        <v>0</v>
      </c>
      <c r="V4326">
        <v>2</v>
      </c>
      <c r="W4326">
        <v>3</v>
      </c>
      <c r="X4326">
        <v>0</v>
      </c>
      <c r="Y4326">
        <v>46</v>
      </c>
      <c r="Z4326">
        <v>26</v>
      </c>
      <c r="AA4326">
        <v>99</v>
      </c>
      <c r="AB4326">
        <v>44</v>
      </c>
      <c r="AC4326">
        <v>83</v>
      </c>
      <c r="AD4326">
        <v>27</v>
      </c>
      <c r="AE4326">
        <v>83</v>
      </c>
      <c r="AF4326">
        <v>2210</v>
      </c>
      <c r="AG4326">
        <v>109358</v>
      </c>
      <c r="AH4326">
        <v>50000</v>
      </c>
      <c r="AI4326">
        <v>0</v>
      </c>
      <c r="AJ4326">
        <v>108</v>
      </c>
      <c r="AK4326" t="s">
        <v>3</v>
      </c>
      <c r="AL4326">
        <v>0</v>
      </c>
      <c r="AM4326">
        <v>0</v>
      </c>
      <c r="AN4326">
        <v>0</v>
      </c>
      <c r="AO4326">
        <v>0</v>
      </c>
      <c r="AP4326">
        <v>0</v>
      </c>
      <c r="AQ4326">
        <v>0</v>
      </c>
      <c r="AR4326">
        <v>0</v>
      </c>
      <c r="AS4326">
        <v>0</v>
      </c>
      <c r="AT4326">
        <v>0</v>
      </c>
      <c r="AU4326">
        <v>0</v>
      </c>
      <c r="AV4326">
        <v>0</v>
      </c>
      <c r="AW4326">
        <v>0</v>
      </c>
      <c r="AX4326">
        <v>0</v>
      </c>
      <c r="AY4326">
        <v>8</v>
      </c>
      <c r="AZ4326">
        <v>21</v>
      </c>
      <c r="BA4326">
        <v>1691</v>
      </c>
    </row>
    <row r="4327" spans="1:53" x14ac:dyDescent="0.4">
      <c r="A4327">
        <v>4371</v>
      </c>
      <c r="B4327" s="1">
        <v>44476</v>
      </c>
      <c r="C4327">
        <v>1</v>
      </c>
      <c r="D4327" s="1">
        <v>44476.291666666664</v>
      </c>
      <c r="E4327" s="1">
        <v>44476.447222222225</v>
      </c>
      <c r="F4327">
        <v>0</v>
      </c>
      <c r="G4327">
        <v>0</v>
      </c>
      <c r="H4327">
        <v>0</v>
      </c>
      <c r="I4327">
        <v>0</v>
      </c>
      <c r="J4327">
        <v>0</v>
      </c>
      <c r="K4327">
        <v>0</v>
      </c>
      <c r="L4327">
        <v>0</v>
      </c>
      <c r="M4327">
        <v>0</v>
      </c>
      <c r="N4327">
        <v>0</v>
      </c>
      <c r="O4327">
        <v>0</v>
      </c>
      <c r="P4327">
        <v>0</v>
      </c>
      <c r="Q4327">
        <v>0</v>
      </c>
      <c r="R4327">
        <v>0</v>
      </c>
      <c r="S4327">
        <v>0</v>
      </c>
      <c r="T4327">
        <v>0</v>
      </c>
      <c r="U4327">
        <v>0</v>
      </c>
      <c r="V4327">
        <v>0</v>
      </c>
      <c r="W4327">
        <v>1</v>
      </c>
      <c r="X4327">
        <v>0</v>
      </c>
      <c r="Y4327">
        <v>25</v>
      </c>
      <c r="Z4327">
        <v>16</v>
      </c>
      <c r="AA4327">
        <v>93</v>
      </c>
      <c r="AB4327">
        <v>34</v>
      </c>
      <c r="AC4327">
        <v>79</v>
      </c>
      <c r="AD4327">
        <v>26</v>
      </c>
      <c r="AE4327">
        <v>80</v>
      </c>
      <c r="AF4327">
        <v>0</v>
      </c>
      <c r="AG4327">
        <v>50000</v>
      </c>
      <c r="AH4327">
        <v>50000</v>
      </c>
      <c r="AI4327">
        <v>0</v>
      </c>
      <c r="AJ4327">
        <v>0</v>
      </c>
      <c r="AK4327" t="s">
        <v>6</v>
      </c>
      <c r="AL4327">
        <v>0</v>
      </c>
      <c r="AM4327">
        <v>0</v>
      </c>
      <c r="AN4327">
        <v>0</v>
      </c>
      <c r="AO4327">
        <v>0</v>
      </c>
      <c r="AP4327">
        <v>0</v>
      </c>
      <c r="AQ4327">
        <v>0</v>
      </c>
      <c r="AR4327">
        <v>0</v>
      </c>
      <c r="AS4327">
        <v>0</v>
      </c>
      <c r="AT4327">
        <v>0</v>
      </c>
      <c r="AU4327">
        <v>0</v>
      </c>
      <c r="AV4327">
        <v>0</v>
      </c>
      <c r="AW4327">
        <v>0</v>
      </c>
      <c r="AX4327">
        <v>0</v>
      </c>
      <c r="AY4327">
        <v>0</v>
      </c>
      <c r="AZ4327">
        <v>0</v>
      </c>
      <c r="BA4327">
        <v>0</v>
      </c>
    </row>
    <row r="4328" spans="1:53" x14ac:dyDescent="0.4">
      <c r="A4328">
        <v>4372</v>
      </c>
      <c r="B4328" s="1">
        <v>44476</v>
      </c>
      <c r="C4328">
        <v>2</v>
      </c>
      <c r="D4328" s="1">
        <v>44476.447222222225</v>
      </c>
      <c r="E4328" s="1">
        <v>44476.761805555558</v>
      </c>
      <c r="F4328">
        <v>18170</v>
      </c>
      <c r="G4328">
        <v>0</v>
      </c>
      <c r="H4328">
        <v>0</v>
      </c>
      <c r="I4328">
        <v>0</v>
      </c>
      <c r="J4328">
        <v>0</v>
      </c>
      <c r="K4328">
        <v>0</v>
      </c>
      <c r="L4328">
        <v>0</v>
      </c>
      <c r="M4328">
        <v>1652</v>
      </c>
      <c r="N4328">
        <v>0</v>
      </c>
      <c r="O4328">
        <v>0</v>
      </c>
      <c r="P4328">
        <v>11040</v>
      </c>
      <c r="Q4328">
        <v>0</v>
      </c>
      <c r="R4328">
        <v>29210</v>
      </c>
      <c r="S4328">
        <v>0</v>
      </c>
      <c r="T4328">
        <v>0</v>
      </c>
      <c r="U4328">
        <v>0</v>
      </c>
      <c r="V4328">
        <v>1</v>
      </c>
      <c r="W4328">
        <v>1</v>
      </c>
      <c r="X4328">
        <v>0</v>
      </c>
      <c r="Y4328">
        <v>36</v>
      </c>
      <c r="Z4328">
        <v>27</v>
      </c>
      <c r="AA4328">
        <v>117</v>
      </c>
      <c r="AB4328">
        <v>29</v>
      </c>
      <c r="AC4328">
        <v>75</v>
      </c>
      <c r="AD4328">
        <v>26</v>
      </c>
      <c r="AE4328">
        <v>80</v>
      </c>
      <c r="AF4328">
        <v>600</v>
      </c>
      <c r="AG4328">
        <v>79210</v>
      </c>
      <c r="AH4328">
        <v>50000</v>
      </c>
      <c r="AI4328">
        <v>0</v>
      </c>
      <c r="AJ4328">
        <v>95</v>
      </c>
      <c r="AK4328" t="s">
        <v>21</v>
      </c>
      <c r="AL4328">
        <v>0</v>
      </c>
      <c r="AM4328">
        <v>0</v>
      </c>
      <c r="AN4328">
        <v>0</v>
      </c>
      <c r="AO4328">
        <v>0</v>
      </c>
      <c r="AP4328">
        <v>0</v>
      </c>
      <c r="AQ4328">
        <v>0</v>
      </c>
      <c r="AR4328">
        <v>0</v>
      </c>
      <c r="AS4328">
        <v>0</v>
      </c>
      <c r="AT4328">
        <v>0</v>
      </c>
      <c r="AU4328">
        <v>0</v>
      </c>
      <c r="AV4328">
        <v>0</v>
      </c>
      <c r="AW4328">
        <v>0</v>
      </c>
      <c r="AX4328">
        <v>0</v>
      </c>
      <c r="AY4328">
        <v>24</v>
      </c>
      <c r="AZ4328">
        <v>45</v>
      </c>
      <c r="BA4328">
        <v>4251</v>
      </c>
    </row>
    <row r="4329" spans="1:53" x14ac:dyDescent="0.4">
      <c r="A4329">
        <v>4373</v>
      </c>
      <c r="B4329" s="1">
        <v>44476</v>
      </c>
      <c r="C4329">
        <v>3</v>
      </c>
      <c r="D4329" s="1">
        <v>44476.761805555558</v>
      </c>
      <c r="E4329" s="1">
        <v>44477.117361111108</v>
      </c>
      <c r="F4329">
        <v>41540</v>
      </c>
      <c r="G4329">
        <v>2805</v>
      </c>
      <c r="H4329">
        <v>0</v>
      </c>
      <c r="I4329">
        <v>0</v>
      </c>
      <c r="J4329">
        <v>0</v>
      </c>
      <c r="K4329">
        <v>0</v>
      </c>
      <c r="L4329">
        <v>0</v>
      </c>
      <c r="M4329">
        <v>4031</v>
      </c>
      <c r="N4329">
        <v>0</v>
      </c>
      <c r="O4329">
        <v>0</v>
      </c>
      <c r="P4329">
        <v>-6200</v>
      </c>
      <c r="Q4329">
        <v>0</v>
      </c>
      <c r="R4329">
        <v>38145</v>
      </c>
      <c r="S4329">
        <v>0</v>
      </c>
      <c r="T4329">
        <v>0</v>
      </c>
      <c r="U4329">
        <v>0</v>
      </c>
      <c r="V4329">
        <v>4</v>
      </c>
      <c r="W4329">
        <v>0</v>
      </c>
      <c r="X4329">
        <v>0</v>
      </c>
      <c r="Y4329">
        <v>48</v>
      </c>
      <c r="Z4329">
        <v>28</v>
      </c>
      <c r="AA4329">
        <v>123</v>
      </c>
      <c r="AB4329">
        <v>30</v>
      </c>
      <c r="AC4329">
        <v>74</v>
      </c>
      <c r="AD4329">
        <v>26</v>
      </c>
      <c r="AE4329">
        <v>85</v>
      </c>
      <c r="AF4329">
        <v>600</v>
      </c>
      <c r="AG4329">
        <v>117355</v>
      </c>
      <c r="AH4329">
        <v>50000</v>
      </c>
      <c r="AI4329">
        <v>0</v>
      </c>
      <c r="AJ4329">
        <v>108</v>
      </c>
      <c r="AK4329" t="s">
        <v>3</v>
      </c>
      <c r="AL4329">
        <v>0</v>
      </c>
      <c r="AM4329">
        <v>0</v>
      </c>
      <c r="AN4329">
        <v>0</v>
      </c>
      <c r="AO4329">
        <v>0</v>
      </c>
      <c r="AP4329">
        <v>0</v>
      </c>
      <c r="AQ4329">
        <v>0</v>
      </c>
      <c r="AR4329">
        <v>0</v>
      </c>
      <c r="AS4329">
        <v>0</v>
      </c>
      <c r="AT4329">
        <v>0</v>
      </c>
      <c r="AU4329">
        <v>0</v>
      </c>
      <c r="AV4329">
        <v>0</v>
      </c>
      <c r="AW4329">
        <v>0</v>
      </c>
      <c r="AX4329">
        <v>1100</v>
      </c>
      <c r="AY4329">
        <v>6</v>
      </c>
      <c r="AZ4329">
        <v>18</v>
      </c>
      <c r="BA4329">
        <v>1140</v>
      </c>
    </row>
    <row r="4330" spans="1:53" x14ac:dyDescent="0.4">
      <c r="A4330">
        <v>4374</v>
      </c>
      <c r="B4330" s="1">
        <v>44477</v>
      </c>
      <c r="C4330">
        <v>1</v>
      </c>
      <c r="D4330" s="1">
        <v>44477.291666666664</v>
      </c>
      <c r="E4330" s="1">
        <v>44477.445138888892</v>
      </c>
      <c r="F4330">
        <v>0</v>
      </c>
      <c r="G4330">
        <v>0</v>
      </c>
      <c r="H4330">
        <v>0</v>
      </c>
      <c r="I4330">
        <v>0</v>
      </c>
      <c r="J4330">
        <v>0</v>
      </c>
      <c r="K4330">
        <v>0</v>
      </c>
      <c r="L4330">
        <v>0</v>
      </c>
      <c r="M4330">
        <v>0</v>
      </c>
      <c r="N4330">
        <v>0</v>
      </c>
      <c r="O4330">
        <v>0</v>
      </c>
      <c r="P4330">
        <v>0</v>
      </c>
      <c r="Q4330">
        <v>0</v>
      </c>
      <c r="R4330">
        <v>0</v>
      </c>
      <c r="S4330">
        <v>0</v>
      </c>
      <c r="T4330">
        <v>0</v>
      </c>
      <c r="U4330">
        <v>0</v>
      </c>
      <c r="V4330">
        <v>0</v>
      </c>
      <c r="W4330">
        <v>1</v>
      </c>
      <c r="X4330">
        <v>0</v>
      </c>
      <c r="Y4330">
        <v>25</v>
      </c>
      <c r="Z4330">
        <v>11</v>
      </c>
      <c r="AA4330">
        <v>121</v>
      </c>
      <c r="AB4330">
        <v>29</v>
      </c>
      <c r="AC4330">
        <v>74</v>
      </c>
      <c r="AD4330">
        <v>25</v>
      </c>
      <c r="AE4330">
        <v>85</v>
      </c>
      <c r="AF4330">
        <v>0</v>
      </c>
      <c r="AG4330">
        <v>50000</v>
      </c>
      <c r="AH4330">
        <v>50000</v>
      </c>
      <c r="AI4330">
        <v>0</v>
      </c>
      <c r="AJ4330">
        <v>0</v>
      </c>
      <c r="AK4330" t="s">
        <v>6</v>
      </c>
      <c r="AL4330">
        <v>0</v>
      </c>
      <c r="AM4330">
        <v>0</v>
      </c>
      <c r="AN4330">
        <v>0</v>
      </c>
      <c r="AO4330">
        <v>0</v>
      </c>
      <c r="AP4330">
        <v>0</v>
      </c>
      <c r="AQ4330">
        <v>0</v>
      </c>
      <c r="AR4330">
        <v>0</v>
      </c>
      <c r="AS4330">
        <v>0</v>
      </c>
      <c r="AT4330">
        <v>0</v>
      </c>
      <c r="AU4330">
        <v>0</v>
      </c>
      <c r="AV4330">
        <v>0</v>
      </c>
      <c r="AW4330">
        <v>0</v>
      </c>
      <c r="AX4330">
        <v>0</v>
      </c>
      <c r="AY4330">
        <v>0</v>
      </c>
      <c r="AZ4330">
        <v>0</v>
      </c>
      <c r="BA4330">
        <v>0</v>
      </c>
    </row>
    <row r="4331" spans="1:53" x14ac:dyDescent="0.4">
      <c r="A4331">
        <v>4375</v>
      </c>
      <c r="B4331" s="1">
        <v>44477</v>
      </c>
      <c r="C4331">
        <v>2</v>
      </c>
      <c r="D4331" s="1">
        <v>44477.445138888892</v>
      </c>
      <c r="E4331" s="1">
        <v>44477.741666666669</v>
      </c>
      <c r="F4331">
        <v>28000</v>
      </c>
      <c r="G4331">
        <v>0</v>
      </c>
      <c r="H4331">
        <v>30</v>
      </c>
      <c r="I4331">
        <v>0</v>
      </c>
      <c r="J4331">
        <v>100</v>
      </c>
      <c r="K4331">
        <v>0</v>
      </c>
      <c r="L4331">
        <v>0</v>
      </c>
      <c r="M4331">
        <v>2538</v>
      </c>
      <c r="N4331">
        <v>0</v>
      </c>
      <c r="O4331">
        <v>0</v>
      </c>
      <c r="P4331">
        <v>13910</v>
      </c>
      <c r="Q4331">
        <v>0</v>
      </c>
      <c r="R4331">
        <v>41840</v>
      </c>
      <c r="S4331">
        <v>0</v>
      </c>
      <c r="T4331">
        <v>0</v>
      </c>
      <c r="U4331">
        <v>0</v>
      </c>
      <c r="V4331">
        <v>1</v>
      </c>
      <c r="W4331">
        <v>1</v>
      </c>
      <c r="X4331">
        <v>0</v>
      </c>
      <c r="Y4331">
        <v>45</v>
      </c>
      <c r="Z4331">
        <v>30</v>
      </c>
      <c r="AA4331">
        <v>129</v>
      </c>
      <c r="AB4331">
        <v>31</v>
      </c>
      <c r="AC4331">
        <v>97</v>
      </c>
      <c r="AD4331">
        <v>27</v>
      </c>
      <c r="AE4331">
        <v>85</v>
      </c>
      <c r="AF4331">
        <v>1200</v>
      </c>
      <c r="AG4331">
        <v>91840</v>
      </c>
      <c r="AH4331">
        <v>50000</v>
      </c>
      <c r="AI4331">
        <v>0</v>
      </c>
      <c r="AJ4331">
        <v>103</v>
      </c>
      <c r="AK4331" t="s">
        <v>7</v>
      </c>
      <c r="AL4331">
        <v>0</v>
      </c>
      <c r="AM4331">
        <v>0</v>
      </c>
      <c r="AN4331">
        <v>0</v>
      </c>
      <c r="AO4331">
        <v>0</v>
      </c>
      <c r="AP4331">
        <v>0</v>
      </c>
      <c r="AQ4331">
        <v>0</v>
      </c>
      <c r="AR4331">
        <v>0</v>
      </c>
      <c r="AS4331">
        <v>0</v>
      </c>
      <c r="AT4331">
        <v>0</v>
      </c>
      <c r="AU4331">
        <v>0</v>
      </c>
      <c r="AV4331">
        <v>0</v>
      </c>
      <c r="AW4331">
        <v>0</v>
      </c>
      <c r="AX4331">
        <v>0</v>
      </c>
      <c r="AY4331">
        <v>39</v>
      </c>
      <c r="AZ4331">
        <v>67</v>
      </c>
      <c r="BA4331">
        <v>5873</v>
      </c>
    </row>
    <row r="4332" spans="1:53" x14ac:dyDescent="0.4">
      <c r="A4332">
        <v>4376</v>
      </c>
      <c r="B4332" s="1">
        <v>44477</v>
      </c>
      <c r="C4332">
        <v>3</v>
      </c>
      <c r="D4332" s="1">
        <v>44477.741666666669</v>
      </c>
      <c r="E4332" s="1">
        <v>44478.1</v>
      </c>
      <c r="F4332">
        <v>131485</v>
      </c>
      <c r="G4332">
        <v>4796</v>
      </c>
      <c r="H4332">
        <v>0</v>
      </c>
      <c r="I4332">
        <v>0</v>
      </c>
      <c r="J4332">
        <v>0</v>
      </c>
      <c r="K4332">
        <v>0</v>
      </c>
      <c r="L4332">
        <v>0</v>
      </c>
      <c r="M4332">
        <v>12390</v>
      </c>
      <c r="N4332">
        <v>0</v>
      </c>
      <c r="O4332">
        <v>0</v>
      </c>
      <c r="P4332">
        <v>7270</v>
      </c>
      <c r="Q4332">
        <v>0</v>
      </c>
      <c r="R4332">
        <v>143551</v>
      </c>
      <c r="S4332">
        <v>0</v>
      </c>
      <c r="T4332">
        <v>0</v>
      </c>
      <c r="U4332">
        <v>0</v>
      </c>
      <c r="V4332">
        <v>7</v>
      </c>
      <c r="W4332">
        <v>5</v>
      </c>
      <c r="X4332">
        <v>0</v>
      </c>
      <c r="Y4332">
        <v>67</v>
      </c>
      <c r="Z4332">
        <v>29</v>
      </c>
      <c r="AA4332">
        <v>114</v>
      </c>
      <c r="AB4332">
        <v>33</v>
      </c>
      <c r="AC4332">
        <v>106</v>
      </c>
      <c r="AD4332">
        <v>26</v>
      </c>
      <c r="AE4332">
        <v>81</v>
      </c>
      <c r="AF4332">
        <v>44570</v>
      </c>
      <c r="AG4332">
        <v>235391</v>
      </c>
      <c r="AH4332">
        <v>50000</v>
      </c>
      <c r="AI4332">
        <v>0</v>
      </c>
      <c r="AJ4332">
        <v>108</v>
      </c>
      <c r="AK4332" t="s">
        <v>3</v>
      </c>
      <c r="AL4332">
        <v>0</v>
      </c>
      <c r="AM4332">
        <v>0</v>
      </c>
      <c r="AN4332">
        <v>0</v>
      </c>
      <c r="AO4332">
        <v>0</v>
      </c>
      <c r="AP4332">
        <v>0</v>
      </c>
      <c r="AQ4332">
        <v>0</v>
      </c>
      <c r="AR4332">
        <v>0</v>
      </c>
      <c r="AS4332">
        <v>0</v>
      </c>
      <c r="AT4332">
        <v>0</v>
      </c>
      <c r="AU4332">
        <v>0</v>
      </c>
      <c r="AV4332">
        <v>0</v>
      </c>
      <c r="AW4332">
        <v>0</v>
      </c>
      <c r="AX4332">
        <v>2519</v>
      </c>
      <c r="AY4332">
        <v>29</v>
      </c>
      <c r="AZ4332">
        <v>83</v>
      </c>
      <c r="BA4332">
        <v>4990</v>
      </c>
    </row>
    <row r="4333" spans="1:53" x14ac:dyDescent="0.4">
      <c r="A4333">
        <v>4377</v>
      </c>
      <c r="B4333" s="1">
        <v>44478</v>
      </c>
      <c r="C4333">
        <v>1</v>
      </c>
      <c r="D4333" s="1">
        <v>44478.291666666664</v>
      </c>
      <c r="E4333" s="1">
        <v>44478.411111111112</v>
      </c>
      <c r="F4333">
        <v>0</v>
      </c>
      <c r="G4333">
        <v>0</v>
      </c>
      <c r="H4333">
        <v>0</v>
      </c>
      <c r="I4333">
        <v>0</v>
      </c>
      <c r="J4333">
        <v>0</v>
      </c>
      <c r="K4333">
        <v>0</v>
      </c>
      <c r="L4333">
        <v>0</v>
      </c>
      <c r="M4333">
        <v>0</v>
      </c>
      <c r="N4333">
        <v>0</v>
      </c>
      <c r="O4333">
        <v>0</v>
      </c>
      <c r="P4333">
        <v>0</v>
      </c>
      <c r="Q4333">
        <v>0</v>
      </c>
      <c r="R4333">
        <v>0</v>
      </c>
      <c r="S4333">
        <v>0</v>
      </c>
      <c r="T4333">
        <v>0</v>
      </c>
      <c r="U4333">
        <v>0</v>
      </c>
      <c r="V4333">
        <v>0</v>
      </c>
      <c r="W4333">
        <v>1</v>
      </c>
      <c r="X4333">
        <v>0</v>
      </c>
      <c r="Y4333">
        <v>25</v>
      </c>
      <c r="Z4333">
        <v>11</v>
      </c>
      <c r="AA4333">
        <v>120</v>
      </c>
      <c r="AB4333">
        <v>34</v>
      </c>
      <c r="AC4333">
        <v>60</v>
      </c>
      <c r="AD4333">
        <v>24</v>
      </c>
      <c r="AE4333">
        <v>80</v>
      </c>
      <c r="AF4333">
        <v>0</v>
      </c>
      <c r="AG4333">
        <v>50000</v>
      </c>
      <c r="AH4333">
        <v>50000</v>
      </c>
      <c r="AI4333">
        <v>0</v>
      </c>
      <c r="AJ4333">
        <v>0</v>
      </c>
      <c r="AK4333" t="s">
        <v>6</v>
      </c>
      <c r="AL4333">
        <v>0</v>
      </c>
      <c r="AM4333">
        <v>0</v>
      </c>
      <c r="AN4333">
        <v>0</v>
      </c>
      <c r="AO4333">
        <v>0</v>
      </c>
      <c r="AP4333">
        <v>0</v>
      </c>
      <c r="AQ4333">
        <v>0</v>
      </c>
      <c r="AR4333">
        <v>0</v>
      </c>
      <c r="AS4333">
        <v>0</v>
      </c>
      <c r="AT4333">
        <v>0</v>
      </c>
      <c r="AU4333">
        <v>0</v>
      </c>
      <c r="AV4333">
        <v>0</v>
      </c>
      <c r="AW4333">
        <v>0</v>
      </c>
      <c r="AX4333">
        <v>0</v>
      </c>
      <c r="AY4333">
        <v>0</v>
      </c>
      <c r="AZ4333">
        <v>0</v>
      </c>
      <c r="BA4333">
        <v>0</v>
      </c>
    </row>
    <row r="4334" spans="1:53" x14ac:dyDescent="0.4">
      <c r="A4334">
        <v>4378</v>
      </c>
      <c r="B4334" s="1">
        <v>44479</v>
      </c>
      <c r="C4334">
        <v>1</v>
      </c>
      <c r="D4334" s="1">
        <v>44479.291666666664</v>
      </c>
      <c r="E4334" s="1">
        <v>44479.386805555558</v>
      </c>
      <c r="F4334">
        <v>0</v>
      </c>
      <c r="G4334">
        <v>0</v>
      </c>
      <c r="H4334">
        <v>0</v>
      </c>
      <c r="I4334">
        <v>0</v>
      </c>
      <c r="J4334">
        <v>0</v>
      </c>
      <c r="K4334">
        <v>0</v>
      </c>
      <c r="L4334">
        <v>0</v>
      </c>
      <c r="M4334">
        <v>0</v>
      </c>
      <c r="N4334">
        <v>0</v>
      </c>
      <c r="O4334">
        <v>0</v>
      </c>
      <c r="P4334">
        <v>0</v>
      </c>
      <c r="Q4334">
        <v>0</v>
      </c>
      <c r="R4334">
        <v>0</v>
      </c>
      <c r="S4334">
        <v>0</v>
      </c>
      <c r="T4334">
        <v>0</v>
      </c>
      <c r="U4334">
        <v>0</v>
      </c>
      <c r="V4334">
        <v>0</v>
      </c>
      <c r="W4334">
        <v>1</v>
      </c>
      <c r="X4334">
        <v>0</v>
      </c>
      <c r="Y4334">
        <v>25</v>
      </c>
      <c r="Z4334">
        <v>10</v>
      </c>
      <c r="AA4334">
        <v>125</v>
      </c>
      <c r="AB4334">
        <v>39</v>
      </c>
      <c r="AC4334">
        <v>35</v>
      </c>
      <c r="AD4334">
        <v>24</v>
      </c>
      <c r="AE4334">
        <v>80</v>
      </c>
      <c r="AF4334">
        <v>0</v>
      </c>
      <c r="AG4334">
        <v>50000</v>
      </c>
      <c r="AH4334">
        <v>50000</v>
      </c>
      <c r="AI4334">
        <v>0</v>
      </c>
      <c r="AJ4334">
        <v>0</v>
      </c>
      <c r="AK4334" t="s">
        <v>6</v>
      </c>
      <c r="AL4334">
        <v>0</v>
      </c>
      <c r="AM4334">
        <v>0</v>
      </c>
      <c r="AN4334">
        <v>0</v>
      </c>
      <c r="AO4334">
        <v>0</v>
      </c>
      <c r="AP4334">
        <v>0</v>
      </c>
      <c r="AQ4334">
        <v>0</v>
      </c>
      <c r="AR4334">
        <v>0</v>
      </c>
      <c r="AS4334">
        <v>0</v>
      </c>
      <c r="AT4334">
        <v>0</v>
      </c>
      <c r="AU4334">
        <v>0</v>
      </c>
      <c r="AV4334">
        <v>0</v>
      </c>
      <c r="AW4334">
        <v>0</v>
      </c>
      <c r="AX4334">
        <v>0</v>
      </c>
      <c r="AY4334">
        <v>0</v>
      </c>
      <c r="AZ4334">
        <v>0</v>
      </c>
      <c r="BA4334">
        <v>0</v>
      </c>
    </row>
    <row r="4335" spans="1:53" x14ac:dyDescent="0.4">
      <c r="A4335">
        <v>4379</v>
      </c>
      <c r="B4335" s="1">
        <v>44479</v>
      </c>
      <c r="C4335">
        <v>2</v>
      </c>
      <c r="D4335" s="1">
        <v>44479.386805555558</v>
      </c>
      <c r="E4335" s="1">
        <v>44479.74722222222</v>
      </c>
      <c r="F4335">
        <v>38610</v>
      </c>
      <c r="G4335">
        <v>2200</v>
      </c>
      <c r="H4335">
        <v>0</v>
      </c>
      <c r="I4335">
        <v>0</v>
      </c>
      <c r="J4335">
        <v>0</v>
      </c>
      <c r="K4335">
        <v>0</v>
      </c>
      <c r="L4335">
        <v>0</v>
      </c>
      <c r="M4335">
        <v>3706</v>
      </c>
      <c r="N4335">
        <v>0</v>
      </c>
      <c r="O4335">
        <v>0</v>
      </c>
      <c r="P4335">
        <v>16444</v>
      </c>
      <c r="Q4335">
        <v>0</v>
      </c>
      <c r="R4335">
        <v>57254</v>
      </c>
      <c r="S4335">
        <v>0</v>
      </c>
      <c r="T4335">
        <v>0</v>
      </c>
      <c r="U4335">
        <v>0</v>
      </c>
      <c r="V4335">
        <v>0</v>
      </c>
      <c r="W4335">
        <v>2</v>
      </c>
      <c r="X4335">
        <v>0</v>
      </c>
      <c r="Y4335">
        <v>64</v>
      </c>
      <c r="Z4335">
        <v>34</v>
      </c>
      <c r="AA4335">
        <v>126</v>
      </c>
      <c r="AB4335">
        <v>40</v>
      </c>
      <c r="AC4335">
        <v>71</v>
      </c>
      <c r="AD4335">
        <v>23</v>
      </c>
      <c r="AE4335">
        <v>79</v>
      </c>
      <c r="AF4335">
        <v>750</v>
      </c>
      <c r="AG4335">
        <v>107254</v>
      </c>
      <c r="AH4335">
        <v>50000</v>
      </c>
      <c r="AI4335">
        <v>0</v>
      </c>
      <c r="AJ4335">
        <v>103</v>
      </c>
      <c r="AK4335" t="s">
        <v>7</v>
      </c>
      <c r="AL4335">
        <v>0</v>
      </c>
      <c r="AM4335">
        <v>0</v>
      </c>
      <c r="AN4335">
        <v>0</v>
      </c>
      <c r="AO4335">
        <v>0</v>
      </c>
      <c r="AP4335">
        <v>0</v>
      </c>
      <c r="AQ4335">
        <v>0</v>
      </c>
      <c r="AR4335">
        <v>0</v>
      </c>
      <c r="AS4335">
        <v>0</v>
      </c>
      <c r="AT4335">
        <v>0</v>
      </c>
      <c r="AU4335">
        <v>0</v>
      </c>
      <c r="AV4335">
        <v>0</v>
      </c>
      <c r="AW4335">
        <v>0</v>
      </c>
      <c r="AX4335">
        <v>0</v>
      </c>
      <c r="AY4335">
        <v>46</v>
      </c>
      <c r="AZ4335">
        <v>88</v>
      </c>
      <c r="BA4335">
        <v>7063</v>
      </c>
    </row>
    <row r="4336" spans="1:53" x14ac:dyDescent="0.4">
      <c r="A4336">
        <v>4380</v>
      </c>
      <c r="B4336" s="1">
        <v>44479</v>
      </c>
      <c r="C4336">
        <v>3</v>
      </c>
      <c r="D4336" s="1">
        <v>44479.74722222222</v>
      </c>
      <c r="E4336" s="1">
        <v>44480.121527777781</v>
      </c>
      <c r="F4336">
        <v>46240</v>
      </c>
      <c r="G4336">
        <v>2354</v>
      </c>
      <c r="H4336">
        <v>0</v>
      </c>
      <c r="I4336">
        <v>0</v>
      </c>
      <c r="J4336">
        <v>200</v>
      </c>
      <c r="K4336">
        <v>1060</v>
      </c>
      <c r="L4336">
        <v>0</v>
      </c>
      <c r="M4336">
        <v>4496</v>
      </c>
      <c r="N4336">
        <v>0</v>
      </c>
      <c r="O4336">
        <v>0</v>
      </c>
      <c r="P4336">
        <v>-8094</v>
      </c>
      <c r="Q4336">
        <v>0</v>
      </c>
      <c r="R4336">
        <v>41360</v>
      </c>
      <c r="S4336">
        <v>0</v>
      </c>
      <c r="T4336">
        <v>0</v>
      </c>
      <c r="U4336">
        <v>0</v>
      </c>
      <c r="V4336">
        <v>2</v>
      </c>
      <c r="W4336">
        <v>2</v>
      </c>
      <c r="X4336">
        <v>0</v>
      </c>
      <c r="Y4336">
        <v>78</v>
      </c>
      <c r="Z4336">
        <v>35</v>
      </c>
      <c r="AA4336">
        <v>139</v>
      </c>
      <c r="AB4336">
        <v>44</v>
      </c>
      <c r="AC4336">
        <v>81</v>
      </c>
      <c r="AD4336">
        <v>23</v>
      </c>
      <c r="AE4336">
        <v>79</v>
      </c>
      <c r="AF4336">
        <v>5810</v>
      </c>
      <c r="AG4336">
        <v>148414</v>
      </c>
      <c r="AH4336">
        <v>50000</v>
      </c>
      <c r="AI4336">
        <v>-200</v>
      </c>
      <c r="AJ4336">
        <v>108</v>
      </c>
      <c r="AK4336" t="s">
        <v>3</v>
      </c>
      <c r="AL4336">
        <v>0</v>
      </c>
      <c r="AM4336">
        <v>0</v>
      </c>
      <c r="AN4336">
        <v>0</v>
      </c>
      <c r="AO4336">
        <v>0</v>
      </c>
      <c r="AP4336">
        <v>0</v>
      </c>
      <c r="AQ4336">
        <v>0</v>
      </c>
      <c r="AR4336">
        <v>0</v>
      </c>
      <c r="AS4336">
        <v>0</v>
      </c>
      <c r="AT4336">
        <v>0</v>
      </c>
      <c r="AU4336">
        <v>0</v>
      </c>
      <c r="AV4336">
        <v>0</v>
      </c>
      <c r="AW4336">
        <v>0</v>
      </c>
      <c r="AX4336">
        <v>2550</v>
      </c>
      <c r="AY4336">
        <v>11</v>
      </c>
      <c r="AZ4336">
        <v>25</v>
      </c>
      <c r="BA4336">
        <v>2880</v>
      </c>
    </row>
    <row r="4337" spans="1:53" x14ac:dyDescent="0.4">
      <c r="A4337">
        <v>4381</v>
      </c>
      <c r="B4337" s="1">
        <v>44481</v>
      </c>
      <c r="C4337">
        <v>1</v>
      </c>
      <c r="D4337" s="1">
        <v>44481.291666666664</v>
      </c>
      <c r="E4337" s="1">
        <v>44481.754166666666</v>
      </c>
      <c r="F4337">
        <v>23880</v>
      </c>
      <c r="G4337">
        <v>0</v>
      </c>
      <c r="H4337">
        <v>0</v>
      </c>
      <c r="I4337">
        <v>0</v>
      </c>
      <c r="J4337">
        <v>100</v>
      </c>
      <c r="K4337">
        <v>0</v>
      </c>
      <c r="L4337">
        <v>0</v>
      </c>
      <c r="M4337">
        <v>2162</v>
      </c>
      <c r="N4337">
        <v>0</v>
      </c>
      <c r="O4337">
        <v>0</v>
      </c>
      <c r="P4337">
        <v>9940</v>
      </c>
      <c r="Q4337">
        <v>0</v>
      </c>
      <c r="R4337">
        <v>33720</v>
      </c>
      <c r="S4337">
        <v>0</v>
      </c>
      <c r="T4337">
        <v>0</v>
      </c>
      <c r="U4337">
        <v>0</v>
      </c>
      <c r="V4337">
        <v>4</v>
      </c>
      <c r="W4337">
        <v>0</v>
      </c>
      <c r="X4337">
        <v>0</v>
      </c>
      <c r="Y4337">
        <v>22</v>
      </c>
      <c r="Z4337">
        <v>16</v>
      </c>
      <c r="AA4337">
        <v>81</v>
      </c>
      <c r="AB4337">
        <v>46</v>
      </c>
      <c r="AC4337">
        <v>108</v>
      </c>
      <c r="AD4337">
        <v>18</v>
      </c>
      <c r="AE4337">
        <v>80</v>
      </c>
      <c r="AF4337">
        <v>2270</v>
      </c>
      <c r="AG4337">
        <v>83920</v>
      </c>
      <c r="AH4337">
        <v>50000</v>
      </c>
      <c r="AI4337">
        <v>200</v>
      </c>
      <c r="AJ4337">
        <v>104</v>
      </c>
      <c r="AK4337" t="s">
        <v>52</v>
      </c>
      <c r="AL4337">
        <v>0</v>
      </c>
      <c r="AM4337">
        <v>0</v>
      </c>
      <c r="AN4337">
        <v>0</v>
      </c>
      <c r="AO4337">
        <v>0</v>
      </c>
      <c r="AP4337">
        <v>0</v>
      </c>
      <c r="AQ4337">
        <v>0</v>
      </c>
      <c r="AR4337">
        <v>0</v>
      </c>
      <c r="AS4337">
        <v>0</v>
      </c>
      <c r="AT4337">
        <v>0</v>
      </c>
      <c r="AU4337">
        <v>0</v>
      </c>
      <c r="AV4337">
        <v>0</v>
      </c>
      <c r="AW4337">
        <v>0</v>
      </c>
      <c r="AX4337">
        <v>-1060</v>
      </c>
      <c r="AY4337">
        <v>37</v>
      </c>
      <c r="AZ4337">
        <v>56</v>
      </c>
      <c r="BA4337">
        <v>5485</v>
      </c>
    </row>
    <row r="4338" spans="1:53" x14ac:dyDescent="0.4">
      <c r="A4338">
        <v>4382</v>
      </c>
      <c r="B4338" s="1">
        <v>44481</v>
      </c>
      <c r="C4338">
        <v>2</v>
      </c>
      <c r="D4338" s="1">
        <v>44481.754166666666</v>
      </c>
      <c r="E4338" s="1">
        <v>44481.967361111114</v>
      </c>
      <c r="F4338">
        <v>11660</v>
      </c>
      <c r="G4338">
        <v>0</v>
      </c>
      <c r="H4338">
        <v>0</v>
      </c>
      <c r="I4338">
        <v>0</v>
      </c>
      <c r="J4338">
        <v>0</v>
      </c>
      <c r="K4338">
        <v>0</v>
      </c>
      <c r="L4338">
        <v>0</v>
      </c>
      <c r="M4338">
        <v>1058</v>
      </c>
      <c r="N4338">
        <v>0</v>
      </c>
      <c r="O4338">
        <v>0</v>
      </c>
      <c r="P4338">
        <v>-6640</v>
      </c>
      <c r="Q4338">
        <v>0</v>
      </c>
      <c r="R4338">
        <v>5020</v>
      </c>
      <c r="S4338">
        <v>0</v>
      </c>
      <c r="T4338">
        <v>0</v>
      </c>
      <c r="U4338">
        <v>0</v>
      </c>
      <c r="V4338">
        <v>4</v>
      </c>
      <c r="W4338">
        <v>1</v>
      </c>
      <c r="X4338">
        <v>0</v>
      </c>
      <c r="Y4338">
        <v>21</v>
      </c>
      <c r="Z4338">
        <v>17</v>
      </c>
      <c r="AA4338">
        <v>82</v>
      </c>
      <c r="AB4338">
        <v>49</v>
      </c>
      <c r="AC4338">
        <v>115</v>
      </c>
      <c r="AD4338">
        <v>18</v>
      </c>
      <c r="AE4338">
        <v>80</v>
      </c>
      <c r="AF4338">
        <v>2270</v>
      </c>
      <c r="AG4338">
        <v>88740</v>
      </c>
      <c r="AH4338">
        <v>50000</v>
      </c>
      <c r="AI4338">
        <v>0</v>
      </c>
      <c r="AJ4338">
        <v>104</v>
      </c>
      <c r="AK4338" t="s">
        <v>52</v>
      </c>
      <c r="AL4338">
        <v>0</v>
      </c>
      <c r="AM4338">
        <v>0</v>
      </c>
      <c r="AN4338">
        <v>0</v>
      </c>
      <c r="AO4338">
        <v>0</v>
      </c>
      <c r="AP4338">
        <v>0</v>
      </c>
      <c r="AQ4338">
        <v>0</v>
      </c>
      <c r="AR4338">
        <v>0</v>
      </c>
      <c r="AS4338">
        <v>0</v>
      </c>
      <c r="AT4338">
        <v>0</v>
      </c>
      <c r="AU4338">
        <v>0</v>
      </c>
      <c r="AV4338">
        <v>0</v>
      </c>
      <c r="AW4338">
        <v>0</v>
      </c>
      <c r="AX4338">
        <v>2640</v>
      </c>
      <c r="AY4338">
        <v>4</v>
      </c>
      <c r="AZ4338">
        <v>7</v>
      </c>
      <c r="BA4338">
        <v>882</v>
      </c>
    </row>
    <row r="4339" spans="1:53" x14ac:dyDescent="0.4">
      <c r="A4339">
        <v>4383</v>
      </c>
      <c r="B4339" s="1">
        <v>44481</v>
      </c>
      <c r="C4339">
        <v>3</v>
      </c>
      <c r="D4339" s="1">
        <v>44481.967361111114</v>
      </c>
      <c r="E4339" s="1">
        <v>44482.149305555555</v>
      </c>
      <c r="F4339">
        <v>3520</v>
      </c>
      <c r="G4339">
        <v>0</v>
      </c>
      <c r="H4339">
        <v>0</v>
      </c>
      <c r="I4339">
        <v>0</v>
      </c>
      <c r="J4339">
        <v>0</v>
      </c>
      <c r="K4339">
        <v>0</v>
      </c>
      <c r="L4339">
        <v>0</v>
      </c>
      <c r="M4339">
        <v>320</v>
      </c>
      <c r="N4339">
        <v>0</v>
      </c>
      <c r="O4339">
        <v>0</v>
      </c>
      <c r="P4339">
        <v>0</v>
      </c>
      <c r="Q4339">
        <v>0</v>
      </c>
      <c r="R4339">
        <v>3520</v>
      </c>
      <c r="S4339">
        <v>0</v>
      </c>
      <c r="T4339">
        <v>0</v>
      </c>
      <c r="U4339">
        <v>0</v>
      </c>
      <c r="V4339">
        <v>4</v>
      </c>
      <c r="W4339">
        <v>1</v>
      </c>
      <c r="X4339">
        <v>0</v>
      </c>
      <c r="Y4339">
        <v>24</v>
      </c>
      <c r="Z4339">
        <v>16</v>
      </c>
      <c r="AA4339">
        <v>78</v>
      </c>
      <c r="AB4339">
        <v>49</v>
      </c>
      <c r="AC4339">
        <v>115</v>
      </c>
      <c r="AD4339">
        <v>18</v>
      </c>
      <c r="AE4339">
        <v>81</v>
      </c>
      <c r="AF4339">
        <v>3689</v>
      </c>
      <c r="AG4339">
        <v>92260</v>
      </c>
      <c r="AH4339">
        <v>50000</v>
      </c>
      <c r="AI4339">
        <v>0</v>
      </c>
      <c r="AJ4339">
        <v>108</v>
      </c>
      <c r="AK4339" t="s">
        <v>3</v>
      </c>
      <c r="AL4339">
        <v>0</v>
      </c>
      <c r="AM4339">
        <v>0</v>
      </c>
      <c r="AN4339">
        <v>0</v>
      </c>
      <c r="AO4339">
        <v>0</v>
      </c>
      <c r="AP4339">
        <v>0</v>
      </c>
      <c r="AQ4339">
        <v>0</v>
      </c>
      <c r="AR4339">
        <v>0</v>
      </c>
      <c r="AS4339">
        <v>0</v>
      </c>
      <c r="AT4339">
        <v>0</v>
      </c>
      <c r="AU4339">
        <v>0</v>
      </c>
      <c r="AV4339">
        <v>0</v>
      </c>
      <c r="AW4339">
        <v>0</v>
      </c>
      <c r="AX4339">
        <v>385</v>
      </c>
      <c r="AY4339">
        <v>0</v>
      </c>
      <c r="AZ4339">
        <v>0</v>
      </c>
      <c r="BA4339">
        <v>285</v>
      </c>
    </row>
    <row r="4340" spans="1:53" x14ac:dyDescent="0.4">
      <c r="A4340">
        <v>4384</v>
      </c>
      <c r="B4340" s="1">
        <v>44482</v>
      </c>
      <c r="C4340">
        <v>1</v>
      </c>
      <c r="D4340" s="1">
        <v>44482.291666666664</v>
      </c>
      <c r="E4340" s="1">
        <v>44482.44027777778</v>
      </c>
      <c r="F4340">
        <v>0</v>
      </c>
      <c r="G4340">
        <v>0</v>
      </c>
      <c r="H4340">
        <v>0</v>
      </c>
      <c r="I4340">
        <v>0</v>
      </c>
      <c r="J4340">
        <v>0</v>
      </c>
      <c r="K4340">
        <v>0</v>
      </c>
      <c r="L4340">
        <v>0</v>
      </c>
      <c r="M4340">
        <v>0</v>
      </c>
      <c r="N4340">
        <v>0</v>
      </c>
      <c r="O4340">
        <v>0</v>
      </c>
      <c r="P4340">
        <v>0</v>
      </c>
      <c r="Q4340">
        <v>0</v>
      </c>
      <c r="R4340">
        <v>0</v>
      </c>
      <c r="S4340">
        <v>0</v>
      </c>
      <c r="T4340">
        <v>0</v>
      </c>
      <c r="U4340">
        <v>0</v>
      </c>
      <c r="V4340">
        <v>0</v>
      </c>
      <c r="W4340">
        <v>1</v>
      </c>
      <c r="X4340">
        <v>0</v>
      </c>
      <c r="Y4340">
        <v>28</v>
      </c>
      <c r="Z4340">
        <v>10</v>
      </c>
      <c r="AA4340">
        <v>86</v>
      </c>
      <c r="AB4340">
        <v>47</v>
      </c>
      <c r="AC4340">
        <v>86</v>
      </c>
      <c r="AD4340">
        <v>20</v>
      </c>
      <c r="AE4340">
        <v>90</v>
      </c>
      <c r="AF4340">
        <v>0</v>
      </c>
      <c r="AG4340">
        <v>50000</v>
      </c>
      <c r="AH4340">
        <v>0</v>
      </c>
      <c r="AI4340">
        <v>50000</v>
      </c>
      <c r="AJ4340">
        <v>0</v>
      </c>
      <c r="AK4340" t="s">
        <v>6</v>
      </c>
      <c r="AL4340">
        <v>0</v>
      </c>
      <c r="AM4340">
        <v>0</v>
      </c>
      <c r="AN4340">
        <v>0</v>
      </c>
      <c r="AO4340">
        <v>0</v>
      </c>
      <c r="AP4340">
        <v>0</v>
      </c>
      <c r="AQ4340">
        <v>0</v>
      </c>
      <c r="AR4340">
        <v>0</v>
      </c>
      <c r="AS4340">
        <v>0</v>
      </c>
      <c r="AT4340">
        <v>0</v>
      </c>
      <c r="AU4340">
        <v>0</v>
      </c>
      <c r="AV4340">
        <v>0</v>
      </c>
      <c r="AW4340">
        <v>0</v>
      </c>
      <c r="AX4340">
        <v>0</v>
      </c>
      <c r="AY4340">
        <v>0</v>
      </c>
      <c r="AZ4340">
        <v>0</v>
      </c>
      <c r="BA4340">
        <v>0</v>
      </c>
    </row>
    <row r="4341" spans="1:53" x14ac:dyDescent="0.4">
      <c r="A4341">
        <v>4385</v>
      </c>
      <c r="B4341" s="1">
        <v>44482</v>
      </c>
      <c r="C4341">
        <v>2</v>
      </c>
      <c r="D4341" s="1">
        <v>44482.44027777778</v>
      </c>
      <c r="E4341" s="1">
        <v>44482.768055555556</v>
      </c>
      <c r="F4341">
        <v>18340</v>
      </c>
      <c r="G4341">
        <v>1100</v>
      </c>
      <c r="H4341">
        <v>0</v>
      </c>
      <c r="I4341">
        <v>0</v>
      </c>
      <c r="J4341">
        <v>0</v>
      </c>
      <c r="K4341">
        <v>0</v>
      </c>
      <c r="L4341">
        <v>0</v>
      </c>
      <c r="M4341">
        <v>1768</v>
      </c>
      <c r="N4341">
        <v>0</v>
      </c>
      <c r="O4341">
        <v>0</v>
      </c>
      <c r="P4341">
        <v>1560</v>
      </c>
      <c r="Q4341">
        <v>0</v>
      </c>
      <c r="R4341">
        <v>21000</v>
      </c>
      <c r="S4341">
        <v>0</v>
      </c>
      <c r="T4341">
        <v>0</v>
      </c>
      <c r="U4341">
        <v>0</v>
      </c>
      <c r="V4341">
        <v>0</v>
      </c>
      <c r="W4341">
        <v>2</v>
      </c>
      <c r="X4341">
        <v>0</v>
      </c>
      <c r="Y4341">
        <v>46</v>
      </c>
      <c r="Z4341">
        <v>11</v>
      </c>
      <c r="AA4341">
        <v>61</v>
      </c>
      <c r="AB4341">
        <v>47</v>
      </c>
      <c r="AC4341">
        <v>86</v>
      </c>
      <c r="AD4341">
        <v>20</v>
      </c>
      <c r="AE4341">
        <v>90</v>
      </c>
      <c r="AF4341">
        <v>0</v>
      </c>
      <c r="AG4341">
        <v>71000</v>
      </c>
      <c r="AH4341">
        <v>50000</v>
      </c>
      <c r="AI4341">
        <v>0</v>
      </c>
      <c r="AJ4341">
        <v>114</v>
      </c>
      <c r="AK4341" t="s">
        <v>53</v>
      </c>
      <c r="AL4341">
        <v>0</v>
      </c>
      <c r="AM4341">
        <v>0</v>
      </c>
      <c r="AN4341">
        <v>0</v>
      </c>
      <c r="AO4341">
        <v>0</v>
      </c>
      <c r="AP4341">
        <v>0</v>
      </c>
      <c r="AQ4341">
        <v>0</v>
      </c>
      <c r="AR4341">
        <v>0</v>
      </c>
      <c r="AS4341">
        <v>0</v>
      </c>
      <c r="AT4341">
        <v>0</v>
      </c>
      <c r="AU4341">
        <v>0</v>
      </c>
      <c r="AV4341">
        <v>0</v>
      </c>
      <c r="AW4341">
        <v>0</v>
      </c>
      <c r="AX4341">
        <v>0</v>
      </c>
      <c r="AY4341">
        <v>24</v>
      </c>
      <c r="AZ4341">
        <v>33</v>
      </c>
      <c r="BA4341">
        <v>3786</v>
      </c>
    </row>
    <row r="4342" spans="1:53" x14ac:dyDescent="0.4">
      <c r="A4342">
        <v>4386</v>
      </c>
      <c r="B4342" s="1">
        <v>44482</v>
      </c>
      <c r="C4342">
        <v>3</v>
      </c>
      <c r="D4342" s="1">
        <v>44482.768055555556</v>
      </c>
      <c r="E4342" s="1">
        <v>44483.022916666669</v>
      </c>
      <c r="F4342">
        <v>19470</v>
      </c>
      <c r="G4342">
        <v>308</v>
      </c>
      <c r="H4342">
        <v>0</v>
      </c>
      <c r="I4342">
        <v>0</v>
      </c>
      <c r="J4342">
        <v>100</v>
      </c>
      <c r="K4342">
        <v>0</v>
      </c>
      <c r="L4342">
        <v>0</v>
      </c>
      <c r="M4342">
        <v>1788</v>
      </c>
      <c r="N4342">
        <v>0</v>
      </c>
      <c r="O4342">
        <v>0</v>
      </c>
      <c r="P4342">
        <v>-1560</v>
      </c>
      <c r="Q4342">
        <v>0</v>
      </c>
      <c r="R4342">
        <v>18118</v>
      </c>
      <c r="S4342">
        <v>0</v>
      </c>
      <c r="T4342">
        <v>0</v>
      </c>
      <c r="U4342">
        <v>0</v>
      </c>
      <c r="V4342">
        <v>1</v>
      </c>
      <c r="W4342">
        <v>3</v>
      </c>
      <c r="X4342">
        <v>0</v>
      </c>
      <c r="Y4342">
        <v>45</v>
      </c>
      <c r="Z4342">
        <v>12</v>
      </c>
      <c r="AA4342">
        <v>65</v>
      </c>
      <c r="AB4342">
        <v>50</v>
      </c>
      <c r="AC4342">
        <v>85</v>
      </c>
      <c r="AD4342">
        <v>20</v>
      </c>
      <c r="AE4342">
        <v>88</v>
      </c>
      <c r="AF4342">
        <v>3080</v>
      </c>
      <c r="AG4342">
        <v>89118</v>
      </c>
      <c r="AH4342">
        <v>50000</v>
      </c>
      <c r="AI4342">
        <v>0</v>
      </c>
      <c r="AJ4342">
        <v>108</v>
      </c>
      <c r="AK4342" t="s">
        <v>3</v>
      </c>
      <c r="AL4342">
        <v>0</v>
      </c>
      <c r="AM4342">
        <v>0</v>
      </c>
      <c r="AN4342">
        <v>0</v>
      </c>
      <c r="AO4342">
        <v>0</v>
      </c>
      <c r="AP4342">
        <v>0</v>
      </c>
      <c r="AQ4342">
        <v>0</v>
      </c>
      <c r="AR4342">
        <v>0</v>
      </c>
      <c r="AS4342">
        <v>0</v>
      </c>
      <c r="AT4342">
        <v>0</v>
      </c>
      <c r="AU4342">
        <v>0</v>
      </c>
      <c r="AV4342">
        <v>0</v>
      </c>
      <c r="AW4342">
        <v>0</v>
      </c>
      <c r="AX4342">
        <v>0</v>
      </c>
      <c r="AY4342">
        <v>6</v>
      </c>
      <c r="AZ4342">
        <v>12</v>
      </c>
      <c r="BA4342">
        <v>887</v>
      </c>
    </row>
    <row r="4343" spans="1:53" x14ac:dyDescent="0.4">
      <c r="A4343">
        <v>4387</v>
      </c>
      <c r="B4343" s="1">
        <v>44483</v>
      </c>
      <c r="C4343">
        <v>1</v>
      </c>
      <c r="D4343" s="1">
        <v>44483.291666666664</v>
      </c>
      <c r="E4343" s="1">
        <v>44483.445138888892</v>
      </c>
      <c r="F4343">
        <v>0</v>
      </c>
      <c r="G4343">
        <v>0</v>
      </c>
      <c r="H4343">
        <v>0</v>
      </c>
      <c r="I4343">
        <v>0</v>
      </c>
      <c r="J4343">
        <v>0</v>
      </c>
      <c r="K4343">
        <v>0</v>
      </c>
      <c r="L4343">
        <v>0</v>
      </c>
      <c r="M4343">
        <v>0</v>
      </c>
      <c r="N4343">
        <v>0</v>
      </c>
      <c r="O4343">
        <v>0</v>
      </c>
      <c r="P4343">
        <v>0</v>
      </c>
      <c r="Q4343">
        <v>0</v>
      </c>
      <c r="R4343">
        <v>0</v>
      </c>
      <c r="S4343">
        <v>0</v>
      </c>
      <c r="T4343">
        <v>0</v>
      </c>
      <c r="U4343">
        <v>0</v>
      </c>
      <c r="V4343">
        <v>0</v>
      </c>
      <c r="W4343">
        <v>2</v>
      </c>
      <c r="X4343">
        <v>0</v>
      </c>
      <c r="Y4343">
        <v>25</v>
      </c>
      <c r="Z4343">
        <v>10</v>
      </c>
      <c r="AA4343">
        <v>65</v>
      </c>
      <c r="AB4343">
        <v>50</v>
      </c>
      <c r="AC4343">
        <v>82</v>
      </c>
      <c r="AD4343">
        <v>19</v>
      </c>
      <c r="AE4343">
        <v>85</v>
      </c>
      <c r="AF4343">
        <v>0</v>
      </c>
      <c r="AG4343">
        <v>50000</v>
      </c>
      <c r="AH4343">
        <v>50000</v>
      </c>
      <c r="AI4343">
        <v>0</v>
      </c>
      <c r="AJ4343">
        <v>0</v>
      </c>
      <c r="AK4343" t="s">
        <v>6</v>
      </c>
      <c r="AL4343">
        <v>0</v>
      </c>
      <c r="AM4343">
        <v>0</v>
      </c>
      <c r="AN4343">
        <v>0</v>
      </c>
      <c r="AO4343">
        <v>0</v>
      </c>
      <c r="AP4343">
        <v>0</v>
      </c>
      <c r="AQ4343">
        <v>0</v>
      </c>
      <c r="AR4343">
        <v>0</v>
      </c>
      <c r="AS4343">
        <v>0</v>
      </c>
      <c r="AT4343">
        <v>0</v>
      </c>
      <c r="AU4343">
        <v>0</v>
      </c>
      <c r="AV4343">
        <v>0</v>
      </c>
      <c r="AW4343">
        <v>0</v>
      </c>
      <c r="AX4343">
        <v>0</v>
      </c>
      <c r="AY4343">
        <v>0</v>
      </c>
      <c r="AZ4343">
        <v>0</v>
      </c>
      <c r="BA4343">
        <v>0</v>
      </c>
    </row>
    <row r="4344" spans="1:53" x14ac:dyDescent="0.4">
      <c r="A4344">
        <v>4388</v>
      </c>
      <c r="B4344" s="1">
        <v>44483</v>
      </c>
      <c r="C4344">
        <v>2</v>
      </c>
      <c r="D4344" s="1">
        <v>44483.445138888892</v>
      </c>
      <c r="E4344" s="1">
        <v>44483.763194444444</v>
      </c>
      <c r="F4344">
        <v>17790</v>
      </c>
      <c r="G4344">
        <v>748</v>
      </c>
      <c r="H4344">
        <v>0</v>
      </c>
      <c r="I4344">
        <v>0</v>
      </c>
      <c r="J4344">
        <v>100</v>
      </c>
      <c r="K4344">
        <v>0</v>
      </c>
      <c r="L4344">
        <v>0</v>
      </c>
      <c r="M4344">
        <v>1677</v>
      </c>
      <c r="N4344">
        <v>0</v>
      </c>
      <c r="O4344">
        <v>0</v>
      </c>
      <c r="P4344">
        <v>19970</v>
      </c>
      <c r="Q4344">
        <v>0</v>
      </c>
      <c r="R4344">
        <v>38408</v>
      </c>
      <c r="S4344">
        <v>0</v>
      </c>
      <c r="T4344">
        <v>0</v>
      </c>
      <c r="U4344">
        <v>0</v>
      </c>
      <c r="V4344">
        <v>2</v>
      </c>
      <c r="W4344">
        <v>4</v>
      </c>
      <c r="X4344">
        <v>0</v>
      </c>
      <c r="Y4344">
        <v>26</v>
      </c>
      <c r="Z4344">
        <v>19</v>
      </c>
      <c r="AA4344">
        <v>77</v>
      </c>
      <c r="AB4344">
        <v>45</v>
      </c>
      <c r="AC4344">
        <v>98</v>
      </c>
      <c r="AD4344">
        <v>19</v>
      </c>
      <c r="AE4344">
        <v>83</v>
      </c>
      <c r="AF4344">
        <v>1800</v>
      </c>
      <c r="AG4344">
        <v>88408</v>
      </c>
      <c r="AH4344">
        <v>50000</v>
      </c>
      <c r="AI4344">
        <v>0</v>
      </c>
      <c r="AJ4344">
        <v>104</v>
      </c>
      <c r="AK4344" t="s">
        <v>52</v>
      </c>
      <c r="AL4344">
        <v>0</v>
      </c>
      <c r="AM4344">
        <v>0</v>
      </c>
      <c r="AN4344">
        <v>0</v>
      </c>
      <c r="AO4344">
        <v>0</v>
      </c>
      <c r="AP4344">
        <v>0</v>
      </c>
      <c r="AQ4344">
        <v>0</v>
      </c>
      <c r="AR4344">
        <v>0</v>
      </c>
      <c r="AS4344">
        <v>0</v>
      </c>
      <c r="AT4344">
        <v>0</v>
      </c>
      <c r="AU4344">
        <v>0</v>
      </c>
      <c r="AV4344">
        <v>0</v>
      </c>
      <c r="AW4344">
        <v>0</v>
      </c>
      <c r="AX4344">
        <v>-466</v>
      </c>
      <c r="AY4344">
        <v>39</v>
      </c>
      <c r="AZ4344">
        <v>63</v>
      </c>
      <c r="BA4344">
        <v>5283</v>
      </c>
    </row>
    <row r="4345" spans="1:53" x14ac:dyDescent="0.4">
      <c r="A4345">
        <v>4389</v>
      </c>
      <c r="B4345" s="1">
        <v>44483</v>
      </c>
      <c r="C4345">
        <v>3</v>
      </c>
      <c r="D4345" s="1">
        <v>44483.763194444444</v>
      </c>
      <c r="E4345" s="1">
        <v>44483.989583333336</v>
      </c>
      <c r="F4345">
        <v>46220</v>
      </c>
      <c r="G4345">
        <v>1694</v>
      </c>
      <c r="H4345">
        <v>0</v>
      </c>
      <c r="I4345">
        <v>0</v>
      </c>
      <c r="J4345">
        <v>0</v>
      </c>
      <c r="K4345">
        <v>0</v>
      </c>
      <c r="L4345">
        <v>0</v>
      </c>
      <c r="M4345">
        <v>4354</v>
      </c>
      <c r="N4345">
        <v>0</v>
      </c>
      <c r="O4345">
        <v>0</v>
      </c>
      <c r="P4345">
        <v>-16570</v>
      </c>
      <c r="Q4345">
        <v>0</v>
      </c>
      <c r="R4345">
        <v>31344</v>
      </c>
      <c r="S4345">
        <v>0</v>
      </c>
      <c r="T4345">
        <v>0</v>
      </c>
      <c r="U4345">
        <v>0</v>
      </c>
      <c r="V4345">
        <v>4</v>
      </c>
      <c r="W4345">
        <v>4</v>
      </c>
      <c r="X4345">
        <v>0</v>
      </c>
      <c r="Y4345">
        <v>36</v>
      </c>
      <c r="Z4345">
        <v>15</v>
      </c>
      <c r="AA4345">
        <v>77</v>
      </c>
      <c r="AB4345">
        <v>41</v>
      </c>
      <c r="AC4345">
        <v>88</v>
      </c>
      <c r="AD4345">
        <v>18</v>
      </c>
      <c r="AE4345">
        <v>82</v>
      </c>
      <c r="AF4345">
        <v>5450</v>
      </c>
      <c r="AG4345">
        <v>119752</v>
      </c>
      <c r="AH4345">
        <v>50000</v>
      </c>
      <c r="AI4345">
        <v>0</v>
      </c>
      <c r="AJ4345">
        <v>108</v>
      </c>
      <c r="AK4345" t="s">
        <v>3</v>
      </c>
      <c r="AL4345">
        <v>0</v>
      </c>
      <c r="AM4345">
        <v>0</v>
      </c>
      <c r="AN4345">
        <v>0</v>
      </c>
      <c r="AO4345">
        <v>0</v>
      </c>
      <c r="AP4345">
        <v>0</v>
      </c>
      <c r="AQ4345">
        <v>0</v>
      </c>
      <c r="AR4345">
        <v>0</v>
      </c>
      <c r="AS4345">
        <v>0</v>
      </c>
      <c r="AT4345">
        <v>0</v>
      </c>
      <c r="AU4345">
        <v>0</v>
      </c>
      <c r="AV4345">
        <v>0</v>
      </c>
      <c r="AW4345">
        <v>0</v>
      </c>
      <c r="AX4345">
        <v>1320</v>
      </c>
      <c r="AY4345">
        <v>10</v>
      </c>
      <c r="AZ4345">
        <v>26</v>
      </c>
      <c r="BA4345">
        <v>2114</v>
      </c>
    </row>
    <row r="4346" spans="1:53" x14ac:dyDescent="0.4">
      <c r="A4346">
        <v>4390</v>
      </c>
      <c r="B4346" s="1">
        <v>44484</v>
      </c>
      <c r="C4346">
        <v>1</v>
      </c>
      <c r="D4346" s="1">
        <v>44484.291666666664</v>
      </c>
      <c r="E4346" s="1">
        <v>44484.45</v>
      </c>
      <c r="F4346">
        <v>0</v>
      </c>
      <c r="G4346">
        <v>0</v>
      </c>
      <c r="H4346">
        <v>0</v>
      </c>
      <c r="I4346">
        <v>0</v>
      </c>
      <c r="J4346">
        <v>0</v>
      </c>
      <c r="K4346">
        <v>0</v>
      </c>
      <c r="L4346">
        <v>0</v>
      </c>
      <c r="M4346">
        <v>0</v>
      </c>
      <c r="N4346">
        <v>0</v>
      </c>
      <c r="O4346">
        <v>0</v>
      </c>
      <c r="P4346">
        <v>0</v>
      </c>
      <c r="Q4346">
        <v>0</v>
      </c>
      <c r="R4346">
        <v>0</v>
      </c>
      <c r="S4346">
        <v>0</v>
      </c>
      <c r="T4346">
        <v>0</v>
      </c>
      <c r="U4346">
        <v>0</v>
      </c>
      <c r="V4346">
        <v>0</v>
      </c>
      <c r="W4346">
        <v>1</v>
      </c>
      <c r="X4346">
        <v>0</v>
      </c>
      <c r="Y4346">
        <v>28</v>
      </c>
      <c r="Z4346">
        <v>12</v>
      </c>
      <c r="AA4346">
        <v>82</v>
      </c>
      <c r="AB4346">
        <v>41</v>
      </c>
      <c r="AC4346">
        <v>58</v>
      </c>
      <c r="AD4346">
        <v>18</v>
      </c>
      <c r="AE4346">
        <v>80</v>
      </c>
      <c r="AF4346">
        <v>0</v>
      </c>
      <c r="AG4346">
        <v>50000</v>
      </c>
      <c r="AH4346">
        <v>50000</v>
      </c>
      <c r="AI4346">
        <v>0</v>
      </c>
      <c r="AJ4346">
        <v>0</v>
      </c>
      <c r="AK4346" t="s">
        <v>6</v>
      </c>
      <c r="AL4346">
        <v>0</v>
      </c>
      <c r="AM4346">
        <v>0</v>
      </c>
      <c r="AN4346">
        <v>0</v>
      </c>
      <c r="AO4346">
        <v>0</v>
      </c>
      <c r="AP4346">
        <v>0</v>
      </c>
      <c r="AQ4346">
        <v>0</v>
      </c>
      <c r="AR4346">
        <v>0</v>
      </c>
      <c r="AS4346">
        <v>0</v>
      </c>
      <c r="AT4346">
        <v>0</v>
      </c>
      <c r="AU4346">
        <v>0</v>
      </c>
      <c r="AV4346">
        <v>0</v>
      </c>
      <c r="AW4346">
        <v>0</v>
      </c>
      <c r="AX4346">
        <v>0</v>
      </c>
      <c r="AY4346">
        <v>0</v>
      </c>
      <c r="AZ4346">
        <v>0</v>
      </c>
      <c r="BA4346">
        <v>0</v>
      </c>
    </row>
    <row r="4347" spans="1:53" x14ac:dyDescent="0.4">
      <c r="A4347">
        <v>4391</v>
      </c>
      <c r="B4347" s="1">
        <v>44484</v>
      </c>
      <c r="C4347">
        <v>2</v>
      </c>
      <c r="D4347" s="1">
        <v>44484.45</v>
      </c>
      <c r="E4347" s="1">
        <v>44484.746527777781</v>
      </c>
      <c r="F4347">
        <v>22000</v>
      </c>
      <c r="G4347">
        <v>0</v>
      </c>
      <c r="H4347">
        <v>0</v>
      </c>
      <c r="I4347">
        <v>0</v>
      </c>
      <c r="J4347">
        <v>100</v>
      </c>
      <c r="K4347">
        <v>0</v>
      </c>
      <c r="L4347">
        <v>0</v>
      </c>
      <c r="M4347">
        <v>1992</v>
      </c>
      <c r="N4347">
        <v>0</v>
      </c>
      <c r="O4347">
        <v>0</v>
      </c>
      <c r="P4347">
        <v>10370</v>
      </c>
      <c r="Q4347">
        <v>0</v>
      </c>
      <c r="R4347">
        <v>32270</v>
      </c>
      <c r="S4347">
        <v>0</v>
      </c>
      <c r="T4347">
        <v>0</v>
      </c>
      <c r="U4347">
        <v>0</v>
      </c>
      <c r="V4347">
        <v>1</v>
      </c>
      <c r="W4347">
        <v>0</v>
      </c>
      <c r="X4347">
        <v>0</v>
      </c>
      <c r="Y4347">
        <v>51</v>
      </c>
      <c r="Z4347">
        <v>11</v>
      </c>
      <c r="AA4347">
        <v>65</v>
      </c>
      <c r="AB4347">
        <v>41</v>
      </c>
      <c r="AC4347">
        <v>64</v>
      </c>
      <c r="AD4347">
        <v>18</v>
      </c>
      <c r="AE4347">
        <v>79</v>
      </c>
      <c r="AF4347">
        <v>6411</v>
      </c>
      <c r="AG4347">
        <v>82270</v>
      </c>
      <c r="AH4347">
        <v>50000</v>
      </c>
      <c r="AI4347">
        <v>0</v>
      </c>
      <c r="AJ4347">
        <v>116</v>
      </c>
      <c r="AK4347" t="s">
        <v>54</v>
      </c>
      <c r="AL4347">
        <v>0</v>
      </c>
      <c r="AM4347">
        <v>0</v>
      </c>
      <c r="AN4347">
        <v>0</v>
      </c>
      <c r="AO4347">
        <v>0</v>
      </c>
      <c r="AP4347">
        <v>0</v>
      </c>
      <c r="AQ4347">
        <v>0</v>
      </c>
      <c r="AR4347">
        <v>0</v>
      </c>
      <c r="AS4347">
        <v>0</v>
      </c>
      <c r="AT4347">
        <v>0</v>
      </c>
      <c r="AU4347">
        <v>0</v>
      </c>
      <c r="AV4347">
        <v>0</v>
      </c>
      <c r="AW4347">
        <v>0</v>
      </c>
      <c r="AX4347">
        <v>-530</v>
      </c>
      <c r="AY4347">
        <v>31</v>
      </c>
      <c r="AZ4347">
        <v>56</v>
      </c>
      <c r="BA4347">
        <v>4093</v>
      </c>
    </row>
    <row r="4348" spans="1:53" x14ac:dyDescent="0.4">
      <c r="A4348">
        <v>4392</v>
      </c>
      <c r="B4348" s="1">
        <v>44484</v>
      </c>
      <c r="C4348">
        <v>3</v>
      </c>
      <c r="D4348" s="1">
        <v>44484.746527777781</v>
      </c>
      <c r="E4348" s="1">
        <v>44485.007638888892</v>
      </c>
      <c r="F4348">
        <v>50050</v>
      </c>
      <c r="G4348">
        <v>440</v>
      </c>
      <c r="H4348">
        <v>0</v>
      </c>
      <c r="I4348">
        <v>0</v>
      </c>
      <c r="J4348">
        <v>100</v>
      </c>
      <c r="K4348">
        <v>0</v>
      </c>
      <c r="L4348">
        <v>0</v>
      </c>
      <c r="M4348">
        <v>4578</v>
      </c>
      <c r="N4348">
        <v>0</v>
      </c>
      <c r="O4348">
        <v>0</v>
      </c>
      <c r="P4348">
        <v>7330</v>
      </c>
      <c r="Q4348">
        <v>0</v>
      </c>
      <c r="R4348">
        <v>57720</v>
      </c>
      <c r="S4348">
        <v>0</v>
      </c>
      <c r="T4348">
        <v>0</v>
      </c>
      <c r="U4348">
        <v>0</v>
      </c>
      <c r="V4348">
        <v>4</v>
      </c>
      <c r="W4348">
        <v>3</v>
      </c>
      <c r="X4348">
        <v>0</v>
      </c>
      <c r="Y4348">
        <v>61</v>
      </c>
      <c r="Z4348">
        <v>9</v>
      </c>
      <c r="AA4348">
        <v>55</v>
      </c>
      <c r="AB4348">
        <v>41</v>
      </c>
      <c r="AC4348">
        <v>59</v>
      </c>
      <c r="AD4348">
        <v>18</v>
      </c>
      <c r="AE4348">
        <v>83</v>
      </c>
      <c r="AF4348">
        <v>11177</v>
      </c>
      <c r="AG4348">
        <v>139990</v>
      </c>
      <c r="AH4348">
        <v>50000</v>
      </c>
      <c r="AI4348">
        <v>0</v>
      </c>
      <c r="AJ4348">
        <v>95</v>
      </c>
      <c r="AK4348" t="s">
        <v>21</v>
      </c>
      <c r="AL4348">
        <v>0</v>
      </c>
      <c r="AM4348">
        <v>0</v>
      </c>
      <c r="AN4348">
        <v>0</v>
      </c>
      <c r="AO4348">
        <v>0</v>
      </c>
      <c r="AP4348">
        <v>0</v>
      </c>
      <c r="AQ4348">
        <v>0</v>
      </c>
      <c r="AR4348">
        <v>0</v>
      </c>
      <c r="AS4348">
        <v>0</v>
      </c>
      <c r="AT4348">
        <v>0</v>
      </c>
      <c r="AU4348">
        <v>0</v>
      </c>
      <c r="AV4348">
        <v>0</v>
      </c>
      <c r="AW4348">
        <v>0</v>
      </c>
      <c r="AX4348">
        <v>8097</v>
      </c>
      <c r="AY4348">
        <v>13</v>
      </c>
      <c r="AZ4348">
        <v>37</v>
      </c>
      <c r="BA4348">
        <v>2312</v>
      </c>
    </row>
    <row r="4349" spans="1:53" x14ac:dyDescent="0.4">
      <c r="A4349">
        <v>4393</v>
      </c>
      <c r="B4349" s="1">
        <v>44485</v>
      </c>
      <c r="C4349">
        <v>1</v>
      </c>
      <c r="D4349" s="1">
        <v>44485.291666666664</v>
      </c>
      <c r="E4349" s="1">
        <v>44485.402777777781</v>
      </c>
      <c r="F4349">
        <v>0</v>
      </c>
      <c r="G4349">
        <v>0</v>
      </c>
      <c r="H4349">
        <v>0</v>
      </c>
      <c r="I4349">
        <v>0</v>
      </c>
      <c r="J4349">
        <v>0</v>
      </c>
      <c r="K4349">
        <v>0</v>
      </c>
      <c r="L4349">
        <v>0</v>
      </c>
      <c r="M4349">
        <v>0</v>
      </c>
      <c r="N4349">
        <v>0</v>
      </c>
      <c r="O4349">
        <v>0</v>
      </c>
      <c r="P4349">
        <v>0</v>
      </c>
      <c r="Q4349">
        <v>0</v>
      </c>
      <c r="R4349">
        <v>0</v>
      </c>
      <c r="S4349">
        <v>0</v>
      </c>
      <c r="T4349">
        <v>0</v>
      </c>
      <c r="U4349">
        <v>0</v>
      </c>
      <c r="V4349">
        <v>0</v>
      </c>
      <c r="W4349">
        <v>2</v>
      </c>
      <c r="X4349">
        <v>0</v>
      </c>
      <c r="Y4349">
        <v>24</v>
      </c>
      <c r="Z4349">
        <v>11</v>
      </c>
      <c r="AA4349">
        <v>84</v>
      </c>
      <c r="AB4349">
        <v>27</v>
      </c>
      <c r="AC4349">
        <v>61</v>
      </c>
      <c r="AD4349">
        <v>11</v>
      </c>
      <c r="AE4349">
        <v>85</v>
      </c>
      <c r="AF4349">
        <v>0</v>
      </c>
      <c r="AG4349">
        <v>50000</v>
      </c>
      <c r="AH4349">
        <v>50000</v>
      </c>
      <c r="AI4349">
        <v>0</v>
      </c>
      <c r="AJ4349">
        <v>0</v>
      </c>
      <c r="AK4349" t="s">
        <v>6</v>
      </c>
      <c r="AL4349">
        <v>0</v>
      </c>
      <c r="AM4349">
        <v>0</v>
      </c>
      <c r="AN4349">
        <v>0</v>
      </c>
      <c r="AO4349">
        <v>0</v>
      </c>
      <c r="AP4349">
        <v>0</v>
      </c>
      <c r="AQ4349">
        <v>0</v>
      </c>
      <c r="AR4349">
        <v>0</v>
      </c>
      <c r="AS4349">
        <v>0</v>
      </c>
      <c r="AT4349">
        <v>0</v>
      </c>
      <c r="AU4349">
        <v>0</v>
      </c>
      <c r="AV4349">
        <v>0</v>
      </c>
      <c r="AW4349">
        <v>0</v>
      </c>
      <c r="AX4349">
        <v>0</v>
      </c>
      <c r="AY4349">
        <v>0</v>
      </c>
      <c r="AZ4349">
        <v>0</v>
      </c>
      <c r="BA4349">
        <v>0</v>
      </c>
    </row>
    <row r="4350" spans="1:53" x14ac:dyDescent="0.4">
      <c r="A4350">
        <v>4394</v>
      </c>
      <c r="B4350" s="1">
        <v>44485</v>
      </c>
      <c r="C4350">
        <v>2</v>
      </c>
      <c r="D4350" s="1">
        <v>44485.402777777781</v>
      </c>
      <c r="E4350" s="1">
        <v>44485.756944444445</v>
      </c>
      <c r="F4350">
        <v>40840</v>
      </c>
      <c r="G4350">
        <v>6842</v>
      </c>
      <c r="H4350">
        <v>0</v>
      </c>
      <c r="I4350">
        <v>0</v>
      </c>
      <c r="J4350">
        <v>0</v>
      </c>
      <c r="K4350">
        <v>0</v>
      </c>
      <c r="L4350">
        <v>0</v>
      </c>
      <c r="M4350">
        <v>4334</v>
      </c>
      <c r="N4350">
        <v>0</v>
      </c>
      <c r="O4350">
        <v>0</v>
      </c>
      <c r="P4350">
        <v>7810</v>
      </c>
      <c r="Q4350">
        <v>0</v>
      </c>
      <c r="R4350">
        <v>55492</v>
      </c>
      <c r="S4350">
        <v>0</v>
      </c>
      <c r="T4350">
        <v>0</v>
      </c>
      <c r="U4350">
        <v>0</v>
      </c>
      <c r="V4350">
        <v>3</v>
      </c>
      <c r="W4350">
        <v>1</v>
      </c>
      <c r="X4350">
        <v>0</v>
      </c>
      <c r="Y4350">
        <v>45</v>
      </c>
      <c r="Z4350">
        <v>24</v>
      </c>
      <c r="AA4350">
        <v>93</v>
      </c>
      <c r="AB4350">
        <v>35</v>
      </c>
      <c r="AC4350">
        <v>58</v>
      </c>
      <c r="AD4350">
        <v>10</v>
      </c>
      <c r="AE4350">
        <v>82</v>
      </c>
      <c r="AF4350">
        <v>1730</v>
      </c>
      <c r="AG4350">
        <v>105492</v>
      </c>
      <c r="AH4350">
        <v>50000</v>
      </c>
      <c r="AI4350">
        <v>0</v>
      </c>
      <c r="AJ4350">
        <v>70</v>
      </c>
      <c r="AK4350" t="s">
        <v>49</v>
      </c>
      <c r="AL4350">
        <v>0</v>
      </c>
      <c r="AM4350">
        <v>0</v>
      </c>
      <c r="AN4350">
        <v>0</v>
      </c>
      <c r="AO4350">
        <v>0</v>
      </c>
      <c r="AP4350">
        <v>0</v>
      </c>
      <c r="AQ4350">
        <v>0</v>
      </c>
      <c r="AR4350">
        <v>0</v>
      </c>
      <c r="AS4350">
        <v>0</v>
      </c>
      <c r="AT4350">
        <v>0</v>
      </c>
      <c r="AU4350">
        <v>0</v>
      </c>
      <c r="AV4350">
        <v>0</v>
      </c>
      <c r="AW4350">
        <v>0</v>
      </c>
      <c r="AX4350">
        <v>-2120</v>
      </c>
      <c r="AY4350">
        <v>41</v>
      </c>
      <c r="AZ4350">
        <v>82</v>
      </c>
      <c r="BA4350">
        <v>5782</v>
      </c>
    </row>
    <row r="4351" spans="1:53" x14ac:dyDescent="0.4">
      <c r="A4351">
        <v>4395</v>
      </c>
      <c r="B4351" s="1">
        <v>44485</v>
      </c>
      <c r="C4351">
        <v>3</v>
      </c>
      <c r="D4351" s="1">
        <v>44485.756944444445</v>
      </c>
      <c r="E4351" s="1">
        <v>44486.167361111111</v>
      </c>
      <c r="F4351">
        <v>125590</v>
      </c>
      <c r="G4351">
        <v>3795</v>
      </c>
      <c r="H4351">
        <v>440</v>
      </c>
      <c r="I4351">
        <v>0</v>
      </c>
      <c r="J4351">
        <v>200</v>
      </c>
      <c r="K4351">
        <v>2010</v>
      </c>
      <c r="L4351">
        <v>0</v>
      </c>
      <c r="M4351">
        <v>11967</v>
      </c>
      <c r="N4351">
        <v>0</v>
      </c>
      <c r="O4351">
        <v>0</v>
      </c>
      <c r="P4351">
        <v>7030</v>
      </c>
      <c r="Q4351">
        <v>0</v>
      </c>
      <c r="R4351">
        <v>138665</v>
      </c>
      <c r="S4351">
        <v>0</v>
      </c>
      <c r="T4351">
        <v>0</v>
      </c>
      <c r="U4351">
        <v>0</v>
      </c>
      <c r="V4351">
        <v>14</v>
      </c>
      <c r="W4351">
        <v>0</v>
      </c>
      <c r="X4351">
        <v>0</v>
      </c>
      <c r="Y4351">
        <v>70</v>
      </c>
      <c r="Z4351">
        <v>21</v>
      </c>
      <c r="AA4351">
        <v>91</v>
      </c>
      <c r="AB4351">
        <v>29</v>
      </c>
      <c r="AC4351">
        <v>35</v>
      </c>
      <c r="AD4351">
        <v>8</v>
      </c>
      <c r="AE4351">
        <v>77</v>
      </c>
      <c r="AF4351">
        <v>12640</v>
      </c>
      <c r="AG4351">
        <v>244157</v>
      </c>
      <c r="AH4351">
        <v>50000</v>
      </c>
      <c r="AI4351">
        <v>0</v>
      </c>
      <c r="AJ4351">
        <v>0</v>
      </c>
      <c r="AK4351" t="s">
        <v>6</v>
      </c>
      <c r="AL4351">
        <v>0</v>
      </c>
      <c r="AM4351">
        <v>0</v>
      </c>
      <c r="AN4351">
        <v>0</v>
      </c>
      <c r="AO4351">
        <v>0</v>
      </c>
      <c r="AP4351">
        <v>0</v>
      </c>
      <c r="AQ4351">
        <v>0</v>
      </c>
      <c r="AR4351">
        <v>0</v>
      </c>
      <c r="AS4351">
        <v>0</v>
      </c>
      <c r="AT4351">
        <v>0</v>
      </c>
      <c r="AU4351">
        <v>0</v>
      </c>
      <c r="AV4351">
        <v>0</v>
      </c>
      <c r="AW4351">
        <v>0</v>
      </c>
      <c r="AX4351">
        <v>1023</v>
      </c>
      <c r="AY4351">
        <v>27</v>
      </c>
      <c r="AZ4351">
        <v>76</v>
      </c>
      <c r="BA4351">
        <v>4934</v>
      </c>
    </row>
    <row r="4352" spans="1:53" x14ac:dyDescent="0.4">
      <c r="A4352">
        <v>4396</v>
      </c>
      <c r="B4352" s="1">
        <v>44486</v>
      </c>
      <c r="C4352">
        <v>1</v>
      </c>
      <c r="D4352" s="1">
        <v>44486.291666666664</v>
      </c>
      <c r="E4352" s="1">
        <v>44486.401388888888</v>
      </c>
      <c r="F4352">
        <v>0</v>
      </c>
      <c r="G4352">
        <v>0</v>
      </c>
      <c r="H4352">
        <v>0</v>
      </c>
      <c r="I4352">
        <v>0</v>
      </c>
      <c r="J4352">
        <v>0</v>
      </c>
      <c r="K4352">
        <v>0</v>
      </c>
      <c r="L4352">
        <v>0</v>
      </c>
      <c r="M4352">
        <v>0</v>
      </c>
      <c r="N4352">
        <v>0</v>
      </c>
      <c r="O4352">
        <v>0</v>
      </c>
      <c r="P4352">
        <v>0</v>
      </c>
      <c r="Q4352">
        <v>0</v>
      </c>
      <c r="R4352">
        <v>0</v>
      </c>
      <c r="S4352">
        <v>0</v>
      </c>
      <c r="T4352">
        <v>0</v>
      </c>
      <c r="U4352">
        <v>0</v>
      </c>
      <c r="V4352">
        <v>0</v>
      </c>
      <c r="W4352">
        <v>0</v>
      </c>
      <c r="X4352">
        <v>0</v>
      </c>
      <c r="Y4352">
        <v>32</v>
      </c>
      <c r="Z4352">
        <v>11</v>
      </c>
      <c r="AA4352">
        <v>106</v>
      </c>
      <c r="AB4352">
        <v>28</v>
      </c>
      <c r="AC4352">
        <v>38</v>
      </c>
      <c r="AD4352">
        <v>9</v>
      </c>
      <c r="AE4352">
        <v>75</v>
      </c>
      <c r="AF4352">
        <v>0</v>
      </c>
      <c r="AG4352">
        <v>50000</v>
      </c>
      <c r="AH4352">
        <v>50000</v>
      </c>
      <c r="AI4352">
        <v>0</v>
      </c>
      <c r="AJ4352">
        <v>0</v>
      </c>
      <c r="AK4352" t="s">
        <v>6</v>
      </c>
      <c r="AL4352">
        <v>0</v>
      </c>
      <c r="AM4352">
        <v>0</v>
      </c>
      <c r="AN4352">
        <v>0</v>
      </c>
      <c r="AO4352">
        <v>0</v>
      </c>
      <c r="AP4352">
        <v>0</v>
      </c>
      <c r="AQ4352">
        <v>0</v>
      </c>
      <c r="AR4352">
        <v>0</v>
      </c>
      <c r="AS4352">
        <v>0</v>
      </c>
      <c r="AT4352">
        <v>0</v>
      </c>
      <c r="AU4352">
        <v>0</v>
      </c>
      <c r="AV4352">
        <v>0</v>
      </c>
      <c r="AW4352">
        <v>0</v>
      </c>
      <c r="AX4352">
        <v>0</v>
      </c>
      <c r="AY4352">
        <v>0</v>
      </c>
      <c r="AZ4352">
        <v>0</v>
      </c>
      <c r="BA4352">
        <v>0</v>
      </c>
    </row>
    <row r="4353" spans="1:53" x14ac:dyDescent="0.4">
      <c r="A4353">
        <v>4397</v>
      </c>
      <c r="B4353" s="1">
        <v>44486</v>
      </c>
      <c r="C4353">
        <v>2</v>
      </c>
      <c r="D4353" s="1">
        <v>44486.401388888888</v>
      </c>
      <c r="E4353" s="1">
        <v>44486.818749999999</v>
      </c>
      <c r="F4353">
        <v>62380</v>
      </c>
      <c r="G4353">
        <v>2354</v>
      </c>
      <c r="H4353">
        <v>220</v>
      </c>
      <c r="I4353">
        <v>0</v>
      </c>
      <c r="J4353">
        <v>100</v>
      </c>
      <c r="K4353">
        <v>0</v>
      </c>
      <c r="L4353">
        <v>0</v>
      </c>
      <c r="M4353">
        <v>5895</v>
      </c>
      <c r="N4353">
        <v>0</v>
      </c>
      <c r="O4353">
        <v>0</v>
      </c>
      <c r="P4353">
        <v>23890</v>
      </c>
      <c r="Q4353">
        <v>0</v>
      </c>
      <c r="R4353">
        <v>88744</v>
      </c>
      <c r="S4353">
        <v>0</v>
      </c>
      <c r="T4353">
        <v>0</v>
      </c>
      <c r="U4353">
        <v>0</v>
      </c>
      <c r="V4353">
        <v>4</v>
      </c>
      <c r="W4353">
        <v>0</v>
      </c>
      <c r="X4353">
        <v>0</v>
      </c>
      <c r="Y4353">
        <v>75</v>
      </c>
      <c r="Z4353">
        <v>19</v>
      </c>
      <c r="AA4353">
        <v>120</v>
      </c>
      <c r="AB4353">
        <v>28</v>
      </c>
      <c r="AC4353">
        <v>73</v>
      </c>
      <c r="AD4353">
        <v>9</v>
      </c>
      <c r="AE4353">
        <v>69</v>
      </c>
      <c r="AF4353">
        <v>0</v>
      </c>
      <c r="AG4353">
        <v>138744</v>
      </c>
      <c r="AH4353">
        <v>50000</v>
      </c>
      <c r="AI4353">
        <v>0</v>
      </c>
      <c r="AJ4353">
        <v>103</v>
      </c>
      <c r="AK4353" t="s">
        <v>7</v>
      </c>
      <c r="AL4353">
        <v>0</v>
      </c>
      <c r="AM4353">
        <v>0</v>
      </c>
      <c r="AN4353">
        <v>0</v>
      </c>
      <c r="AO4353">
        <v>0</v>
      </c>
      <c r="AP4353">
        <v>0</v>
      </c>
      <c r="AQ4353">
        <v>0</v>
      </c>
      <c r="AR4353">
        <v>0</v>
      </c>
      <c r="AS4353">
        <v>0</v>
      </c>
      <c r="AT4353">
        <v>0</v>
      </c>
      <c r="AU4353">
        <v>0</v>
      </c>
      <c r="AV4353">
        <v>0</v>
      </c>
      <c r="AW4353">
        <v>0</v>
      </c>
      <c r="AX4353">
        <v>0</v>
      </c>
      <c r="AY4353">
        <v>51</v>
      </c>
      <c r="AZ4353">
        <v>117</v>
      </c>
      <c r="BA4353">
        <v>8542</v>
      </c>
    </row>
    <row r="4354" spans="1:53" x14ac:dyDescent="0.4">
      <c r="A4354">
        <v>4398</v>
      </c>
      <c r="B4354" s="1">
        <v>44486</v>
      </c>
      <c r="C4354">
        <v>3</v>
      </c>
      <c r="D4354" s="1">
        <v>44486.818749999999</v>
      </c>
      <c r="E4354" s="1">
        <v>44487.084027777775</v>
      </c>
      <c r="F4354">
        <v>73395</v>
      </c>
      <c r="G4354">
        <v>3861</v>
      </c>
      <c r="H4354">
        <v>0</v>
      </c>
      <c r="I4354">
        <v>0</v>
      </c>
      <c r="J4354">
        <v>0</v>
      </c>
      <c r="K4354">
        <v>0</v>
      </c>
      <c r="L4354">
        <v>0</v>
      </c>
      <c r="M4354">
        <v>7024</v>
      </c>
      <c r="N4354">
        <v>0</v>
      </c>
      <c r="O4354">
        <v>0</v>
      </c>
      <c r="P4354">
        <v>-23890</v>
      </c>
      <c r="Q4354">
        <v>0</v>
      </c>
      <c r="R4354">
        <v>53366</v>
      </c>
      <c r="S4354">
        <v>0</v>
      </c>
      <c r="T4354">
        <v>0</v>
      </c>
      <c r="U4354">
        <v>0</v>
      </c>
      <c r="V4354">
        <v>6</v>
      </c>
      <c r="W4354">
        <v>1</v>
      </c>
      <c r="X4354">
        <v>0</v>
      </c>
      <c r="Y4354">
        <v>100</v>
      </c>
      <c r="Z4354">
        <v>21</v>
      </c>
      <c r="AA4354">
        <v>128</v>
      </c>
      <c r="AB4354">
        <v>27</v>
      </c>
      <c r="AC4354">
        <v>64</v>
      </c>
      <c r="AD4354">
        <v>10</v>
      </c>
      <c r="AE4354">
        <v>70</v>
      </c>
      <c r="AF4354">
        <v>1700</v>
      </c>
      <c r="AG4354">
        <v>192110</v>
      </c>
      <c r="AH4354">
        <v>50000</v>
      </c>
      <c r="AI4354">
        <v>0</v>
      </c>
      <c r="AJ4354">
        <v>108</v>
      </c>
      <c r="AK4354" t="s">
        <v>3</v>
      </c>
      <c r="AL4354">
        <v>0</v>
      </c>
      <c r="AM4354">
        <v>0</v>
      </c>
      <c r="AN4354">
        <v>0</v>
      </c>
      <c r="AO4354">
        <v>0</v>
      </c>
      <c r="AP4354">
        <v>0</v>
      </c>
      <c r="AQ4354">
        <v>0</v>
      </c>
      <c r="AR4354">
        <v>0</v>
      </c>
      <c r="AS4354">
        <v>0</v>
      </c>
      <c r="AT4354">
        <v>0</v>
      </c>
      <c r="AU4354">
        <v>0</v>
      </c>
      <c r="AV4354">
        <v>0</v>
      </c>
      <c r="AW4354">
        <v>0</v>
      </c>
      <c r="AX4354">
        <v>0</v>
      </c>
      <c r="AY4354">
        <v>9</v>
      </c>
      <c r="AZ4354">
        <v>39</v>
      </c>
      <c r="BA4354">
        <v>1643</v>
      </c>
    </row>
    <row r="4355" spans="1:53" x14ac:dyDescent="0.4">
      <c r="A4355">
        <v>4399</v>
      </c>
      <c r="B4355" s="1">
        <v>44487</v>
      </c>
      <c r="C4355">
        <v>1</v>
      </c>
      <c r="D4355" s="1">
        <v>44487.291666666664</v>
      </c>
      <c r="E4355" s="1">
        <v>44487.45208333333</v>
      </c>
      <c r="F4355">
        <v>0</v>
      </c>
      <c r="G4355">
        <v>0</v>
      </c>
      <c r="H4355">
        <v>0</v>
      </c>
      <c r="I4355">
        <v>0</v>
      </c>
      <c r="J4355">
        <v>0</v>
      </c>
      <c r="K4355">
        <v>0</v>
      </c>
      <c r="L4355">
        <v>0</v>
      </c>
      <c r="M4355">
        <v>0</v>
      </c>
      <c r="N4355">
        <v>0</v>
      </c>
      <c r="O4355">
        <v>0</v>
      </c>
      <c r="P4355">
        <v>0</v>
      </c>
      <c r="Q4355">
        <v>0</v>
      </c>
      <c r="R4355">
        <v>0</v>
      </c>
      <c r="S4355">
        <v>0</v>
      </c>
      <c r="T4355">
        <v>0</v>
      </c>
      <c r="U4355">
        <v>0</v>
      </c>
      <c r="V4355">
        <v>0</v>
      </c>
      <c r="W4355">
        <v>1</v>
      </c>
      <c r="X4355">
        <v>0</v>
      </c>
      <c r="Y4355">
        <v>25</v>
      </c>
      <c r="Z4355">
        <v>11</v>
      </c>
      <c r="AA4355">
        <v>124</v>
      </c>
      <c r="AB4355">
        <v>27</v>
      </c>
      <c r="AC4355">
        <v>63</v>
      </c>
      <c r="AD4355">
        <v>10</v>
      </c>
      <c r="AE4355">
        <v>70</v>
      </c>
      <c r="AF4355">
        <v>0</v>
      </c>
      <c r="AG4355">
        <v>50000</v>
      </c>
      <c r="AH4355">
        <v>50000</v>
      </c>
      <c r="AI4355">
        <v>0</v>
      </c>
      <c r="AJ4355">
        <v>0</v>
      </c>
      <c r="AK4355" t="s">
        <v>6</v>
      </c>
      <c r="AL4355">
        <v>0</v>
      </c>
      <c r="AM4355">
        <v>0</v>
      </c>
      <c r="AN4355">
        <v>0</v>
      </c>
      <c r="AO4355">
        <v>0</v>
      </c>
      <c r="AP4355">
        <v>0</v>
      </c>
      <c r="AQ4355">
        <v>0</v>
      </c>
      <c r="AR4355">
        <v>0</v>
      </c>
      <c r="AS4355">
        <v>0</v>
      </c>
      <c r="AT4355">
        <v>0</v>
      </c>
      <c r="AU4355">
        <v>0</v>
      </c>
      <c r="AV4355">
        <v>0</v>
      </c>
      <c r="AW4355">
        <v>0</v>
      </c>
      <c r="AX4355">
        <v>0</v>
      </c>
      <c r="AY4355">
        <v>0</v>
      </c>
      <c r="AZ4355">
        <v>0</v>
      </c>
      <c r="BA4355">
        <v>0</v>
      </c>
    </row>
    <row r="4356" spans="1:53" x14ac:dyDescent="0.4">
      <c r="A4356">
        <v>4400</v>
      </c>
      <c r="B4356" s="1">
        <v>44487</v>
      </c>
      <c r="C4356">
        <v>2</v>
      </c>
      <c r="D4356" s="1">
        <v>44487.45208333333</v>
      </c>
      <c r="E4356" s="1">
        <v>44487.738888888889</v>
      </c>
      <c r="F4356">
        <v>18820</v>
      </c>
      <c r="G4356">
        <v>2454</v>
      </c>
      <c r="H4356">
        <v>0</v>
      </c>
      <c r="I4356">
        <v>0</v>
      </c>
      <c r="J4356">
        <v>100</v>
      </c>
      <c r="K4356">
        <v>600</v>
      </c>
      <c r="L4356">
        <v>0</v>
      </c>
      <c r="M4356">
        <v>1980</v>
      </c>
      <c r="N4356">
        <v>0</v>
      </c>
      <c r="O4356">
        <v>0</v>
      </c>
      <c r="P4356">
        <v>13810</v>
      </c>
      <c r="Q4356">
        <v>0</v>
      </c>
      <c r="R4356">
        <v>35584</v>
      </c>
      <c r="S4356">
        <v>0</v>
      </c>
      <c r="T4356">
        <v>0</v>
      </c>
      <c r="U4356">
        <v>0</v>
      </c>
      <c r="V4356">
        <v>2</v>
      </c>
      <c r="W4356">
        <v>1</v>
      </c>
      <c r="X4356">
        <v>0</v>
      </c>
      <c r="Y4356">
        <v>39</v>
      </c>
      <c r="Z4356">
        <v>11</v>
      </c>
      <c r="AA4356">
        <v>119</v>
      </c>
      <c r="AB4356">
        <v>25</v>
      </c>
      <c r="AC4356">
        <v>53</v>
      </c>
      <c r="AD4356">
        <v>8</v>
      </c>
      <c r="AE4356">
        <v>64</v>
      </c>
      <c r="AF4356">
        <v>2300</v>
      </c>
      <c r="AG4356">
        <v>85584</v>
      </c>
      <c r="AH4356">
        <v>50000</v>
      </c>
      <c r="AI4356">
        <v>0</v>
      </c>
      <c r="AJ4356">
        <v>103</v>
      </c>
      <c r="AK4356" t="s">
        <v>7</v>
      </c>
      <c r="AL4356">
        <v>0</v>
      </c>
      <c r="AM4356">
        <v>0</v>
      </c>
      <c r="AN4356">
        <v>0</v>
      </c>
      <c r="AO4356">
        <v>0</v>
      </c>
      <c r="AP4356">
        <v>0</v>
      </c>
      <c r="AQ4356">
        <v>0</v>
      </c>
      <c r="AR4356">
        <v>0</v>
      </c>
      <c r="AS4356">
        <v>0</v>
      </c>
      <c r="AT4356">
        <v>0</v>
      </c>
      <c r="AU4356">
        <v>0</v>
      </c>
      <c r="AV4356">
        <v>0</v>
      </c>
      <c r="AW4356">
        <v>0</v>
      </c>
      <c r="AX4356">
        <v>530</v>
      </c>
      <c r="AY4356">
        <v>27</v>
      </c>
      <c r="AZ4356">
        <v>54</v>
      </c>
      <c r="BA4356">
        <v>3681</v>
      </c>
    </row>
    <row r="4357" spans="1:53" x14ac:dyDescent="0.4">
      <c r="A4357">
        <v>4401</v>
      </c>
      <c r="B4357" s="1">
        <v>44488</v>
      </c>
      <c r="C4357">
        <v>1</v>
      </c>
      <c r="D4357" s="1">
        <v>44488.291666666664</v>
      </c>
      <c r="E4357" s="1">
        <v>44488.431944444441</v>
      </c>
      <c r="F4357">
        <v>0</v>
      </c>
      <c r="G4357">
        <v>0</v>
      </c>
      <c r="H4357">
        <v>0</v>
      </c>
      <c r="I4357">
        <v>0</v>
      </c>
      <c r="J4357">
        <v>0</v>
      </c>
      <c r="K4357">
        <v>0</v>
      </c>
      <c r="L4357">
        <v>0</v>
      </c>
      <c r="M4357">
        <v>0</v>
      </c>
      <c r="N4357">
        <v>0</v>
      </c>
      <c r="O4357">
        <v>0</v>
      </c>
      <c r="P4357">
        <v>0</v>
      </c>
      <c r="Q4357">
        <v>0</v>
      </c>
      <c r="R4357">
        <v>0</v>
      </c>
      <c r="S4357">
        <v>0</v>
      </c>
      <c r="T4357">
        <v>0</v>
      </c>
      <c r="U4357">
        <v>0</v>
      </c>
      <c r="V4357">
        <v>0</v>
      </c>
      <c r="W4357">
        <v>1</v>
      </c>
      <c r="X4357">
        <v>0</v>
      </c>
      <c r="Y4357">
        <v>25</v>
      </c>
      <c r="Z4357">
        <v>11</v>
      </c>
      <c r="AA4357">
        <v>126</v>
      </c>
      <c r="AB4357">
        <v>22</v>
      </c>
      <c r="AC4357">
        <v>68</v>
      </c>
      <c r="AD4357">
        <v>8</v>
      </c>
      <c r="AE4357">
        <v>80</v>
      </c>
      <c r="AF4357">
        <v>0</v>
      </c>
      <c r="AG4357">
        <v>50000</v>
      </c>
      <c r="AH4357">
        <v>50000</v>
      </c>
      <c r="AI4357">
        <v>0</v>
      </c>
      <c r="AJ4357">
        <v>0</v>
      </c>
      <c r="AK4357" t="s">
        <v>6</v>
      </c>
      <c r="AL4357">
        <v>0</v>
      </c>
      <c r="AM4357">
        <v>0</v>
      </c>
      <c r="AN4357">
        <v>0</v>
      </c>
      <c r="AO4357">
        <v>0</v>
      </c>
      <c r="AP4357">
        <v>0</v>
      </c>
      <c r="AQ4357">
        <v>0</v>
      </c>
      <c r="AR4357">
        <v>0</v>
      </c>
      <c r="AS4357">
        <v>0</v>
      </c>
      <c r="AT4357">
        <v>0</v>
      </c>
      <c r="AU4357">
        <v>0</v>
      </c>
      <c r="AV4357">
        <v>0</v>
      </c>
      <c r="AW4357">
        <v>0</v>
      </c>
      <c r="AX4357">
        <v>0</v>
      </c>
      <c r="AY4357">
        <v>0</v>
      </c>
      <c r="AZ4357">
        <v>0</v>
      </c>
      <c r="BA4357">
        <v>0</v>
      </c>
    </row>
    <row r="4358" spans="1:53" x14ac:dyDescent="0.4">
      <c r="A4358">
        <v>4402</v>
      </c>
      <c r="B4358" s="1">
        <v>44488</v>
      </c>
      <c r="C4358">
        <v>2</v>
      </c>
      <c r="D4358" s="1">
        <v>44488.431944444441</v>
      </c>
      <c r="E4358" s="1">
        <v>44488.777083333334</v>
      </c>
      <c r="F4358">
        <v>13150</v>
      </c>
      <c r="G4358">
        <v>0</v>
      </c>
      <c r="H4358">
        <v>0</v>
      </c>
      <c r="I4358">
        <v>0</v>
      </c>
      <c r="J4358">
        <v>0</v>
      </c>
      <c r="K4358">
        <v>390</v>
      </c>
      <c r="L4358">
        <v>0</v>
      </c>
      <c r="M4358">
        <v>1232</v>
      </c>
      <c r="N4358">
        <v>0</v>
      </c>
      <c r="O4358">
        <v>0</v>
      </c>
      <c r="P4358">
        <v>11250</v>
      </c>
      <c r="Q4358">
        <v>0</v>
      </c>
      <c r="R4358">
        <v>24790</v>
      </c>
      <c r="S4358">
        <v>0</v>
      </c>
      <c r="T4358">
        <v>0</v>
      </c>
      <c r="U4358">
        <v>0</v>
      </c>
      <c r="V4358">
        <v>2</v>
      </c>
      <c r="W4358">
        <v>0</v>
      </c>
      <c r="X4358">
        <v>0</v>
      </c>
      <c r="Y4358">
        <v>28</v>
      </c>
      <c r="Z4358">
        <v>21</v>
      </c>
      <c r="AA4358">
        <v>137</v>
      </c>
      <c r="AB4358">
        <v>20</v>
      </c>
      <c r="AC4358">
        <v>74</v>
      </c>
      <c r="AD4358">
        <v>8</v>
      </c>
      <c r="AE4358">
        <v>80</v>
      </c>
      <c r="AF4358">
        <v>730</v>
      </c>
      <c r="AG4358">
        <v>74790</v>
      </c>
      <c r="AH4358">
        <v>50000</v>
      </c>
      <c r="AI4358">
        <v>0</v>
      </c>
      <c r="AJ4358">
        <v>70</v>
      </c>
      <c r="AK4358" t="s">
        <v>49</v>
      </c>
      <c r="AL4358">
        <v>0</v>
      </c>
      <c r="AM4358">
        <v>0</v>
      </c>
      <c r="AN4358">
        <v>0</v>
      </c>
      <c r="AO4358">
        <v>0</v>
      </c>
      <c r="AP4358">
        <v>0</v>
      </c>
      <c r="AQ4358">
        <v>0</v>
      </c>
      <c r="AR4358">
        <v>0</v>
      </c>
      <c r="AS4358">
        <v>0</v>
      </c>
      <c r="AT4358">
        <v>0</v>
      </c>
      <c r="AU4358">
        <v>0</v>
      </c>
      <c r="AV4358">
        <v>0</v>
      </c>
      <c r="AW4358">
        <v>0</v>
      </c>
      <c r="AX4358">
        <v>-530</v>
      </c>
      <c r="AY4358">
        <v>23</v>
      </c>
      <c r="AZ4358">
        <v>42</v>
      </c>
      <c r="BA4358">
        <v>3207</v>
      </c>
    </row>
    <row r="4359" spans="1:53" x14ac:dyDescent="0.4">
      <c r="A4359">
        <v>4403</v>
      </c>
      <c r="B4359" s="1">
        <v>44488</v>
      </c>
      <c r="C4359">
        <v>3</v>
      </c>
      <c r="D4359" s="1">
        <v>44488.777083333334</v>
      </c>
      <c r="E4359" s="1">
        <v>44488.976388888892</v>
      </c>
      <c r="F4359">
        <v>23680</v>
      </c>
      <c r="G4359">
        <v>0</v>
      </c>
      <c r="H4359">
        <v>0</v>
      </c>
      <c r="I4359">
        <v>0</v>
      </c>
      <c r="J4359">
        <v>400</v>
      </c>
      <c r="K4359">
        <v>0</v>
      </c>
      <c r="L4359">
        <v>0</v>
      </c>
      <c r="M4359">
        <v>2116</v>
      </c>
      <c r="N4359">
        <v>0</v>
      </c>
      <c r="O4359">
        <v>0</v>
      </c>
      <c r="P4359">
        <v>-11250</v>
      </c>
      <c r="Q4359">
        <v>0</v>
      </c>
      <c r="R4359">
        <v>12030</v>
      </c>
      <c r="S4359">
        <v>0</v>
      </c>
      <c r="T4359">
        <v>0</v>
      </c>
      <c r="U4359">
        <v>0</v>
      </c>
      <c r="V4359">
        <v>2</v>
      </c>
      <c r="W4359">
        <v>1</v>
      </c>
      <c r="X4359">
        <v>0</v>
      </c>
      <c r="Y4359">
        <v>32</v>
      </c>
      <c r="Z4359">
        <v>22</v>
      </c>
      <c r="AA4359">
        <v>150</v>
      </c>
      <c r="AB4359">
        <v>25</v>
      </c>
      <c r="AC4359">
        <v>84</v>
      </c>
      <c r="AD4359">
        <v>13</v>
      </c>
      <c r="AE4359">
        <v>85</v>
      </c>
      <c r="AF4359">
        <v>1580</v>
      </c>
      <c r="AG4359">
        <v>86820</v>
      </c>
      <c r="AH4359">
        <v>50000</v>
      </c>
      <c r="AI4359">
        <v>0</v>
      </c>
      <c r="AJ4359">
        <v>108</v>
      </c>
      <c r="AK4359" t="s">
        <v>3</v>
      </c>
      <c r="AL4359">
        <v>0</v>
      </c>
      <c r="AM4359">
        <v>0</v>
      </c>
      <c r="AN4359">
        <v>0</v>
      </c>
      <c r="AO4359">
        <v>0</v>
      </c>
      <c r="AP4359">
        <v>0</v>
      </c>
      <c r="AQ4359">
        <v>0</v>
      </c>
      <c r="AR4359">
        <v>0</v>
      </c>
      <c r="AS4359">
        <v>0</v>
      </c>
      <c r="AT4359">
        <v>0</v>
      </c>
      <c r="AU4359">
        <v>0</v>
      </c>
      <c r="AV4359">
        <v>0</v>
      </c>
      <c r="AW4359">
        <v>0</v>
      </c>
      <c r="AX4359">
        <v>0</v>
      </c>
      <c r="AY4359">
        <v>7</v>
      </c>
      <c r="AZ4359">
        <v>13</v>
      </c>
      <c r="BA4359">
        <v>1182</v>
      </c>
    </row>
    <row r="4360" spans="1:53" x14ac:dyDescent="0.4">
      <c r="A4360">
        <v>4404</v>
      </c>
      <c r="B4360" s="1">
        <v>44489</v>
      </c>
      <c r="C4360">
        <v>1</v>
      </c>
      <c r="D4360" s="1">
        <v>44489.291666666664</v>
      </c>
      <c r="E4360" s="1">
        <v>44489.444444444445</v>
      </c>
      <c r="F4360">
        <v>0</v>
      </c>
      <c r="G4360">
        <v>0</v>
      </c>
      <c r="H4360">
        <v>0</v>
      </c>
      <c r="I4360">
        <v>0</v>
      </c>
      <c r="J4360">
        <v>0</v>
      </c>
      <c r="K4360">
        <v>0</v>
      </c>
      <c r="L4360">
        <v>0</v>
      </c>
      <c r="M4360">
        <v>0</v>
      </c>
      <c r="N4360">
        <v>0</v>
      </c>
      <c r="O4360">
        <v>0</v>
      </c>
      <c r="P4360">
        <v>0</v>
      </c>
      <c r="Q4360">
        <v>0</v>
      </c>
      <c r="R4360">
        <v>0</v>
      </c>
      <c r="S4360">
        <v>0</v>
      </c>
      <c r="T4360">
        <v>0</v>
      </c>
      <c r="U4360">
        <v>0</v>
      </c>
      <c r="V4360">
        <v>0</v>
      </c>
      <c r="W4360">
        <v>0</v>
      </c>
      <c r="X4360">
        <v>0</v>
      </c>
      <c r="Y4360">
        <v>30</v>
      </c>
      <c r="Z4360">
        <v>10</v>
      </c>
      <c r="AA4360">
        <v>128</v>
      </c>
      <c r="AB4360">
        <v>25</v>
      </c>
      <c r="AC4360">
        <v>81</v>
      </c>
      <c r="AD4360">
        <v>12</v>
      </c>
      <c r="AE4360">
        <v>80</v>
      </c>
      <c r="AF4360">
        <v>0</v>
      </c>
      <c r="AG4360">
        <v>50000</v>
      </c>
      <c r="AH4360">
        <v>50000</v>
      </c>
      <c r="AI4360">
        <v>0</v>
      </c>
      <c r="AJ4360">
        <v>0</v>
      </c>
      <c r="AK4360" t="s">
        <v>6</v>
      </c>
      <c r="AL4360">
        <v>0</v>
      </c>
      <c r="AM4360">
        <v>0</v>
      </c>
      <c r="AN4360">
        <v>0</v>
      </c>
      <c r="AO4360">
        <v>0</v>
      </c>
      <c r="AP4360">
        <v>0</v>
      </c>
      <c r="AQ4360">
        <v>0</v>
      </c>
      <c r="AR4360">
        <v>0</v>
      </c>
      <c r="AS4360">
        <v>0</v>
      </c>
      <c r="AT4360">
        <v>0</v>
      </c>
      <c r="AU4360">
        <v>0</v>
      </c>
      <c r="AV4360">
        <v>0</v>
      </c>
      <c r="AW4360">
        <v>0</v>
      </c>
      <c r="AX4360">
        <v>0</v>
      </c>
      <c r="AY4360">
        <v>0</v>
      </c>
      <c r="AZ4360">
        <v>0</v>
      </c>
      <c r="BA4360">
        <v>0</v>
      </c>
    </row>
    <row r="4361" spans="1:53" x14ac:dyDescent="0.4">
      <c r="A4361">
        <v>4405</v>
      </c>
      <c r="B4361" s="1">
        <v>44489</v>
      </c>
      <c r="C4361">
        <v>2</v>
      </c>
      <c r="D4361" s="1">
        <v>44489.444444444445</v>
      </c>
      <c r="E4361" s="1">
        <v>44489.772222222222</v>
      </c>
      <c r="F4361">
        <v>12390</v>
      </c>
      <c r="G4361">
        <v>440</v>
      </c>
      <c r="H4361">
        <v>0</v>
      </c>
      <c r="I4361">
        <v>0</v>
      </c>
      <c r="J4361">
        <v>100</v>
      </c>
      <c r="K4361">
        <v>0</v>
      </c>
      <c r="L4361">
        <v>0</v>
      </c>
      <c r="M4361">
        <v>1155</v>
      </c>
      <c r="N4361">
        <v>0</v>
      </c>
      <c r="O4361">
        <v>0</v>
      </c>
      <c r="P4361">
        <v>7120</v>
      </c>
      <c r="Q4361">
        <v>0</v>
      </c>
      <c r="R4361">
        <v>19850</v>
      </c>
      <c r="S4361">
        <v>0</v>
      </c>
      <c r="T4361">
        <v>0</v>
      </c>
      <c r="U4361">
        <v>0</v>
      </c>
      <c r="V4361">
        <v>0</v>
      </c>
      <c r="W4361">
        <v>1</v>
      </c>
      <c r="X4361">
        <v>0</v>
      </c>
      <c r="Y4361">
        <v>42</v>
      </c>
      <c r="Z4361">
        <v>12</v>
      </c>
      <c r="AA4361">
        <v>114</v>
      </c>
      <c r="AB4361">
        <v>24</v>
      </c>
      <c r="AC4361">
        <v>87</v>
      </c>
      <c r="AD4361">
        <v>11</v>
      </c>
      <c r="AE4361">
        <v>76</v>
      </c>
      <c r="AF4361">
        <v>3249</v>
      </c>
      <c r="AG4361">
        <v>69850</v>
      </c>
      <c r="AH4361">
        <v>50000</v>
      </c>
      <c r="AI4361">
        <v>0</v>
      </c>
      <c r="AJ4361">
        <v>70</v>
      </c>
      <c r="AK4361" t="s">
        <v>49</v>
      </c>
      <c r="AL4361">
        <v>0</v>
      </c>
      <c r="AM4361">
        <v>0</v>
      </c>
      <c r="AN4361">
        <v>0</v>
      </c>
      <c r="AO4361">
        <v>0</v>
      </c>
      <c r="AP4361">
        <v>0</v>
      </c>
      <c r="AQ4361">
        <v>0</v>
      </c>
      <c r="AR4361">
        <v>0</v>
      </c>
      <c r="AS4361">
        <v>0</v>
      </c>
      <c r="AT4361">
        <v>0</v>
      </c>
      <c r="AU4361">
        <v>0</v>
      </c>
      <c r="AV4361">
        <v>0</v>
      </c>
      <c r="AW4361">
        <v>0</v>
      </c>
      <c r="AX4361">
        <v>0</v>
      </c>
      <c r="AY4361">
        <v>19</v>
      </c>
      <c r="AZ4361">
        <v>30</v>
      </c>
      <c r="BA4361">
        <v>2877</v>
      </c>
    </row>
    <row r="4362" spans="1:53" x14ac:dyDescent="0.4">
      <c r="A4362">
        <v>4406</v>
      </c>
      <c r="B4362" s="1">
        <v>44489</v>
      </c>
      <c r="C4362">
        <v>3</v>
      </c>
      <c r="D4362" s="1">
        <v>44489.772222222222</v>
      </c>
      <c r="E4362" s="1">
        <v>44490.047222222223</v>
      </c>
      <c r="F4362">
        <v>6720</v>
      </c>
      <c r="G4362">
        <v>0</v>
      </c>
      <c r="H4362">
        <v>0</v>
      </c>
      <c r="I4362">
        <v>0</v>
      </c>
      <c r="J4362">
        <v>0</v>
      </c>
      <c r="K4362">
        <v>400</v>
      </c>
      <c r="L4362">
        <v>0</v>
      </c>
      <c r="M4362">
        <v>647</v>
      </c>
      <c r="N4362">
        <v>0</v>
      </c>
      <c r="O4362">
        <v>0</v>
      </c>
      <c r="P4362">
        <v>7070</v>
      </c>
      <c r="Q4362">
        <v>0</v>
      </c>
      <c r="R4362">
        <v>14190</v>
      </c>
      <c r="S4362">
        <v>0</v>
      </c>
      <c r="T4362">
        <v>0</v>
      </c>
      <c r="U4362">
        <v>0</v>
      </c>
      <c r="V4362">
        <v>0</v>
      </c>
      <c r="W4362">
        <v>2</v>
      </c>
      <c r="X4362">
        <v>0</v>
      </c>
      <c r="Y4362">
        <v>50</v>
      </c>
      <c r="Z4362">
        <v>14</v>
      </c>
      <c r="AA4362">
        <v>116</v>
      </c>
      <c r="AB4362">
        <v>24</v>
      </c>
      <c r="AC4362">
        <v>86</v>
      </c>
      <c r="AD4362">
        <v>11</v>
      </c>
      <c r="AE4362">
        <v>76</v>
      </c>
      <c r="AF4362">
        <v>3249</v>
      </c>
      <c r="AG4362">
        <v>84040</v>
      </c>
      <c r="AH4362">
        <v>50000</v>
      </c>
      <c r="AI4362">
        <v>0</v>
      </c>
      <c r="AJ4362">
        <v>108</v>
      </c>
      <c r="AK4362" t="s">
        <v>3</v>
      </c>
      <c r="AL4362">
        <v>0</v>
      </c>
      <c r="AM4362">
        <v>0</v>
      </c>
      <c r="AN4362">
        <v>0</v>
      </c>
      <c r="AO4362">
        <v>0</v>
      </c>
      <c r="AP4362">
        <v>0</v>
      </c>
      <c r="AQ4362">
        <v>0</v>
      </c>
      <c r="AR4362">
        <v>0</v>
      </c>
      <c r="AS4362">
        <v>0</v>
      </c>
      <c r="AT4362">
        <v>0</v>
      </c>
      <c r="AU4362">
        <v>0</v>
      </c>
      <c r="AV4362">
        <v>0</v>
      </c>
      <c r="AW4362">
        <v>0</v>
      </c>
      <c r="AX4362">
        <v>-2706</v>
      </c>
      <c r="AY4362">
        <v>3</v>
      </c>
      <c r="AZ4362">
        <v>7</v>
      </c>
      <c r="BA4362">
        <v>775</v>
      </c>
    </row>
    <row r="4363" spans="1:53" x14ac:dyDescent="0.4">
      <c r="A4363">
        <v>4407</v>
      </c>
      <c r="B4363" s="1">
        <v>44490</v>
      </c>
      <c r="C4363">
        <v>1</v>
      </c>
      <c r="D4363" s="1">
        <v>44490.291666666664</v>
      </c>
      <c r="E4363" s="1">
        <v>44490.449305555558</v>
      </c>
      <c r="F4363">
        <v>0</v>
      </c>
      <c r="G4363">
        <v>0</v>
      </c>
      <c r="H4363">
        <v>0</v>
      </c>
      <c r="I4363">
        <v>0</v>
      </c>
      <c r="J4363">
        <v>0</v>
      </c>
      <c r="K4363">
        <v>0</v>
      </c>
      <c r="L4363">
        <v>0</v>
      </c>
      <c r="M4363">
        <v>0</v>
      </c>
      <c r="N4363">
        <v>0</v>
      </c>
      <c r="O4363">
        <v>0</v>
      </c>
      <c r="P4363">
        <v>0</v>
      </c>
      <c r="Q4363">
        <v>0</v>
      </c>
      <c r="R4363">
        <v>0</v>
      </c>
      <c r="S4363">
        <v>0</v>
      </c>
      <c r="T4363">
        <v>0</v>
      </c>
      <c r="U4363">
        <v>0</v>
      </c>
      <c r="V4363">
        <v>0</v>
      </c>
      <c r="W4363">
        <v>1</v>
      </c>
      <c r="X4363">
        <v>0</v>
      </c>
      <c r="Y4363">
        <v>27</v>
      </c>
      <c r="Z4363">
        <v>9</v>
      </c>
      <c r="AA4363">
        <v>114</v>
      </c>
      <c r="AB4363">
        <v>23</v>
      </c>
      <c r="AC4363">
        <v>83</v>
      </c>
      <c r="AD4363">
        <v>10</v>
      </c>
      <c r="AE4363">
        <v>70</v>
      </c>
      <c r="AF4363">
        <v>0</v>
      </c>
      <c r="AG4363">
        <v>50000</v>
      </c>
      <c r="AH4363">
        <v>50000</v>
      </c>
      <c r="AI4363">
        <v>0</v>
      </c>
      <c r="AJ4363">
        <v>0</v>
      </c>
      <c r="AK4363" t="s">
        <v>6</v>
      </c>
      <c r="AL4363">
        <v>0</v>
      </c>
      <c r="AM4363">
        <v>0</v>
      </c>
      <c r="AN4363">
        <v>0</v>
      </c>
      <c r="AO4363">
        <v>0</v>
      </c>
      <c r="AP4363">
        <v>0</v>
      </c>
      <c r="AQ4363">
        <v>0</v>
      </c>
      <c r="AR4363">
        <v>0</v>
      </c>
      <c r="AS4363">
        <v>0</v>
      </c>
      <c r="AT4363">
        <v>0</v>
      </c>
      <c r="AU4363">
        <v>0</v>
      </c>
      <c r="AV4363">
        <v>0</v>
      </c>
      <c r="AW4363">
        <v>0</v>
      </c>
      <c r="AX4363">
        <v>0</v>
      </c>
      <c r="AY4363">
        <v>0</v>
      </c>
      <c r="AZ4363">
        <v>0</v>
      </c>
      <c r="BA4363">
        <v>0</v>
      </c>
    </row>
    <row r="4364" spans="1:53" x14ac:dyDescent="0.4">
      <c r="A4364">
        <v>4408</v>
      </c>
      <c r="B4364" s="1">
        <v>44490</v>
      </c>
      <c r="C4364">
        <v>2</v>
      </c>
      <c r="D4364" s="1">
        <v>44490.449305555558</v>
      </c>
      <c r="E4364" s="1">
        <v>44490.755555555559</v>
      </c>
      <c r="F4364">
        <v>12940</v>
      </c>
      <c r="G4364">
        <v>0</v>
      </c>
      <c r="H4364">
        <v>0</v>
      </c>
      <c r="I4364">
        <v>0</v>
      </c>
      <c r="J4364">
        <v>0</v>
      </c>
      <c r="K4364">
        <v>0</v>
      </c>
      <c r="L4364">
        <v>0</v>
      </c>
      <c r="M4364">
        <v>1178</v>
      </c>
      <c r="N4364">
        <v>0</v>
      </c>
      <c r="O4364">
        <v>0</v>
      </c>
      <c r="P4364">
        <v>12570</v>
      </c>
      <c r="Q4364">
        <v>0</v>
      </c>
      <c r="R4364">
        <v>25510</v>
      </c>
      <c r="S4364">
        <v>0</v>
      </c>
      <c r="T4364">
        <v>0</v>
      </c>
      <c r="U4364">
        <v>0</v>
      </c>
      <c r="V4364">
        <v>0</v>
      </c>
      <c r="W4364">
        <v>1</v>
      </c>
      <c r="X4364">
        <v>0</v>
      </c>
      <c r="Y4364">
        <v>51</v>
      </c>
      <c r="Z4364">
        <v>13</v>
      </c>
      <c r="AA4364">
        <v>95</v>
      </c>
      <c r="AB4364">
        <v>21</v>
      </c>
      <c r="AC4364">
        <v>85</v>
      </c>
      <c r="AD4364">
        <v>11</v>
      </c>
      <c r="AE4364">
        <v>75</v>
      </c>
      <c r="AF4364">
        <v>1480</v>
      </c>
      <c r="AG4364">
        <v>75510</v>
      </c>
      <c r="AH4364">
        <v>50000</v>
      </c>
      <c r="AI4364">
        <v>0</v>
      </c>
      <c r="AJ4364">
        <v>104</v>
      </c>
      <c r="AK4364" t="s">
        <v>52</v>
      </c>
      <c r="AL4364">
        <v>0</v>
      </c>
      <c r="AM4364">
        <v>0</v>
      </c>
      <c r="AN4364">
        <v>0</v>
      </c>
      <c r="AO4364">
        <v>0</v>
      </c>
      <c r="AP4364">
        <v>0</v>
      </c>
      <c r="AQ4364">
        <v>0</v>
      </c>
      <c r="AR4364">
        <v>0</v>
      </c>
      <c r="AS4364">
        <v>0</v>
      </c>
      <c r="AT4364">
        <v>0</v>
      </c>
      <c r="AU4364">
        <v>0</v>
      </c>
      <c r="AV4364">
        <v>0</v>
      </c>
      <c r="AW4364">
        <v>0</v>
      </c>
      <c r="AX4364">
        <v>64</v>
      </c>
      <c r="AY4364">
        <v>26</v>
      </c>
      <c r="AZ4364">
        <v>40</v>
      </c>
      <c r="BA4364">
        <v>3665</v>
      </c>
    </row>
    <row r="4365" spans="1:53" x14ac:dyDescent="0.4">
      <c r="A4365">
        <v>4409</v>
      </c>
      <c r="B4365" s="1">
        <v>44490</v>
      </c>
      <c r="C4365">
        <v>3</v>
      </c>
      <c r="D4365" s="1">
        <v>44490.755555555559</v>
      </c>
      <c r="E4365" s="1">
        <v>44491.104166666664</v>
      </c>
      <c r="F4365">
        <v>20690</v>
      </c>
      <c r="G4365">
        <v>594</v>
      </c>
      <c r="H4365">
        <v>440</v>
      </c>
      <c r="I4365">
        <v>0</v>
      </c>
      <c r="J4365">
        <v>200</v>
      </c>
      <c r="K4365">
        <v>0</v>
      </c>
      <c r="L4365">
        <v>0</v>
      </c>
      <c r="M4365">
        <v>1956</v>
      </c>
      <c r="N4365">
        <v>0</v>
      </c>
      <c r="O4365">
        <v>0</v>
      </c>
      <c r="P4365">
        <v>-9170</v>
      </c>
      <c r="Q4365">
        <v>0</v>
      </c>
      <c r="R4365">
        <v>12354</v>
      </c>
      <c r="S4365">
        <v>0</v>
      </c>
      <c r="T4365">
        <v>0</v>
      </c>
      <c r="U4365">
        <v>0</v>
      </c>
      <c r="V4365">
        <v>0</v>
      </c>
      <c r="W4365">
        <v>1</v>
      </c>
      <c r="X4365">
        <v>0</v>
      </c>
      <c r="Y4365">
        <v>60</v>
      </c>
      <c r="Z4365">
        <v>14</v>
      </c>
      <c r="AA4365">
        <v>92</v>
      </c>
      <c r="AB4365">
        <v>23</v>
      </c>
      <c r="AC4365">
        <v>97</v>
      </c>
      <c r="AD4365">
        <v>12</v>
      </c>
      <c r="AE4365">
        <v>73</v>
      </c>
      <c r="AF4365">
        <v>4411</v>
      </c>
      <c r="AG4365">
        <v>87864</v>
      </c>
      <c r="AH4365">
        <v>50000</v>
      </c>
      <c r="AI4365">
        <v>0</v>
      </c>
      <c r="AJ4365">
        <v>108</v>
      </c>
      <c r="AK4365" t="s">
        <v>3</v>
      </c>
      <c r="AL4365">
        <v>0</v>
      </c>
      <c r="AM4365">
        <v>0</v>
      </c>
      <c r="AN4365">
        <v>0</v>
      </c>
      <c r="AO4365">
        <v>0</v>
      </c>
      <c r="AP4365">
        <v>0</v>
      </c>
      <c r="AQ4365">
        <v>0</v>
      </c>
      <c r="AR4365">
        <v>0</v>
      </c>
      <c r="AS4365">
        <v>0</v>
      </c>
      <c r="AT4365">
        <v>0</v>
      </c>
      <c r="AU4365">
        <v>0</v>
      </c>
      <c r="AV4365">
        <v>0</v>
      </c>
      <c r="AW4365">
        <v>0</v>
      </c>
      <c r="AX4365">
        <v>0</v>
      </c>
      <c r="AY4365">
        <v>5</v>
      </c>
      <c r="AZ4365">
        <v>10</v>
      </c>
      <c r="BA4365">
        <v>1278</v>
      </c>
    </row>
    <row r="4366" spans="1:53" x14ac:dyDescent="0.4">
      <c r="A4366">
        <v>4410</v>
      </c>
      <c r="B4366" s="1">
        <v>44491</v>
      </c>
      <c r="C4366">
        <v>1</v>
      </c>
      <c r="D4366" s="1">
        <v>44491.291666666664</v>
      </c>
      <c r="E4366" s="1">
        <v>44491.445138888892</v>
      </c>
      <c r="F4366">
        <v>0</v>
      </c>
      <c r="G4366">
        <v>0</v>
      </c>
      <c r="H4366">
        <v>0</v>
      </c>
      <c r="I4366">
        <v>0</v>
      </c>
      <c r="J4366">
        <v>0</v>
      </c>
      <c r="K4366">
        <v>0</v>
      </c>
      <c r="L4366">
        <v>0</v>
      </c>
      <c r="M4366">
        <v>0</v>
      </c>
      <c r="N4366">
        <v>0</v>
      </c>
      <c r="O4366">
        <v>0</v>
      </c>
      <c r="P4366">
        <v>0</v>
      </c>
      <c r="Q4366">
        <v>0</v>
      </c>
      <c r="R4366">
        <v>0</v>
      </c>
      <c r="S4366">
        <v>0</v>
      </c>
      <c r="T4366">
        <v>0</v>
      </c>
      <c r="U4366">
        <v>0</v>
      </c>
      <c r="V4366">
        <v>0</v>
      </c>
      <c r="W4366">
        <v>1</v>
      </c>
      <c r="X4366">
        <v>0</v>
      </c>
      <c r="Y4366">
        <v>27</v>
      </c>
      <c r="Z4366">
        <v>14</v>
      </c>
      <c r="AA4366">
        <v>88</v>
      </c>
      <c r="AB4366">
        <v>23</v>
      </c>
      <c r="AC4366">
        <v>92</v>
      </c>
      <c r="AD4366">
        <v>12</v>
      </c>
      <c r="AE4366">
        <v>70</v>
      </c>
      <c r="AF4366">
        <v>0</v>
      </c>
      <c r="AG4366">
        <v>50000</v>
      </c>
      <c r="AH4366">
        <v>50000</v>
      </c>
      <c r="AI4366">
        <v>0</v>
      </c>
      <c r="AJ4366">
        <v>0</v>
      </c>
      <c r="AK4366" t="s">
        <v>6</v>
      </c>
      <c r="AL4366">
        <v>0</v>
      </c>
      <c r="AM4366">
        <v>0</v>
      </c>
      <c r="AN4366">
        <v>0</v>
      </c>
      <c r="AO4366">
        <v>0</v>
      </c>
      <c r="AP4366">
        <v>0</v>
      </c>
      <c r="AQ4366">
        <v>0</v>
      </c>
      <c r="AR4366">
        <v>0</v>
      </c>
      <c r="AS4366">
        <v>0</v>
      </c>
      <c r="AT4366">
        <v>0</v>
      </c>
      <c r="AU4366">
        <v>0</v>
      </c>
      <c r="AV4366">
        <v>0</v>
      </c>
      <c r="AW4366">
        <v>0</v>
      </c>
      <c r="AX4366">
        <v>0</v>
      </c>
      <c r="AY4366">
        <v>0</v>
      </c>
      <c r="AZ4366">
        <v>0</v>
      </c>
      <c r="BA4366">
        <v>0</v>
      </c>
    </row>
    <row r="4367" spans="1:53" x14ac:dyDescent="0.4">
      <c r="A4367">
        <v>4411</v>
      </c>
      <c r="B4367" s="1">
        <v>44491</v>
      </c>
      <c r="C4367">
        <v>2</v>
      </c>
      <c r="D4367" s="1">
        <v>44491.445138888892</v>
      </c>
      <c r="E4367" s="1">
        <v>44491.793055555558</v>
      </c>
      <c r="F4367">
        <v>29020</v>
      </c>
      <c r="G4367">
        <v>2398</v>
      </c>
      <c r="H4367">
        <v>0</v>
      </c>
      <c r="I4367">
        <v>0</v>
      </c>
      <c r="J4367">
        <v>0</v>
      </c>
      <c r="K4367">
        <v>0</v>
      </c>
      <c r="L4367">
        <v>0</v>
      </c>
      <c r="M4367">
        <v>2854</v>
      </c>
      <c r="N4367">
        <v>0</v>
      </c>
      <c r="O4367">
        <v>0</v>
      </c>
      <c r="P4367">
        <v>12180</v>
      </c>
      <c r="Q4367">
        <v>0</v>
      </c>
      <c r="R4367">
        <v>43598</v>
      </c>
      <c r="S4367">
        <v>0</v>
      </c>
      <c r="T4367">
        <v>0</v>
      </c>
      <c r="U4367">
        <v>0</v>
      </c>
      <c r="V4367">
        <v>1</v>
      </c>
      <c r="W4367">
        <v>1</v>
      </c>
      <c r="X4367">
        <v>0</v>
      </c>
      <c r="Y4367">
        <v>51</v>
      </c>
      <c r="Z4367">
        <v>24</v>
      </c>
      <c r="AA4367">
        <v>99</v>
      </c>
      <c r="AB4367">
        <v>27</v>
      </c>
      <c r="AC4367">
        <v>111</v>
      </c>
      <c r="AD4367">
        <v>11</v>
      </c>
      <c r="AE4367">
        <v>69</v>
      </c>
      <c r="AF4367">
        <v>3114</v>
      </c>
      <c r="AG4367">
        <v>93598</v>
      </c>
      <c r="AH4367">
        <v>50000</v>
      </c>
      <c r="AI4367">
        <v>0</v>
      </c>
      <c r="AJ4367">
        <v>70</v>
      </c>
      <c r="AK4367" t="s">
        <v>49</v>
      </c>
      <c r="AL4367">
        <v>0</v>
      </c>
      <c r="AM4367">
        <v>0</v>
      </c>
      <c r="AN4367">
        <v>0</v>
      </c>
      <c r="AO4367">
        <v>0</v>
      </c>
      <c r="AP4367">
        <v>0</v>
      </c>
      <c r="AQ4367">
        <v>0</v>
      </c>
      <c r="AR4367">
        <v>0</v>
      </c>
      <c r="AS4367">
        <v>0</v>
      </c>
      <c r="AT4367">
        <v>0</v>
      </c>
      <c r="AU4367">
        <v>0</v>
      </c>
      <c r="AV4367">
        <v>0</v>
      </c>
      <c r="AW4367">
        <v>0</v>
      </c>
      <c r="AX4367">
        <v>1034</v>
      </c>
      <c r="AY4367">
        <v>36</v>
      </c>
      <c r="AZ4367">
        <v>67</v>
      </c>
      <c r="BA4367">
        <v>5585</v>
      </c>
    </row>
    <row r="4368" spans="1:53" x14ac:dyDescent="0.4">
      <c r="A4368">
        <v>4412</v>
      </c>
      <c r="B4368" s="1">
        <v>44492</v>
      </c>
      <c r="C4368">
        <v>1</v>
      </c>
      <c r="D4368" s="1">
        <v>44492.291666666664</v>
      </c>
      <c r="E4368" s="1">
        <v>44492.407638888886</v>
      </c>
      <c r="F4368">
        <v>0</v>
      </c>
      <c r="G4368">
        <v>0</v>
      </c>
      <c r="H4368">
        <v>0</v>
      </c>
      <c r="I4368">
        <v>0</v>
      </c>
      <c r="J4368">
        <v>0</v>
      </c>
      <c r="K4368">
        <v>0</v>
      </c>
      <c r="L4368">
        <v>0</v>
      </c>
      <c r="M4368">
        <v>0</v>
      </c>
      <c r="N4368">
        <v>0</v>
      </c>
      <c r="O4368">
        <v>0</v>
      </c>
      <c r="P4368">
        <v>0</v>
      </c>
      <c r="Q4368">
        <v>0</v>
      </c>
      <c r="R4368">
        <v>0</v>
      </c>
      <c r="S4368">
        <v>0</v>
      </c>
      <c r="T4368">
        <v>0</v>
      </c>
      <c r="U4368">
        <v>0</v>
      </c>
      <c r="V4368">
        <v>0</v>
      </c>
      <c r="W4368">
        <v>1</v>
      </c>
      <c r="X4368">
        <v>0</v>
      </c>
      <c r="Y4368">
        <v>26</v>
      </c>
      <c r="Z4368">
        <v>13</v>
      </c>
      <c r="AA4368">
        <v>106</v>
      </c>
      <c r="AB4368">
        <v>22</v>
      </c>
      <c r="AC4368">
        <v>68</v>
      </c>
      <c r="AD4368">
        <v>11</v>
      </c>
      <c r="AE4368">
        <v>65</v>
      </c>
      <c r="AF4368">
        <v>0</v>
      </c>
      <c r="AG4368">
        <v>50000</v>
      </c>
      <c r="AH4368">
        <v>50000</v>
      </c>
      <c r="AI4368">
        <v>0</v>
      </c>
      <c r="AJ4368">
        <v>0</v>
      </c>
      <c r="AK4368" t="s">
        <v>6</v>
      </c>
      <c r="AL4368">
        <v>0</v>
      </c>
      <c r="AM4368">
        <v>0</v>
      </c>
      <c r="AN4368">
        <v>0</v>
      </c>
      <c r="AO4368">
        <v>0</v>
      </c>
      <c r="AP4368">
        <v>0</v>
      </c>
      <c r="AQ4368">
        <v>0</v>
      </c>
      <c r="AR4368">
        <v>0</v>
      </c>
      <c r="AS4368">
        <v>0</v>
      </c>
      <c r="AT4368">
        <v>0</v>
      </c>
      <c r="AU4368">
        <v>0</v>
      </c>
      <c r="AV4368">
        <v>0</v>
      </c>
      <c r="AW4368">
        <v>0</v>
      </c>
      <c r="AX4368">
        <v>0</v>
      </c>
      <c r="AY4368">
        <v>0</v>
      </c>
      <c r="AZ4368">
        <v>0</v>
      </c>
      <c r="BA4368">
        <v>0</v>
      </c>
    </row>
    <row r="4369" spans="1:53" x14ac:dyDescent="0.4">
      <c r="A4369">
        <v>4413</v>
      </c>
      <c r="B4369" s="1">
        <v>44492</v>
      </c>
      <c r="C4369">
        <v>2</v>
      </c>
      <c r="D4369" s="1">
        <v>44492.407638888886</v>
      </c>
      <c r="E4369" s="1">
        <v>44492.743055555555</v>
      </c>
      <c r="F4369">
        <v>42570</v>
      </c>
      <c r="G4369">
        <v>3146</v>
      </c>
      <c r="H4369">
        <v>0</v>
      </c>
      <c r="I4369">
        <v>0</v>
      </c>
      <c r="J4369">
        <v>100</v>
      </c>
      <c r="K4369">
        <v>0</v>
      </c>
      <c r="L4369">
        <v>0</v>
      </c>
      <c r="M4369">
        <v>4144</v>
      </c>
      <c r="N4369">
        <v>0</v>
      </c>
      <c r="O4369">
        <v>0</v>
      </c>
      <c r="P4369">
        <v>15085</v>
      </c>
      <c r="Q4369">
        <v>0</v>
      </c>
      <c r="R4369">
        <v>60701</v>
      </c>
      <c r="S4369">
        <v>0</v>
      </c>
      <c r="T4369">
        <v>0</v>
      </c>
      <c r="U4369">
        <v>0</v>
      </c>
      <c r="V4369">
        <v>2</v>
      </c>
      <c r="W4369">
        <v>0</v>
      </c>
      <c r="X4369">
        <v>0</v>
      </c>
      <c r="Y4369">
        <v>56</v>
      </c>
      <c r="Z4369">
        <v>34</v>
      </c>
      <c r="AA4369">
        <v>149</v>
      </c>
      <c r="AB4369">
        <v>23</v>
      </c>
      <c r="AC4369">
        <v>92</v>
      </c>
      <c r="AD4369">
        <v>12</v>
      </c>
      <c r="AE4369">
        <v>71</v>
      </c>
      <c r="AF4369">
        <v>600</v>
      </c>
      <c r="AG4369">
        <v>110701</v>
      </c>
      <c r="AH4369">
        <v>50000</v>
      </c>
      <c r="AI4369">
        <v>0</v>
      </c>
      <c r="AJ4369">
        <v>103</v>
      </c>
      <c r="AK4369" t="s">
        <v>7</v>
      </c>
      <c r="AL4369">
        <v>0</v>
      </c>
      <c r="AM4369">
        <v>0</v>
      </c>
      <c r="AN4369">
        <v>0</v>
      </c>
      <c r="AO4369">
        <v>0</v>
      </c>
      <c r="AP4369">
        <v>0</v>
      </c>
      <c r="AQ4369">
        <v>0</v>
      </c>
      <c r="AR4369">
        <v>0</v>
      </c>
      <c r="AS4369">
        <v>0</v>
      </c>
      <c r="AT4369">
        <v>0</v>
      </c>
      <c r="AU4369">
        <v>0</v>
      </c>
      <c r="AV4369">
        <v>0</v>
      </c>
      <c r="AW4369">
        <v>0</v>
      </c>
      <c r="AX4369">
        <v>790</v>
      </c>
      <c r="AY4369">
        <v>48</v>
      </c>
      <c r="AZ4369">
        <v>96</v>
      </c>
      <c r="BA4369">
        <v>7118</v>
      </c>
    </row>
    <row r="4370" spans="1:53" x14ac:dyDescent="0.4">
      <c r="A4370">
        <v>4414</v>
      </c>
      <c r="B4370" s="1">
        <v>44493</v>
      </c>
      <c r="C4370">
        <v>1</v>
      </c>
      <c r="D4370" s="1">
        <v>44493.291666666664</v>
      </c>
      <c r="E4370" s="1">
        <v>44493.404861111114</v>
      </c>
      <c r="F4370">
        <v>0</v>
      </c>
      <c r="G4370">
        <v>0</v>
      </c>
      <c r="H4370">
        <v>0</v>
      </c>
      <c r="I4370">
        <v>0</v>
      </c>
      <c r="J4370">
        <v>0</v>
      </c>
      <c r="K4370">
        <v>0</v>
      </c>
      <c r="L4370">
        <v>0</v>
      </c>
      <c r="M4370">
        <v>0</v>
      </c>
      <c r="N4370">
        <v>0</v>
      </c>
      <c r="O4370">
        <v>0</v>
      </c>
      <c r="P4370">
        <v>0</v>
      </c>
      <c r="Q4370">
        <v>0</v>
      </c>
      <c r="R4370">
        <v>0</v>
      </c>
      <c r="S4370">
        <v>0</v>
      </c>
      <c r="T4370">
        <v>0</v>
      </c>
      <c r="U4370">
        <v>0</v>
      </c>
      <c r="V4370">
        <v>0</v>
      </c>
      <c r="W4370">
        <v>1</v>
      </c>
      <c r="X4370">
        <v>0</v>
      </c>
      <c r="Y4370">
        <v>25</v>
      </c>
      <c r="Z4370">
        <v>11</v>
      </c>
      <c r="AA4370">
        <v>124</v>
      </c>
      <c r="AB4370">
        <v>29</v>
      </c>
      <c r="AC4370">
        <v>52</v>
      </c>
      <c r="AD4370">
        <v>12</v>
      </c>
      <c r="AE4370">
        <v>70</v>
      </c>
      <c r="AF4370">
        <v>0</v>
      </c>
      <c r="AG4370">
        <v>50000</v>
      </c>
      <c r="AH4370">
        <v>50000</v>
      </c>
      <c r="AI4370">
        <v>0</v>
      </c>
      <c r="AJ4370">
        <v>0</v>
      </c>
      <c r="AK4370" t="s">
        <v>6</v>
      </c>
      <c r="AL4370">
        <v>0</v>
      </c>
      <c r="AM4370">
        <v>0</v>
      </c>
      <c r="AN4370">
        <v>0</v>
      </c>
      <c r="AO4370">
        <v>0</v>
      </c>
      <c r="AP4370">
        <v>0</v>
      </c>
      <c r="AQ4370">
        <v>0</v>
      </c>
      <c r="AR4370">
        <v>0</v>
      </c>
      <c r="AS4370">
        <v>0</v>
      </c>
      <c r="AT4370">
        <v>0</v>
      </c>
      <c r="AU4370">
        <v>0</v>
      </c>
      <c r="AV4370">
        <v>0</v>
      </c>
      <c r="AW4370">
        <v>0</v>
      </c>
      <c r="AX4370">
        <v>0</v>
      </c>
      <c r="AY4370">
        <v>0</v>
      </c>
      <c r="AZ4370">
        <v>0</v>
      </c>
      <c r="BA4370">
        <v>0</v>
      </c>
    </row>
    <row r="4371" spans="1:53" x14ac:dyDescent="0.4">
      <c r="A4371">
        <v>4415</v>
      </c>
      <c r="B4371" s="1">
        <v>44493</v>
      </c>
      <c r="C4371">
        <v>2</v>
      </c>
      <c r="D4371" s="1">
        <v>44493.404861111114</v>
      </c>
      <c r="E4371" s="1">
        <v>44493.77847222222</v>
      </c>
      <c r="F4371">
        <v>51390</v>
      </c>
      <c r="G4371">
        <v>3564</v>
      </c>
      <c r="H4371">
        <v>0</v>
      </c>
      <c r="I4371">
        <v>0</v>
      </c>
      <c r="J4371">
        <v>100</v>
      </c>
      <c r="K4371">
        <v>0</v>
      </c>
      <c r="L4371">
        <v>0</v>
      </c>
      <c r="M4371">
        <v>4982</v>
      </c>
      <c r="N4371">
        <v>0</v>
      </c>
      <c r="O4371">
        <v>0</v>
      </c>
      <c r="P4371">
        <v>16390</v>
      </c>
      <c r="Q4371">
        <v>0</v>
      </c>
      <c r="R4371">
        <v>71244</v>
      </c>
      <c r="S4371">
        <v>0</v>
      </c>
      <c r="T4371">
        <v>0</v>
      </c>
      <c r="U4371">
        <v>0</v>
      </c>
      <c r="V4371">
        <v>2</v>
      </c>
      <c r="W4371">
        <v>3</v>
      </c>
      <c r="X4371">
        <v>0</v>
      </c>
      <c r="Y4371">
        <v>64</v>
      </c>
      <c r="Z4371">
        <v>16</v>
      </c>
      <c r="AA4371">
        <v>118</v>
      </c>
      <c r="AB4371">
        <v>33</v>
      </c>
      <c r="AC4371">
        <v>64</v>
      </c>
      <c r="AD4371">
        <v>16</v>
      </c>
      <c r="AE4371">
        <v>74</v>
      </c>
      <c r="AF4371">
        <v>0</v>
      </c>
      <c r="AG4371">
        <v>121244</v>
      </c>
      <c r="AH4371">
        <v>50000</v>
      </c>
      <c r="AI4371">
        <v>0</v>
      </c>
      <c r="AJ4371">
        <v>102</v>
      </c>
      <c r="AK4371" t="s">
        <v>50</v>
      </c>
      <c r="AL4371">
        <v>0</v>
      </c>
      <c r="AM4371">
        <v>0</v>
      </c>
      <c r="AN4371">
        <v>0</v>
      </c>
      <c r="AO4371">
        <v>0</v>
      </c>
      <c r="AP4371">
        <v>0</v>
      </c>
      <c r="AQ4371">
        <v>0</v>
      </c>
      <c r="AR4371">
        <v>0</v>
      </c>
      <c r="AS4371">
        <v>0</v>
      </c>
      <c r="AT4371">
        <v>0</v>
      </c>
      <c r="AU4371">
        <v>0</v>
      </c>
      <c r="AV4371">
        <v>0</v>
      </c>
      <c r="AW4371">
        <v>0</v>
      </c>
      <c r="AX4371">
        <v>-1760</v>
      </c>
      <c r="AY4371">
        <v>50</v>
      </c>
      <c r="AZ4371">
        <v>107</v>
      </c>
      <c r="BA4371">
        <v>7863</v>
      </c>
    </row>
    <row r="4372" spans="1:53" x14ac:dyDescent="0.4">
      <c r="A4372">
        <v>4416</v>
      </c>
      <c r="B4372" s="1">
        <v>44493</v>
      </c>
      <c r="C4372">
        <v>3</v>
      </c>
      <c r="D4372" s="1">
        <v>44493.77847222222</v>
      </c>
      <c r="E4372" s="1">
        <v>44494.095138888886</v>
      </c>
      <c r="F4372">
        <v>54010</v>
      </c>
      <c r="G4372">
        <v>528</v>
      </c>
      <c r="H4372">
        <v>0</v>
      </c>
      <c r="I4372">
        <v>0</v>
      </c>
      <c r="J4372">
        <v>100</v>
      </c>
      <c r="K4372">
        <v>0</v>
      </c>
      <c r="L4372">
        <v>0</v>
      </c>
      <c r="M4372">
        <v>4948</v>
      </c>
      <c r="N4372">
        <v>0</v>
      </c>
      <c r="O4372">
        <v>0</v>
      </c>
      <c r="P4372">
        <v>-12990</v>
      </c>
      <c r="Q4372">
        <v>0</v>
      </c>
      <c r="R4372">
        <v>41448</v>
      </c>
      <c r="S4372">
        <v>0</v>
      </c>
      <c r="T4372">
        <v>0</v>
      </c>
      <c r="U4372">
        <v>0</v>
      </c>
      <c r="V4372">
        <v>2</v>
      </c>
      <c r="W4372">
        <v>5</v>
      </c>
      <c r="X4372">
        <v>0</v>
      </c>
      <c r="Y4372">
        <v>86</v>
      </c>
      <c r="Z4372">
        <v>14</v>
      </c>
      <c r="AA4372">
        <v>128</v>
      </c>
      <c r="AB4372">
        <v>29</v>
      </c>
      <c r="AC4372">
        <v>66</v>
      </c>
      <c r="AD4372">
        <v>16</v>
      </c>
      <c r="AE4372">
        <v>82</v>
      </c>
      <c r="AF4372">
        <v>9620</v>
      </c>
      <c r="AG4372">
        <v>162692</v>
      </c>
      <c r="AH4372">
        <v>50000</v>
      </c>
      <c r="AI4372">
        <v>0</v>
      </c>
      <c r="AJ4372">
        <v>108</v>
      </c>
      <c r="AK4372" t="s">
        <v>3</v>
      </c>
      <c r="AL4372">
        <v>0</v>
      </c>
      <c r="AM4372">
        <v>0</v>
      </c>
      <c r="AN4372">
        <v>0</v>
      </c>
      <c r="AO4372">
        <v>0</v>
      </c>
      <c r="AP4372">
        <v>0</v>
      </c>
      <c r="AQ4372">
        <v>0</v>
      </c>
      <c r="AR4372">
        <v>0</v>
      </c>
      <c r="AS4372">
        <v>0</v>
      </c>
      <c r="AT4372">
        <v>0</v>
      </c>
      <c r="AU4372">
        <v>0</v>
      </c>
      <c r="AV4372">
        <v>0</v>
      </c>
      <c r="AW4372">
        <v>0</v>
      </c>
      <c r="AX4372">
        <v>902</v>
      </c>
      <c r="AY4372">
        <v>11</v>
      </c>
      <c r="AZ4372">
        <v>29</v>
      </c>
      <c r="BA4372">
        <v>2251</v>
      </c>
    </row>
    <row r="4373" spans="1:53" x14ac:dyDescent="0.4">
      <c r="A4373">
        <v>4417</v>
      </c>
      <c r="B4373" s="1">
        <v>44494</v>
      </c>
      <c r="C4373">
        <v>1</v>
      </c>
      <c r="D4373" s="1">
        <v>44494.291666666664</v>
      </c>
      <c r="E4373" s="1">
        <v>44494.440972222219</v>
      </c>
      <c r="F4373">
        <v>0</v>
      </c>
      <c r="G4373">
        <v>0</v>
      </c>
      <c r="H4373">
        <v>0</v>
      </c>
      <c r="I4373">
        <v>0</v>
      </c>
      <c r="J4373">
        <v>0</v>
      </c>
      <c r="K4373">
        <v>0</v>
      </c>
      <c r="L4373">
        <v>0</v>
      </c>
      <c r="M4373">
        <v>0</v>
      </c>
      <c r="N4373">
        <v>0</v>
      </c>
      <c r="O4373">
        <v>0</v>
      </c>
      <c r="P4373">
        <v>0</v>
      </c>
      <c r="Q4373">
        <v>0</v>
      </c>
      <c r="R4373">
        <v>0</v>
      </c>
      <c r="S4373">
        <v>0</v>
      </c>
      <c r="T4373">
        <v>0</v>
      </c>
      <c r="U4373">
        <v>0</v>
      </c>
      <c r="V4373">
        <v>0</v>
      </c>
      <c r="W4373">
        <v>1</v>
      </c>
      <c r="X4373">
        <v>0</v>
      </c>
      <c r="Y4373">
        <v>25</v>
      </c>
      <c r="Z4373">
        <v>10</v>
      </c>
      <c r="AA4373">
        <v>127</v>
      </c>
      <c r="AB4373">
        <v>30</v>
      </c>
      <c r="AC4373">
        <v>64</v>
      </c>
      <c r="AD4373">
        <v>16</v>
      </c>
      <c r="AE4373">
        <v>80</v>
      </c>
      <c r="AF4373">
        <v>0</v>
      </c>
      <c r="AG4373">
        <v>50000</v>
      </c>
      <c r="AH4373">
        <v>50000</v>
      </c>
      <c r="AI4373">
        <v>0</v>
      </c>
      <c r="AJ4373">
        <v>0</v>
      </c>
      <c r="AK4373" t="s">
        <v>6</v>
      </c>
      <c r="AL4373">
        <v>0</v>
      </c>
      <c r="AM4373">
        <v>0</v>
      </c>
      <c r="AN4373">
        <v>0</v>
      </c>
      <c r="AO4373">
        <v>0</v>
      </c>
      <c r="AP4373">
        <v>0</v>
      </c>
      <c r="AQ4373">
        <v>0</v>
      </c>
      <c r="AR4373">
        <v>0</v>
      </c>
      <c r="AS4373">
        <v>0</v>
      </c>
      <c r="AT4373">
        <v>0</v>
      </c>
      <c r="AU4373">
        <v>0</v>
      </c>
      <c r="AV4373">
        <v>0</v>
      </c>
      <c r="AW4373">
        <v>0</v>
      </c>
      <c r="AX4373">
        <v>0</v>
      </c>
      <c r="AY4373">
        <v>0</v>
      </c>
      <c r="AZ4373">
        <v>0</v>
      </c>
      <c r="BA4373">
        <v>0</v>
      </c>
    </row>
    <row r="4374" spans="1:53" x14ac:dyDescent="0.4">
      <c r="A4374">
        <v>4418</v>
      </c>
      <c r="B4374" s="1">
        <v>44494</v>
      </c>
      <c r="C4374">
        <v>2</v>
      </c>
      <c r="D4374" s="1">
        <v>44494.440972222219</v>
      </c>
      <c r="E4374" s="1">
        <v>44494.759027777778</v>
      </c>
      <c r="F4374">
        <v>21100</v>
      </c>
      <c r="G4374">
        <v>2310</v>
      </c>
      <c r="H4374">
        <v>440</v>
      </c>
      <c r="I4374">
        <v>0</v>
      </c>
      <c r="J4374">
        <v>370</v>
      </c>
      <c r="K4374">
        <v>0</v>
      </c>
      <c r="L4374">
        <v>0</v>
      </c>
      <c r="M4374">
        <v>2134</v>
      </c>
      <c r="N4374">
        <v>0</v>
      </c>
      <c r="O4374">
        <v>0</v>
      </c>
      <c r="P4374">
        <v>12870</v>
      </c>
      <c r="Q4374">
        <v>0</v>
      </c>
      <c r="R4374">
        <v>36350</v>
      </c>
      <c r="S4374">
        <v>0</v>
      </c>
      <c r="T4374">
        <v>0</v>
      </c>
      <c r="U4374">
        <v>0</v>
      </c>
      <c r="V4374">
        <v>1</v>
      </c>
      <c r="W4374">
        <v>1</v>
      </c>
      <c r="X4374">
        <v>0</v>
      </c>
      <c r="Y4374">
        <v>49</v>
      </c>
      <c r="Z4374">
        <v>14</v>
      </c>
      <c r="AA4374">
        <v>114</v>
      </c>
      <c r="AB4374">
        <v>34</v>
      </c>
      <c r="AC4374">
        <v>89</v>
      </c>
      <c r="AD4374">
        <v>17</v>
      </c>
      <c r="AE4374">
        <v>75</v>
      </c>
      <c r="AF4374">
        <v>1200</v>
      </c>
      <c r="AG4374">
        <v>86350</v>
      </c>
      <c r="AH4374">
        <v>50000</v>
      </c>
      <c r="AI4374">
        <v>0</v>
      </c>
      <c r="AJ4374">
        <v>116</v>
      </c>
      <c r="AK4374" t="s">
        <v>54</v>
      </c>
      <c r="AL4374">
        <v>0</v>
      </c>
      <c r="AM4374">
        <v>0</v>
      </c>
      <c r="AN4374">
        <v>0</v>
      </c>
      <c r="AO4374">
        <v>0</v>
      </c>
      <c r="AP4374">
        <v>0</v>
      </c>
      <c r="AQ4374">
        <v>0</v>
      </c>
      <c r="AR4374">
        <v>0</v>
      </c>
      <c r="AS4374">
        <v>0</v>
      </c>
      <c r="AT4374">
        <v>0</v>
      </c>
      <c r="AU4374">
        <v>0</v>
      </c>
      <c r="AV4374">
        <v>0</v>
      </c>
      <c r="AW4374">
        <v>0</v>
      </c>
      <c r="AX4374">
        <v>1628</v>
      </c>
      <c r="AY4374">
        <v>27</v>
      </c>
      <c r="AZ4374">
        <v>55</v>
      </c>
      <c r="BA4374">
        <v>3997</v>
      </c>
    </row>
    <row r="4375" spans="1:53" x14ac:dyDescent="0.4">
      <c r="A4375">
        <v>4419</v>
      </c>
      <c r="B4375" s="1">
        <v>44495</v>
      </c>
      <c r="C4375">
        <v>1</v>
      </c>
      <c r="D4375" s="1">
        <v>44495.291666666664</v>
      </c>
      <c r="E4375" s="1">
        <v>44495.432638888888</v>
      </c>
      <c r="F4375">
        <v>0</v>
      </c>
      <c r="G4375">
        <v>0</v>
      </c>
      <c r="H4375">
        <v>0</v>
      </c>
      <c r="I4375">
        <v>0</v>
      </c>
      <c r="J4375">
        <v>0</v>
      </c>
      <c r="K4375">
        <v>0</v>
      </c>
      <c r="L4375">
        <v>0</v>
      </c>
      <c r="M4375">
        <v>0</v>
      </c>
      <c r="N4375">
        <v>0</v>
      </c>
      <c r="O4375">
        <v>0</v>
      </c>
      <c r="P4375">
        <v>0</v>
      </c>
      <c r="Q4375">
        <v>0</v>
      </c>
      <c r="R4375">
        <v>0</v>
      </c>
      <c r="S4375">
        <v>0</v>
      </c>
      <c r="T4375">
        <v>0</v>
      </c>
      <c r="U4375">
        <v>0</v>
      </c>
      <c r="V4375">
        <v>0</v>
      </c>
      <c r="W4375">
        <v>0</v>
      </c>
      <c r="X4375">
        <v>0</v>
      </c>
      <c r="Y4375">
        <v>31</v>
      </c>
      <c r="Z4375">
        <v>11</v>
      </c>
      <c r="AA4375">
        <v>108</v>
      </c>
      <c r="AB4375">
        <v>35</v>
      </c>
      <c r="AC4375">
        <v>80</v>
      </c>
      <c r="AD4375">
        <v>15</v>
      </c>
      <c r="AE4375">
        <v>75</v>
      </c>
      <c r="AF4375">
        <v>0</v>
      </c>
      <c r="AG4375">
        <v>50000</v>
      </c>
      <c r="AH4375">
        <v>50000</v>
      </c>
      <c r="AI4375">
        <v>0</v>
      </c>
      <c r="AJ4375">
        <v>0</v>
      </c>
      <c r="AK4375" t="s">
        <v>6</v>
      </c>
      <c r="AL4375">
        <v>0</v>
      </c>
      <c r="AM4375">
        <v>0</v>
      </c>
      <c r="AN4375">
        <v>0</v>
      </c>
      <c r="AO4375">
        <v>0</v>
      </c>
      <c r="AP4375">
        <v>0</v>
      </c>
      <c r="AQ4375">
        <v>0</v>
      </c>
      <c r="AR4375">
        <v>0</v>
      </c>
      <c r="AS4375">
        <v>0</v>
      </c>
      <c r="AT4375">
        <v>0</v>
      </c>
      <c r="AU4375">
        <v>0</v>
      </c>
      <c r="AV4375">
        <v>0</v>
      </c>
      <c r="AW4375">
        <v>0</v>
      </c>
      <c r="AX4375">
        <v>0</v>
      </c>
      <c r="AY4375">
        <v>0</v>
      </c>
      <c r="AZ4375">
        <v>0</v>
      </c>
      <c r="BA4375">
        <v>0</v>
      </c>
    </row>
    <row r="4376" spans="1:53" x14ac:dyDescent="0.4">
      <c r="A4376">
        <v>4420</v>
      </c>
      <c r="B4376" s="1">
        <v>44495</v>
      </c>
      <c r="C4376">
        <v>2</v>
      </c>
      <c r="D4376" s="1">
        <v>44495.432638888888</v>
      </c>
      <c r="E4376" s="1">
        <v>44495.739583333336</v>
      </c>
      <c r="F4376">
        <v>12320</v>
      </c>
      <c r="G4376">
        <v>0</v>
      </c>
      <c r="H4376">
        <v>0</v>
      </c>
      <c r="I4376">
        <v>0</v>
      </c>
      <c r="J4376">
        <v>0</v>
      </c>
      <c r="K4376">
        <v>0</v>
      </c>
      <c r="L4376">
        <v>0</v>
      </c>
      <c r="M4376">
        <v>1121</v>
      </c>
      <c r="N4376">
        <v>0</v>
      </c>
      <c r="O4376">
        <v>0</v>
      </c>
      <c r="P4376">
        <v>9720</v>
      </c>
      <c r="Q4376">
        <v>0</v>
      </c>
      <c r="R4376">
        <v>22040</v>
      </c>
      <c r="S4376">
        <v>0</v>
      </c>
      <c r="T4376">
        <v>0</v>
      </c>
      <c r="U4376">
        <v>0</v>
      </c>
      <c r="V4376">
        <v>2</v>
      </c>
      <c r="W4376">
        <v>0</v>
      </c>
      <c r="X4376">
        <v>0</v>
      </c>
      <c r="Y4376">
        <v>29</v>
      </c>
      <c r="Z4376">
        <v>20</v>
      </c>
      <c r="AA4376">
        <v>95</v>
      </c>
      <c r="AB4376">
        <v>29</v>
      </c>
      <c r="AC4376">
        <v>73</v>
      </c>
      <c r="AD4376">
        <v>17</v>
      </c>
      <c r="AE4376">
        <v>75</v>
      </c>
      <c r="AF4376">
        <v>1200</v>
      </c>
      <c r="AG4376">
        <v>72040</v>
      </c>
      <c r="AH4376">
        <v>50000</v>
      </c>
      <c r="AI4376">
        <v>0</v>
      </c>
      <c r="AJ4376">
        <v>116</v>
      </c>
      <c r="AK4376" t="s">
        <v>54</v>
      </c>
      <c r="AL4376">
        <v>0</v>
      </c>
      <c r="AM4376">
        <v>0</v>
      </c>
      <c r="AN4376">
        <v>0</v>
      </c>
      <c r="AO4376">
        <v>0</v>
      </c>
      <c r="AP4376">
        <v>0</v>
      </c>
      <c r="AQ4376">
        <v>0</v>
      </c>
      <c r="AR4376">
        <v>0</v>
      </c>
      <c r="AS4376">
        <v>0</v>
      </c>
      <c r="AT4376">
        <v>0</v>
      </c>
      <c r="AU4376">
        <v>0</v>
      </c>
      <c r="AV4376">
        <v>0</v>
      </c>
      <c r="AW4376">
        <v>0</v>
      </c>
      <c r="AX4376">
        <v>0</v>
      </c>
      <c r="AY4376">
        <v>24</v>
      </c>
      <c r="AZ4376">
        <v>37</v>
      </c>
      <c r="BA4376">
        <v>3494</v>
      </c>
    </row>
    <row r="4377" spans="1:53" x14ac:dyDescent="0.4">
      <c r="A4377">
        <v>4421</v>
      </c>
      <c r="B4377" s="1">
        <v>44496</v>
      </c>
      <c r="C4377">
        <v>1</v>
      </c>
      <c r="D4377" s="1">
        <v>44496.291666666664</v>
      </c>
      <c r="E4377" s="1">
        <v>44496.447916666664</v>
      </c>
      <c r="F4377">
        <v>0</v>
      </c>
      <c r="G4377">
        <v>0</v>
      </c>
      <c r="H4377">
        <v>0</v>
      </c>
      <c r="I4377">
        <v>0</v>
      </c>
      <c r="J4377">
        <v>0</v>
      </c>
      <c r="K4377">
        <v>0</v>
      </c>
      <c r="L4377">
        <v>0</v>
      </c>
      <c r="M4377">
        <v>0</v>
      </c>
      <c r="N4377">
        <v>0</v>
      </c>
      <c r="O4377">
        <v>0</v>
      </c>
      <c r="P4377">
        <v>0</v>
      </c>
      <c r="Q4377">
        <v>0</v>
      </c>
      <c r="R4377">
        <v>0</v>
      </c>
      <c r="S4377">
        <v>0</v>
      </c>
      <c r="T4377">
        <v>0</v>
      </c>
      <c r="U4377">
        <v>0</v>
      </c>
      <c r="V4377">
        <v>0</v>
      </c>
      <c r="W4377">
        <v>0</v>
      </c>
      <c r="X4377">
        <v>0</v>
      </c>
      <c r="Y4377">
        <v>30</v>
      </c>
      <c r="Z4377">
        <v>18</v>
      </c>
      <c r="AA4377">
        <v>88</v>
      </c>
      <c r="AB4377">
        <v>28</v>
      </c>
      <c r="AC4377">
        <v>64</v>
      </c>
      <c r="AD4377">
        <v>17</v>
      </c>
      <c r="AE4377">
        <v>75</v>
      </c>
      <c r="AF4377">
        <v>0</v>
      </c>
      <c r="AG4377">
        <v>50000</v>
      </c>
      <c r="AH4377">
        <v>50000</v>
      </c>
      <c r="AI4377">
        <v>0</v>
      </c>
      <c r="AJ4377">
        <v>0</v>
      </c>
      <c r="AK4377" t="s">
        <v>6</v>
      </c>
      <c r="AL4377">
        <v>0</v>
      </c>
      <c r="AM4377">
        <v>0</v>
      </c>
      <c r="AN4377">
        <v>0</v>
      </c>
      <c r="AO4377">
        <v>0</v>
      </c>
      <c r="AP4377">
        <v>0</v>
      </c>
      <c r="AQ4377">
        <v>0</v>
      </c>
      <c r="AR4377">
        <v>0</v>
      </c>
      <c r="AS4377">
        <v>0</v>
      </c>
      <c r="AT4377">
        <v>0</v>
      </c>
      <c r="AU4377">
        <v>0</v>
      </c>
      <c r="AV4377">
        <v>0</v>
      </c>
      <c r="AW4377">
        <v>0</v>
      </c>
      <c r="AX4377">
        <v>0</v>
      </c>
      <c r="AY4377">
        <v>0</v>
      </c>
      <c r="AZ4377">
        <v>0</v>
      </c>
      <c r="BA4377">
        <v>0</v>
      </c>
    </row>
    <row r="4378" spans="1:53" x14ac:dyDescent="0.4">
      <c r="A4378">
        <v>4422</v>
      </c>
      <c r="B4378" s="1">
        <v>44496</v>
      </c>
      <c r="C4378">
        <v>2</v>
      </c>
      <c r="D4378" s="1">
        <v>44496.447916666664</v>
      </c>
      <c r="E4378" s="1">
        <v>44496.736805555556</v>
      </c>
      <c r="F4378">
        <v>5400</v>
      </c>
      <c r="G4378">
        <v>0</v>
      </c>
      <c r="H4378">
        <v>220</v>
      </c>
      <c r="I4378">
        <v>0</v>
      </c>
      <c r="J4378">
        <v>100</v>
      </c>
      <c r="K4378">
        <v>0</v>
      </c>
      <c r="L4378">
        <v>0</v>
      </c>
      <c r="M4378">
        <v>504</v>
      </c>
      <c r="N4378">
        <v>0</v>
      </c>
      <c r="O4378">
        <v>0</v>
      </c>
      <c r="P4378">
        <v>8050</v>
      </c>
      <c r="Q4378">
        <v>0</v>
      </c>
      <c r="R4378">
        <v>13570</v>
      </c>
      <c r="S4378">
        <v>0</v>
      </c>
      <c r="T4378">
        <v>0</v>
      </c>
      <c r="U4378">
        <v>0</v>
      </c>
      <c r="V4378">
        <v>0</v>
      </c>
      <c r="W4378">
        <v>0</v>
      </c>
      <c r="X4378">
        <v>0</v>
      </c>
      <c r="Y4378">
        <v>40</v>
      </c>
      <c r="Z4378">
        <v>25</v>
      </c>
      <c r="AA4378">
        <v>87</v>
      </c>
      <c r="AB4378">
        <v>29</v>
      </c>
      <c r="AC4378">
        <v>76</v>
      </c>
      <c r="AD4378">
        <v>17</v>
      </c>
      <c r="AE4378">
        <v>75</v>
      </c>
      <c r="AF4378">
        <v>0</v>
      </c>
      <c r="AG4378">
        <v>63570</v>
      </c>
      <c r="AH4378">
        <v>50000</v>
      </c>
      <c r="AI4378">
        <v>0</v>
      </c>
      <c r="AJ4378">
        <v>114</v>
      </c>
      <c r="AK4378" t="s">
        <v>53</v>
      </c>
      <c r="AL4378">
        <v>0</v>
      </c>
      <c r="AM4378">
        <v>0</v>
      </c>
      <c r="AN4378">
        <v>0</v>
      </c>
      <c r="AO4378">
        <v>0</v>
      </c>
      <c r="AP4378">
        <v>0</v>
      </c>
      <c r="AQ4378">
        <v>0</v>
      </c>
      <c r="AR4378">
        <v>0</v>
      </c>
      <c r="AS4378">
        <v>0</v>
      </c>
      <c r="AT4378">
        <v>0</v>
      </c>
      <c r="AU4378">
        <v>0</v>
      </c>
      <c r="AV4378">
        <v>0</v>
      </c>
      <c r="AW4378">
        <v>0</v>
      </c>
      <c r="AX4378">
        <v>308</v>
      </c>
      <c r="AY4378">
        <v>15</v>
      </c>
      <c r="AZ4378">
        <v>23</v>
      </c>
      <c r="BA4378">
        <v>1914</v>
      </c>
    </row>
    <row r="4379" spans="1:53" x14ac:dyDescent="0.4">
      <c r="A4379">
        <v>4423</v>
      </c>
      <c r="B4379" s="1">
        <v>44496</v>
      </c>
      <c r="C4379">
        <v>3</v>
      </c>
      <c r="D4379" s="1">
        <v>44496.736805555556</v>
      </c>
      <c r="E4379" s="1">
        <v>44497.080555555556</v>
      </c>
      <c r="F4379">
        <v>21600</v>
      </c>
      <c r="G4379">
        <v>902</v>
      </c>
      <c r="H4379">
        <v>0</v>
      </c>
      <c r="I4379">
        <v>0</v>
      </c>
      <c r="J4379">
        <v>0</v>
      </c>
      <c r="K4379">
        <v>0</v>
      </c>
      <c r="L4379">
        <v>0</v>
      </c>
      <c r="M4379">
        <v>2046</v>
      </c>
      <c r="N4379">
        <v>0</v>
      </c>
      <c r="O4379">
        <v>0</v>
      </c>
      <c r="P4379">
        <v>-8050</v>
      </c>
      <c r="Q4379">
        <v>0</v>
      </c>
      <c r="R4379">
        <v>14452</v>
      </c>
      <c r="S4379">
        <v>0</v>
      </c>
      <c r="T4379">
        <v>0</v>
      </c>
      <c r="U4379">
        <v>0</v>
      </c>
      <c r="V4379">
        <v>0</v>
      </c>
      <c r="W4379">
        <v>1</v>
      </c>
      <c r="X4379">
        <v>0</v>
      </c>
      <c r="Y4379">
        <v>48</v>
      </c>
      <c r="Z4379">
        <v>27</v>
      </c>
      <c r="AA4379">
        <v>87</v>
      </c>
      <c r="AB4379">
        <v>28</v>
      </c>
      <c r="AC4379">
        <v>72</v>
      </c>
      <c r="AD4379">
        <v>18</v>
      </c>
      <c r="AE4379">
        <v>82</v>
      </c>
      <c r="AF4379">
        <v>530</v>
      </c>
      <c r="AG4379">
        <v>78022</v>
      </c>
      <c r="AH4379">
        <v>50000</v>
      </c>
      <c r="AI4379">
        <v>0</v>
      </c>
      <c r="AJ4379">
        <v>108</v>
      </c>
      <c r="AK4379" t="s">
        <v>3</v>
      </c>
      <c r="AL4379">
        <v>0</v>
      </c>
      <c r="AM4379">
        <v>0</v>
      </c>
      <c r="AN4379">
        <v>0</v>
      </c>
      <c r="AO4379">
        <v>0</v>
      </c>
      <c r="AP4379">
        <v>0</v>
      </c>
      <c r="AQ4379">
        <v>0</v>
      </c>
      <c r="AR4379">
        <v>0</v>
      </c>
      <c r="AS4379">
        <v>0</v>
      </c>
      <c r="AT4379">
        <v>0</v>
      </c>
      <c r="AU4379">
        <v>0</v>
      </c>
      <c r="AV4379">
        <v>0</v>
      </c>
      <c r="AW4379">
        <v>0</v>
      </c>
      <c r="AX4379">
        <v>0</v>
      </c>
      <c r="AY4379">
        <v>7</v>
      </c>
      <c r="AZ4379">
        <v>13</v>
      </c>
      <c r="BA4379">
        <v>1437</v>
      </c>
    </row>
    <row r="4380" spans="1:53" x14ac:dyDescent="0.4">
      <c r="A4380">
        <v>4424</v>
      </c>
      <c r="B4380" s="1">
        <v>44497</v>
      </c>
      <c r="C4380">
        <v>1</v>
      </c>
      <c r="D4380" s="1">
        <v>44497.291666666664</v>
      </c>
      <c r="E4380" s="1">
        <v>44497.438888888886</v>
      </c>
      <c r="F4380">
        <v>0</v>
      </c>
      <c r="G4380">
        <v>0</v>
      </c>
      <c r="H4380">
        <v>0</v>
      </c>
      <c r="I4380">
        <v>0</v>
      </c>
      <c r="J4380">
        <v>0</v>
      </c>
      <c r="K4380">
        <v>0</v>
      </c>
      <c r="L4380">
        <v>0</v>
      </c>
      <c r="M4380">
        <v>0</v>
      </c>
      <c r="N4380">
        <v>0</v>
      </c>
      <c r="O4380">
        <v>0</v>
      </c>
      <c r="P4380">
        <v>0</v>
      </c>
      <c r="Q4380">
        <v>0</v>
      </c>
      <c r="R4380">
        <v>0</v>
      </c>
      <c r="S4380">
        <v>0</v>
      </c>
      <c r="T4380">
        <v>0</v>
      </c>
      <c r="U4380">
        <v>0</v>
      </c>
      <c r="V4380">
        <v>0</v>
      </c>
      <c r="W4380">
        <v>1</v>
      </c>
      <c r="X4380">
        <v>0</v>
      </c>
      <c r="Y4380">
        <v>28</v>
      </c>
      <c r="Z4380">
        <v>13</v>
      </c>
      <c r="AA4380">
        <v>83</v>
      </c>
      <c r="AB4380">
        <v>27</v>
      </c>
      <c r="AC4380">
        <v>68</v>
      </c>
      <c r="AD4380">
        <v>18</v>
      </c>
      <c r="AE4380">
        <v>80</v>
      </c>
      <c r="AF4380">
        <v>0</v>
      </c>
      <c r="AG4380">
        <v>50000</v>
      </c>
      <c r="AH4380">
        <v>50000</v>
      </c>
      <c r="AI4380">
        <v>0</v>
      </c>
      <c r="AJ4380">
        <v>0</v>
      </c>
      <c r="AK4380" t="s">
        <v>6</v>
      </c>
      <c r="AL4380">
        <v>0</v>
      </c>
      <c r="AM4380">
        <v>0</v>
      </c>
      <c r="AN4380">
        <v>0</v>
      </c>
      <c r="AO4380">
        <v>0</v>
      </c>
      <c r="AP4380">
        <v>0</v>
      </c>
      <c r="AQ4380">
        <v>0</v>
      </c>
      <c r="AR4380">
        <v>0</v>
      </c>
      <c r="AS4380">
        <v>0</v>
      </c>
      <c r="AT4380">
        <v>0</v>
      </c>
      <c r="AU4380">
        <v>0</v>
      </c>
      <c r="AV4380">
        <v>0</v>
      </c>
      <c r="AW4380">
        <v>0</v>
      </c>
      <c r="AX4380">
        <v>0</v>
      </c>
      <c r="AY4380">
        <v>0</v>
      </c>
      <c r="AZ4380">
        <v>0</v>
      </c>
      <c r="BA4380">
        <v>0</v>
      </c>
    </row>
    <row r="4381" spans="1:53" x14ac:dyDescent="0.4">
      <c r="A4381">
        <v>4425</v>
      </c>
      <c r="B4381" s="1">
        <v>44497</v>
      </c>
      <c r="C4381">
        <v>2</v>
      </c>
      <c r="D4381" s="1">
        <v>44497.438888888886</v>
      </c>
      <c r="E4381" s="1">
        <v>44497.772222222222</v>
      </c>
      <c r="F4381">
        <v>11730</v>
      </c>
      <c r="G4381">
        <v>0</v>
      </c>
      <c r="H4381">
        <v>440</v>
      </c>
      <c r="I4381">
        <v>0</v>
      </c>
      <c r="J4381">
        <v>100</v>
      </c>
      <c r="K4381">
        <v>0</v>
      </c>
      <c r="L4381">
        <v>0</v>
      </c>
      <c r="M4381">
        <v>1097</v>
      </c>
      <c r="N4381">
        <v>0</v>
      </c>
      <c r="O4381">
        <v>0</v>
      </c>
      <c r="P4381">
        <v>10870</v>
      </c>
      <c r="Q4381">
        <v>0</v>
      </c>
      <c r="R4381">
        <v>22940</v>
      </c>
      <c r="S4381">
        <v>0</v>
      </c>
      <c r="T4381">
        <v>0</v>
      </c>
      <c r="U4381">
        <v>0</v>
      </c>
      <c r="V4381">
        <v>0</v>
      </c>
      <c r="W4381">
        <v>5</v>
      </c>
      <c r="X4381">
        <v>0</v>
      </c>
      <c r="Y4381">
        <v>24</v>
      </c>
      <c r="Z4381">
        <v>24</v>
      </c>
      <c r="AA4381">
        <v>92</v>
      </c>
      <c r="AB4381">
        <v>27</v>
      </c>
      <c r="AC4381">
        <v>61</v>
      </c>
      <c r="AD4381">
        <v>20</v>
      </c>
      <c r="AE4381">
        <v>80</v>
      </c>
      <c r="AF4381">
        <v>600</v>
      </c>
      <c r="AG4381">
        <v>72940</v>
      </c>
      <c r="AH4381">
        <v>50000</v>
      </c>
      <c r="AI4381">
        <v>0</v>
      </c>
      <c r="AJ4381">
        <v>116</v>
      </c>
      <c r="AK4381" t="s">
        <v>54</v>
      </c>
      <c r="AL4381">
        <v>0</v>
      </c>
      <c r="AM4381">
        <v>0</v>
      </c>
      <c r="AN4381">
        <v>0</v>
      </c>
      <c r="AO4381">
        <v>0</v>
      </c>
      <c r="AP4381">
        <v>0</v>
      </c>
      <c r="AQ4381">
        <v>0</v>
      </c>
      <c r="AR4381">
        <v>0</v>
      </c>
      <c r="AS4381">
        <v>0</v>
      </c>
      <c r="AT4381">
        <v>0</v>
      </c>
      <c r="AU4381">
        <v>0</v>
      </c>
      <c r="AV4381">
        <v>0</v>
      </c>
      <c r="AW4381">
        <v>0</v>
      </c>
      <c r="AX4381">
        <v>0</v>
      </c>
      <c r="AY4381">
        <v>24</v>
      </c>
      <c r="AZ4381">
        <v>36</v>
      </c>
      <c r="BA4381">
        <v>3244</v>
      </c>
    </row>
    <row r="4382" spans="1:53" x14ac:dyDescent="0.4">
      <c r="A4382">
        <v>4426</v>
      </c>
      <c r="B4382" s="1">
        <v>44497</v>
      </c>
      <c r="C4382">
        <v>3</v>
      </c>
      <c r="D4382" s="1">
        <v>44497.772222222222</v>
      </c>
      <c r="E4382" s="1">
        <v>44498.004166666666</v>
      </c>
      <c r="F4382">
        <v>20450</v>
      </c>
      <c r="G4382">
        <v>0</v>
      </c>
      <c r="H4382">
        <v>0</v>
      </c>
      <c r="I4382">
        <v>0</v>
      </c>
      <c r="J4382">
        <v>0</v>
      </c>
      <c r="K4382">
        <v>860</v>
      </c>
      <c r="L4382">
        <v>0</v>
      </c>
      <c r="M4382">
        <v>1937</v>
      </c>
      <c r="N4382">
        <v>0</v>
      </c>
      <c r="O4382">
        <v>0</v>
      </c>
      <c r="P4382">
        <v>-10870</v>
      </c>
      <c r="Q4382">
        <v>0</v>
      </c>
      <c r="R4382">
        <v>10440</v>
      </c>
      <c r="S4382">
        <v>0</v>
      </c>
      <c r="T4382">
        <v>0</v>
      </c>
      <c r="U4382">
        <v>0</v>
      </c>
      <c r="V4382">
        <v>1</v>
      </c>
      <c r="W4382">
        <v>5</v>
      </c>
      <c r="X4382">
        <v>0</v>
      </c>
      <c r="Y4382">
        <v>25</v>
      </c>
      <c r="Z4382">
        <v>22</v>
      </c>
      <c r="AA4382">
        <v>97</v>
      </c>
      <c r="AB4382">
        <v>27</v>
      </c>
      <c r="AC4382">
        <v>55</v>
      </c>
      <c r="AD4382">
        <v>20</v>
      </c>
      <c r="AE4382">
        <v>80</v>
      </c>
      <c r="AF4382">
        <v>600</v>
      </c>
      <c r="AG4382">
        <v>83380</v>
      </c>
      <c r="AH4382">
        <v>50000</v>
      </c>
      <c r="AI4382">
        <v>0</v>
      </c>
      <c r="AJ4382">
        <v>108</v>
      </c>
      <c r="AK4382" t="s">
        <v>3</v>
      </c>
      <c r="AL4382">
        <v>0</v>
      </c>
      <c r="AM4382">
        <v>0</v>
      </c>
      <c r="AN4382">
        <v>0</v>
      </c>
      <c r="AO4382">
        <v>0</v>
      </c>
      <c r="AP4382">
        <v>0</v>
      </c>
      <c r="AQ4382">
        <v>0</v>
      </c>
      <c r="AR4382">
        <v>0</v>
      </c>
      <c r="AS4382">
        <v>0</v>
      </c>
      <c r="AT4382">
        <v>0</v>
      </c>
      <c r="AU4382">
        <v>0</v>
      </c>
      <c r="AV4382">
        <v>0</v>
      </c>
      <c r="AW4382">
        <v>0</v>
      </c>
      <c r="AX4382">
        <v>2200</v>
      </c>
      <c r="AY4382">
        <v>5</v>
      </c>
      <c r="AZ4382">
        <v>10</v>
      </c>
      <c r="BA4382">
        <v>1154</v>
      </c>
    </row>
    <row r="4383" spans="1:53" x14ac:dyDescent="0.4">
      <c r="A4383">
        <v>4427</v>
      </c>
      <c r="B4383" s="1">
        <v>44498</v>
      </c>
      <c r="C4383">
        <v>1</v>
      </c>
      <c r="D4383" s="1">
        <v>44498.291666666664</v>
      </c>
      <c r="E4383" s="1">
        <v>44498.440972222219</v>
      </c>
      <c r="F4383">
        <v>0</v>
      </c>
      <c r="G4383">
        <v>0</v>
      </c>
      <c r="H4383">
        <v>0</v>
      </c>
      <c r="I4383">
        <v>0</v>
      </c>
      <c r="J4383">
        <v>0</v>
      </c>
      <c r="K4383">
        <v>0</v>
      </c>
      <c r="L4383">
        <v>0</v>
      </c>
      <c r="M4383">
        <v>0</v>
      </c>
      <c r="N4383">
        <v>0</v>
      </c>
      <c r="O4383">
        <v>0</v>
      </c>
      <c r="P4383">
        <v>0</v>
      </c>
      <c r="Q4383">
        <v>0</v>
      </c>
      <c r="R4383">
        <v>0</v>
      </c>
      <c r="S4383">
        <v>0</v>
      </c>
      <c r="T4383">
        <v>0</v>
      </c>
      <c r="U4383">
        <v>0</v>
      </c>
      <c r="V4383">
        <v>0</v>
      </c>
      <c r="W4383">
        <v>1</v>
      </c>
      <c r="X4383">
        <v>0</v>
      </c>
      <c r="Y4383">
        <v>25</v>
      </c>
      <c r="Z4383">
        <v>14</v>
      </c>
      <c r="AA4383">
        <v>111</v>
      </c>
      <c r="AB4383">
        <v>24</v>
      </c>
      <c r="AC4383">
        <v>55</v>
      </c>
      <c r="AD4383">
        <v>14</v>
      </c>
      <c r="AE4383">
        <v>80</v>
      </c>
      <c r="AF4383">
        <v>0</v>
      </c>
      <c r="AG4383">
        <v>50000</v>
      </c>
      <c r="AH4383">
        <v>50000</v>
      </c>
      <c r="AI4383">
        <v>0</v>
      </c>
      <c r="AJ4383">
        <v>0</v>
      </c>
      <c r="AK4383" t="s">
        <v>6</v>
      </c>
      <c r="AL4383">
        <v>0</v>
      </c>
      <c r="AM4383">
        <v>0</v>
      </c>
      <c r="AN4383">
        <v>0</v>
      </c>
      <c r="AO4383">
        <v>0</v>
      </c>
      <c r="AP4383">
        <v>0</v>
      </c>
      <c r="AQ4383">
        <v>0</v>
      </c>
      <c r="AR4383">
        <v>0</v>
      </c>
      <c r="AS4383">
        <v>0</v>
      </c>
      <c r="AT4383">
        <v>0</v>
      </c>
      <c r="AU4383">
        <v>0</v>
      </c>
      <c r="AV4383">
        <v>0</v>
      </c>
      <c r="AW4383">
        <v>0</v>
      </c>
      <c r="AX4383">
        <v>0</v>
      </c>
      <c r="AY4383">
        <v>0</v>
      </c>
      <c r="AZ4383">
        <v>0</v>
      </c>
      <c r="BA4383">
        <v>0</v>
      </c>
    </row>
    <row r="4384" spans="1:53" x14ac:dyDescent="0.4">
      <c r="A4384">
        <v>4428</v>
      </c>
      <c r="B4384" s="1">
        <v>44498</v>
      </c>
      <c r="C4384">
        <v>2</v>
      </c>
      <c r="D4384" s="1">
        <v>44498.440972222219</v>
      </c>
      <c r="E4384" s="1">
        <v>44498.760416666664</v>
      </c>
      <c r="F4384">
        <v>12850</v>
      </c>
      <c r="G4384">
        <v>0</v>
      </c>
      <c r="H4384">
        <v>440</v>
      </c>
      <c r="I4384">
        <v>0</v>
      </c>
      <c r="J4384">
        <v>0</v>
      </c>
      <c r="K4384">
        <v>0</v>
      </c>
      <c r="L4384">
        <v>0</v>
      </c>
      <c r="M4384">
        <v>1209</v>
      </c>
      <c r="N4384">
        <v>0</v>
      </c>
      <c r="O4384">
        <v>0</v>
      </c>
      <c r="P4384">
        <v>12590</v>
      </c>
      <c r="Q4384">
        <v>0</v>
      </c>
      <c r="R4384">
        <v>25880</v>
      </c>
      <c r="S4384">
        <v>0</v>
      </c>
      <c r="T4384">
        <v>0</v>
      </c>
      <c r="U4384">
        <v>0</v>
      </c>
      <c r="V4384">
        <v>3</v>
      </c>
      <c r="W4384">
        <v>1</v>
      </c>
      <c r="X4384">
        <v>0</v>
      </c>
      <c r="Y4384">
        <v>17</v>
      </c>
      <c r="Z4384">
        <v>22</v>
      </c>
      <c r="AA4384">
        <v>95</v>
      </c>
      <c r="AB4384">
        <v>28</v>
      </c>
      <c r="AC4384">
        <v>76</v>
      </c>
      <c r="AD4384">
        <v>16</v>
      </c>
      <c r="AE4384">
        <v>80</v>
      </c>
      <c r="AF4384">
        <v>1060</v>
      </c>
      <c r="AG4384">
        <v>75880</v>
      </c>
      <c r="AH4384">
        <v>50000</v>
      </c>
      <c r="AI4384">
        <v>0</v>
      </c>
      <c r="AJ4384">
        <v>102</v>
      </c>
      <c r="AK4384" t="s">
        <v>50</v>
      </c>
      <c r="AL4384">
        <v>0</v>
      </c>
      <c r="AM4384">
        <v>0</v>
      </c>
      <c r="AN4384">
        <v>0</v>
      </c>
      <c r="AO4384">
        <v>0</v>
      </c>
      <c r="AP4384">
        <v>0</v>
      </c>
      <c r="AQ4384">
        <v>0</v>
      </c>
      <c r="AR4384">
        <v>0</v>
      </c>
      <c r="AS4384">
        <v>0</v>
      </c>
      <c r="AT4384">
        <v>0</v>
      </c>
      <c r="AU4384">
        <v>0</v>
      </c>
      <c r="AV4384">
        <v>0</v>
      </c>
      <c r="AW4384">
        <v>0</v>
      </c>
      <c r="AX4384">
        <v>1045</v>
      </c>
      <c r="AY4384">
        <v>30</v>
      </c>
      <c r="AZ4384">
        <v>49</v>
      </c>
      <c r="BA4384">
        <v>3847</v>
      </c>
    </row>
    <row r="4385" spans="1:53" x14ac:dyDescent="0.4">
      <c r="A4385">
        <v>4429</v>
      </c>
      <c r="B4385" s="1">
        <v>44499</v>
      </c>
      <c r="C4385">
        <v>1</v>
      </c>
      <c r="D4385" s="1">
        <v>44499.291666666664</v>
      </c>
      <c r="E4385" s="1">
        <v>44499.40902777778</v>
      </c>
      <c r="F4385">
        <v>0</v>
      </c>
      <c r="G4385">
        <v>0</v>
      </c>
      <c r="H4385">
        <v>0</v>
      </c>
      <c r="I4385">
        <v>0</v>
      </c>
      <c r="J4385">
        <v>0</v>
      </c>
      <c r="K4385">
        <v>0</v>
      </c>
      <c r="L4385">
        <v>0</v>
      </c>
      <c r="M4385">
        <v>0</v>
      </c>
      <c r="N4385">
        <v>0</v>
      </c>
      <c r="O4385">
        <v>0</v>
      </c>
      <c r="P4385">
        <v>0</v>
      </c>
      <c r="Q4385">
        <v>0</v>
      </c>
      <c r="R4385">
        <v>0</v>
      </c>
      <c r="S4385">
        <v>0</v>
      </c>
      <c r="T4385">
        <v>0</v>
      </c>
      <c r="U4385">
        <v>0</v>
      </c>
      <c r="V4385">
        <v>0</v>
      </c>
      <c r="W4385">
        <v>1</v>
      </c>
      <c r="X4385">
        <v>0</v>
      </c>
      <c r="Y4385">
        <v>25</v>
      </c>
      <c r="Z4385">
        <v>13</v>
      </c>
      <c r="AA4385">
        <v>108</v>
      </c>
      <c r="AB4385">
        <v>36</v>
      </c>
      <c r="AC4385">
        <v>74</v>
      </c>
      <c r="AD4385">
        <v>16</v>
      </c>
      <c r="AE4385">
        <v>80</v>
      </c>
      <c r="AF4385">
        <v>0</v>
      </c>
      <c r="AG4385">
        <v>50000</v>
      </c>
      <c r="AH4385">
        <v>50000</v>
      </c>
      <c r="AI4385">
        <v>0</v>
      </c>
      <c r="AJ4385">
        <v>0</v>
      </c>
      <c r="AK4385" t="s">
        <v>6</v>
      </c>
      <c r="AL4385">
        <v>0</v>
      </c>
      <c r="AM4385">
        <v>0</v>
      </c>
      <c r="AN4385">
        <v>0</v>
      </c>
      <c r="AO4385">
        <v>0</v>
      </c>
      <c r="AP4385">
        <v>0</v>
      </c>
      <c r="AQ4385">
        <v>0</v>
      </c>
      <c r="AR4385">
        <v>0</v>
      </c>
      <c r="AS4385">
        <v>0</v>
      </c>
      <c r="AT4385">
        <v>0</v>
      </c>
      <c r="AU4385">
        <v>0</v>
      </c>
      <c r="AV4385">
        <v>0</v>
      </c>
      <c r="AW4385">
        <v>0</v>
      </c>
      <c r="AX4385">
        <v>0</v>
      </c>
      <c r="AY4385">
        <v>0</v>
      </c>
      <c r="AZ4385">
        <v>0</v>
      </c>
      <c r="BA4385">
        <v>0</v>
      </c>
    </row>
    <row r="4386" spans="1:53" x14ac:dyDescent="0.4">
      <c r="A4386">
        <v>4430</v>
      </c>
      <c r="B4386" s="1">
        <v>44499</v>
      </c>
      <c r="C4386">
        <v>2</v>
      </c>
      <c r="D4386" s="1">
        <v>44499.40902777778</v>
      </c>
      <c r="E4386" s="1">
        <v>44499.737500000003</v>
      </c>
      <c r="F4386">
        <v>33970</v>
      </c>
      <c r="G4386">
        <v>2398</v>
      </c>
      <c r="H4386">
        <v>0</v>
      </c>
      <c r="I4386">
        <v>0</v>
      </c>
      <c r="J4386">
        <v>0</v>
      </c>
      <c r="K4386">
        <v>0</v>
      </c>
      <c r="L4386">
        <v>0</v>
      </c>
      <c r="M4386">
        <v>3305</v>
      </c>
      <c r="N4386">
        <v>0</v>
      </c>
      <c r="O4386">
        <v>0</v>
      </c>
      <c r="P4386">
        <v>21780</v>
      </c>
      <c r="Q4386">
        <v>0</v>
      </c>
      <c r="R4386">
        <v>58148</v>
      </c>
      <c r="S4386">
        <v>0</v>
      </c>
      <c r="T4386">
        <v>0</v>
      </c>
      <c r="U4386">
        <v>0</v>
      </c>
      <c r="V4386">
        <v>0</v>
      </c>
      <c r="W4386">
        <v>2</v>
      </c>
      <c r="X4386">
        <v>0</v>
      </c>
      <c r="Y4386">
        <v>61</v>
      </c>
      <c r="Z4386">
        <v>24</v>
      </c>
      <c r="AA4386">
        <v>76</v>
      </c>
      <c r="AB4386">
        <v>48</v>
      </c>
      <c r="AC4386">
        <v>89</v>
      </c>
      <c r="AD4386">
        <v>18</v>
      </c>
      <c r="AE4386">
        <v>87</v>
      </c>
      <c r="AF4386">
        <v>14081</v>
      </c>
      <c r="AG4386">
        <v>108148</v>
      </c>
      <c r="AH4386">
        <v>50000</v>
      </c>
      <c r="AI4386">
        <v>0</v>
      </c>
      <c r="AJ4386">
        <v>103</v>
      </c>
      <c r="AK4386" t="s">
        <v>7</v>
      </c>
      <c r="AL4386">
        <v>0</v>
      </c>
      <c r="AM4386">
        <v>0</v>
      </c>
      <c r="AN4386">
        <v>0</v>
      </c>
      <c r="AO4386">
        <v>0</v>
      </c>
      <c r="AP4386">
        <v>0</v>
      </c>
      <c r="AQ4386">
        <v>0</v>
      </c>
      <c r="AR4386">
        <v>0</v>
      </c>
      <c r="AS4386">
        <v>0</v>
      </c>
      <c r="AT4386">
        <v>0</v>
      </c>
      <c r="AU4386">
        <v>0</v>
      </c>
      <c r="AV4386">
        <v>0</v>
      </c>
      <c r="AW4386">
        <v>0</v>
      </c>
      <c r="AX4386">
        <v>-3620</v>
      </c>
      <c r="AY4386">
        <v>48</v>
      </c>
      <c r="AZ4386">
        <v>94</v>
      </c>
      <c r="BA4386">
        <v>6748</v>
      </c>
    </row>
    <row r="4387" spans="1:53" x14ac:dyDescent="0.4">
      <c r="A4387">
        <v>4431</v>
      </c>
      <c r="B4387" s="1">
        <v>44499</v>
      </c>
      <c r="C4387">
        <v>3</v>
      </c>
      <c r="D4387" s="1">
        <v>44499.737500000003</v>
      </c>
      <c r="E4387" s="1">
        <v>44499.961805555555</v>
      </c>
      <c r="F4387">
        <v>42080</v>
      </c>
      <c r="G4387">
        <v>1364</v>
      </c>
      <c r="H4387">
        <v>0</v>
      </c>
      <c r="I4387">
        <v>0</v>
      </c>
      <c r="J4387">
        <v>0</v>
      </c>
      <c r="K4387">
        <v>5760</v>
      </c>
      <c r="L4387">
        <v>0</v>
      </c>
      <c r="M4387">
        <v>4471</v>
      </c>
      <c r="N4387">
        <v>0</v>
      </c>
      <c r="O4387">
        <v>0</v>
      </c>
      <c r="P4387">
        <v>-19930</v>
      </c>
      <c r="Q4387">
        <v>0</v>
      </c>
      <c r="R4387">
        <v>29274</v>
      </c>
      <c r="S4387">
        <v>0</v>
      </c>
      <c r="T4387">
        <v>0</v>
      </c>
      <c r="U4387">
        <v>0</v>
      </c>
      <c r="V4387">
        <v>2</v>
      </c>
      <c r="W4387">
        <v>4</v>
      </c>
      <c r="X4387">
        <v>0</v>
      </c>
      <c r="Y4387">
        <v>61</v>
      </c>
      <c r="Z4387">
        <v>22</v>
      </c>
      <c r="AA4387">
        <v>53</v>
      </c>
      <c r="AB4387">
        <v>47</v>
      </c>
      <c r="AC4387">
        <v>84</v>
      </c>
      <c r="AD4387">
        <v>18</v>
      </c>
      <c r="AE4387">
        <v>82</v>
      </c>
      <c r="AF4387">
        <v>15760</v>
      </c>
      <c r="AG4387">
        <v>136422</v>
      </c>
      <c r="AH4387">
        <v>50000</v>
      </c>
      <c r="AI4387">
        <v>-1000</v>
      </c>
      <c r="AJ4387">
        <v>70</v>
      </c>
      <c r="AK4387" t="s">
        <v>49</v>
      </c>
      <c r="AL4387">
        <v>0</v>
      </c>
      <c r="AM4387">
        <v>0</v>
      </c>
      <c r="AN4387">
        <v>0</v>
      </c>
      <c r="AO4387">
        <v>0</v>
      </c>
      <c r="AP4387">
        <v>0</v>
      </c>
      <c r="AQ4387">
        <v>0</v>
      </c>
      <c r="AR4387">
        <v>0</v>
      </c>
      <c r="AS4387">
        <v>0</v>
      </c>
      <c r="AT4387">
        <v>0</v>
      </c>
      <c r="AU4387">
        <v>0</v>
      </c>
      <c r="AV4387">
        <v>0</v>
      </c>
      <c r="AW4387">
        <v>0</v>
      </c>
      <c r="AX4387">
        <v>39656</v>
      </c>
      <c r="AY4387">
        <v>17</v>
      </c>
      <c r="AZ4387">
        <v>50</v>
      </c>
      <c r="BA4387">
        <v>2476</v>
      </c>
    </row>
    <row r="4388" spans="1:53" x14ac:dyDescent="0.4">
      <c r="A4388">
        <v>4432</v>
      </c>
      <c r="B4388" s="1">
        <v>44500</v>
      </c>
      <c r="C4388">
        <v>1</v>
      </c>
      <c r="D4388" s="1">
        <v>44500.291666666664</v>
      </c>
      <c r="E4388" s="1">
        <v>44500.404861111114</v>
      </c>
      <c r="F4388">
        <v>0</v>
      </c>
      <c r="G4388">
        <v>0</v>
      </c>
      <c r="H4388">
        <v>0</v>
      </c>
      <c r="I4388">
        <v>0</v>
      </c>
      <c r="J4388">
        <v>0</v>
      </c>
      <c r="K4388">
        <v>0</v>
      </c>
      <c r="L4388">
        <v>0</v>
      </c>
      <c r="M4388">
        <v>0</v>
      </c>
      <c r="N4388">
        <v>0</v>
      </c>
      <c r="O4388">
        <v>0</v>
      </c>
      <c r="P4388">
        <v>0</v>
      </c>
      <c r="Q4388">
        <v>0</v>
      </c>
      <c r="R4388">
        <v>0</v>
      </c>
      <c r="S4388">
        <v>0</v>
      </c>
      <c r="T4388">
        <v>0</v>
      </c>
      <c r="U4388">
        <v>0</v>
      </c>
      <c r="V4388">
        <v>0</v>
      </c>
      <c r="W4388">
        <v>1</v>
      </c>
      <c r="X4388">
        <v>0</v>
      </c>
      <c r="Y4388">
        <v>26</v>
      </c>
      <c r="Z4388">
        <v>20</v>
      </c>
      <c r="AA4388">
        <v>55</v>
      </c>
      <c r="AB4388">
        <v>45</v>
      </c>
      <c r="AC4388">
        <v>107</v>
      </c>
      <c r="AD4388">
        <v>20</v>
      </c>
      <c r="AE4388">
        <v>80</v>
      </c>
      <c r="AF4388">
        <v>0</v>
      </c>
      <c r="AG4388">
        <v>50000</v>
      </c>
      <c r="AH4388">
        <v>50000</v>
      </c>
      <c r="AI4388">
        <v>0</v>
      </c>
      <c r="AJ4388">
        <v>0</v>
      </c>
      <c r="AK4388" t="s">
        <v>6</v>
      </c>
      <c r="AL4388">
        <v>0</v>
      </c>
      <c r="AM4388">
        <v>0</v>
      </c>
      <c r="AN4388">
        <v>0</v>
      </c>
      <c r="AO4388">
        <v>0</v>
      </c>
      <c r="AP4388">
        <v>0</v>
      </c>
      <c r="AQ4388">
        <v>0</v>
      </c>
      <c r="AR4388">
        <v>0</v>
      </c>
      <c r="AS4388">
        <v>0</v>
      </c>
      <c r="AT4388">
        <v>0</v>
      </c>
      <c r="AU4388">
        <v>0</v>
      </c>
      <c r="AV4388">
        <v>0</v>
      </c>
      <c r="AW4388">
        <v>0</v>
      </c>
      <c r="AX4388">
        <v>0</v>
      </c>
      <c r="AY4388">
        <v>0</v>
      </c>
      <c r="AZ4388">
        <v>0</v>
      </c>
      <c r="BA4388">
        <v>0</v>
      </c>
    </row>
    <row r="4389" spans="1:53" x14ac:dyDescent="0.4">
      <c r="A4389">
        <v>4433</v>
      </c>
      <c r="B4389" s="1">
        <v>44500</v>
      </c>
      <c r="C4389">
        <v>2</v>
      </c>
      <c r="D4389" s="1">
        <v>44500.404861111114</v>
      </c>
      <c r="E4389" s="1">
        <v>44500.742361111108</v>
      </c>
      <c r="F4389">
        <v>46100</v>
      </c>
      <c r="G4389">
        <v>1628</v>
      </c>
      <c r="H4389">
        <v>0</v>
      </c>
      <c r="I4389">
        <v>0</v>
      </c>
      <c r="J4389">
        <v>0</v>
      </c>
      <c r="K4389">
        <v>0</v>
      </c>
      <c r="L4389">
        <v>0</v>
      </c>
      <c r="M4389">
        <v>4337</v>
      </c>
      <c r="N4389">
        <v>0</v>
      </c>
      <c r="O4389">
        <v>0</v>
      </c>
      <c r="P4389">
        <v>18560</v>
      </c>
      <c r="Q4389">
        <v>0</v>
      </c>
      <c r="R4389">
        <v>66288</v>
      </c>
      <c r="S4389">
        <v>0</v>
      </c>
      <c r="T4389">
        <v>0</v>
      </c>
      <c r="U4389">
        <v>0</v>
      </c>
      <c r="V4389">
        <v>2</v>
      </c>
      <c r="W4389">
        <v>0</v>
      </c>
      <c r="X4389">
        <v>0</v>
      </c>
      <c r="Y4389">
        <v>65</v>
      </c>
      <c r="Z4389">
        <v>36</v>
      </c>
      <c r="AA4389">
        <v>88</v>
      </c>
      <c r="AB4389">
        <v>57</v>
      </c>
      <c r="AC4389">
        <v>145</v>
      </c>
      <c r="AD4389">
        <v>21</v>
      </c>
      <c r="AE4389">
        <v>83</v>
      </c>
      <c r="AF4389">
        <v>0</v>
      </c>
      <c r="AG4389">
        <v>116288</v>
      </c>
      <c r="AH4389">
        <v>50000</v>
      </c>
      <c r="AI4389">
        <v>0</v>
      </c>
      <c r="AJ4389">
        <v>104</v>
      </c>
      <c r="AK4389" t="s">
        <v>52</v>
      </c>
      <c r="AL4389">
        <v>0</v>
      </c>
      <c r="AM4389">
        <v>0</v>
      </c>
      <c r="AN4389">
        <v>0</v>
      </c>
      <c r="AO4389">
        <v>0</v>
      </c>
      <c r="AP4389">
        <v>0</v>
      </c>
      <c r="AQ4389">
        <v>0</v>
      </c>
      <c r="AR4389">
        <v>0</v>
      </c>
      <c r="AS4389">
        <v>0</v>
      </c>
      <c r="AT4389">
        <v>0</v>
      </c>
      <c r="AU4389">
        <v>0</v>
      </c>
      <c r="AV4389">
        <v>0</v>
      </c>
      <c r="AW4389">
        <v>0</v>
      </c>
      <c r="AX4389">
        <v>594</v>
      </c>
      <c r="AY4389">
        <v>48</v>
      </c>
      <c r="AZ4389">
        <v>105</v>
      </c>
      <c r="BA4389">
        <v>7445</v>
      </c>
    </row>
    <row r="4390" spans="1:53" x14ac:dyDescent="0.4">
      <c r="A4390">
        <v>4434</v>
      </c>
      <c r="B4390" s="1">
        <v>44500</v>
      </c>
      <c r="C4390">
        <v>3</v>
      </c>
      <c r="D4390" s="1">
        <v>44500.742361111108</v>
      </c>
      <c r="E4390" s="1">
        <v>44500.976388888892</v>
      </c>
      <c r="F4390">
        <v>36740</v>
      </c>
      <c r="G4390">
        <v>594</v>
      </c>
      <c r="H4390">
        <v>0</v>
      </c>
      <c r="I4390">
        <v>0</v>
      </c>
      <c r="J4390">
        <v>880</v>
      </c>
      <c r="K4390">
        <v>0</v>
      </c>
      <c r="L4390">
        <v>0</v>
      </c>
      <c r="M4390">
        <v>3313</v>
      </c>
      <c r="N4390">
        <v>0</v>
      </c>
      <c r="O4390">
        <v>0</v>
      </c>
      <c r="P4390">
        <v>-11080</v>
      </c>
      <c r="Q4390">
        <v>0</v>
      </c>
      <c r="R4390">
        <v>25374</v>
      </c>
      <c r="S4390">
        <v>0</v>
      </c>
      <c r="T4390">
        <v>0</v>
      </c>
      <c r="U4390">
        <v>0</v>
      </c>
      <c r="V4390">
        <v>2</v>
      </c>
      <c r="W4390">
        <v>2</v>
      </c>
      <c r="X4390">
        <v>0</v>
      </c>
      <c r="Y4390">
        <v>78</v>
      </c>
      <c r="Z4390">
        <v>36</v>
      </c>
      <c r="AA4390">
        <v>82</v>
      </c>
      <c r="AB4390">
        <v>54</v>
      </c>
      <c r="AC4390">
        <v>150</v>
      </c>
      <c r="AD4390">
        <v>20</v>
      </c>
      <c r="AE4390">
        <v>82</v>
      </c>
      <c r="AF4390">
        <v>3080</v>
      </c>
      <c r="AG4390">
        <v>141662</v>
      </c>
      <c r="AH4390">
        <v>50000</v>
      </c>
      <c r="AI4390">
        <v>0</v>
      </c>
      <c r="AJ4390">
        <v>108</v>
      </c>
      <c r="AK4390" t="s">
        <v>3</v>
      </c>
      <c r="AL4390">
        <v>0</v>
      </c>
      <c r="AM4390">
        <v>0</v>
      </c>
      <c r="AN4390">
        <v>0</v>
      </c>
      <c r="AO4390">
        <v>0</v>
      </c>
      <c r="AP4390">
        <v>0</v>
      </c>
      <c r="AQ4390">
        <v>0</v>
      </c>
      <c r="AR4390">
        <v>0</v>
      </c>
      <c r="AS4390">
        <v>0</v>
      </c>
      <c r="AT4390">
        <v>0</v>
      </c>
      <c r="AU4390">
        <v>0</v>
      </c>
      <c r="AV4390">
        <v>0</v>
      </c>
      <c r="AW4390">
        <v>0</v>
      </c>
      <c r="AX4390">
        <v>5145</v>
      </c>
      <c r="AY4390">
        <v>10</v>
      </c>
      <c r="AZ4390">
        <v>23</v>
      </c>
      <c r="BA4390">
        <v>2460</v>
      </c>
    </row>
    <row r="4391" spans="1:53" x14ac:dyDescent="0.4">
      <c r="A4391">
        <v>4435</v>
      </c>
      <c r="B4391" s="1">
        <v>44501</v>
      </c>
      <c r="C4391">
        <v>1</v>
      </c>
      <c r="D4391" s="1">
        <v>44501.291666666664</v>
      </c>
      <c r="E4391" s="1">
        <v>44501.450694444444</v>
      </c>
      <c r="F4391">
        <v>0</v>
      </c>
      <c r="G4391">
        <v>0</v>
      </c>
      <c r="H4391">
        <v>0</v>
      </c>
      <c r="I4391">
        <v>0</v>
      </c>
      <c r="J4391">
        <v>0</v>
      </c>
      <c r="K4391">
        <v>0</v>
      </c>
      <c r="L4391">
        <v>0</v>
      </c>
      <c r="M4391">
        <v>0</v>
      </c>
      <c r="N4391">
        <v>0</v>
      </c>
      <c r="O4391">
        <v>0</v>
      </c>
      <c r="P4391">
        <v>0</v>
      </c>
      <c r="Q4391">
        <v>0</v>
      </c>
      <c r="R4391">
        <v>0</v>
      </c>
      <c r="S4391">
        <v>0</v>
      </c>
      <c r="T4391">
        <v>0</v>
      </c>
      <c r="U4391">
        <v>0</v>
      </c>
      <c r="V4391">
        <v>0</v>
      </c>
      <c r="W4391">
        <v>1</v>
      </c>
      <c r="X4391">
        <v>0</v>
      </c>
      <c r="Y4391">
        <v>25</v>
      </c>
      <c r="Z4391">
        <v>16</v>
      </c>
      <c r="AA4391">
        <v>81</v>
      </c>
      <c r="AB4391">
        <v>53</v>
      </c>
      <c r="AC4391">
        <v>107</v>
      </c>
      <c r="AD4391">
        <v>20</v>
      </c>
      <c r="AE4391">
        <v>80</v>
      </c>
      <c r="AF4391">
        <v>0</v>
      </c>
      <c r="AG4391">
        <v>50000</v>
      </c>
      <c r="AH4391">
        <v>50000</v>
      </c>
      <c r="AI4391">
        <v>0</v>
      </c>
      <c r="AJ4391">
        <v>0</v>
      </c>
      <c r="AK4391" t="s">
        <v>6</v>
      </c>
      <c r="AL4391">
        <v>0</v>
      </c>
      <c r="AM4391">
        <v>0</v>
      </c>
      <c r="AN4391">
        <v>0</v>
      </c>
      <c r="AO4391">
        <v>0</v>
      </c>
      <c r="AP4391">
        <v>0</v>
      </c>
      <c r="AQ4391">
        <v>0</v>
      </c>
      <c r="AR4391">
        <v>0</v>
      </c>
      <c r="AS4391">
        <v>0</v>
      </c>
      <c r="AT4391">
        <v>0</v>
      </c>
      <c r="AU4391">
        <v>0</v>
      </c>
      <c r="AV4391">
        <v>0</v>
      </c>
      <c r="AW4391">
        <v>0</v>
      </c>
      <c r="AX4391">
        <v>0</v>
      </c>
      <c r="AY4391">
        <v>0</v>
      </c>
      <c r="AZ4391">
        <v>0</v>
      </c>
      <c r="BA4391">
        <v>0</v>
      </c>
    </row>
    <row r="4392" spans="1:53" x14ac:dyDescent="0.4">
      <c r="A4392">
        <v>4436</v>
      </c>
      <c r="B4392" s="1">
        <v>44501</v>
      </c>
      <c r="C4392">
        <v>2</v>
      </c>
      <c r="D4392" s="1">
        <v>44501.450694444444</v>
      </c>
      <c r="E4392" s="1">
        <v>44501.738888888889</v>
      </c>
      <c r="F4392">
        <v>16770</v>
      </c>
      <c r="G4392">
        <v>1232</v>
      </c>
      <c r="H4392">
        <v>0</v>
      </c>
      <c r="I4392">
        <v>0</v>
      </c>
      <c r="J4392">
        <v>170</v>
      </c>
      <c r="K4392">
        <v>0</v>
      </c>
      <c r="L4392">
        <v>0</v>
      </c>
      <c r="M4392">
        <v>1620</v>
      </c>
      <c r="N4392">
        <v>0</v>
      </c>
      <c r="O4392">
        <v>0</v>
      </c>
      <c r="P4392">
        <v>14695</v>
      </c>
      <c r="Q4392">
        <v>0</v>
      </c>
      <c r="R4392">
        <v>32527</v>
      </c>
      <c r="S4392">
        <v>0</v>
      </c>
      <c r="T4392">
        <v>0</v>
      </c>
      <c r="U4392">
        <v>0</v>
      </c>
      <c r="V4392">
        <v>2</v>
      </c>
      <c r="W4392">
        <v>0</v>
      </c>
      <c r="X4392">
        <v>0</v>
      </c>
      <c r="Y4392">
        <v>43</v>
      </c>
      <c r="Z4392">
        <v>14</v>
      </c>
      <c r="AA4392">
        <v>62</v>
      </c>
      <c r="AB4392">
        <v>52</v>
      </c>
      <c r="AC4392">
        <v>125</v>
      </c>
      <c r="AD4392">
        <v>24</v>
      </c>
      <c r="AE4392">
        <v>87</v>
      </c>
      <c r="AF4392">
        <v>2270</v>
      </c>
      <c r="AG4392">
        <v>82527</v>
      </c>
      <c r="AH4392">
        <v>50000</v>
      </c>
      <c r="AI4392">
        <v>0</v>
      </c>
      <c r="AJ4392">
        <v>103</v>
      </c>
      <c r="AK4392" t="s">
        <v>7</v>
      </c>
      <c r="AL4392">
        <v>0</v>
      </c>
      <c r="AM4392">
        <v>0</v>
      </c>
      <c r="AN4392">
        <v>0</v>
      </c>
      <c r="AO4392">
        <v>0</v>
      </c>
      <c r="AP4392">
        <v>0</v>
      </c>
      <c r="AQ4392">
        <v>0</v>
      </c>
      <c r="AR4392">
        <v>0</v>
      </c>
      <c r="AS4392">
        <v>0</v>
      </c>
      <c r="AT4392">
        <v>0</v>
      </c>
      <c r="AU4392">
        <v>0</v>
      </c>
      <c r="AV4392">
        <v>0</v>
      </c>
      <c r="AW4392">
        <v>0</v>
      </c>
      <c r="AX4392">
        <v>0</v>
      </c>
      <c r="AY4392">
        <v>30</v>
      </c>
      <c r="AZ4392">
        <v>52</v>
      </c>
      <c r="BA4392">
        <v>3995</v>
      </c>
    </row>
    <row r="4393" spans="1:53" x14ac:dyDescent="0.4">
      <c r="A4393">
        <v>4437</v>
      </c>
      <c r="B4393" s="1">
        <v>44501</v>
      </c>
      <c r="C4393">
        <v>3</v>
      </c>
      <c r="D4393" s="1">
        <v>44501.738888888889</v>
      </c>
      <c r="E4393" s="1">
        <v>44502.126388888886</v>
      </c>
      <c r="F4393">
        <v>39975</v>
      </c>
      <c r="G4393">
        <v>0</v>
      </c>
      <c r="H4393">
        <v>0</v>
      </c>
      <c r="I4393">
        <v>0</v>
      </c>
      <c r="J4393">
        <v>0</v>
      </c>
      <c r="K4393">
        <v>0</v>
      </c>
      <c r="L4393">
        <v>0</v>
      </c>
      <c r="M4393">
        <v>3633</v>
      </c>
      <c r="N4393">
        <v>0</v>
      </c>
      <c r="O4393">
        <v>0</v>
      </c>
      <c r="P4393">
        <v>-10933</v>
      </c>
      <c r="Q4393">
        <v>0</v>
      </c>
      <c r="R4393">
        <v>29042</v>
      </c>
      <c r="S4393">
        <v>0</v>
      </c>
      <c r="T4393">
        <v>0</v>
      </c>
      <c r="U4393">
        <v>0</v>
      </c>
      <c r="V4393">
        <v>4</v>
      </c>
      <c r="W4393">
        <v>0</v>
      </c>
      <c r="X4393">
        <v>0</v>
      </c>
      <c r="Y4393">
        <v>42</v>
      </c>
      <c r="Z4393">
        <v>17</v>
      </c>
      <c r="AA4393">
        <v>65</v>
      </c>
      <c r="AB4393">
        <v>55</v>
      </c>
      <c r="AC4393">
        <v>129</v>
      </c>
      <c r="AD4393">
        <v>26</v>
      </c>
      <c r="AE4393">
        <v>87</v>
      </c>
      <c r="AF4393">
        <v>10312</v>
      </c>
      <c r="AG4393">
        <v>111569</v>
      </c>
      <c r="AH4393">
        <v>50000</v>
      </c>
      <c r="AI4393">
        <v>0</v>
      </c>
      <c r="AJ4393">
        <v>95</v>
      </c>
      <c r="AK4393" t="s">
        <v>21</v>
      </c>
      <c r="AL4393">
        <v>0</v>
      </c>
      <c r="AM4393">
        <v>0</v>
      </c>
      <c r="AN4393">
        <v>0</v>
      </c>
      <c r="AO4393">
        <v>0</v>
      </c>
      <c r="AP4393">
        <v>0</v>
      </c>
      <c r="AQ4393">
        <v>0</v>
      </c>
      <c r="AR4393">
        <v>0</v>
      </c>
      <c r="AS4393">
        <v>0</v>
      </c>
      <c r="AT4393">
        <v>0</v>
      </c>
      <c r="AU4393">
        <v>0</v>
      </c>
      <c r="AV4393">
        <v>0</v>
      </c>
      <c r="AW4393">
        <v>0</v>
      </c>
      <c r="AX4393">
        <v>1700</v>
      </c>
      <c r="AY4393">
        <v>14</v>
      </c>
      <c r="AZ4393">
        <v>29</v>
      </c>
      <c r="BA4393">
        <v>2718</v>
      </c>
    </row>
    <row r="4394" spans="1:53" x14ac:dyDescent="0.4">
      <c r="A4394">
        <v>4438</v>
      </c>
      <c r="B4394" s="1">
        <v>44502</v>
      </c>
      <c r="C4394">
        <v>1</v>
      </c>
      <c r="D4394" s="1">
        <v>44502.291666666664</v>
      </c>
      <c r="E4394" s="1">
        <v>44502.438888888886</v>
      </c>
      <c r="F4394">
        <v>0</v>
      </c>
      <c r="G4394">
        <v>0</v>
      </c>
      <c r="H4394">
        <v>0</v>
      </c>
      <c r="I4394">
        <v>0</v>
      </c>
      <c r="J4394">
        <v>0</v>
      </c>
      <c r="K4394">
        <v>0</v>
      </c>
      <c r="L4394">
        <v>0</v>
      </c>
      <c r="M4394">
        <v>0</v>
      </c>
      <c r="N4394">
        <v>0</v>
      </c>
      <c r="O4394">
        <v>0</v>
      </c>
      <c r="P4394">
        <v>0</v>
      </c>
      <c r="Q4394">
        <v>0</v>
      </c>
      <c r="R4394">
        <v>0</v>
      </c>
      <c r="S4394">
        <v>0</v>
      </c>
      <c r="T4394">
        <v>0</v>
      </c>
      <c r="U4394">
        <v>0</v>
      </c>
      <c r="V4394">
        <v>0</v>
      </c>
      <c r="W4394">
        <v>1</v>
      </c>
      <c r="X4394">
        <v>0</v>
      </c>
      <c r="Y4394">
        <v>27</v>
      </c>
      <c r="Z4394">
        <v>16</v>
      </c>
      <c r="AA4394">
        <v>62</v>
      </c>
      <c r="AB4394">
        <v>54</v>
      </c>
      <c r="AC4394">
        <v>89</v>
      </c>
      <c r="AD4394">
        <v>25</v>
      </c>
      <c r="AE4394">
        <v>85</v>
      </c>
      <c r="AF4394">
        <v>0</v>
      </c>
      <c r="AG4394">
        <v>50000</v>
      </c>
      <c r="AH4394">
        <v>50000</v>
      </c>
      <c r="AI4394">
        <v>0</v>
      </c>
      <c r="AJ4394">
        <v>0</v>
      </c>
      <c r="AK4394" t="s">
        <v>6</v>
      </c>
      <c r="AL4394">
        <v>0</v>
      </c>
      <c r="AM4394">
        <v>0</v>
      </c>
      <c r="AN4394">
        <v>0</v>
      </c>
      <c r="AO4394">
        <v>0</v>
      </c>
      <c r="AP4394">
        <v>0</v>
      </c>
      <c r="AQ4394">
        <v>0</v>
      </c>
      <c r="AR4394">
        <v>0</v>
      </c>
      <c r="AS4394">
        <v>0</v>
      </c>
      <c r="AT4394">
        <v>0</v>
      </c>
      <c r="AU4394">
        <v>0</v>
      </c>
      <c r="AV4394">
        <v>0</v>
      </c>
      <c r="AW4394">
        <v>0</v>
      </c>
      <c r="AX4394">
        <v>0</v>
      </c>
      <c r="AY4394">
        <v>0</v>
      </c>
      <c r="AZ4394">
        <v>0</v>
      </c>
      <c r="BA4394">
        <v>0</v>
      </c>
    </row>
    <row r="4395" spans="1:53" x14ac:dyDescent="0.4">
      <c r="A4395">
        <v>4439</v>
      </c>
      <c r="B4395" s="1">
        <v>44502</v>
      </c>
      <c r="C4395">
        <v>2</v>
      </c>
      <c r="D4395" s="1">
        <v>44502.438888888886</v>
      </c>
      <c r="E4395" s="1">
        <v>44502.822222222225</v>
      </c>
      <c r="F4395">
        <v>39020</v>
      </c>
      <c r="G4395">
        <v>880</v>
      </c>
      <c r="H4395">
        <v>0</v>
      </c>
      <c r="I4395">
        <v>0</v>
      </c>
      <c r="J4395">
        <v>200</v>
      </c>
      <c r="K4395">
        <v>0</v>
      </c>
      <c r="L4395">
        <v>0</v>
      </c>
      <c r="M4395">
        <v>3607</v>
      </c>
      <c r="N4395">
        <v>0</v>
      </c>
      <c r="O4395">
        <v>0</v>
      </c>
      <c r="P4395">
        <v>3990</v>
      </c>
      <c r="Q4395">
        <v>0</v>
      </c>
      <c r="R4395">
        <v>43690</v>
      </c>
      <c r="S4395">
        <v>0</v>
      </c>
      <c r="T4395">
        <v>0</v>
      </c>
      <c r="U4395">
        <v>0</v>
      </c>
      <c r="V4395">
        <v>1</v>
      </c>
      <c r="W4395">
        <v>1</v>
      </c>
      <c r="X4395">
        <v>0</v>
      </c>
      <c r="Y4395">
        <v>58</v>
      </c>
      <c r="Z4395">
        <v>23</v>
      </c>
      <c r="AA4395">
        <v>26</v>
      </c>
      <c r="AB4395">
        <v>54</v>
      </c>
      <c r="AC4395">
        <v>108</v>
      </c>
      <c r="AD4395">
        <v>29</v>
      </c>
      <c r="AE4395">
        <v>90</v>
      </c>
      <c r="AF4395">
        <v>2575</v>
      </c>
      <c r="AG4395">
        <v>93690</v>
      </c>
      <c r="AH4395">
        <v>50000</v>
      </c>
      <c r="AI4395">
        <v>0</v>
      </c>
      <c r="AJ4395">
        <v>104</v>
      </c>
      <c r="AK4395" t="s">
        <v>52</v>
      </c>
      <c r="AL4395">
        <v>0</v>
      </c>
      <c r="AM4395">
        <v>0</v>
      </c>
      <c r="AN4395">
        <v>0</v>
      </c>
      <c r="AO4395">
        <v>0</v>
      </c>
      <c r="AP4395">
        <v>0</v>
      </c>
      <c r="AQ4395">
        <v>0</v>
      </c>
      <c r="AR4395">
        <v>0</v>
      </c>
      <c r="AS4395">
        <v>0</v>
      </c>
      <c r="AT4395">
        <v>0</v>
      </c>
      <c r="AU4395">
        <v>0</v>
      </c>
      <c r="AV4395">
        <v>0</v>
      </c>
      <c r="AW4395">
        <v>0</v>
      </c>
      <c r="AX4395">
        <v>0</v>
      </c>
      <c r="AY4395">
        <v>41</v>
      </c>
      <c r="AZ4395">
        <v>75</v>
      </c>
      <c r="BA4395">
        <v>6132</v>
      </c>
    </row>
    <row r="4396" spans="1:53" x14ac:dyDescent="0.4">
      <c r="A4396">
        <v>4440</v>
      </c>
      <c r="B4396" s="1">
        <v>44502</v>
      </c>
      <c r="C4396">
        <v>3</v>
      </c>
      <c r="D4396" s="1">
        <v>44502.822222222225</v>
      </c>
      <c r="E4396" s="1">
        <v>44502.962500000001</v>
      </c>
      <c r="F4396">
        <v>12040</v>
      </c>
      <c r="G4396">
        <v>1056</v>
      </c>
      <c r="H4396">
        <v>0</v>
      </c>
      <c r="I4396">
        <v>0</v>
      </c>
      <c r="J4396">
        <v>0</v>
      </c>
      <c r="K4396">
        <v>0</v>
      </c>
      <c r="L4396">
        <v>0</v>
      </c>
      <c r="M4396">
        <v>1190</v>
      </c>
      <c r="N4396">
        <v>0</v>
      </c>
      <c r="O4396">
        <v>0</v>
      </c>
      <c r="P4396">
        <v>7330</v>
      </c>
      <c r="Q4396">
        <v>0</v>
      </c>
      <c r="R4396">
        <v>20426</v>
      </c>
      <c r="S4396">
        <v>0</v>
      </c>
      <c r="T4396">
        <v>0</v>
      </c>
      <c r="U4396">
        <v>0</v>
      </c>
      <c r="V4396">
        <v>1</v>
      </c>
      <c r="W4396">
        <v>1</v>
      </c>
      <c r="X4396">
        <v>0</v>
      </c>
      <c r="Y4396">
        <v>73</v>
      </c>
      <c r="Z4396">
        <v>27</v>
      </c>
      <c r="AA4396">
        <v>28</v>
      </c>
      <c r="AB4396">
        <v>52</v>
      </c>
      <c r="AC4396">
        <v>100</v>
      </c>
      <c r="AD4396">
        <v>30</v>
      </c>
      <c r="AE4396">
        <v>91</v>
      </c>
      <c r="AF4396">
        <v>5975</v>
      </c>
      <c r="AG4396">
        <v>114116</v>
      </c>
      <c r="AH4396">
        <v>50000</v>
      </c>
      <c r="AI4396">
        <v>0</v>
      </c>
      <c r="AJ4396">
        <v>108</v>
      </c>
      <c r="AK4396" t="s">
        <v>3</v>
      </c>
      <c r="AL4396">
        <v>0</v>
      </c>
      <c r="AM4396">
        <v>0</v>
      </c>
      <c r="AN4396">
        <v>0</v>
      </c>
      <c r="AO4396">
        <v>0</v>
      </c>
      <c r="AP4396">
        <v>0</v>
      </c>
      <c r="AQ4396">
        <v>0</v>
      </c>
      <c r="AR4396">
        <v>0</v>
      </c>
      <c r="AS4396">
        <v>0</v>
      </c>
      <c r="AT4396">
        <v>0</v>
      </c>
      <c r="AU4396">
        <v>0</v>
      </c>
      <c r="AV4396">
        <v>0</v>
      </c>
      <c r="AW4396">
        <v>0</v>
      </c>
      <c r="AX4396">
        <v>2550</v>
      </c>
      <c r="AY4396">
        <v>9</v>
      </c>
      <c r="AZ4396">
        <v>20</v>
      </c>
      <c r="BA4396">
        <v>785</v>
      </c>
    </row>
    <row r="4397" spans="1:53" x14ac:dyDescent="0.4">
      <c r="A4397">
        <v>4441</v>
      </c>
      <c r="B4397" s="1">
        <v>44502</v>
      </c>
      <c r="C4397">
        <v>4</v>
      </c>
      <c r="D4397" s="1">
        <v>44502.962500000001</v>
      </c>
      <c r="E4397" s="1">
        <v>44503.099305555559</v>
      </c>
      <c r="F4397">
        <v>28695</v>
      </c>
      <c r="G4397">
        <v>0</v>
      </c>
      <c r="H4397">
        <v>0</v>
      </c>
      <c r="I4397">
        <v>0</v>
      </c>
      <c r="J4397">
        <v>0</v>
      </c>
      <c r="K4397">
        <v>0</v>
      </c>
      <c r="L4397">
        <v>0</v>
      </c>
      <c r="M4397">
        <v>2609</v>
      </c>
      <c r="N4397">
        <v>0</v>
      </c>
      <c r="O4397">
        <v>0</v>
      </c>
      <c r="P4397">
        <v>13680</v>
      </c>
      <c r="Q4397">
        <v>0</v>
      </c>
      <c r="R4397">
        <v>42375</v>
      </c>
      <c r="S4397">
        <v>0</v>
      </c>
      <c r="T4397">
        <v>0</v>
      </c>
      <c r="U4397">
        <v>0</v>
      </c>
      <c r="V4397">
        <v>3</v>
      </c>
      <c r="W4397">
        <v>1</v>
      </c>
      <c r="X4397">
        <v>0</v>
      </c>
      <c r="Y4397">
        <v>80</v>
      </c>
      <c r="Z4397">
        <v>29</v>
      </c>
      <c r="AA4397">
        <v>61</v>
      </c>
      <c r="AB4397">
        <v>57</v>
      </c>
      <c r="AC4397">
        <v>97</v>
      </c>
      <c r="AD4397">
        <v>34</v>
      </c>
      <c r="AE4397">
        <v>96</v>
      </c>
      <c r="AF4397">
        <v>16805</v>
      </c>
      <c r="AG4397">
        <v>156491</v>
      </c>
      <c r="AH4397">
        <v>50000</v>
      </c>
      <c r="AI4397">
        <v>0</v>
      </c>
      <c r="AJ4397">
        <v>108</v>
      </c>
      <c r="AK4397" t="s">
        <v>3</v>
      </c>
      <c r="AL4397">
        <v>0</v>
      </c>
      <c r="AM4397">
        <v>0</v>
      </c>
      <c r="AN4397">
        <v>0</v>
      </c>
      <c r="AO4397">
        <v>0</v>
      </c>
      <c r="AP4397">
        <v>0</v>
      </c>
      <c r="AQ4397">
        <v>0</v>
      </c>
      <c r="AR4397">
        <v>0</v>
      </c>
      <c r="AS4397">
        <v>0</v>
      </c>
      <c r="AT4397">
        <v>0</v>
      </c>
      <c r="AU4397">
        <v>0</v>
      </c>
      <c r="AV4397">
        <v>0</v>
      </c>
      <c r="AW4397">
        <v>0</v>
      </c>
      <c r="AX4397">
        <v>1639</v>
      </c>
      <c r="AY4397">
        <v>6</v>
      </c>
      <c r="AZ4397">
        <v>15</v>
      </c>
      <c r="BA4397">
        <v>1054</v>
      </c>
    </row>
    <row r="4398" spans="1:53" x14ac:dyDescent="0.4">
      <c r="A4398">
        <v>4442</v>
      </c>
      <c r="B4398" s="1">
        <v>44503</v>
      </c>
      <c r="C4398">
        <v>1</v>
      </c>
      <c r="D4398" s="1">
        <v>44503.291666666664</v>
      </c>
      <c r="E4398" s="1">
        <v>44503.40902777778</v>
      </c>
      <c r="F4398">
        <v>0</v>
      </c>
      <c r="G4398">
        <v>0</v>
      </c>
      <c r="H4398">
        <v>0</v>
      </c>
      <c r="I4398">
        <v>0</v>
      </c>
      <c r="J4398">
        <v>0</v>
      </c>
      <c r="K4398">
        <v>0</v>
      </c>
      <c r="L4398">
        <v>0</v>
      </c>
      <c r="M4398">
        <v>0</v>
      </c>
      <c r="N4398">
        <v>0</v>
      </c>
      <c r="O4398">
        <v>0</v>
      </c>
      <c r="P4398">
        <v>0</v>
      </c>
      <c r="Q4398">
        <v>0</v>
      </c>
      <c r="R4398">
        <v>0</v>
      </c>
      <c r="S4398">
        <v>0</v>
      </c>
      <c r="T4398">
        <v>0</v>
      </c>
      <c r="U4398">
        <v>0</v>
      </c>
      <c r="V4398">
        <v>0</v>
      </c>
      <c r="W4398">
        <v>1</v>
      </c>
      <c r="X4398">
        <v>0</v>
      </c>
      <c r="Y4398">
        <v>25</v>
      </c>
      <c r="Z4398">
        <v>17</v>
      </c>
      <c r="AA4398">
        <v>77</v>
      </c>
      <c r="AB4398">
        <v>55</v>
      </c>
      <c r="AC4398">
        <v>80</v>
      </c>
      <c r="AD4398">
        <v>31</v>
      </c>
      <c r="AE4398">
        <v>95</v>
      </c>
      <c r="AF4398">
        <v>0</v>
      </c>
      <c r="AG4398">
        <v>50000</v>
      </c>
      <c r="AH4398">
        <v>50000</v>
      </c>
      <c r="AI4398">
        <v>0</v>
      </c>
      <c r="AJ4398">
        <v>0</v>
      </c>
      <c r="AK4398" t="s">
        <v>6</v>
      </c>
      <c r="AL4398">
        <v>0</v>
      </c>
      <c r="AM4398">
        <v>0</v>
      </c>
      <c r="AN4398">
        <v>0</v>
      </c>
      <c r="AO4398">
        <v>0</v>
      </c>
      <c r="AP4398">
        <v>0</v>
      </c>
      <c r="AQ4398">
        <v>0</v>
      </c>
      <c r="AR4398">
        <v>0</v>
      </c>
      <c r="AS4398">
        <v>0</v>
      </c>
      <c r="AT4398">
        <v>0</v>
      </c>
      <c r="AU4398">
        <v>0</v>
      </c>
      <c r="AV4398">
        <v>0</v>
      </c>
      <c r="AW4398">
        <v>0</v>
      </c>
      <c r="AX4398">
        <v>0</v>
      </c>
      <c r="AY4398">
        <v>0</v>
      </c>
      <c r="AZ4398">
        <v>0</v>
      </c>
      <c r="BA4398">
        <v>0</v>
      </c>
    </row>
    <row r="4399" spans="1:53" x14ac:dyDescent="0.4">
      <c r="A4399">
        <v>4443</v>
      </c>
      <c r="B4399" s="1">
        <v>44503</v>
      </c>
      <c r="C4399">
        <v>2</v>
      </c>
      <c r="D4399" s="1">
        <v>44503.40902777778</v>
      </c>
      <c r="E4399" s="1">
        <v>44503.810416666667</v>
      </c>
      <c r="F4399">
        <v>57400</v>
      </c>
      <c r="G4399">
        <v>2486</v>
      </c>
      <c r="H4399">
        <v>0</v>
      </c>
      <c r="I4399">
        <v>0</v>
      </c>
      <c r="J4399">
        <v>300</v>
      </c>
      <c r="K4399">
        <v>0</v>
      </c>
      <c r="L4399">
        <v>0</v>
      </c>
      <c r="M4399">
        <v>5413</v>
      </c>
      <c r="N4399">
        <v>0</v>
      </c>
      <c r="O4399">
        <v>0</v>
      </c>
      <c r="P4399">
        <v>10590</v>
      </c>
      <c r="Q4399">
        <v>0</v>
      </c>
      <c r="R4399">
        <v>70176</v>
      </c>
      <c r="S4399">
        <v>0</v>
      </c>
      <c r="T4399">
        <v>0</v>
      </c>
      <c r="U4399">
        <v>0</v>
      </c>
      <c r="V4399">
        <v>3</v>
      </c>
      <c r="W4399">
        <v>1</v>
      </c>
      <c r="X4399">
        <v>0</v>
      </c>
      <c r="Y4399">
        <v>53</v>
      </c>
      <c r="Z4399">
        <v>27</v>
      </c>
      <c r="AA4399">
        <v>110</v>
      </c>
      <c r="AB4399">
        <v>62</v>
      </c>
      <c r="AC4399">
        <v>97</v>
      </c>
      <c r="AD4399">
        <v>33</v>
      </c>
      <c r="AE4399">
        <v>91</v>
      </c>
      <c r="AF4399">
        <v>4050</v>
      </c>
      <c r="AG4399">
        <v>120876</v>
      </c>
      <c r="AH4399">
        <v>50000</v>
      </c>
      <c r="AI4399">
        <v>700</v>
      </c>
      <c r="AJ4399">
        <v>114</v>
      </c>
      <c r="AK4399" t="s">
        <v>53</v>
      </c>
      <c r="AL4399">
        <v>0</v>
      </c>
      <c r="AM4399">
        <v>0</v>
      </c>
      <c r="AN4399">
        <v>0</v>
      </c>
      <c r="AO4399">
        <v>0</v>
      </c>
      <c r="AP4399">
        <v>0</v>
      </c>
      <c r="AQ4399">
        <v>0</v>
      </c>
      <c r="AR4399">
        <v>0</v>
      </c>
      <c r="AS4399">
        <v>0</v>
      </c>
      <c r="AT4399">
        <v>0</v>
      </c>
      <c r="AU4399">
        <v>0</v>
      </c>
      <c r="AV4399">
        <v>0</v>
      </c>
      <c r="AW4399">
        <v>0</v>
      </c>
      <c r="AX4399">
        <v>2320</v>
      </c>
      <c r="AY4399">
        <v>52</v>
      </c>
      <c r="AZ4399">
        <v>115</v>
      </c>
      <c r="BA4399">
        <v>8264</v>
      </c>
    </row>
    <row r="4400" spans="1:53" x14ac:dyDescent="0.4">
      <c r="A4400">
        <v>4444</v>
      </c>
      <c r="B4400" s="1">
        <v>44503</v>
      </c>
      <c r="C4400">
        <v>3</v>
      </c>
      <c r="D4400" s="1">
        <v>44503.810416666667</v>
      </c>
      <c r="E4400" s="1">
        <v>44503.962500000001</v>
      </c>
      <c r="F4400">
        <v>13230</v>
      </c>
      <c r="G4400">
        <v>440</v>
      </c>
      <c r="H4400">
        <v>0</v>
      </c>
      <c r="I4400">
        <v>0</v>
      </c>
      <c r="J4400">
        <v>100</v>
      </c>
      <c r="K4400">
        <v>0</v>
      </c>
      <c r="L4400">
        <v>0</v>
      </c>
      <c r="M4400">
        <v>1234</v>
      </c>
      <c r="N4400">
        <v>0</v>
      </c>
      <c r="O4400">
        <v>0</v>
      </c>
      <c r="P4400">
        <v>-910</v>
      </c>
      <c r="Q4400">
        <v>0</v>
      </c>
      <c r="R4400">
        <v>12660</v>
      </c>
      <c r="S4400">
        <v>0</v>
      </c>
      <c r="T4400">
        <v>0</v>
      </c>
      <c r="U4400">
        <v>0</v>
      </c>
      <c r="V4400">
        <v>3</v>
      </c>
      <c r="W4400">
        <v>2</v>
      </c>
      <c r="X4400">
        <v>0</v>
      </c>
      <c r="Y4400">
        <v>52</v>
      </c>
      <c r="Z4400">
        <v>27</v>
      </c>
      <c r="AA4400">
        <v>114</v>
      </c>
      <c r="AB4400">
        <v>64</v>
      </c>
      <c r="AC4400">
        <v>92</v>
      </c>
      <c r="AD4400">
        <v>34</v>
      </c>
      <c r="AE4400">
        <v>93</v>
      </c>
      <c r="AF4400">
        <v>12253</v>
      </c>
      <c r="AG4400">
        <v>133536</v>
      </c>
      <c r="AH4400">
        <v>50000</v>
      </c>
      <c r="AI4400">
        <v>700</v>
      </c>
      <c r="AJ4400">
        <v>70</v>
      </c>
      <c r="AK4400" t="s">
        <v>49</v>
      </c>
      <c r="AL4400">
        <v>0</v>
      </c>
      <c r="AM4400">
        <v>0</v>
      </c>
      <c r="AN4400">
        <v>0</v>
      </c>
      <c r="AO4400">
        <v>0</v>
      </c>
      <c r="AP4400">
        <v>0</v>
      </c>
      <c r="AQ4400">
        <v>0</v>
      </c>
      <c r="AR4400">
        <v>0</v>
      </c>
      <c r="AS4400">
        <v>0</v>
      </c>
      <c r="AT4400">
        <v>0</v>
      </c>
      <c r="AU4400">
        <v>0</v>
      </c>
      <c r="AV4400">
        <v>0</v>
      </c>
      <c r="AW4400">
        <v>0</v>
      </c>
      <c r="AX4400">
        <v>2970</v>
      </c>
      <c r="AY4400">
        <v>3</v>
      </c>
      <c r="AZ4400">
        <v>11</v>
      </c>
      <c r="BA4400">
        <v>787</v>
      </c>
    </row>
    <row r="4401" spans="1:53" x14ac:dyDescent="0.4">
      <c r="A4401">
        <v>4445</v>
      </c>
      <c r="B4401" s="1">
        <v>44504</v>
      </c>
      <c r="C4401">
        <v>1</v>
      </c>
      <c r="D4401" s="1">
        <v>44504.291666666664</v>
      </c>
      <c r="E4401" s="1">
        <v>44504.790277777778</v>
      </c>
      <c r="F4401">
        <v>20620</v>
      </c>
      <c r="G4401">
        <v>2574</v>
      </c>
      <c r="H4401">
        <v>0</v>
      </c>
      <c r="I4401">
        <v>0</v>
      </c>
      <c r="J4401">
        <v>0</v>
      </c>
      <c r="K4401">
        <v>0</v>
      </c>
      <c r="L4401">
        <v>0</v>
      </c>
      <c r="M4401">
        <v>2110</v>
      </c>
      <c r="N4401">
        <v>0</v>
      </c>
      <c r="O4401">
        <v>0</v>
      </c>
      <c r="P4401">
        <v>5930</v>
      </c>
      <c r="Q4401">
        <v>0</v>
      </c>
      <c r="R4401">
        <v>29124</v>
      </c>
      <c r="S4401">
        <v>0</v>
      </c>
      <c r="T4401">
        <v>0</v>
      </c>
      <c r="U4401">
        <v>0</v>
      </c>
      <c r="V4401">
        <v>3</v>
      </c>
      <c r="W4401">
        <v>0</v>
      </c>
      <c r="X4401">
        <v>0</v>
      </c>
      <c r="Y4401">
        <v>26</v>
      </c>
      <c r="Z4401">
        <v>17</v>
      </c>
      <c r="AA4401">
        <v>117</v>
      </c>
      <c r="AB4401">
        <v>46</v>
      </c>
      <c r="AC4401">
        <v>77</v>
      </c>
      <c r="AD4401">
        <v>33</v>
      </c>
      <c r="AE4401">
        <v>89</v>
      </c>
      <c r="AF4401">
        <v>600</v>
      </c>
      <c r="AG4401">
        <v>80124</v>
      </c>
      <c r="AH4401">
        <v>50000</v>
      </c>
      <c r="AI4401">
        <v>1000</v>
      </c>
      <c r="AJ4401">
        <v>104</v>
      </c>
      <c r="AK4401" t="s">
        <v>52</v>
      </c>
      <c r="AL4401">
        <v>0</v>
      </c>
      <c r="AM4401">
        <v>0</v>
      </c>
      <c r="AN4401">
        <v>0</v>
      </c>
      <c r="AO4401">
        <v>0</v>
      </c>
      <c r="AP4401">
        <v>0</v>
      </c>
      <c r="AQ4401">
        <v>0</v>
      </c>
      <c r="AR4401">
        <v>0</v>
      </c>
      <c r="AS4401">
        <v>0</v>
      </c>
      <c r="AT4401">
        <v>0</v>
      </c>
      <c r="AU4401">
        <v>0</v>
      </c>
      <c r="AV4401">
        <v>0</v>
      </c>
      <c r="AW4401">
        <v>0</v>
      </c>
      <c r="AX4401">
        <v>0</v>
      </c>
      <c r="AY4401">
        <v>28</v>
      </c>
      <c r="AZ4401">
        <v>44</v>
      </c>
      <c r="BA4401">
        <v>4127</v>
      </c>
    </row>
    <row r="4402" spans="1:53" x14ac:dyDescent="0.4">
      <c r="A4402">
        <v>4446</v>
      </c>
      <c r="B4402" s="1">
        <v>44504</v>
      </c>
      <c r="C4402">
        <v>2</v>
      </c>
      <c r="D4402" s="1">
        <v>44504.790277777778</v>
      </c>
      <c r="E4402" s="1">
        <v>44504.964583333334</v>
      </c>
      <c r="F4402">
        <v>9330</v>
      </c>
      <c r="G4402">
        <v>0</v>
      </c>
      <c r="H4402">
        <v>0</v>
      </c>
      <c r="I4402">
        <v>0</v>
      </c>
      <c r="J4402">
        <v>0</v>
      </c>
      <c r="K4402">
        <v>0</v>
      </c>
      <c r="L4402">
        <v>0</v>
      </c>
      <c r="M4402">
        <v>848</v>
      </c>
      <c r="N4402">
        <v>0</v>
      </c>
      <c r="O4402">
        <v>0</v>
      </c>
      <c r="P4402">
        <v>450</v>
      </c>
      <c r="Q4402">
        <v>0</v>
      </c>
      <c r="R4402">
        <v>9780</v>
      </c>
      <c r="S4402">
        <v>0</v>
      </c>
      <c r="T4402">
        <v>0</v>
      </c>
      <c r="U4402">
        <v>0</v>
      </c>
      <c r="V4402">
        <v>4</v>
      </c>
      <c r="W4402">
        <v>0</v>
      </c>
      <c r="X4402">
        <v>0</v>
      </c>
      <c r="Y4402">
        <v>21</v>
      </c>
      <c r="Z4402">
        <v>16</v>
      </c>
      <c r="AA4402">
        <v>108</v>
      </c>
      <c r="AB4402">
        <v>46</v>
      </c>
      <c r="AC4402">
        <v>86</v>
      </c>
      <c r="AD4402">
        <v>33</v>
      </c>
      <c r="AE4402">
        <v>89</v>
      </c>
      <c r="AF4402">
        <v>5690</v>
      </c>
      <c r="AG4402">
        <v>88904</v>
      </c>
      <c r="AH4402">
        <v>50000</v>
      </c>
      <c r="AI4402">
        <v>0</v>
      </c>
      <c r="AJ4402">
        <v>104</v>
      </c>
      <c r="AK4402" t="s">
        <v>52</v>
      </c>
      <c r="AL4402">
        <v>0</v>
      </c>
      <c r="AM4402">
        <v>0</v>
      </c>
      <c r="AN4402">
        <v>0</v>
      </c>
      <c r="AO4402">
        <v>0</v>
      </c>
      <c r="AP4402">
        <v>0</v>
      </c>
      <c r="AQ4402">
        <v>0</v>
      </c>
      <c r="AR4402">
        <v>0</v>
      </c>
      <c r="AS4402">
        <v>0</v>
      </c>
      <c r="AT4402">
        <v>0</v>
      </c>
      <c r="AU4402">
        <v>0</v>
      </c>
      <c r="AV4402">
        <v>0</v>
      </c>
      <c r="AW4402">
        <v>0</v>
      </c>
      <c r="AX4402">
        <v>0</v>
      </c>
      <c r="AY4402">
        <v>3</v>
      </c>
      <c r="AZ4402">
        <v>6</v>
      </c>
      <c r="BA4402">
        <v>489</v>
      </c>
    </row>
    <row r="4403" spans="1:53" x14ac:dyDescent="0.4">
      <c r="A4403">
        <v>4447</v>
      </c>
      <c r="B4403" s="1">
        <v>44504</v>
      </c>
      <c r="C4403">
        <v>3</v>
      </c>
      <c r="D4403" s="1">
        <v>44504.964583333334</v>
      </c>
      <c r="E4403" s="1">
        <v>44505.100694444445</v>
      </c>
      <c r="F4403">
        <v>3080</v>
      </c>
      <c r="G4403">
        <v>0</v>
      </c>
      <c r="H4403">
        <v>0</v>
      </c>
      <c r="I4403">
        <v>0</v>
      </c>
      <c r="J4403">
        <v>0</v>
      </c>
      <c r="K4403">
        <v>0</v>
      </c>
      <c r="L4403">
        <v>0</v>
      </c>
      <c r="M4403">
        <v>280</v>
      </c>
      <c r="N4403">
        <v>0</v>
      </c>
      <c r="O4403">
        <v>0</v>
      </c>
      <c r="P4403">
        <v>-3080</v>
      </c>
      <c r="Q4403">
        <v>0</v>
      </c>
      <c r="R4403">
        <v>0</v>
      </c>
      <c r="S4403">
        <v>0</v>
      </c>
      <c r="T4403">
        <v>0</v>
      </c>
      <c r="U4403">
        <v>0</v>
      </c>
      <c r="V4403">
        <v>4</v>
      </c>
      <c r="W4403">
        <v>0</v>
      </c>
      <c r="X4403">
        <v>0</v>
      </c>
      <c r="Y4403">
        <v>21</v>
      </c>
      <c r="Z4403">
        <v>16</v>
      </c>
      <c r="AA4403">
        <v>108</v>
      </c>
      <c r="AB4403">
        <v>46</v>
      </c>
      <c r="AC4403">
        <v>86</v>
      </c>
      <c r="AD4403">
        <v>33</v>
      </c>
      <c r="AE4403">
        <v>89</v>
      </c>
      <c r="AF4403">
        <v>5690</v>
      </c>
      <c r="AG4403">
        <v>88904</v>
      </c>
      <c r="AH4403">
        <v>50000</v>
      </c>
      <c r="AI4403">
        <v>0</v>
      </c>
      <c r="AJ4403">
        <v>70</v>
      </c>
      <c r="AK4403" t="s">
        <v>49</v>
      </c>
      <c r="AL4403">
        <v>0</v>
      </c>
      <c r="AM4403">
        <v>0</v>
      </c>
      <c r="AN4403">
        <v>0</v>
      </c>
      <c r="AO4403">
        <v>0</v>
      </c>
      <c r="AP4403">
        <v>0</v>
      </c>
      <c r="AQ4403">
        <v>0</v>
      </c>
      <c r="AR4403">
        <v>0</v>
      </c>
      <c r="AS4403">
        <v>0</v>
      </c>
      <c r="AT4403">
        <v>0</v>
      </c>
      <c r="AU4403">
        <v>0</v>
      </c>
      <c r="AV4403">
        <v>0</v>
      </c>
      <c r="AW4403">
        <v>0</v>
      </c>
      <c r="AX4403">
        <v>308</v>
      </c>
      <c r="AY4403">
        <v>0</v>
      </c>
      <c r="AZ4403">
        <v>0</v>
      </c>
      <c r="BA4403">
        <v>209</v>
      </c>
    </row>
    <row r="4404" spans="1:53" x14ac:dyDescent="0.4">
      <c r="A4404">
        <v>4448</v>
      </c>
      <c r="B4404" s="1">
        <v>44505</v>
      </c>
      <c r="C4404">
        <v>1</v>
      </c>
      <c r="D4404" s="1">
        <v>44505.291666666664</v>
      </c>
      <c r="E4404" s="1">
        <v>44505.44027777778</v>
      </c>
      <c r="F4404">
        <v>0</v>
      </c>
      <c r="G4404">
        <v>0</v>
      </c>
      <c r="H4404">
        <v>0</v>
      </c>
      <c r="I4404">
        <v>0</v>
      </c>
      <c r="J4404">
        <v>0</v>
      </c>
      <c r="K4404">
        <v>0</v>
      </c>
      <c r="L4404">
        <v>0</v>
      </c>
      <c r="M4404">
        <v>0</v>
      </c>
      <c r="N4404">
        <v>0</v>
      </c>
      <c r="O4404">
        <v>0</v>
      </c>
      <c r="P4404">
        <v>0</v>
      </c>
      <c r="Q4404">
        <v>0</v>
      </c>
      <c r="R4404">
        <v>0</v>
      </c>
      <c r="S4404">
        <v>0</v>
      </c>
      <c r="T4404">
        <v>0</v>
      </c>
      <c r="U4404">
        <v>0</v>
      </c>
      <c r="V4404">
        <v>0</v>
      </c>
      <c r="W4404">
        <v>1</v>
      </c>
      <c r="X4404">
        <v>0</v>
      </c>
      <c r="Y4404">
        <v>26</v>
      </c>
      <c r="Z4404">
        <v>11</v>
      </c>
      <c r="AA4404">
        <v>107</v>
      </c>
      <c r="AB4404">
        <v>43</v>
      </c>
      <c r="AC4404">
        <v>40</v>
      </c>
      <c r="AD4404">
        <v>34</v>
      </c>
      <c r="AE4404">
        <v>85</v>
      </c>
      <c r="AF4404">
        <v>0</v>
      </c>
      <c r="AG4404">
        <v>50005</v>
      </c>
      <c r="AH4404">
        <v>50000</v>
      </c>
      <c r="AI4404">
        <v>5</v>
      </c>
      <c r="AJ4404">
        <v>0</v>
      </c>
      <c r="AK4404" t="s">
        <v>6</v>
      </c>
      <c r="AL4404">
        <v>0</v>
      </c>
      <c r="AM4404">
        <v>0</v>
      </c>
      <c r="AN4404">
        <v>0</v>
      </c>
      <c r="AO4404">
        <v>0</v>
      </c>
      <c r="AP4404">
        <v>0</v>
      </c>
      <c r="AQ4404">
        <v>0</v>
      </c>
      <c r="AR4404">
        <v>0</v>
      </c>
      <c r="AS4404">
        <v>0</v>
      </c>
      <c r="AT4404">
        <v>0</v>
      </c>
      <c r="AU4404">
        <v>0</v>
      </c>
      <c r="AV4404">
        <v>0</v>
      </c>
      <c r="AW4404">
        <v>0</v>
      </c>
      <c r="AX4404">
        <v>0</v>
      </c>
      <c r="AY4404">
        <v>0</v>
      </c>
      <c r="AZ4404">
        <v>0</v>
      </c>
      <c r="BA4404">
        <v>0</v>
      </c>
    </row>
    <row r="4405" spans="1:53" x14ac:dyDescent="0.4">
      <c r="A4405">
        <v>4449</v>
      </c>
      <c r="B4405" s="1">
        <v>44505</v>
      </c>
      <c r="C4405">
        <v>2</v>
      </c>
      <c r="D4405" s="1">
        <v>44505.44027777778</v>
      </c>
      <c r="E4405" s="1">
        <v>44505.773611111108</v>
      </c>
      <c r="F4405">
        <v>23010</v>
      </c>
      <c r="G4405">
        <v>2574</v>
      </c>
      <c r="H4405">
        <v>0</v>
      </c>
      <c r="I4405">
        <v>0</v>
      </c>
      <c r="J4405">
        <v>100</v>
      </c>
      <c r="K4405">
        <v>0</v>
      </c>
      <c r="L4405">
        <v>0</v>
      </c>
      <c r="M4405">
        <v>2315</v>
      </c>
      <c r="N4405">
        <v>0</v>
      </c>
      <c r="O4405">
        <v>0</v>
      </c>
      <c r="P4405">
        <v>7920</v>
      </c>
      <c r="Q4405">
        <v>0</v>
      </c>
      <c r="R4405">
        <v>33404</v>
      </c>
      <c r="S4405">
        <v>0</v>
      </c>
      <c r="T4405">
        <v>0</v>
      </c>
      <c r="U4405">
        <v>0</v>
      </c>
      <c r="V4405">
        <v>0</v>
      </c>
      <c r="W4405">
        <v>1</v>
      </c>
      <c r="X4405">
        <v>0</v>
      </c>
      <c r="Y4405">
        <v>48</v>
      </c>
      <c r="Z4405">
        <v>21</v>
      </c>
      <c r="AA4405">
        <v>95</v>
      </c>
      <c r="AB4405">
        <v>46</v>
      </c>
      <c r="AC4405">
        <v>74</v>
      </c>
      <c r="AD4405">
        <v>32</v>
      </c>
      <c r="AE4405">
        <v>79</v>
      </c>
      <c r="AF4405">
        <v>2120</v>
      </c>
      <c r="AG4405">
        <v>78399</v>
      </c>
      <c r="AH4405">
        <v>50000</v>
      </c>
      <c r="AI4405">
        <v>-5005</v>
      </c>
      <c r="AJ4405">
        <v>102</v>
      </c>
      <c r="AK4405" t="s">
        <v>50</v>
      </c>
      <c r="AL4405">
        <v>0</v>
      </c>
      <c r="AM4405">
        <v>0</v>
      </c>
      <c r="AN4405">
        <v>0</v>
      </c>
      <c r="AO4405">
        <v>0</v>
      </c>
      <c r="AP4405">
        <v>0</v>
      </c>
      <c r="AQ4405">
        <v>0</v>
      </c>
      <c r="AR4405">
        <v>0</v>
      </c>
      <c r="AS4405">
        <v>0</v>
      </c>
      <c r="AT4405">
        <v>0</v>
      </c>
      <c r="AU4405">
        <v>0</v>
      </c>
      <c r="AV4405">
        <v>0</v>
      </c>
      <c r="AW4405">
        <v>0</v>
      </c>
      <c r="AX4405">
        <v>0</v>
      </c>
      <c r="AY4405">
        <v>34</v>
      </c>
      <c r="AZ4405">
        <v>54</v>
      </c>
      <c r="BA4405">
        <v>4819</v>
      </c>
    </row>
    <row r="4406" spans="1:53" x14ac:dyDescent="0.4">
      <c r="A4406">
        <v>4450</v>
      </c>
      <c r="B4406" s="1">
        <v>44505</v>
      </c>
      <c r="C4406">
        <v>3</v>
      </c>
      <c r="D4406" s="1">
        <v>44505.773611111108</v>
      </c>
      <c r="E4406" s="1">
        <v>44506.017361111109</v>
      </c>
      <c r="F4406">
        <v>48540</v>
      </c>
      <c r="G4406">
        <v>0</v>
      </c>
      <c r="H4406">
        <v>0</v>
      </c>
      <c r="I4406">
        <v>0</v>
      </c>
      <c r="J4406">
        <v>0</v>
      </c>
      <c r="K4406">
        <v>0</v>
      </c>
      <c r="L4406">
        <v>0</v>
      </c>
      <c r="M4406">
        <v>4412</v>
      </c>
      <c r="N4406">
        <v>0</v>
      </c>
      <c r="O4406">
        <v>0</v>
      </c>
      <c r="P4406">
        <v>13740</v>
      </c>
      <c r="Q4406">
        <v>0</v>
      </c>
      <c r="R4406">
        <v>62280</v>
      </c>
      <c r="S4406">
        <v>0</v>
      </c>
      <c r="T4406">
        <v>0</v>
      </c>
      <c r="U4406">
        <v>0</v>
      </c>
      <c r="V4406">
        <v>1</v>
      </c>
      <c r="W4406">
        <v>3</v>
      </c>
      <c r="X4406">
        <v>0</v>
      </c>
      <c r="Y4406">
        <v>64</v>
      </c>
      <c r="Z4406">
        <v>22</v>
      </c>
      <c r="AA4406">
        <v>80</v>
      </c>
      <c r="AB4406">
        <v>43</v>
      </c>
      <c r="AC4406">
        <v>60</v>
      </c>
      <c r="AD4406">
        <v>33</v>
      </c>
      <c r="AE4406">
        <v>79</v>
      </c>
      <c r="AF4406">
        <v>34690</v>
      </c>
      <c r="AG4406">
        <v>145684</v>
      </c>
      <c r="AH4406">
        <v>50000</v>
      </c>
      <c r="AI4406">
        <v>0</v>
      </c>
      <c r="AJ4406">
        <v>70</v>
      </c>
      <c r="AK4406" t="s">
        <v>49</v>
      </c>
      <c r="AL4406">
        <v>0</v>
      </c>
      <c r="AM4406">
        <v>0</v>
      </c>
      <c r="AN4406">
        <v>0</v>
      </c>
      <c r="AO4406">
        <v>0</v>
      </c>
      <c r="AP4406">
        <v>0</v>
      </c>
      <c r="AQ4406">
        <v>0</v>
      </c>
      <c r="AR4406">
        <v>0</v>
      </c>
      <c r="AS4406">
        <v>0</v>
      </c>
      <c r="AT4406">
        <v>0</v>
      </c>
      <c r="AU4406">
        <v>0</v>
      </c>
      <c r="AV4406">
        <v>0</v>
      </c>
      <c r="AW4406">
        <v>0</v>
      </c>
      <c r="AX4406">
        <v>0</v>
      </c>
      <c r="AY4406">
        <v>11</v>
      </c>
      <c r="AZ4406">
        <v>31</v>
      </c>
      <c r="BA4406">
        <v>1770</v>
      </c>
    </row>
    <row r="4407" spans="1:53" x14ac:dyDescent="0.4">
      <c r="A4407">
        <v>4451</v>
      </c>
      <c r="B4407" s="1">
        <v>44506</v>
      </c>
      <c r="C4407">
        <v>1</v>
      </c>
      <c r="D4407" s="1">
        <v>44506.291666666664</v>
      </c>
      <c r="E4407" s="1">
        <v>44506.402777777781</v>
      </c>
      <c r="F4407">
        <v>0</v>
      </c>
      <c r="G4407">
        <v>0</v>
      </c>
      <c r="H4407">
        <v>0</v>
      </c>
      <c r="I4407">
        <v>0</v>
      </c>
      <c r="J4407">
        <v>0</v>
      </c>
      <c r="K4407">
        <v>0</v>
      </c>
      <c r="L4407">
        <v>0</v>
      </c>
      <c r="M4407">
        <v>0</v>
      </c>
      <c r="N4407">
        <v>0</v>
      </c>
      <c r="O4407">
        <v>0</v>
      </c>
      <c r="P4407">
        <v>0</v>
      </c>
      <c r="Q4407">
        <v>0</v>
      </c>
      <c r="R4407">
        <v>0</v>
      </c>
      <c r="S4407">
        <v>0</v>
      </c>
      <c r="T4407">
        <v>0</v>
      </c>
      <c r="U4407">
        <v>0</v>
      </c>
      <c r="V4407">
        <v>0</v>
      </c>
      <c r="W4407">
        <v>1</v>
      </c>
      <c r="X4407">
        <v>0</v>
      </c>
      <c r="Y4407">
        <v>25</v>
      </c>
      <c r="Z4407">
        <v>20</v>
      </c>
      <c r="AA4407">
        <v>72</v>
      </c>
      <c r="AB4407">
        <v>41</v>
      </c>
      <c r="AC4407">
        <v>52</v>
      </c>
      <c r="AD4407">
        <v>31</v>
      </c>
      <c r="AE4407">
        <v>75</v>
      </c>
      <c r="AF4407">
        <v>0</v>
      </c>
      <c r="AG4407">
        <v>50000</v>
      </c>
      <c r="AH4407">
        <v>50000</v>
      </c>
      <c r="AI4407">
        <v>0</v>
      </c>
      <c r="AJ4407">
        <v>0</v>
      </c>
      <c r="AK4407" t="s">
        <v>6</v>
      </c>
      <c r="AL4407">
        <v>0</v>
      </c>
      <c r="AM4407">
        <v>0</v>
      </c>
      <c r="AN4407">
        <v>0</v>
      </c>
      <c r="AO4407">
        <v>0</v>
      </c>
      <c r="AP4407">
        <v>0</v>
      </c>
      <c r="AQ4407">
        <v>0</v>
      </c>
      <c r="AR4407">
        <v>0</v>
      </c>
      <c r="AS4407">
        <v>0</v>
      </c>
      <c r="AT4407">
        <v>0</v>
      </c>
      <c r="AU4407">
        <v>0</v>
      </c>
      <c r="AV4407">
        <v>0</v>
      </c>
      <c r="AW4407">
        <v>0</v>
      </c>
      <c r="AX4407">
        <v>0</v>
      </c>
      <c r="AY4407">
        <v>0</v>
      </c>
      <c r="AZ4407">
        <v>0</v>
      </c>
      <c r="BA4407">
        <v>0</v>
      </c>
    </row>
    <row r="4408" spans="1:53" x14ac:dyDescent="0.4">
      <c r="A4408">
        <v>4452</v>
      </c>
      <c r="B4408" s="1">
        <v>44506</v>
      </c>
      <c r="C4408">
        <v>2</v>
      </c>
      <c r="D4408" s="1">
        <v>44506.402777777781</v>
      </c>
      <c r="E4408" s="1">
        <v>44506.770138888889</v>
      </c>
      <c r="F4408">
        <v>46180</v>
      </c>
      <c r="G4408">
        <v>5060</v>
      </c>
      <c r="H4408">
        <v>0</v>
      </c>
      <c r="I4408">
        <v>0</v>
      </c>
      <c r="J4408">
        <v>0</v>
      </c>
      <c r="K4408">
        <v>0</v>
      </c>
      <c r="L4408">
        <v>0</v>
      </c>
      <c r="M4408">
        <v>4653</v>
      </c>
      <c r="N4408">
        <v>0</v>
      </c>
      <c r="O4408">
        <v>0</v>
      </c>
      <c r="P4408">
        <v>11525</v>
      </c>
      <c r="Q4408">
        <v>0</v>
      </c>
      <c r="R4408">
        <v>62765</v>
      </c>
      <c r="S4408">
        <v>0</v>
      </c>
      <c r="T4408">
        <v>0</v>
      </c>
      <c r="U4408">
        <v>0</v>
      </c>
      <c r="V4408">
        <v>0</v>
      </c>
      <c r="W4408">
        <v>4</v>
      </c>
      <c r="X4408">
        <v>0</v>
      </c>
      <c r="Y4408">
        <v>65</v>
      </c>
      <c r="Z4408">
        <v>37</v>
      </c>
      <c r="AA4408">
        <v>64</v>
      </c>
      <c r="AB4408">
        <v>39</v>
      </c>
      <c r="AC4408">
        <v>68</v>
      </c>
      <c r="AD4408">
        <v>32</v>
      </c>
      <c r="AE4408">
        <v>80</v>
      </c>
      <c r="AF4408">
        <v>0</v>
      </c>
      <c r="AG4408">
        <v>112770</v>
      </c>
      <c r="AH4408">
        <v>50000</v>
      </c>
      <c r="AI4408">
        <v>5</v>
      </c>
      <c r="AJ4408">
        <v>102</v>
      </c>
      <c r="AK4408" t="s">
        <v>50</v>
      </c>
      <c r="AL4408">
        <v>0</v>
      </c>
      <c r="AM4408">
        <v>0</v>
      </c>
      <c r="AN4408">
        <v>0</v>
      </c>
      <c r="AO4408">
        <v>0</v>
      </c>
      <c r="AP4408">
        <v>0</v>
      </c>
      <c r="AQ4408">
        <v>0</v>
      </c>
      <c r="AR4408">
        <v>0</v>
      </c>
      <c r="AS4408">
        <v>0</v>
      </c>
      <c r="AT4408">
        <v>0</v>
      </c>
      <c r="AU4408">
        <v>0</v>
      </c>
      <c r="AV4408">
        <v>0</v>
      </c>
      <c r="AW4408">
        <v>0</v>
      </c>
      <c r="AX4408">
        <v>0</v>
      </c>
      <c r="AY4408">
        <v>46</v>
      </c>
      <c r="AZ4408">
        <v>94</v>
      </c>
      <c r="BA4408">
        <v>7653</v>
      </c>
    </row>
    <row r="4409" spans="1:53" x14ac:dyDescent="0.4">
      <c r="A4409">
        <v>4453</v>
      </c>
      <c r="B4409" s="1">
        <v>44506</v>
      </c>
      <c r="C4409">
        <v>3</v>
      </c>
      <c r="D4409" s="1">
        <v>44506.770138888889</v>
      </c>
      <c r="E4409" s="1">
        <v>44506.984722222223</v>
      </c>
      <c r="F4409">
        <v>67235</v>
      </c>
      <c r="G4409">
        <v>4939</v>
      </c>
      <c r="H4409">
        <v>0</v>
      </c>
      <c r="I4409">
        <v>0</v>
      </c>
      <c r="J4409">
        <v>0</v>
      </c>
      <c r="K4409">
        <v>0</v>
      </c>
      <c r="L4409">
        <v>0</v>
      </c>
      <c r="M4409">
        <v>6561</v>
      </c>
      <c r="N4409">
        <v>0</v>
      </c>
      <c r="O4409">
        <v>0</v>
      </c>
      <c r="P4409">
        <v>20795</v>
      </c>
      <c r="Q4409">
        <v>0</v>
      </c>
      <c r="R4409">
        <v>92969</v>
      </c>
      <c r="S4409">
        <v>0</v>
      </c>
      <c r="T4409">
        <v>0</v>
      </c>
      <c r="U4409">
        <v>0</v>
      </c>
      <c r="V4409">
        <v>5</v>
      </c>
      <c r="W4409">
        <v>6</v>
      </c>
      <c r="X4409">
        <v>0</v>
      </c>
      <c r="Y4409">
        <v>54</v>
      </c>
      <c r="Z4409">
        <v>37</v>
      </c>
      <c r="AA4409">
        <v>54</v>
      </c>
      <c r="AB4409">
        <v>36</v>
      </c>
      <c r="AC4409">
        <v>63</v>
      </c>
      <c r="AD4409">
        <v>30</v>
      </c>
      <c r="AE4409">
        <v>79</v>
      </c>
      <c r="AF4409">
        <v>45175</v>
      </c>
      <c r="AG4409">
        <v>205734</v>
      </c>
      <c r="AH4409">
        <v>50000</v>
      </c>
      <c r="AI4409">
        <v>0</v>
      </c>
      <c r="AJ4409">
        <v>114</v>
      </c>
      <c r="AK4409" t="s">
        <v>53</v>
      </c>
      <c r="AL4409">
        <v>0</v>
      </c>
      <c r="AM4409">
        <v>0</v>
      </c>
      <c r="AN4409">
        <v>0</v>
      </c>
      <c r="AO4409">
        <v>0</v>
      </c>
      <c r="AP4409">
        <v>0</v>
      </c>
      <c r="AQ4409">
        <v>0</v>
      </c>
      <c r="AR4409">
        <v>0</v>
      </c>
      <c r="AS4409">
        <v>0</v>
      </c>
      <c r="AT4409">
        <v>0</v>
      </c>
      <c r="AU4409">
        <v>0</v>
      </c>
      <c r="AV4409">
        <v>0</v>
      </c>
      <c r="AW4409">
        <v>0</v>
      </c>
      <c r="AX4409">
        <v>3194</v>
      </c>
      <c r="AY4409">
        <v>15</v>
      </c>
      <c r="AZ4409">
        <v>42</v>
      </c>
      <c r="BA4409">
        <v>1944</v>
      </c>
    </row>
    <row r="4410" spans="1:53" x14ac:dyDescent="0.4">
      <c r="A4410">
        <v>4454</v>
      </c>
      <c r="B4410" s="1">
        <v>44507</v>
      </c>
      <c r="C4410">
        <v>1</v>
      </c>
      <c r="D4410" s="1">
        <v>44507.291666666664</v>
      </c>
      <c r="E4410" s="1">
        <v>44507.408333333333</v>
      </c>
      <c r="F4410">
        <v>0</v>
      </c>
      <c r="G4410">
        <v>0</v>
      </c>
      <c r="H4410">
        <v>0</v>
      </c>
      <c r="I4410">
        <v>0</v>
      </c>
      <c r="J4410">
        <v>0</v>
      </c>
      <c r="K4410">
        <v>0</v>
      </c>
      <c r="L4410">
        <v>0</v>
      </c>
      <c r="M4410">
        <v>0</v>
      </c>
      <c r="N4410">
        <v>0</v>
      </c>
      <c r="O4410">
        <v>0</v>
      </c>
      <c r="P4410">
        <v>0</v>
      </c>
      <c r="Q4410">
        <v>0</v>
      </c>
      <c r="R4410">
        <v>0</v>
      </c>
      <c r="S4410">
        <v>0</v>
      </c>
      <c r="T4410">
        <v>0</v>
      </c>
      <c r="U4410">
        <v>0</v>
      </c>
      <c r="V4410">
        <v>0</v>
      </c>
      <c r="W4410">
        <v>1</v>
      </c>
      <c r="X4410">
        <v>0</v>
      </c>
      <c r="Y4410">
        <v>29</v>
      </c>
      <c r="Z4410">
        <v>14</v>
      </c>
      <c r="AA4410">
        <v>68</v>
      </c>
      <c r="AB4410">
        <v>27</v>
      </c>
      <c r="AC4410">
        <v>65</v>
      </c>
      <c r="AD4410">
        <v>26</v>
      </c>
      <c r="AE4410">
        <v>70</v>
      </c>
      <c r="AF4410">
        <v>0</v>
      </c>
      <c r="AG4410">
        <v>50000</v>
      </c>
      <c r="AH4410">
        <v>50000</v>
      </c>
      <c r="AI4410">
        <v>0</v>
      </c>
      <c r="AJ4410">
        <v>0</v>
      </c>
      <c r="AK4410" t="s">
        <v>6</v>
      </c>
      <c r="AL4410">
        <v>0</v>
      </c>
      <c r="AM4410">
        <v>0</v>
      </c>
      <c r="AN4410">
        <v>0</v>
      </c>
      <c r="AO4410">
        <v>0</v>
      </c>
      <c r="AP4410">
        <v>0</v>
      </c>
      <c r="AQ4410">
        <v>0</v>
      </c>
      <c r="AR4410">
        <v>0</v>
      </c>
      <c r="AS4410">
        <v>0</v>
      </c>
      <c r="AT4410">
        <v>0</v>
      </c>
      <c r="AU4410">
        <v>0</v>
      </c>
      <c r="AV4410">
        <v>0</v>
      </c>
      <c r="AW4410">
        <v>0</v>
      </c>
      <c r="AX4410">
        <v>0</v>
      </c>
      <c r="AY4410">
        <v>0</v>
      </c>
      <c r="AZ4410">
        <v>0</v>
      </c>
      <c r="BA4410">
        <v>0</v>
      </c>
    </row>
    <row r="4411" spans="1:53" x14ac:dyDescent="0.4">
      <c r="A4411">
        <v>4455</v>
      </c>
      <c r="B4411" s="1">
        <v>44507</v>
      </c>
      <c r="C4411">
        <v>2</v>
      </c>
      <c r="D4411" s="1">
        <v>44507.408333333333</v>
      </c>
      <c r="E4411" s="1">
        <v>44507.771527777775</v>
      </c>
      <c r="F4411">
        <v>50680</v>
      </c>
      <c r="G4411">
        <v>3850</v>
      </c>
      <c r="H4411">
        <v>220</v>
      </c>
      <c r="I4411">
        <v>0</v>
      </c>
      <c r="J4411">
        <v>100</v>
      </c>
      <c r="K4411">
        <v>0</v>
      </c>
      <c r="L4411">
        <v>0</v>
      </c>
      <c r="M4411">
        <v>4963</v>
      </c>
      <c r="N4411">
        <v>0</v>
      </c>
      <c r="O4411">
        <v>0</v>
      </c>
      <c r="P4411">
        <v>17270</v>
      </c>
      <c r="Q4411">
        <v>0</v>
      </c>
      <c r="R4411">
        <v>71920</v>
      </c>
      <c r="S4411">
        <v>0</v>
      </c>
      <c r="T4411">
        <v>0</v>
      </c>
      <c r="U4411">
        <v>0</v>
      </c>
      <c r="V4411">
        <v>1</v>
      </c>
      <c r="W4411">
        <v>1</v>
      </c>
      <c r="X4411">
        <v>0</v>
      </c>
      <c r="Y4411">
        <v>77</v>
      </c>
      <c r="Z4411">
        <v>21</v>
      </c>
      <c r="AA4411">
        <v>92</v>
      </c>
      <c r="AB4411">
        <v>37</v>
      </c>
      <c r="AC4411">
        <v>74</v>
      </c>
      <c r="AD4411">
        <v>26</v>
      </c>
      <c r="AE4411">
        <v>70</v>
      </c>
      <c r="AF4411">
        <v>7430</v>
      </c>
      <c r="AG4411">
        <v>121920</v>
      </c>
      <c r="AH4411">
        <v>50000</v>
      </c>
      <c r="AI4411">
        <v>0</v>
      </c>
      <c r="AJ4411">
        <v>102</v>
      </c>
      <c r="AK4411" t="s">
        <v>50</v>
      </c>
      <c r="AL4411">
        <v>0</v>
      </c>
      <c r="AM4411">
        <v>0</v>
      </c>
      <c r="AN4411">
        <v>0</v>
      </c>
      <c r="AO4411">
        <v>0</v>
      </c>
      <c r="AP4411">
        <v>0</v>
      </c>
      <c r="AQ4411">
        <v>0</v>
      </c>
      <c r="AR4411">
        <v>0</v>
      </c>
      <c r="AS4411">
        <v>0</v>
      </c>
      <c r="AT4411">
        <v>0</v>
      </c>
      <c r="AU4411">
        <v>0</v>
      </c>
      <c r="AV4411">
        <v>0</v>
      </c>
      <c r="AW4411">
        <v>0</v>
      </c>
      <c r="AX4411">
        <v>-957</v>
      </c>
      <c r="AY4411">
        <v>48</v>
      </c>
      <c r="AZ4411">
        <v>102</v>
      </c>
      <c r="BA4411">
        <v>7888</v>
      </c>
    </row>
    <row r="4412" spans="1:53" x14ac:dyDescent="0.4">
      <c r="A4412">
        <v>4456</v>
      </c>
      <c r="B4412" s="1">
        <v>44507</v>
      </c>
      <c r="C4412">
        <v>3</v>
      </c>
      <c r="D4412" s="1">
        <v>44507.771527777775</v>
      </c>
      <c r="E4412" s="1">
        <v>44508.006944444445</v>
      </c>
      <c r="F4412">
        <v>25190</v>
      </c>
      <c r="G4412">
        <v>2123</v>
      </c>
      <c r="H4412">
        <v>0</v>
      </c>
      <c r="I4412">
        <v>0</v>
      </c>
      <c r="J4412">
        <v>0</v>
      </c>
      <c r="K4412">
        <v>0</v>
      </c>
      <c r="L4412">
        <v>0</v>
      </c>
      <c r="M4412">
        <v>2482</v>
      </c>
      <c r="N4412">
        <v>0</v>
      </c>
      <c r="O4412">
        <v>0</v>
      </c>
      <c r="P4412">
        <v>-13970</v>
      </c>
      <c r="Q4412">
        <v>0</v>
      </c>
      <c r="R4412">
        <v>13343</v>
      </c>
      <c r="S4412">
        <v>0</v>
      </c>
      <c r="T4412">
        <v>0</v>
      </c>
      <c r="U4412">
        <v>0</v>
      </c>
      <c r="V4412">
        <v>3</v>
      </c>
      <c r="W4412">
        <v>0</v>
      </c>
      <c r="X4412">
        <v>0</v>
      </c>
      <c r="Y4412">
        <v>75</v>
      </c>
      <c r="Z4412">
        <v>19</v>
      </c>
      <c r="AA4412">
        <v>84</v>
      </c>
      <c r="AB4412">
        <v>36</v>
      </c>
      <c r="AC4412">
        <v>73</v>
      </c>
      <c r="AD4412">
        <v>26</v>
      </c>
      <c r="AE4412">
        <v>73</v>
      </c>
      <c r="AF4412">
        <v>9630</v>
      </c>
      <c r="AG4412">
        <v>135263</v>
      </c>
      <c r="AH4412">
        <v>50000</v>
      </c>
      <c r="AI4412">
        <v>0</v>
      </c>
      <c r="AJ4412">
        <v>108</v>
      </c>
      <c r="AK4412" t="s">
        <v>3</v>
      </c>
      <c r="AL4412">
        <v>0</v>
      </c>
      <c r="AM4412">
        <v>0</v>
      </c>
      <c r="AN4412">
        <v>0</v>
      </c>
      <c r="AO4412">
        <v>0</v>
      </c>
      <c r="AP4412">
        <v>0</v>
      </c>
      <c r="AQ4412">
        <v>0</v>
      </c>
      <c r="AR4412">
        <v>0</v>
      </c>
      <c r="AS4412">
        <v>0</v>
      </c>
      <c r="AT4412">
        <v>0</v>
      </c>
      <c r="AU4412">
        <v>0</v>
      </c>
      <c r="AV4412">
        <v>0</v>
      </c>
      <c r="AW4412">
        <v>0</v>
      </c>
      <c r="AX4412">
        <v>0</v>
      </c>
      <c r="AY4412">
        <v>3</v>
      </c>
      <c r="AZ4412">
        <v>6</v>
      </c>
      <c r="BA4412">
        <v>1131</v>
      </c>
    </row>
    <row r="4413" spans="1:53" x14ac:dyDescent="0.4">
      <c r="A4413">
        <v>4457</v>
      </c>
      <c r="B4413" s="1">
        <v>44508</v>
      </c>
      <c r="C4413">
        <v>1</v>
      </c>
      <c r="D4413" s="1">
        <v>44508.291666666664</v>
      </c>
      <c r="E4413" s="1">
        <v>44508.441666666666</v>
      </c>
      <c r="F4413">
        <v>0</v>
      </c>
      <c r="G4413">
        <v>0</v>
      </c>
      <c r="H4413">
        <v>0</v>
      </c>
      <c r="I4413">
        <v>0</v>
      </c>
      <c r="J4413">
        <v>0</v>
      </c>
      <c r="K4413">
        <v>0</v>
      </c>
      <c r="L4413">
        <v>0</v>
      </c>
      <c r="M4413">
        <v>0</v>
      </c>
      <c r="N4413">
        <v>0</v>
      </c>
      <c r="O4413">
        <v>0</v>
      </c>
      <c r="P4413">
        <v>0</v>
      </c>
      <c r="Q4413">
        <v>0</v>
      </c>
      <c r="R4413">
        <v>0</v>
      </c>
      <c r="S4413">
        <v>0</v>
      </c>
      <c r="T4413">
        <v>0</v>
      </c>
      <c r="U4413">
        <v>0</v>
      </c>
      <c r="V4413">
        <v>0</v>
      </c>
      <c r="W4413">
        <v>0</v>
      </c>
      <c r="X4413">
        <v>0</v>
      </c>
      <c r="Y4413">
        <v>30</v>
      </c>
      <c r="Z4413">
        <v>16</v>
      </c>
      <c r="AA4413">
        <v>92</v>
      </c>
      <c r="AB4413">
        <v>38</v>
      </c>
      <c r="AC4413">
        <v>70</v>
      </c>
      <c r="AD4413">
        <v>26</v>
      </c>
      <c r="AE4413">
        <v>70</v>
      </c>
      <c r="AF4413">
        <v>0</v>
      </c>
      <c r="AG4413">
        <v>50000</v>
      </c>
      <c r="AH4413">
        <v>50000</v>
      </c>
      <c r="AI4413">
        <v>0</v>
      </c>
      <c r="AJ4413">
        <v>0</v>
      </c>
      <c r="AK4413" t="s">
        <v>6</v>
      </c>
      <c r="AL4413">
        <v>0</v>
      </c>
      <c r="AM4413">
        <v>0</v>
      </c>
      <c r="AN4413">
        <v>0</v>
      </c>
      <c r="AO4413">
        <v>0</v>
      </c>
      <c r="AP4413">
        <v>0</v>
      </c>
      <c r="AQ4413">
        <v>0</v>
      </c>
      <c r="AR4413">
        <v>0</v>
      </c>
      <c r="AS4413">
        <v>0</v>
      </c>
      <c r="AT4413">
        <v>0</v>
      </c>
      <c r="AU4413">
        <v>0</v>
      </c>
      <c r="AV4413">
        <v>0</v>
      </c>
      <c r="AW4413">
        <v>0</v>
      </c>
      <c r="AX4413">
        <v>0</v>
      </c>
      <c r="AY4413">
        <v>0</v>
      </c>
      <c r="AZ4413">
        <v>0</v>
      </c>
      <c r="BA4413">
        <v>0</v>
      </c>
    </row>
    <row r="4414" spans="1:53" x14ac:dyDescent="0.4">
      <c r="A4414">
        <v>4458</v>
      </c>
      <c r="B4414" s="1">
        <v>44508</v>
      </c>
      <c r="C4414">
        <v>2</v>
      </c>
      <c r="D4414" s="1">
        <v>44508.441666666666</v>
      </c>
      <c r="E4414" s="1">
        <v>44508.761805555558</v>
      </c>
      <c r="F4414">
        <v>15720</v>
      </c>
      <c r="G4414">
        <v>1672</v>
      </c>
      <c r="H4414">
        <v>220</v>
      </c>
      <c r="I4414">
        <v>0</v>
      </c>
      <c r="J4414">
        <v>200</v>
      </c>
      <c r="K4414">
        <v>0</v>
      </c>
      <c r="L4414">
        <v>0</v>
      </c>
      <c r="M4414">
        <v>1581</v>
      </c>
      <c r="N4414">
        <v>0</v>
      </c>
      <c r="O4414">
        <v>0</v>
      </c>
      <c r="P4414">
        <v>10240</v>
      </c>
      <c r="Q4414">
        <v>0</v>
      </c>
      <c r="R4414">
        <v>27652</v>
      </c>
      <c r="S4414">
        <v>0</v>
      </c>
      <c r="T4414">
        <v>0</v>
      </c>
      <c r="U4414">
        <v>0</v>
      </c>
      <c r="V4414">
        <v>0</v>
      </c>
      <c r="W4414">
        <v>1</v>
      </c>
      <c r="X4414">
        <v>0</v>
      </c>
      <c r="Y4414">
        <v>47</v>
      </c>
      <c r="Z4414">
        <v>22</v>
      </c>
      <c r="AA4414">
        <v>87</v>
      </c>
      <c r="AB4414">
        <v>39</v>
      </c>
      <c r="AC4414">
        <v>65</v>
      </c>
      <c r="AD4414">
        <v>27</v>
      </c>
      <c r="AE4414">
        <v>73</v>
      </c>
      <c r="AF4414">
        <v>3144</v>
      </c>
      <c r="AG4414">
        <v>77652</v>
      </c>
      <c r="AH4414">
        <v>50000</v>
      </c>
      <c r="AI4414">
        <v>0</v>
      </c>
      <c r="AJ4414">
        <v>102</v>
      </c>
      <c r="AK4414" t="s">
        <v>50</v>
      </c>
      <c r="AL4414">
        <v>0</v>
      </c>
      <c r="AM4414">
        <v>0</v>
      </c>
      <c r="AN4414">
        <v>0</v>
      </c>
      <c r="AO4414">
        <v>0</v>
      </c>
      <c r="AP4414">
        <v>0</v>
      </c>
      <c r="AQ4414">
        <v>0</v>
      </c>
      <c r="AR4414">
        <v>0</v>
      </c>
      <c r="AS4414">
        <v>0</v>
      </c>
      <c r="AT4414">
        <v>0</v>
      </c>
      <c r="AU4414">
        <v>0</v>
      </c>
      <c r="AV4414">
        <v>0</v>
      </c>
      <c r="AW4414">
        <v>0</v>
      </c>
      <c r="AX4414">
        <v>-760</v>
      </c>
      <c r="AY4414">
        <v>27</v>
      </c>
      <c r="AZ4414">
        <v>44</v>
      </c>
      <c r="BA4414">
        <v>3276</v>
      </c>
    </row>
    <row r="4415" spans="1:53" x14ac:dyDescent="0.4">
      <c r="A4415">
        <v>4459</v>
      </c>
      <c r="B4415" s="1">
        <v>44509</v>
      </c>
      <c r="C4415">
        <v>1</v>
      </c>
      <c r="D4415" s="1">
        <v>44509.291666666664</v>
      </c>
      <c r="E4415" s="1">
        <v>44509.45208333333</v>
      </c>
      <c r="F4415">
        <v>0</v>
      </c>
      <c r="G4415">
        <v>0</v>
      </c>
      <c r="H4415">
        <v>0</v>
      </c>
      <c r="I4415">
        <v>0</v>
      </c>
      <c r="J4415">
        <v>0</v>
      </c>
      <c r="K4415">
        <v>0</v>
      </c>
      <c r="L4415">
        <v>0</v>
      </c>
      <c r="M4415">
        <v>0</v>
      </c>
      <c r="N4415">
        <v>0</v>
      </c>
      <c r="O4415">
        <v>0</v>
      </c>
      <c r="P4415">
        <v>0</v>
      </c>
      <c r="Q4415">
        <v>0</v>
      </c>
      <c r="R4415">
        <v>0</v>
      </c>
      <c r="S4415">
        <v>0</v>
      </c>
      <c r="T4415">
        <v>0</v>
      </c>
      <c r="U4415">
        <v>0</v>
      </c>
      <c r="V4415">
        <v>0</v>
      </c>
      <c r="W4415">
        <v>1</v>
      </c>
      <c r="X4415">
        <v>0</v>
      </c>
      <c r="Y4415">
        <v>25</v>
      </c>
      <c r="Z4415">
        <v>16</v>
      </c>
      <c r="AA4415">
        <v>93</v>
      </c>
      <c r="AB4415">
        <v>37</v>
      </c>
      <c r="AC4415">
        <v>65</v>
      </c>
      <c r="AD4415">
        <v>26</v>
      </c>
      <c r="AE4415">
        <v>70</v>
      </c>
      <c r="AF4415">
        <v>0</v>
      </c>
      <c r="AG4415">
        <v>50000</v>
      </c>
      <c r="AH4415">
        <v>50000</v>
      </c>
      <c r="AI4415">
        <v>0</v>
      </c>
      <c r="AJ4415">
        <v>0</v>
      </c>
      <c r="AK4415" t="s">
        <v>6</v>
      </c>
      <c r="AL4415">
        <v>0</v>
      </c>
      <c r="AM4415">
        <v>0</v>
      </c>
      <c r="AN4415">
        <v>0</v>
      </c>
      <c r="AO4415">
        <v>0</v>
      </c>
      <c r="AP4415">
        <v>0</v>
      </c>
      <c r="AQ4415">
        <v>0</v>
      </c>
      <c r="AR4415">
        <v>0</v>
      </c>
      <c r="AS4415">
        <v>0</v>
      </c>
      <c r="AT4415">
        <v>0</v>
      </c>
      <c r="AU4415">
        <v>0</v>
      </c>
      <c r="AV4415">
        <v>0</v>
      </c>
      <c r="AW4415">
        <v>0</v>
      </c>
      <c r="AX4415">
        <v>0</v>
      </c>
      <c r="AY4415">
        <v>0</v>
      </c>
      <c r="AZ4415">
        <v>0</v>
      </c>
      <c r="BA4415">
        <v>0</v>
      </c>
    </row>
    <row r="4416" spans="1:53" x14ac:dyDescent="0.4">
      <c r="A4416">
        <v>4460</v>
      </c>
      <c r="B4416" s="1">
        <v>44509</v>
      </c>
      <c r="C4416">
        <v>2</v>
      </c>
      <c r="D4416" s="1">
        <v>44509.45208333333</v>
      </c>
      <c r="E4416" s="1">
        <v>44509.74722222222</v>
      </c>
      <c r="F4416">
        <v>6330</v>
      </c>
      <c r="G4416">
        <v>308</v>
      </c>
      <c r="H4416">
        <v>0</v>
      </c>
      <c r="I4416">
        <v>0</v>
      </c>
      <c r="J4416">
        <v>0</v>
      </c>
      <c r="K4416">
        <v>0</v>
      </c>
      <c r="L4416">
        <v>0</v>
      </c>
      <c r="M4416">
        <v>602</v>
      </c>
      <c r="N4416">
        <v>0</v>
      </c>
      <c r="O4416">
        <v>0</v>
      </c>
      <c r="P4416">
        <v>6080</v>
      </c>
      <c r="Q4416">
        <v>0</v>
      </c>
      <c r="R4416">
        <v>12718</v>
      </c>
      <c r="S4416">
        <v>0</v>
      </c>
      <c r="T4416">
        <v>0</v>
      </c>
      <c r="U4416">
        <v>0</v>
      </c>
      <c r="V4416">
        <v>0</v>
      </c>
      <c r="W4416">
        <v>1</v>
      </c>
      <c r="X4416">
        <v>0</v>
      </c>
      <c r="Y4416">
        <v>37</v>
      </c>
      <c r="Z4416">
        <v>16</v>
      </c>
      <c r="AA4416">
        <v>99</v>
      </c>
      <c r="AB4416">
        <v>36</v>
      </c>
      <c r="AC4416">
        <v>82</v>
      </c>
      <c r="AD4416">
        <v>26</v>
      </c>
      <c r="AE4416">
        <v>68</v>
      </c>
      <c r="AF4416">
        <v>0</v>
      </c>
      <c r="AG4416">
        <v>62718</v>
      </c>
      <c r="AH4416">
        <v>50000</v>
      </c>
      <c r="AI4416">
        <v>0</v>
      </c>
      <c r="AJ4416">
        <v>98</v>
      </c>
      <c r="AK4416" t="s">
        <v>35</v>
      </c>
      <c r="AL4416">
        <v>0</v>
      </c>
      <c r="AM4416">
        <v>0</v>
      </c>
      <c r="AN4416">
        <v>0</v>
      </c>
      <c r="AO4416">
        <v>0</v>
      </c>
      <c r="AP4416">
        <v>0</v>
      </c>
      <c r="AQ4416">
        <v>0</v>
      </c>
      <c r="AR4416">
        <v>0</v>
      </c>
      <c r="AS4416">
        <v>0</v>
      </c>
      <c r="AT4416">
        <v>0</v>
      </c>
      <c r="AU4416">
        <v>0</v>
      </c>
      <c r="AV4416">
        <v>0</v>
      </c>
      <c r="AW4416">
        <v>0</v>
      </c>
      <c r="AX4416">
        <v>0</v>
      </c>
      <c r="AY4416">
        <v>15</v>
      </c>
      <c r="AZ4416">
        <v>21</v>
      </c>
      <c r="BA4416">
        <v>1731</v>
      </c>
    </row>
    <row r="4417" spans="1:53" x14ac:dyDescent="0.4">
      <c r="A4417">
        <v>4461</v>
      </c>
      <c r="B4417" s="1">
        <v>44510</v>
      </c>
      <c r="C4417">
        <v>1</v>
      </c>
      <c r="D4417" s="1">
        <v>44510.291666666664</v>
      </c>
      <c r="E4417" s="1">
        <v>44510.445138888892</v>
      </c>
      <c r="F4417">
        <v>0</v>
      </c>
      <c r="G4417">
        <v>0</v>
      </c>
      <c r="H4417">
        <v>0</v>
      </c>
      <c r="I4417">
        <v>0</v>
      </c>
      <c r="J4417">
        <v>0</v>
      </c>
      <c r="K4417">
        <v>0</v>
      </c>
      <c r="L4417">
        <v>0</v>
      </c>
      <c r="M4417">
        <v>0</v>
      </c>
      <c r="N4417">
        <v>0</v>
      </c>
      <c r="O4417">
        <v>0</v>
      </c>
      <c r="P4417">
        <v>0</v>
      </c>
      <c r="Q4417">
        <v>0</v>
      </c>
      <c r="R4417">
        <v>0</v>
      </c>
      <c r="S4417">
        <v>0</v>
      </c>
      <c r="T4417">
        <v>0</v>
      </c>
      <c r="U4417">
        <v>0</v>
      </c>
      <c r="V4417">
        <v>0</v>
      </c>
      <c r="W4417">
        <v>1</v>
      </c>
      <c r="X4417">
        <v>0</v>
      </c>
      <c r="Y4417">
        <v>26</v>
      </c>
      <c r="Z4417">
        <v>12</v>
      </c>
      <c r="AA4417">
        <v>106</v>
      </c>
      <c r="AB4417">
        <v>35</v>
      </c>
      <c r="AC4417">
        <v>46</v>
      </c>
      <c r="AD4417">
        <v>25</v>
      </c>
      <c r="AE4417">
        <v>65</v>
      </c>
      <c r="AF4417">
        <v>0</v>
      </c>
      <c r="AG4417">
        <v>50000</v>
      </c>
      <c r="AH4417">
        <v>50000</v>
      </c>
      <c r="AI4417">
        <v>0</v>
      </c>
      <c r="AJ4417">
        <v>0</v>
      </c>
      <c r="AK4417" t="s">
        <v>6</v>
      </c>
      <c r="AL4417">
        <v>0</v>
      </c>
      <c r="AM4417">
        <v>0</v>
      </c>
      <c r="AN4417">
        <v>0</v>
      </c>
      <c r="AO4417">
        <v>0</v>
      </c>
      <c r="AP4417">
        <v>0</v>
      </c>
      <c r="AQ4417">
        <v>0</v>
      </c>
      <c r="AR4417">
        <v>0</v>
      </c>
      <c r="AS4417">
        <v>0</v>
      </c>
      <c r="AT4417">
        <v>0</v>
      </c>
      <c r="AU4417">
        <v>0</v>
      </c>
      <c r="AV4417">
        <v>0</v>
      </c>
      <c r="AW4417">
        <v>0</v>
      </c>
      <c r="AX4417">
        <v>0</v>
      </c>
      <c r="AY4417">
        <v>0</v>
      </c>
      <c r="AZ4417">
        <v>0</v>
      </c>
      <c r="BA4417">
        <v>0</v>
      </c>
    </row>
    <row r="4418" spans="1:53" x14ac:dyDescent="0.4">
      <c r="A4418">
        <v>4462</v>
      </c>
      <c r="B4418" s="1">
        <v>44510</v>
      </c>
      <c r="C4418">
        <v>2</v>
      </c>
      <c r="D4418" s="1">
        <v>44510.445138888892</v>
      </c>
      <c r="E4418" s="1">
        <v>44510.752083333333</v>
      </c>
      <c r="F4418">
        <v>11600</v>
      </c>
      <c r="G4418">
        <v>0</v>
      </c>
      <c r="H4418">
        <v>220</v>
      </c>
      <c r="I4418">
        <v>0</v>
      </c>
      <c r="J4418">
        <v>200</v>
      </c>
      <c r="K4418">
        <v>0</v>
      </c>
      <c r="L4418">
        <v>0</v>
      </c>
      <c r="M4418">
        <v>1057</v>
      </c>
      <c r="N4418">
        <v>0</v>
      </c>
      <c r="O4418">
        <v>0</v>
      </c>
      <c r="P4418">
        <v>3920</v>
      </c>
      <c r="Q4418">
        <v>0</v>
      </c>
      <c r="R4418">
        <v>15540</v>
      </c>
      <c r="S4418">
        <v>0</v>
      </c>
      <c r="T4418">
        <v>0</v>
      </c>
      <c r="U4418">
        <v>0</v>
      </c>
      <c r="V4418">
        <v>0</v>
      </c>
      <c r="W4418">
        <v>1</v>
      </c>
      <c r="X4418">
        <v>0</v>
      </c>
      <c r="Y4418">
        <v>38</v>
      </c>
      <c r="Z4418">
        <v>17</v>
      </c>
      <c r="AA4418">
        <v>104</v>
      </c>
      <c r="AB4418">
        <v>38</v>
      </c>
      <c r="AC4418">
        <v>49</v>
      </c>
      <c r="AD4418">
        <v>25</v>
      </c>
      <c r="AE4418">
        <v>65</v>
      </c>
      <c r="AF4418">
        <v>1060</v>
      </c>
      <c r="AG4418">
        <v>65540</v>
      </c>
      <c r="AH4418">
        <v>50000</v>
      </c>
      <c r="AI4418">
        <v>0</v>
      </c>
      <c r="AJ4418">
        <v>114</v>
      </c>
      <c r="AK4418" t="s">
        <v>53</v>
      </c>
      <c r="AL4418">
        <v>0</v>
      </c>
      <c r="AM4418">
        <v>0</v>
      </c>
      <c r="AN4418">
        <v>0</v>
      </c>
      <c r="AO4418">
        <v>0</v>
      </c>
      <c r="AP4418">
        <v>0</v>
      </c>
      <c r="AQ4418">
        <v>0</v>
      </c>
      <c r="AR4418">
        <v>0</v>
      </c>
      <c r="AS4418">
        <v>0</v>
      </c>
      <c r="AT4418">
        <v>0</v>
      </c>
      <c r="AU4418">
        <v>0</v>
      </c>
      <c r="AV4418">
        <v>0</v>
      </c>
      <c r="AW4418">
        <v>0</v>
      </c>
      <c r="AX4418">
        <v>0</v>
      </c>
      <c r="AY4418">
        <v>15</v>
      </c>
      <c r="AZ4418">
        <v>25</v>
      </c>
      <c r="BA4418">
        <v>2471</v>
      </c>
    </row>
    <row r="4419" spans="1:53" x14ac:dyDescent="0.4">
      <c r="A4419">
        <v>4463</v>
      </c>
      <c r="B4419" s="1">
        <v>44510</v>
      </c>
      <c r="C4419">
        <v>3</v>
      </c>
      <c r="D4419" s="1">
        <v>44510.752083333333</v>
      </c>
      <c r="E4419" s="1">
        <v>44511.037499999999</v>
      </c>
      <c r="F4419">
        <v>17340</v>
      </c>
      <c r="G4419">
        <v>0</v>
      </c>
      <c r="H4419">
        <v>0</v>
      </c>
      <c r="I4419">
        <v>0</v>
      </c>
      <c r="J4419">
        <v>0</v>
      </c>
      <c r="K4419">
        <v>0</v>
      </c>
      <c r="L4419">
        <v>0</v>
      </c>
      <c r="M4419">
        <v>1576</v>
      </c>
      <c r="N4419">
        <v>0</v>
      </c>
      <c r="O4419">
        <v>0</v>
      </c>
      <c r="P4419">
        <v>-3920</v>
      </c>
      <c r="Q4419">
        <v>0</v>
      </c>
      <c r="R4419">
        <v>13420</v>
      </c>
      <c r="S4419">
        <v>0</v>
      </c>
      <c r="T4419">
        <v>0</v>
      </c>
      <c r="U4419">
        <v>0</v>
      </c>
      <c r="V4419">
        <v>0</v>
      </c>
      <c r="W4419">
        <v>1</v>
      </c>
      <c r="X4419">
        <v>0</v>
      </c>
      <c r="Y4419">
        <v>44</v>
      </c>
      <c r="Z4419">
        <v>17</v>
      </c>
      <c r="AA4419">
        <v>102</v>
      </c>
      <c r="AB4419">
        <v>37</v>
      </c>
      <c r="AC4419">
        <v>46</v>
      </c>
      <c r="AD4419">
        <v>25</v>
      </c>
      <c r="AE4419">
        <v>65</v>
      </c>
      <c r="AF4419">
        <v>8760</v>
      </c>
      <c r="AG4419">
        <v>78960</v>
      </c>
      <c r="AH4419">
        <v>50000</v>
      </c>
      <c r="AI4419">
        <v>0</v>
      </c>
      <c r="AJ4419">
        <v>70</v>
      </c>
      <c r="AK4419" t="s">
        <v>49</v>
      </c>
      <c r="AL4419">
        <v>0</v>
      </c>
      <c r="AM4419">
        <v>0</v>
      </c>
      <c r="AN4419">
        <v>0</v>
      </c>
      <c r="AO4419">
        <v>0</v>
      </c>
      <c r="AP4419">
        <v>0</v>
      </c>
      <c r="AQ4419">
        <v>0</v>
      </c>
      <c r="AR4419">
        <v>0</v>
      </c>
      <c r="AS4419">
        <v>0</v>
      </c>
      <c r="AT4419">
        <v>0</v>
      </c>
      <c r="AU4419">
        <v>0</v>
      </c>
      <c r="AV4419">
        <v>0</v>
      </c>
      <c r="AW4419">
        <v>0</v>
      </c>
      <c r="AX4419">
        <v>1320</v>
      </c>
      <c r="AY4419">
        <v>5</v>
      </c>
      <c r="AZ4419">
        <v>11</v>
      </c>
      <c r="BA4419">
        <v>713</v>
      </c>
    </row>
    <row r="4420" spans="1:53" x14ac:dyDescent="0.4">
      <c r="A4420">
        <v>4464</v>
      </c>
      <c r="B4420" s="1">
        <v>44511</v>
      </c>
      <c r="C4420">
        <v>1</v>
      </c>
      <c r="D4420" s="1">
        <v>44511.291666666664</v>
      </c>
      <c r="E4420" s="1">
        <v>44511.436805555553</v>
      </c>
      <c r="F4420">
        <v>0</v>
      </c>
      <c r="G4420">
        <v>0</v>
      </c>
      <c r="H4420">
        <v>0</v>
      </c>
      <c r="I4420">
        <v>0</v>
      </c>
      <c r="J4420">
        <v>0</v>
      </c>
      <c r="K4420">
        <v>0</v>
      </c>
      <c r="L4420">
        <v>0</v>
      </c>
      <c r="M4420">
        <v>0</v>
      </c>
      <c r="N4420">
        <v>0</v>
      </c>
      <c r="O4420">
        <v>0</v>
      </c>
      <c r="P4420">
        <v>0</v>
      </c>
      <c r="Q4420">
        <v>0</v>
      </c>
      <c r="R4420">
        <v>0</v>
      </c>
      <c r="S4420">
        <v>0</v>
      </c>
      <c r="T4420">
        <v>0</v>
      </c>
      <c r="U4420">
        <v>0</v>
      </c>
      <c r="V4420">
        <v>0</v>
      </c>
      <c r="W4420">
        <v>1</v>
      </c>
      <c r="X4420">
        <v>0</v>
      </c>
      <c r="Y4420">
        <v>25</v>
      </c>
      <c r="Z4420">
        <v>15</v>
      </c>
      <c r="AA4420">
        <v>105</v>
      </c>
      <c r="AB4420">
        <v>30</v>
      </c>
      <c r="AC4420">
        <v>31</v>
      </c>
      <c r="AD4420">
        <v>25</v>
      </c>
      <c r="AE4420">
        <v>65</v>
      </c>
      <c r="AF4420">
        <v>0</v>
      </c>
      <c r="AG4420">
        <v>50000</v>
      </c>
      <c r="AH4420">
        <v>50000</v>
      </c>
      <c r="AI4420">
        <v>0</v>
      </c>
      <c r="AJ4420">
        <v>0</v>
      </c>
      <c r="AK4420" t="s">
        <v>6</v>
      </c>
      <c r="AL4420">
        <v>0</v>
      </c>
      <c r="AM4420">
        <v>0</v>
      </c>
      <c r="AN4420">
        <v>0</v>
      </c>
      <c r="AO4420">
        <v>0</v>
      </c>
      <c r="AP4420">
        <v>0</v>
      </c>
      <c r="AQ4420">
        <v>0</v>
      </c>
      <c r="AR4420">
        <v>0</v>
      </c>
      <c r="AS4420">
        <v>0</v>
      </c>
      <c r="AT4420">
        <v>0</v>
      </c>
      <c r="AU4420">
        <v>0</v>
      </c>
      <c r="AV4420">
        <v>0</v>
      </c>
      <c r="AW4420">
        <v>0</v>
      </c>
      <c r="AX4420">
        <v>0</v>
      </c>
      <c r="AY4420">
        <v>0</v>
      </c>
      <c r="AZ4420">
        <v>0</v>
      </c>
      <c r="BA4420">
        <v>0</v>
      </c>
    </row>
    <row r="4421" spans="1:53" x14ac:dyDescent="0.4">
      <c r="A4421">
        <v>4465</v>
      </c>
      <c r="B4421" s="1">
        <v>44511</v>
      </c>
      <c r="C4421">
        <v>2</v>
      </c>
      <c r="D4421" s="1">
        <v>44511.436805555553</v>
      </c>
      <c r="E4421" s="1">
        <v>44511.753472222219</v>
      </c>
      <c r="F4421">
        <v>11510</v>
      </c>
      <c r="G4421">
        <v>0</v>
      </c>
      <c r="H4421">
        <v>220</v>
      </c>
      <c r="I4421">
        <v>0</v>
      </c>
      <c r="J4421">
        <v>0</v>
      </c>
      <c r="K4421">
        <v>0</v>
      </c>
      <c r="L4421">
        <v>0</v>
      </c>
      <c r="M4421">
        <v>1066</v>
      </c>
      <c r="N4421">
        <v>0</v>
      </c>
      <c r="O4421">
        <v>0</v>
      </c>
      <c r="P4421">
        <v>7750</v>
      </c>
      <c r="Q4421">
        <v>0</v>
      </c>
      <c r="R4421">
        <v>19480</v>
      </c>
      <c r="S4421">
        <v>0</v>
      </c>
      <c r="T4421">
        <v>0</v>
      </c>
      <c r="U4421">
        <v>0</v>
      </c>
      <c r="V4421">
        <v>1</v>
      </c>
      <c r="W4421">
        <v>0</v>
      </c>
      <c r="X4421">
        <v>0</v>
      </c>
      <c r="Y4421">
        <v>36</v>
      </c>
      <c r="Z4421">
        <v>21</v>
      </c>
      <c r="AA4421">
        <v>94</v>
      </c>
      <c r="AB4421">
        <v>29</v>
      </c>
      <c r="AC4421">
        <v>35</v>
      </c>
      <c r="AD4421">
        <v>25</v>
      </c>
      <c r="AE4421">
        <v>65</v>
      </c>
      <c r="AF4421">
        <v>1590</v>
      </c>
      <c r="AG4421">
        <v>69480</v>
      </c>
      <c r="AH4421">
        <v>50000</v>
      </c>
      <c r="AI4421">
        <v>0</v>
      </c>
      <c r="AJ4421">
        <v>116</v>
      </c>
      <c r="AK4421" t="s">
        <v>54</v>
      </c>
      <c r="AL4421">
        <v>0</v>
      </c>
      <c r="AM4421">
        <v>0</v>
      </c>
      <c r="AN4421">
        <v>0</v>
      </c>
      <c r="AO4421">
        <v>0</v>
      </c>
      <c r="AP4421">
        <v>0</v>
      </c>
      <c r="AQ4421">
        <v>0</v>
      </c>
      <c r="AR4421">
        <v>0</v>
      </c>
      <c r="AS4421">
        <v>0</v>
      </c>
      <c r="AT4421">
        <v>0</v>
      </c>
      <c r="AU4421">
        <v>0</v>
      </c>
      <c r="AV4421">
        <v>0</v>
      </c>
      <c r="AW4421">
        <v>0</v>
      </c>
      <c r="AX4421">
        <v>0</v>
      </c>
      <c r="AY4421">
        <v>18</v>
      </c>
      <c r="AZ4421">
        <v>32</v>
      </c>
      <c r="BA4421">
        <v>2369</v>
      </c>
    </row>
    <row r="4422" spans="1:53" x14ac:dyDescent="0.4">
      <c r="A4422">
        <v>4466</v>
      </c>
      <c r="B4422" s="1">
        <v>44512</v>
      </c>
      <c r="C4422">
        <v>1</v>
      </c>
      <c r="D4422" s="1">
        <v>44512.291666666664</v>
      </c>
      <c r="E4422" s="1">
        <v>44512.45208333333</v>
      </c>
      <c r="F4422">
        <v>0</v>
      </c>
      <c r="G4422">
        <v>0</v>
      </c>
      <c r="H4422">
        <v>0</v>
      </c>
      <c r="I4422">
        <v>0</v>
      </c>
      <c r="J4422">
        <v>0</v>
      </c>
      <c r="K4422">
        <v>0</v>
      </c>
      <c r="L4422">
        <v>0</v>
      </c>
      <c r="M4422">
        <v>0</v>
      </c>
      <c r="N4422">
        <v>0</v>
      </c>
      <c r="O4422">
        <v>0</v>
      </c>
      <c r="P4422">
        <v>0</v>
      </c>
      <c r="Q4422">
        <v>0</v>
      </c>
      <c r="R4422">
        <v>0</v>
      </c>
      <c r="S4422">
        <v>0</v>
      </c>
      <c r="T4422">
        <v>0</v>
      </c>
      <c r="U4422">
        <v>0</v>
      </c>
      <c r="V4422">
        <v>0</v>
      </c>
      <c r="W4422">
        <v>1</v>
      </c>
      <c r="X4422">
        <v>0</v>
      </c>
      <c r="Y4422">
        <v>25</v>
      </c>
      <c r="Z4422">
        <v>18</v>
      </c>
      <c r="AA4422">
        <v>93</v>
      </c>
      <c r="AB4422">
        <v>23</v>
      </c>
      <c r="AC4422">
        <v>36</v>
      </c>
      <c r="AD4422">
        <v>25</v>
      </c>
      <c r="AE4422">
        <v>65</v>
      </c>
      <c r="AF4422">
        <v>0</v>
      </c>
      <c r="AG4422">
        <v>50000</v>
      </c>
      <c r="AH4422">
        <v>50000</v>
      </c>
      <c r="AI4422">
        <v>0</v>
      </c>
      <c r="AJ4422">
        <v>0</v>
      </c>
      <c r="AK4422" t="s">
        <v>6</v>
      </c>
      <c r="AL4422">
        <v>0</v>
      </c>
      <c r="AM4422">
        <v>0</v>
      </c>
      <c r="AN4422">
        <v>0</v>
      </c>
      <c r="AO4422">
        <v>0</v>
      </c>
      <c r="AP4422">
        <v>0</v>
      </c>
      <c r="AQ4422">
        <v>0</v>
      </c>
      <c r="AR4422">
        <v>0</v>
      </c>
      <c r="AS4422">
        <v>0</v>
      </c>
      <c r="AT4422">
        <v>0</v>
      </c>
      <c r="AU4422">
        <v>0</v>
      </c>
      <c r="AV4422">
        <v>0</v>
      </c>
      <c r="AW4422">
        <v>0</v>
      </c>
      <c r="AX4422">
        <v>0</v>
      </c>
      <c r="AY4422">
        <v>0</v>
      </c>
      <c r="AZ4422">
        <v>0</v>
      </c>
      <c r="BA4422">
        <v>0</v>
      </c>
    </row>
    <row r="4423" spans="1:53" x14ac:dyDescent="0.4">
      <c r="A4423">
        <v>4467</v>
      </c>
      <c r="B4423" s="1">
        <v>44512</v>
      </c>
      <c r="C4423">
        <v>2</v>
      </c>
      <c r="D4423" s="1">
        <v>44512.45208333333</v>
      </c>
      <c r="E4423" s="1">
        <v>44512.772916666669</v>
      </c>
      <c r="F4423">
        <v>19950</v>
      </c>
      <c r="G4423">
        <v>1034</v>
      </c>
      <c r="H4423">
        <v>0</v>
      </c>
      <c r="I4423">
        <v>0</v>
      </c>
      <c r="J4423">
        <v>200</v>
      </c>
      <c r="K4423">
        <v>0</v>
      </c>
      <c r="L4423">
        <v>0</v>
      </c>
      <c r="M4423">
        <v>1887</v>
      </c>
      <c r="N4423">
        <v>0</v>
      </c>
      <c r="O4423">
        <v>0</v>
      </c>
      <c r="P4423">
        <v>14670</v>
      </c>
      <c r="Q4423">
        <v>0</v>
      </c>
      <c r="R4423">
        <v>35454</v>
      </c>
      <c r="S4423">
        <v>0</v>
      </c>
      <c r="T4423">
        <v>0</v>
      </c>
      <c r="U4423">
        <v>0</v>
      </c>
      <c r="V4423">
        <v>0</v>
      </c>
      <c r="W4423">
        <v>2</v>
      </c>
      <c r="X4423">
        <v>0</v>
      </c>
      <c r="Y4423">
        <v>48</v>
      </c>
      <c r="Z4423">
        <v>26</v>
      </c>
      <c r="AA4423">
        <v>77</v>
      </c>
      <c r="AB4423">
        <v>22</v>
      </c>
      <c r="AC4423">
        <v>52</v>
      </c>
      <c r="AD4423">
        <v>25</v>
      </c>
      <c r="AE4423">
        <v>64</v>
      </c>
      <c r="AF4423">
        <v>3350</v>
      </c>
      <c r="AG4423">
        <v>83859</v>
      </c>
      <c r="AH4423">
        <v>50000</v>
      </c>
      <c r="AI4423">
        <v>-1595</v>
      </c>
      <c r="AJ4423">
        <v>102</v>
      </c>
      <c r="AK4423" t="s">
        <v>50</v>
      </c>
      <c r="AL4423">
        <v>0</v>
      </c>
      <c r="AM4423">
        <v>0</v>
      </c>
      <c r="AN4423">
        <v>0</v>
      </c>
      <c r="AO4423">
        <v>0</v>
      </c>
      <c r="AP4423">
        <v>0</v>
      </c>
      <c r="AQ4423">
        <v>0</v>
      </c>
      <c r="AR4423">
        <v>0</v>
      </c>
      <c r="AS4423">
        <v>0</v>
      </c>
      <c r="AT4423">
        <v>0</v>
      </c>
      <c r="AU4423">
        <v>0</v>
      </c>
      <c r="AV4423">
        <v>0</v>
      </c>
      <c r="AW4423">
        <v>0</v>
      </c>
      <c r="AX4423">
        <v>0</v>
      </c>
      <c r="AY4423">
        <v>33</v>
      </c>
      <c r="AZ4423">
        <v>57</v>
      </c>
      <c r="BA4423">
        <v>4664</v>
      </c>
    </row>
    <row r="4424" spans="1:53" x14ac:dyDescent="0.4">
      <c r="A4424">
        <v>4468</v>
      </c>
      <c r="B4424" s="1">
        <v>44512</v>
      </c>
      <c r="C4424">
        <v>3</v>
      </c>
      <c r="D4424" s="1">
        <v>44512.772916666669</v>
      </c>
      <c r="E4424" s="1">
        <v>44512.967361111114</v>
      </c>
      <c r="F4424">
        <v>23895</v>
      </c>
      <c r="G4424">
        <v>0</v>
      </c>
      <c r="H4424">
        <v>0</v>
      </c>
      <c r="I4424">
        <v>0</v>
      </c>
      <c r="J4424">
        <v>0</v>
      </c>
      <c r="K4424">
        <v>0</v>
      </c>
      <c r="L4424">
        <v>0</v>
      </c>
      <c r="M4424">
        <v>2172</v>
      </c>
      <c r="N4424">
        <v>0</v>
      </c>
      <c r="O4424">
        <v>0</v>
      </c>
      <c r="P4424">
        <v>370</v>
      </c>
      <c r="Q4424">
        <v>0</v>
      </c>
      <c r="R4424">
        <v>24265</v>
      </c>
      <c r="S4424">
        <v>0</v>
      </c>
      <c r="T4424">
        <v>0</v>
      </c>
      <c r="U4424">
        <v>0</v>
      </c>
      <c r="V4424">
        <v>1</v>
      </c>
      <c r="W4424">
        <v>1</v>
      </c>
      <c r="X4424">
        <v>0</v>
      </c>
      <c r="Y4424">
        <v>64</v>
      </c>
      <c r="Z4424">
        <v>27</v>
      </c>
      <c r="AA4424">
        <v>72</v>
      </c>
      <c r="AB4424">
        <v>21</v>
      </c>
      <c r="AC4424">
        <v>53</v>
      </c>
      <c r="AD4424">
        <v>24</v>
      </c>
      <c r="AE4424">
        <v>64</v>
      </c>
      <c r="AF4424">
        <v>8255</v>
      </c>
      <c r="AG4424">
        <v>109719</v>
      </c>
      <c r="AH4424">
        <v>50000</v>
      </c>
      <c r="AI4424">
        <v>0</v>
      </c>
      <c r="AJ4424">
        <v>70</v>
      </c>
      <c r="AK4424" t="s">
        <v>49</v>
      </c>
      <c r="AL4424">
        <v>0</v>
      </c>
      <c r="AM4424">
        <v>0</v>
      </c>
      <c r="AN4424">
        <v>0</v>
      </c>
      <c r="AO4424">
        <v>0</v>
      </c>
      <c r="AP4424">
        <v>0</v>
      </c>
      <c r="AQ4424">
        <v>0</v>
      </c>
      <c r="AR4424">
        <v>0</v>
      </c>
      <c r="AS4424">
        <v>0</v>
      </c>
      <c r="AT4424">
        <v>0</v>
      </c>
      <c r="AU4424">
        <v>0</v>
      </c>
      <c r="AV4424">
        <v>0</v>
      </c>
      <c r="AW4424">
        <v>0</v>
      </c>
      <c r="AX4424">
        <v>6620</v>
      </c>
      <c r="AY4424">
        <v>9</v>
      </c>
      <c r="AZ4424">
        <v>23</v>
      </c>
      <c r="BA4424">
        <v>1345</v>
      </c>
    </row>
    <row r="4425" spans="1:53" x14ac:dyDescent="0.4">
      <c r="A4425">
        <v>4469</v>
      </c>
      <c r="B4425" s="1">
        <v>44513</v>
      </c>
      <c r="C4425">
        <v>1</v>
      </c>
      <c r="D4425" s="1">
        <v>44513.291666666664</v>
      </c>
      <c r="E4425" s="1">
        <v>44513.401388888888</v>
      </c>
      <c r="F4425">
        <v>0</v>
      </c>
      <c r="G4425">
        <v>0</v>
      </c>
      <c r="H4425">
        <v>0</v>
      </c>
      <c r="I4425">
        <v>0</v>
      </c>
      <c r="J4425">
        <v>0</v>
      </c>
      <c r="K4425">
        <v>0</v>
      </c>
      <c r="L4425">
        <v>0</v>
      </c>
      <c r="M4425">
        <v>0</v>
      </c>
      <c r="N4425">
        <v>0</v>
      </c>
      <c r="O4425">
        <v>0</v>
      </c>
      <c r="P4425">
        <v>0</v>
      </c>
      <c r="Q4425">
        <v>0</v>
      </c>
      <c r="R4425">
        <v>0</v>
      </c>
      <c r="S4425">
        <v>0</v>
      </c>
      <c r="T4425">
        <v>0</v>
      </c>
      <c r="U4425">
        <v>0</v>
      </c>
      <c r="V4425">
        <v>0</v>
      </c>
      <c r="W4425">
        <v>1</v>
      </c>
      <c r="X4425">
        <v>0</v>
      </c>
      <c r="Y4425">
        <v>25</v>
      </c>
      <c r="Z4425">
        <v>21</v>
      </c>
      <c r="AA4425">
        <v>77</v>
      </c>
      <c r="AB4425">
        <v>23</v>
      </c>
      <c r="AC4425">
        <v>48</v>
      </c>
      <c r="AD4425">
        <v>22</v>
      </c>
      <c r="AE4425">
        <v>60</v>
      </c>
      <c r="AF4425">
        <v>0</v>
      </c>
      <c r="AG4425">
        <v>50000</v>
      </c>
      <c r="AH4425">
        <v>50000</v>
      </c>
      <c r="AI4425">
        <v>0</v>
      </c>
      <c r="AJ4425">
        <v>0</v>
      </c>
      <c r="AK4425" t="s">
        <v>6</v>
      </c>
      <c r="AL4425">
        <v>0</v>
      </c>
      <c r="AM4425">
        <v>0</v>
      </c>
      <c r="AN4425">
        <v>0</v>
      </c>
      <c r="AO4425">
        <v>0</v>
      </c>
      <c r="AP4425">
        <v>0</v>
      </c>
      <c r="AQ4425">
        <v>0</v>
      </c>
      <c r="AR4425">
        <v>0</v>
      </c>
      <c r="AS4425">
        <v>0</v>
      </c>
      <c r="AT4425">
        <v>0</v>
      </c>
      <c r="AU4425">
        <v>0</v>
      </c>
      <c r="AV4425">
        <v>0</v>
      </c>
      <c r="AW4425">
        <v>0</v>
      </c>
      <c r="AX4425">
        <v>0</v>
      </c>
      <c r="AY4425">
        <v>0</v>
      </c>
      <c r="AZ4425">
        <v>0</v>
      </c>
      <c r="BA4425">
        <v>0</v>
      </c>
    </row>
    <row r="4426" spans="1:53" x14ac:dyDescent="0.4">
      <c r="A4426">
        <v>4470</v>
      </c>
      <c r="B4426" s="1">
        <v>44513</v>
      </c>
      <c r="C4426">
        <v>2</v>
      </c>
      <c r="D4426" s="1">
        <v>44513.401388888888</v>
      </c>
      <c r="E4426" s="1">
        <v>44513.75277777778</v>
      </c>
      <c r="F4426">
        <v>32920</v>
      </c>
      <c r="G4426">
        <v>7392</v>
      </c>
      <c r="H4426">
        <v>220</v>
      </c>
      <c r="I4426">
        <v>0</v>
      </c>
      <c r="J4426">
        <v>0</v>
      </c>
      <c r="K4426">
        <v>0</v>
      </c>
      <c r="L4426">
        <v>0</v>
      </c>
      <c r="M4426">
        <v>3682</v>
      </c>
      <c r="N4426">
        <v>0</v>
      </c>
      <c r="O4426">
        <v>0</v>
      </c>
      <c r="P4426">
        <v>14290</v>
      </c>
      <c r="Q4426">
        <v>0</v>
      </c>
      <c r="R4426">
        <v>54822</v>
      </c>
      <c r="S4426">
        <v>0</v>
      </c>
      <c r="T4426">
        <v>0</v>
      </c>
      <c r="U4426">
        <v>0</v>
      </c>
      <c r="V4426">
        <v>5</v>
      </c>
      <c r="W4426">
        <v>1</v>
      </c>
      <c r="X4426">
        <v>0</v>
      </c>
      <c r="Y4426">
        <v>27</v>
      </c>
      <c r="Z4426">
        <v>26</v>
      </c>
      <c r="AA4426">
        <v>81</v>
      </c>
      <c r="AB4426">
        <v>21</v>
      </c>
      <c r="AC4426">
        <v>51</v>
      </c>
      <c r="AD4426">
        <v>21</v>
      </c>
      <c r="AE4426">
        <v>57</v>
      </c>
      <c r="AF4426">
        <v>0</v>
      </c>
      <c r="AG4426">
        <v>104822</v>
      </c>
      <c r="AH4426">
        <v>50000</v>
      </c>
      <c r="AI4426">
        <v>0</v>
      </c>
      <c r="AJ4426">
        <v>115</v>
      </c>
      <c r="AK4426" t="s">
        <v>55</v>
      </c>
      <c r="AL4426">
        <v>0</v>
      </c>
      <c r="AM4426">
        <v>0</v>
      </c>
      <c r="AN4426">
        <v>0</v>
      </c>
      <c r="AO4426">
        <v>0</v>
      </c>
      <c r="AP4426">
        <v>0</v>
      </c>
      <c r="AQ4426">
        <v>0</v>
      </c>
      <c r="AR4426">
        <v>0</v>
      </c>
      <c r="AS4426">
        <v>0</v>
      </c>
      <c r="AT4426">
        <v>0</v>
      </c>
      <c r="AU4426">
        <v>0</v>
      </c>
      <c r="AV4426">
        <v>0</v>
      </c>
      <c r="AW4426">
        <v>0</v>
      </c>
      <c r="AX4426">
        <v>748</v>
      </c>
      <c r="AY4426">
        <v>39</v>
      </c>
      <c r="AZ4426">
        <v>77</v>
      </c>
      <c r="BA4426">
        <v>5860</v>
      </c>
    </row>
    <row r="4427" spans="1:53" x14ac:dyDescent="0.4">
      <c r="A4427">
        <v>4471</v>
      </c>
      <c r="B4427" s="1">
        <v>44513</v>
      </c>
      <c r="C4427">
        <v>3</v>
      </c>
      <c r="D4427" s="1">
        <v>44513.75277777778</v>
      </c>
      <c r="E4427" s="1">
        <v>44514.077777777777</v>
      </c>
      <c r="F4427">
        <v>108900</v>
      </c>
      <c r="G4427">
        <v>1386</v>
      </c>
      <c r="H4427">
        <v>0</v>
      </c>
      <c r="I4427">
        <v>0</v>
      </c>
      <c r="J4427">
        <v>100</v>
      </c>
      <c r="K4427">
        <v>400</v>
      </c>
      <c r="L4427">
        <v>0</v>
      </c>
      <c r="M4427">
        <v>10053</v>
      </c>
      <c r="N4427">
        <v>0</v>
      </c>
      <c r="O4427">
        <v>0</v>
      </c>
      <c r="P4427">
        <v>42305</v>
      </c>
      <c r="Q4427">
        <v>0</v>
      </c>
      <c r="R4427">
        <v>152891</v>
      </c>
      <c r="S4427">
        <v>0</v>
      </c>
      <c r="T4427">
        <v>0</v>
      </c>
      <c r="U4427">
        <v>0</v>
      </c>
      <c r="V4427">
        <v>14</v>
      </c>
      <c r="W4427">
        <v>4</v>
      </c>
      <c r="X4427">
        <v>0</v>
      </c>
      <c r="Y4427">
        <v>48</v>
      </c>
      <c r="Z4427">
        <v>22</v>
      </c>
      <c r="AA4427">
        <v>66</v>
      </c>
      <c r="AB4427">
        <v>27</v>
      </c>
      <c r="AC4427">
        <v>56</v>
      </c>
      <c r="AD4427">
        <v>20</v>
      </c>
      <c r="AE4427">
        <v>63</v>
      </c>
      <c r="AF4427">
        <v>30040</v>
      </c>
      <c r="AG4427">
        <v>257713</v>
      </c>
      <c r="AH4427">
        <v>50000</v>
      </c>
      <c r="AI4427">
        <v>0</v>
      </c>
      <c r="AJ4427">
        <v>70</v>
      </c>
      <c r="AK4427" t="s">
        <v>49</v>
      </c>
      <c r="AL4427">
        <v>0</v>
      </c>
      <c r="AM4427">
        <v>0</v>
      </c>
      <c r="AN4427">
        <v>0</v>
      </c>
      <c r="AO4427">
        <v>0</v>
      </c>
      <c r="AP4427">
        <v>0</v>
      </c>
      <c r="AQ4427">
        <v>0</v>
      </c>
      <c r="AR4427">
        <v>0</v>
      </c>
      <c r="AS4427">
        <v>0</v>
      </c>
      <c r="AT4427">
        <v>0</v>
      </c>
      <c r="AU4427">
        <v>0</v>
      </c>
      <c r="AV4427">
        <v>0</v>
      </c>
      <c r="AW4427">
        <v>0</v>
      </c>
      <c r="AX4427">
        <v>2398</v>
      </c>
      <c r="AY4427">
        <v>28</v>
      </c>
      <c r="AZ4427">
        <v>78</v>
      </c>
      <c r="BA4427">
        <v>4473</v>
      </c>
    </row>
    <row r="4428" spans="1:53" x14ac:dyDescent="0.4">
      <c r="A4428">
        <v>4472</v>
      </c>
      <c r="B4428" s="1">
        <v>44514</v>
      </c>
      <c r="C4428">
        <v>1</v>
      </c>
      <c r="D4428" s="1">
        <v>44514.291666666664</v>
      </c>
      <c r="E4428" s="1">
        <v>44514.750694444447</v>
      </c>
      <c r="F4428">
        <v>43020</v>
      </c>
      <c r="G4428">
        <v>2222</v>
      </c>
      <c r="H4428">
        <v>0</v>
      </c>
      <c r="I4428">
        <v>0</v>
      </c>
      <c r="J4428">
        <v>100</v>
      </c>
      <c r="K4428">
        <v>0</v>
      </c>
      <c r="L4428">
        <v>0</v>
      </c>
      <c r="M4428">
        <v>4102</v>
      </c>
      <c r="N4428">
        <v>0</v>
      </c>
      <c r="O4428">
        <v>0</v>
      </c>
      <c r="P4428">
        <v>16380</v>
      </c>
      <c r="Q4428">
        <v>0</v>
      </c>
      <c r="R4428">
        <v>61522</v>
      </c>
      <c r="S4428">
        <v>0</v>
      </c>
      <c r="T4428">
        <v>0</v>
      </c>
      <c r="U4428">
        <v>0</v>
      </c>
      <c r="V4428">
        <v>3</v>
      </c>
      <c r="W4428">
        <v>0</v>
      </c>
      <c r="X4428">
        <v>0</v>
      </c>
      <c r="Y4428">
        <v>54</v>
      </c>
      <c r="Z4428">
        <v>34</v>
      </c>
      <c r="AA4428">
        <v>78</v>
      </c>
      <c r="AB4428">
        <v>28</v>
      </c>
      <c r="AC4428">
        <v>87</v>
      </c>
      <c r="AD4428">
        <v>18</v>
      </c>
      <c r="AE4428">
        <v>60</v>
      </c>
      <c r="AF4428">
        <v>302</v>
      </c>
      <c r="AG4428">
        <v>111522</v>
      </c>
      <c r="AH4428">
        <v>50000</v>
      </c>
      <c r="AI4428">
        <v>0</v>
      </c>
      <c r="AJ4428">
        <v>119</v>
      </c>
      <c r="AK4428" t="s">
        <v>56</v>
      </c>
      <c r="AL4428">
        <v>0</v>
      </c>
      <c r="AM4428">
        <v>0</v>
      </c>
      <c r="AN4428">
        <v>0</v>
      </c>
      <c r="AO4428">
        <v>0</v>
      </c>
      <c r="AP4428">
        <v>0</v>
      </c>
      <c r="AQ4428">
        <v>0</v>
      </c>
      <c r="AR4428">
        <v>0</v>
      </c>
      <c r="AS4428">
        <v>0</v>
      </c>
      <c r="AT4428">
        <v>0</v>
      </c>
      <c r="AU4428">
        <v>0</v>
      </c>
      <c r="AV4428">
        <v>0</v>
      </c>
      <c r="AW4428">
        <v>0</v>
      </c>
      <c r="AX4428">
        <v>0</v>
      </c>
      <c r="AY4428">
        <v>43</v>
      </c>
      <c r="AZ4428">
        <v>94</v>
      </c>
      <c r="BA4428">
        <v>7167</v>
      </c>
    </row>
    <row r="4429" spans="1:53" x14ac:dyDescent="0.4">
      <c r="A4429">
        <v>4473</v>
      </c>
      <c r="B4429" s="1">
        <v>44514</v>
      </c>
      <c r="C4429">
        <v>2</v>
      </c>
      <c r="D4429" s="1">
        <v>44514.750694444447</v>
      </c>
      <c r="E4429" s="1">
        <v>44514.976388888892</v>
      </c>
      <c r="F4429">
        <v>24740</v>
      </c>
      <c r="G4429">
        <v>594</v>
      </c>
      <c r="H4429">
        <v>0</v>
      </c>
      <c r="I4429">
        <v>0</v>
      </c>
      <c r="J4429">
        <v>0</v>
      </c>
      <c r="K4429">
        <v>0</v>
      </c>
      <c r="L4429">
        <v>0</v>
      </c>
      <c r="M4429">
        <v>2301</v>
      </c>
      <c r="N4429">
        <v>0</v>
      </c>
      <c r="O4429">
        <v>0</v>
      </c>
      <c r="P4429">
        <v>-13080</v>
      </c>
      <c r="Q4429">
        <v>0</v>
      </c>
      <c r="R4429">
        <v>12254</v>
      </c>
      <c r="S4429">
        <v>0</v>
      </c>
      <c r="T4429">
        <v>0</v>
      </c>
      <c r="U4429">
        <v>0</v>
      </c>
      <c r="V4429">
        <v>3</v>
      </c>
      <c r="W4429">
        <v>3</v>
      </c>
      <c r="X4429">
        <v>0</v>
      </c>
      <c r="Y4429">
        <v>50</v>
      </c>
      <c r="Z4429">
        <v>33</v>
      </c>
      <c r="AA4429">
        <v>95</v>
      </c>
      <c r="AB4429">
        <v>28</v>
      </c>
      <c r="AC4429">
        <v>92</v>
      </c>
      <c r="AD4429">
        <v>19</v>
      </c>
      <c r="AE4429">
        <v>59</v>
      </c>
      <c r="AF4429">
        <v>302</v>
      </c>
      <c r="AG4429">
        <v>123776</v>
      </c>
      <c r="AH4429">
        <v>50000</v>
      </c>
      <c r="AI4429">
        <v>0</v>
      </c>
      <c r="AJ4429">
        <v>108</v>
      </c>
      <c r="AK4429" t="s">
        <v>3</v>
      </c>
      <c r="AL4429">
        <v>0</v>
      </c>
      <c r="AM4429">
        <v>0</v>
      </c>
      <c r="AN4429">
        <v>0</v>
      </c>
      <c r="AO4429">
        <v>0</v>
      </c>
      <c r="AP4429">
        <v>0</v>
      </c>
      <c r="AQ4429">
        <v>0</v>
      </c>
      <c r="AR4429">
        <v>0</v>
      </c>
      <c r="AS4429">
        <v>0</v>
      </c>
      <c r="AT4429">
        <v>0</v>
      </c>
      <c r="AU4429">
        <v>0</v>
      </c>
      <c r="AV4429">
        <v>0</v>
      </c>
      <c r="AW4429">
        <v>0</v>
      </c>
      <c r="AX4429">
        <v>0</v>
      </c>
      <c r="AY4429">
        <v>6</v>
      </c>
      <c r="AZ4429">
        <v>10</v>
      </c>
      <c r="BA4429">
        <v>1325</v>
      </c>
    </row>
    <row r="4430" spans="1:53" x14ac:dyDescent="0.4">
      <c r="A4430">
        <v>4474</v>
      </c>
      <c r="B4430" s="1">
        <v>44515</v>
      </c>
      <c r="C4430">
        <v>1</v>
      </c>
      <c r="D4430" s="1">
        <v>44515.291666666664</v>
      </c>
      <c r="E4430" s="1">
        <v>44515.434027777781</v>
      </c>
      <c r="F4430">
        <v>0</v>
      </c>
      <c r="G4430">
        <v>0</v>
      </c>
      <c r="H4430">
        <v>0</v>
      </c>
      <c r="I4430">
        <v>0</v>
      </c>
      <c r="J4430">
        <v>0</v>
      </c>
      <c r="K4430">
        <v>0</v>
      </c>
      <c r="L4430">
        <v>0</v>
      </c>
      <c r="M4430">
        <v>0</v>
      </c>
      <c r="N4430">
        <v>0</v>
      </c>
      <c r="O4430">
        <v>0</v>
      </c>
      <c r="P4430">
        <v>0</v>
      </c>
      <c r="Q4430">
        <v>0</v>
      </c>
      <c r="R4430">
        <v>0</v>
      </c>
      <c r="S4430">
        <v>0</v>
      </c>
      <c r="T4430">
        <v>0</v>
      </c>
      <c r="U4430">
        <v>0</v>
      </c>
      <c r="V4430">
        <v>0</v>
      </c>
      <c r="W4430">
        <v>1</v>
      </c>
      <c r="X4430">
        <v>0</v>
      </c>
      <c r="Y4430">
        <v>25</v>
      </c>
      <c r="Z4430">
        <v>18</v>
      </c>
      <c r="AA4430">
        <v>92</v>
      </c>
      <c r="AB4430">
        <v>26</v>
      </c>
      <c r="AC4430">
        <v>35</v>
      </c>
      <c r="AD4430">
        <v>19</v>
      </c>
      <c r="AE4430">
        <v>55</v>
      </c>
      <c r="AF4430">
        <v>0</v>
      </c>
      <c r="AG4430">
        <v>50000</v>
      </c>
      <c r="AH4430">
        <v>50000</v>
      </c>
      <c r="AI4430">
        <v>0</v>
      </c>
      <c r="AJ4430">
        <v>0</v>
      </c>
      <c r="AK4430" t="s">
        <v>6</v>
      </c>
      <c r="AL4430">
        <v>0</v>
      </c>
      <c r="AM4430">
        <v>0</v>
      </c>
      <c r="AN4430">
        <v>0</v>
      </c>
      <c r="AO4430">
        <v>0</v>
      </c>
      <c r="AP4430">
        <v>0</v>
      </c>
      <c r="AQ4430">
        <v>0</v>
      </c>
      <c r="AR4430">
        <v>0</v>
      </c>
      <c r="AS4430">
        <v>0</v>
      </c>
      <c r="AT4430">
        <v>0</v>
      </c>
      <c r="AU4430">
        <v>0</v>
      </c>
      <c r="AV4430">
        <v>0</v>
      </c>
      <c r="AW4430">
        <v>0</v>
      </c>
      <c r="AX4430">
        <v>0</v>
      </c>
      <c r="AY4430">
        <v>0</v>
      </c>
      <c r="AZ4430">
        <v>0</v>
      </c>
      <c r="BA4430">
        <v>0</v>
      </c>
    </row>
    <row r="4431" spans="1:53" x14ac:dyDescent="0.4">
      <c r="A4431">
        <v>4475</v>
      </c>
      <c r="B4431" s="1">
        <v>44515</v>
      </c>
      <c r="C4431">
        <v>2</v>
      </c>
      <c r="D4431" s="1">
        <v>44515.434027777781</v>
      </c>
      <c r="E4431" s="1">
        <v>44515.769444444442</v>
      </c>
      <c r="F4431">
        <v>5410</v>
      </c>
      <c r="G4431">
        <v>440</v>
      </c>
      <c r="H4431">
        <v>0</v>
      </c>
      <c r="I4431">
        <v>0</v>
      </c>
      <c r="J4431">
        <v>0</v>
      </c>
      <c r="K4431">
        <v>0</v>
      </c>
      <c r="L4431">
        <v>0</v>
      </c>
      <c r="M4431">
        <v>532</v>
      </c>
      <c r="N4431">
        <v>0</v>
      </c>
      <c r="O4431">
        <v>0</v>
      </c>
      <c r="P4431">
        <v>9580</v>
      </c>
      <c r="Q4431">
        <v>0</v>
      </c>
      <c r="R4431">
        <v>15430</v>
      </c>
      <c r="S4431">
        <v>0</v>
      </c>
      <c r="T4431">
        <v>0</v>
      </c>
      <c r="U4431">
        <v>0</v>
      </c>
      <c r="V4431">
        <v>0</v>
      </c>
      <c r="W4431">
        <v>1</v>
      </c>
      <c r="X4431">
        <v>0</v>
      </c>
      <c r="Y4431">
        <v>39</v>
      </c>
      <c r="Z4431">
        <v>19</v>
      </c>
      <c r="AA4431">
        <v>99</v>
      </c>
      <c r="AB4431">
        <v>28</v>
      </c>
      <c r="AC4431">
        <v>47</v>
      </c>
      <c r="AD4431">
        <v>21</v>
      </c>
      <c r="AE4431">
        <v>55</v>
      </c>
      <c r="AF4431">
        <v>0</v>
      </c>
      <c r="AG4431">
        <v>65430</v>
      </c>
      <c r="AH4431">
        <v>50000</v>
      </c>
      <c r="AI4431">
        <v>0</v>
      </c>
      <c r="AJ4431">
        <v>108</v>
      </c>
      <c r="AK4431" t="s">
        <v>3</v>
      </c>
      <c r="AL4431">
        <v>0</v>
      </c>
      <c r="AM4431">
        <v>0</v>
      </c>
      <c r="AN4431">
        <v>0</v>
      </c>
      <c r="AO4431">
        <v>0</v>
      </c>
      <c r="AP4431">
        <v>0</v>
      </c>
      <c r="AQ4431">
        <v>0</v>
      </c>
      <c r="AR4431">
        <v>0</v>
      </c>
      <c r="AS4431">
        <v>0</v>
      </c>
      <c r="AT4431">
        <v>0</v>
      </c>
      <c r="AU4431">
        <v>0</v>
      </c>
      <c r="AV4431">
        <v>0</v>
      </c>
      <c r="AW4431">
        <v>0</v>
      </c>
      <c r="AX4431">
        <v>-1200</v>
      </c>
      <c r="AY4431">
        <v>16</v>
      </c>
      <c r="AZ4431">
        <v>26</v>
      </c>
      <c r="BA4431">
        <v>1584</v>
      </c>
    </row>
    <row r="4432" spans="1:53" x14ac:dyDescent="0.4">
      <c r="A4432">
        <v>4476</v>
      </c>
      <c r="B4432" s="1">
        <v>44516</v>
      </c>
      <c r="C4432">
        <v>1</v>
      </c>
      <c r="D4432" s="1">
        <v>44516.291666666664</v>
      </c>
      <c r="E4432" s="1">
        <v>44516.431250000001</v>
      </c>
      <c r="F4432">
        <v>0</v>
      </c>
      <c r="G4432">
        <v>0</v>
      </c>
      <c r="H4432">
        <v>0</v>
      </c>
      <c r="I4432">
        <v>0</v>
      </c>
      <c r="J4432">
        <v>0</v>
      </c>
      <c r="K4432">
        <v>0</v>
      </c>
      <c r="L4432">
        <v>0</v>
      </c>
      <c r="M4432">
        <v>0</v>
      </c>
      <c r="N4432">
        <v>0</v>
      </c>
      <c r="O4432">
        <v>0</v>
      </c>
      <c r="P4432">
        <v>0</v>
      </c>
      <c r="Q4432">
        <v>0</v>
      </c>
      <c r="R4432">
        <v>0</v>
      </c>
      <c r="S4432">
        <v>0</v>
      </c>
      <c r="T4432">
        <v>0</v>
      </c>
      <c r="U4432">
        <v>0</v>
      </c>
      <c r="V4432">
        <v>0</v>
      </c>
      <c r="W4432">
        <v>1</v>
      </c>
      <c r="X4432">
        <v>0</v>
      </c>
      <c r="Y4432">
        <v>28</v>
      </c>
      <c r="Z4432">
        <v>13</v>
      </c>
      <c r="AA4432">
        <v>86</v>
      </c>
      <c r="AB4432">
        <v>26</v>
      </c>
      <c r="AC4432">
        <v>44</v>
      </c>
      <c r="AD4432">
        <v>21</v>
      </c>
      <c r="AE4432">
        <v>55</v>
      </c>
      <c r="AF4432">
        <v>0</v>
      </c>
      <c r="AG4432">
        <v>50000</v>
      </c>
      <c r="AH4432">
        <v>50000</v>
      </c>
      <c r="AI4432">
        <v>0</v>
      </c>
      <c r="AJ4432">
        <v>0</v>
      </c>
      <c r="AK4432" t="s">
        <v>6</v>
      </c>
      <c r="AL4432">
        <v>0</v>
      </c>
      <c r="AM4432">
        <v>0</v>
      </c>
      <c r="AN4432">
        <v>0</v>
      </c>
      <c r="AO4432">
        <v>0</v>
      </c>
      <c r="AP4432">
        <v>0</v>
      </c>
      <c r="AQ4432">
        <v>0</v>
      </c>
      <c r="AR4432">
        <v>0</v>
      </c>
      <c r="AS4432">
        <v>0</v>
      </c>
      <c r="AT4432">
        <v>0</v>
      </c>
      <c r="AU4432">
        <v>0</v>
      </c>
      <c r="AV4432">
        <v>0</v>
      </c>
      <c r="AW4432">
        <v>0</v>
      </c>
      <c r="AX4432">
        <v>0</v>
      </c>
      <c r="AY4432">
        <v>0</v>
      </c>
      <c r="AZ4432">
        <v>0</v>
      </c>
      <c r="BA4432">
        <v>0</v>
      </c>
    </row>
    <row r="4433" spans="1:53" x14ac:dyDescent="0.4">
      <c r="A4433">
        <v>4477</v>
      </c>
      <c r="B4433" s="1">
        <v>44516</v>
      </c>
      <c r="C4433">
        <v>2</v>
      </c>
      <c r="D4433" s="1">
        <v>44516.431250000001</v>
      </c>
      <c r="E4433" s="1">
        <v>44516.753472222219</v>
      </c>
      <c r="F4433">
        <v>10080</v>
      </c>
      <c r="G4433">
        <v>440</v>
      </c>
      <c r="H4433">
        <v>0</v>
      </c>
      <c r="I4433">
        <v>0</v>
      </c>
      <c r="J4433">
        <v>0</v>
      </c>
      <c r="K4433">
        <v>0</v>
      </c>
      <c r="L4433">
        <v>0</v>
      </c>
      <c r="M4433">
        <v>956</v>
      </c>
      <c r="N4433">
        <v>0</v>
      </c>
      <c r="O4433">
        <v>0</v>
      </c>
      <c r="P4433">
        <v>8890</v>
      </c>
      <c r="Q4433">
        <v>0</v>
      </c>
      <c r="R4433">
        <v>19410</v>
      </c>
      <c r="S4433">
        <v>0</v>
      </c>
      <c r="T4433">
        <v>0</v>
      </c>
      <c r="U4433">
        <v>0</v>
      </c>
      <c r="V4433">
        <v>0</v>
      </c>
      <c r="W4433">
        <v>0</v>
      </c>
      <c r="X4433">
        <v>0</v>
      </c>
      <c r="Y4433">
        <v>43</v>
      </c>
      <c r="Z4433">
        <v>19</v>
      </c>
      <c r="AA4433">
        <v>65</v>
      </c>
      <c r="AB4433">
        <v>27</v>
      </c>
      <c r="AC4433">
        <v>36</v>
      </c>
      <c r="AD4433">
        <v>20</v>
      </c>
      <c r="AE4433">
        <v>51</v>
      </c>
      <c r="AF4433">
        <v>8549</v>
      </c>
      <c r="AG4433">
        <v>69410</v>
      </c>
      <c r="AH4433">
        <v>50000</v>
      </c>
      <c r="AI4433">
        <v>0</v>
      </c>
      <c r="AJ4433">
        <v>70</v>
      </c>
      <c r="AK4433" t="s">
        <v>49</v>
      </c>
      <c r="AL4433">
        <v>0</v>
      </c>
      <c r="AM4433">
        <v>0</v>
      </c>
      <c r="AN4433">
        <v>0</v>
      </c>
      <c r="AO4433">
        <v>0</v>
      </c>
      <c r="AP4433">
        <v>0</v>
      </c>
      <c r="AQ4433">
        <v>0</v>
      </c>
      <c r="AR4433">
        <v>0</v>
      </c>
      <c r="AS4433">
        <v>0</v>
      </c>
      <c r="AT4433">
        <v>0</v>
      </c>
      <c r="AU4433">
        <v>0</v>
      </c>
      <c r="AV4433">
        <v>0</v>
      </c>
      <c r="AW4433">
        <v>0</v>
      </c>
      <c r="AX4433">
        <v>1034</v>
      </c>
      <c r="AY4433">
        <v>20</v>
      </c>
      <c r="AZ4433">
        <v>31</v>
      </c>
      <c r="BA4433">
        <v>2807</v>
      </c>
    </row>
    <row r="4434" spans="1:53" x14ac:dyDescent="0.4">
      <c r="A4434">
        <v>4478</v>
      </c>
      <c r="B4434" s="1">
        <v>44517</v>
      </c>
      <c r="C4434">
        <v>1</v>
      </c>
      <c r="D4434" s="1">
        <v>44517.291666666664</v>
      </c>
      <c r="E4434" s="1">
        <v>44517.435416666667</v>
      </c>
      <c r="F4434">
        <v>0</v>
      </c>
      <c r="G4434">
        <v>0</v>
      </c>
      <c r="H4434">
        <v>0</v>
      </c>
      <c r="I4434">
        <v>0</v>
      </c>
      <c r="J4434">
        <v>0</v>
      </c>
      <c r="K4434">
        <v>0</v>
      </c>
      <c r="L4434">
        <v>0</v>
      </c>
      <c r="M4434">
        <v>0</v>
      </c>
      <c r="N4434">
        <v>0</v>
      </c>
      <c r="O4434">
        <v>0</v>
      </c>
      <c r="P4434">
        <v>0</v>
      </c>
      <c r="Q4434">
        <v>0</v>
      </c>
      <c r="R4434">
        <v>0</v>
      </c>
      <c r="S4434">
        <v>0</v>
      </c>
      <c r="T4434">
        <v>0</v>
      </c>
      <c r="U4434">
        <v>0</v>
      </c>
      <c r="V4434">
        <v>0</v>
      </c>
      <c r="W4434">
        <v>0</v>
      </c>
      <c r="X4434">
        <v>0</v>
      </c>
      <c r="Y4434">
        <v>31</v>
      </c>
      <c r="Z4434">
        <v>20</v>
      </c>
      <c r="AA4434">
        <v>70</v>
      </c>
      <c r="AB4434">
        <v>29</v>
      </c>
      <c r="AC4434">
        <v>40</v>
      </c>
      <c r="AD4434">
        <v>20</v>
      </c>
      <c r="AE4434">
        <v>50</v>
      </c>
      <c r="AF4434">
        <v>0</v>
      </c>
      <c r="AG4434">
        <v>50000</v>
      </c>
      <c r="AH4434">
        <v>50000</v>
      </c>
      <c r="AI4434">
        <v>0</v>
      </c>
      <c r="AJ4434">
        <v>0</v>
      </c>
      <c r="AK4434" t="s">
        <v>6</v>
      </c>
      <c r="AL4434">
        <v>0</v>
      </c>
      <c r="AM4434">
        <v>0</v>
      </c>
      <c r="AN4434">
        <v>0</v>
      </c>
      <c r="AO4434">
        <v>0</v>
      </c>
      <c r="AP4434">
        <v>0</v>
      </c>
      <c r="AQ4434">
        <v>0</v>
      </c>
      <c r="AR4434">
        <v>0</v>
      </c>
      <c r="AS4434">
        <v>0</v>
      </c>
      <c r="AT4434">
        <v>0</v>
      </c>
      <c r="AU4434">
        <v>0</v>
      </c>
      <c r="AV4434">
        <v>0</v>
      </c>
      <c r="AW4434">
        <v>0</v>
      </c>
      <c r="AX4434">
        <v>0</v>
      </c>
      <c r="AY4434">
        <v>0</v>
      </c>
      <c r="AZ4434">
        <v>0</v>
      </c>
      <c r="BA4434">
        <v>0</v>
      </c>
    </row>
    <row r="4435" spans="1:53" x14ac:dyDescent="0.4">
      <c r="A4435">
        <v>4479</v>
      </c>
      <c r="B4435" s="1">
        <v>44517</v>
      </c>
      <c r="C4435">
        <v>2</v>
      </c>
      <c r="D4435" s="1">
        <v>44517.435416666667</v>
      </c>
      <c r="E4435" s="1">
        <v>44517.75277777778</v>
      </c>
      <c r="F4435">
        <v>15700</v>
      </c>
      <c r="G4435">
        <v>902</v>
      </c>
      <c r="H4435">
        <v>0</v>
      </c>
      <c r="I4435">
        <v>0</v>
      </c>
      <c r="J4435">
        <v>100</v>
      </c>
      <c r="K4435">
        <v>0</v>
      </c>
      <c r="L4435">
        <v>0</v>
      </c>
      <c r="M4435">
        <v>1500</v>
      </c>
      <c r="N4435">
        <v>0</v>
      </c>
      <c r="O4435">
        <v>0</v>
      </c>
      <c r="P4435">
        <v>10170</v>
      </c>
      <c r="Q4435">
        <v>0</v>
      </c>
      <c r="R4435">
        <v>26672</v>
      </c>
      <c r="S4435">
        <v>0</v>
      </c>
      <c r="T4435">
        <v>0</v>
      </c>
      <c r="U4435">
        <v>0</v>
      </c>
      <c r="V4435">
        <v>2</v>
      </c>
      <c r="W4435">
        <v>1</v>
      </c>
      <c r="X4435">
        <v>0</v>
      </c>
      <c r="Y4435">
        <v>29</v>
      </c>
      <c r="Z4435">
        <v>23</v>
      </c>
      <c r="AA4435">
        <v>70</v>
      </c>
      <c r="AB4435">
        <v>33</v>
      </c>
      <c r="AC4435">
        <v>71</v>
      </c>
      <c r="AD4435">
        <v>20</v>
      </c>
      <c r="AE4435">
        <v>52</v>
      </c>
      <c r="AF4435">
        <v>1660</v>
      </c>
      <c r="AG4435">
        <v>76672</v>
      </c>
      <c r="AH4435">
        <v>50000</v>
      </c>
      <c r="AI4435">
        <v>0</v>
      </c>
      <c r="AJ4435">
        <v>116</v>
      </c>
      <c r="AK4435" t="s">
        <v>54</v>
      </c>
      <c r="AL4435">
        <v>0</v>
      </c>
      <c r="AM4435">
        <v>0</v>
      </c>
      <c r="AN4435">
        <v>0</v>
      </c>
      <c r="AO4435">
        <v>0</v>
      </c>
      <c r="AP4435">
        <v>0</v>
      </c>
      <c r="AQ4435">
        <v>0</v>
      </c>
      <c r="AR4435">
        <v>0</v>
      </c>
      <c r="AS4435">
        <v>0</v>
      </c>
      <c r="AT4435">
        <v>0</v>
      </c>
      <c r="AU4435">
        <v>0</v>
      </c>
      <c r="AV4435">
        <v>0</v>
      </c>
      <c r="AW4435">
        <v>0</v>
      </c>
      <c r="AX4435">
        <v>-2266</v>
      </c>
      <c r="AY4435">
        <v>24</v>
      </c>
      <c r="AZ4435">
        <v>44</v>
      </c>
      <c r="BA4435">
        <v>2752</v>
      </c>
    </row>
    <row r="4436" spans="1:53" x14ac:dyDescent="0.4">
      <c r="A4436">
        <v>4480</v>
      </c>
      <c r="B4436" s="1">
        <v>44517</v>
      </c>
      <c r="C4436">
        <v>3</v>
      </c>
      <c r="D4436" s="1">
        <v>44517.75277777778</v>
      </c>
      <c r="E4436" s="1">
        <v>44518.025694444441</v>
      </c>
      <c r="F4436">
        <v>31470</v>
      </c>
      <c r="G4436">
        <v>1980</v>
      </c>
      <c r="H4436">
        <v>0</v>
      </c>
      <c r="I4436">
        <v>0</v>
      </c>
      <c r="J4436">
        <v>0</v>
      </c>
      <c r="K4436">
        <v>0</v>
      </c>
      <c r="L4436">
        <v>0</v>
      </c>
      <c r="M4436">
        <v>3040</v>
      </c>
      <c r="N4436">
        <v>0</v>
      </c>
      <c r="O4436">
        <v>0</v>
      </c>
      <c r="P4436">
        <v>-6770</v>
      </c>
      <c r="Q4436">
        <v>0</v>
      </c>
      <c r="R4436">
        <v>26680</v>
      </c>
      <c r="S4436">
        <v>0</v>
      </c>
      <c r="T4436">
        <v>0</v>
      </c>
      <c r="U4436">
        <v>0</v>
      </c>
      <c r="V4436">
        <v>3</v>
      </c>
      <c r="W4436">
        <v>1</v>
      </c>
      <c r="X4436">
        <v>0</v>
      </c>
      <c r="Y4436">
        <v>41</v>
      </c>
      <c r="Z4436">
        <v>26</v>
      </c>
      <c r="AA4436">
        <v>71</v>
      </c>
      <c r="AB4436">
        <v>34</v>
      </c>
      <c r="AC4436">
        <v>82</v>
      </c>
      <c r="AD4436">
        <v>19</v>
      </c>
      <c r="AE4436">
        <v>97</v>
      </c>
      <c r="AF4436">
        <v>4540</v>
      </c>
      <c r="AG4436">
        <v>103352</v>
      </c>
      <c r="AH4436">
        <v>50000</v>
      </c>
      <c r="AI4436">
        <v>0</v>
      </c>
      <c r="AJ4436">
        <v>108</v>
      </c>
      <c r="AK4436" t="s">
        <v>3</v>
      </c>
      <c r="AL4436">
        <v>0</v>
      </c>
      <c r="AM4436">
        <v>0</v>
      </c>
      <c r="AN4436">
        <v>0</v>
      </c>
      <c r="AO4436">
        <v>0</v>
      </c>
      <c r="AP4436">
        <v>0</v>
      </c>
      <c r="AQ4436">
        <v>0</v>
      </c>
      <c r="AR4436">
        <v>0</v>
      </c>
      <c r="AS4436">
        <v>0</v>
      </c>
      <c r="AT4436">
        <v>0</v>
      </c>
      <c r="AU4436">
        <v>0</v>
      </c>
      <c r="AV4436">
        <v>0</v>
      </c>
      <c r="AW4436">
        <v>0</v>
      </c>
      <c r="AX4436">
        <v>3619</v>
      </c>
      <c r="AY4436">
        <v>9</v>
      </c>
      <c r="AZ4436">
        <v>21</v>
      </c>
      <c r="BA4436">
        <v>1843</v>
      </c>
    </row>
    <row r="4437" spans="1:53" x14ac:dyDescent="0.4">
      <c r="A4437">
        <v>4481</v>
      </c>
      <c r="B4437" s="1">
        <v>44517</v>
      </c>
      <c r="C4437">
        <v>4</v>
      </c>
      <c r="D4437" s="1">
        <v>44518.025694444441</v>
      </c>
      <c r="E4437" s="1">
        <v>44518.113888888889</v>
      </c>
      <c r="F4437">
        <v>660</v>
      </c>
      <c r="G4437">
        <v>0</v>
      </c>
      <c r="H4437">
        <v>0</v>
      </c>
      <c r="I4437">
        <v>0</v>
      </c>
      <c r="J4437">
        <v>0</v>
      </c>
      <c r="K4437">
        <v>0</v>
      </c>
      <c r="L4437">
        <v>0</v>
      </c>
      <c r="M4437">
        <v>60</v>
      </c>
      <c r="N4437">
        <v>0</v>
      </c>
      <c r="O4437">
        <v>0</v>
      </c>
      <c r="P4437">
        <v>5929</v>
      </c>
      <c r="Q4437">
        <v>0</v>
      </c>
      <c r="R4437">
        <v>6589</v>
      </c>
      <c r="S4437">
        <v>0</v>
      </c>
      <c r="T4437">
        <v>0</v>
      </c>
      <c r="U4437">
        <v>0</v>
      </c>
      <c r="V4437">
        <v>3</v>
      </c>
      <c r="W4437">
        <v>2</v>
      </c>
      <c r="X4437">
        <v>0</v>
      </c>
      <c r="Y4437">
        <v>43</v>
      </c>
      <c r="Z4437">
        <v>25</v>
      </c>
      <c r="AA4437">
        <v>65</v>
      </c>
      <c r="AB4437">
        <v>34</v>
      </c>
      <c r="AC4437">
        <v>82</v>
      </c>
      <c r="AD4437">
        <v>20</v>
      </c>
      <c r="AE4437">
        <v>51</v>
      </c>
      <c r="AF4437">
        <v>5270</v>
      </c>
      <c r="AG4437">
        <v>109941</v>
      </c>
      <c r="AH4437">
        <v>50000</v>
      </c>
      <c r="AI4437">
        <v>0</v>
      </c>
      <c r="AJ4437">
        <v>108</v>
      </c>
      <c r="AK4437" t="s">
        <v>3</v>
      </c>
      <c r="AL4437">
        <v>0</v>
      </c>
      <c r="AM4437">
        <v>0</v>
      </c>
      <c r="AN4437">
        <v>0</v>
      </c>
      <c r="AO4437">
        <v>0</v>
      </c>
      <c r="AP4437">
        <v>0</v>
      </c>
      <c r="AQ4437">
        <v>0</v>
      </c>
      <c r="AR4437">
        <v>0</v>
      </c>
      <c r="AS4437">
        <v>0</v>
      </c>
      <c r="AT4437">
        <v>0</v>
      </c>
      <c r="AU4437">
        <v>0</v>
      </c>
      <c r="AV4437">
        <v>0</v>
      </c>
      <c r="AW4437">
        <v>0</v>
      </c>
      <c r="AX4437">
        <v>0</v>
      </c>
      <c r="AY4437">
        <v>0</v>
      </c>
      <c r="AZ4437">
        <v>0</v>
      </c>
      <c r="BA4437">
        <v>260</v>
      </c>
    </row>
    <row r="4438" spans="1:53" x14ac:dyDescent="0.4">
      <c r="A4438">
        <v>4482</v>
      </c>
      <c r="B4438" s="1">
        <v>44518</v>
      </c>
      <c r="C4438">
        <v>1</v>
      </c>
      <c r="D4438" s="1">
        <v>44518.291666666664</v>
      </c>
      <c r="E4438" s="1">
        <v>44518.753472222219</v>
      </c>
      <c r="F4438">
        <v>14640</v>
      </c>
      <c r="G4438">
        <v>0</v>
      </c>
      <c r="H4438">
        <v>0</v>
      </c>
      <c r="I4438">
        <v>0</v>
      </c>
      <c r="J4438">
        <v>0</v>
      </c>
      <c r="K4438">
        <v>0</v>
      </c>
      <c r="L4438">
        <v>0</v>
      </c>
      <c r="M4438">
        <v>1332</v>
      </c>
      <c r="N4438">
        <v>0</v>
      </c>
      <c r="O4438">
        <v>0</v>
      </c>
      <c r="P4438">
        <v>16050</v>
      </c>
      <c r="Q4438">
        <v>0</v>
      </c>
      <c r="R4438">
        <v>30690</v>
      </c>
      <c r="S4438">
        <v>0</v>
      </c>
      <c r="T4438">
        <v>0</v>
      </c>
      <c r="U4438">
        <v>0</v>
      </c>
      <c r="V4438">
        <v>1</v>
      </c>
      <c r="W4438">
        <v>1</v>
      </c>
      <c r="X4438">
        <v>0</v>
      </c>
      <c r="Y4438">
        <v>41</v>
      </c>
      <c r="Z4438">
        <v>28</v>
      </c>
      <c r="AA4438">
        <v>81</v>
      </c>
      <c r="AB4438">
        <v>26</v>
      </c>
      <c r="AC4438">
        <v>54</v>
      </c>
      <c r="AD4438">
        <v>20</v>
      </c>
      <c r="AE4438">
        <v>50</v>
      </c>
      <c r="AF4438">
        <v>600</v>
      </c>
      <c r="AG4438">
        <v>80690</v>
      </c>
      <c r="AH4438">
        <v>50000</v>
      </c>
      <c r="AI4438">
        <v>0</v>
      </c>
      <c r="AJ4438">
        <v>104</v>
      </c>
      <c r="AK4438" t="s">
        <v>52</v>
      </c>
      <c r="AL4438">
        <v>0</v>
      </c>
      <c r="AM4438">
        <v>0</v>
      </c>
      <c r="AN4438">
        <v>0</v>
      </c>
      <c r="AO4438">
        <v>0</v>
      </c>
      <c r="AP4438">
        <v>0</v>
      </c>
      <c r="AQ4438">
        <v>0</v>
      </c>
      <c r="AR4438">
        <v>0</v>
      </c>
      <c r="AS4438">
        <v>0</v>
      </c>
      <c r="AT4438">
        <v>0</v>
      </c>
      <c r="AU4438">
        <v>0</v>
      </c>
      <c r="AV4438">
        <v>0</v>
      </c>
      <c r="AW4438">
        <v>0</v>
      </c>
      <c r="AX4438">
        <v>1188</v>
      </c>
      <c r="AY4438">
        <v>29</v>
      </c>
      <c r="AZ4438">
        <v>50</v>
      </c>
      <c r="BA4438">
        <v>4439</v>
      </c>
    </row>
    <row r="4439" spans="1:53" x14ac:dyDescent="0.4">
      <c r="A4439">
        <v>4483</v>
      </c>
      <c r="B4439" s="1">
        <v>44518</v>
      </c>
      <c r="C4439">
        <v>2</v>
      </c>
      <c r="D4439" s="1">
        <v>44518.753472222219</v>
      </c>
      <c r="E4439" s="1">
        <v>44518.961805555555</v>
      </c>
      <c r="F4439">
        <v>30810</v>
      </c>
      <c r="G4439">
        <v>1826</v>
      </c>
      <c r="H4439">
        <v>0</v>
      </c>
      <c r="I4439">
        <v>0</v>
      </c>
      <c r="J4439">
        <v>0</v>
      </c>
      <c r="K4439">
        <v>0</v>
      </c>
      <c r="L4439">
        <v>0</v>
      </c>
      <c r="M4439">
        <v>2967</v>
      </c>
      <c r="N4439">
        <v>0</v>
      </c>
      <c r="O4439">
        <v>0</v>
      </c>
      <c r="P4439">
        <v>-11430</v>
      </c>
      <c r="Q4439">
        <v>0</v>
      </c>
      <c r="R4439">
        <v>21206</v>
      </c>
      <c r="S4439">
        <v>0</v>
      </c>
      <c r="T4439">
        <v>0</v>
      </c>
      <c r="U4439">
        <v>0</v>
      </c>
      <c r="V4439">
        <v>1</v>
      </c>
      <c r="W4439">
        <v>2</v>
      </c>
      <c r="X4439">
        <v>0</v>
      </c>
      <c r="Y4439">
        <v>52</v>
      </c>
      <c r="Z4439">
        <v>29</v>
      </c>
      <c r="AA4439">
        <v>58</v>
      </c>
      <c r="AB4439">
        <v>25</v>
      </c>
      <c r="AC4439">
        <v>59</v>
      </c>
      <c r="AD4439">
        <v>19</v>
      </c>
      <c r="AE4439">
        <v>51</v>
      </c>
      <c r="AF4439">
        <v>7610</v>
      </c>
      <c r="AG4439">
        <v>101896</v>
      </c>
      <c r="AH4439">
        <v>50000</v>
      </c>
      <c r="AI4439">
        <v>0</v>
      </c>
      <c r="AJ4439">
        <v>70</v>
      </c>
      <c r="AK4439" t="s">
        <v>49</v>
      </c>
      <c r="AL4439">
        <v>0</v>
      </c>
      <c r="AM4439">
        <v>0</v>
      </c>
      <c r="AN4439">
        <v>0</v>
      </c>
      <c r="AO4439">
        <v>0</v>
      </c>
      <c r="AP4439">
        <v>0</v>
      </c>
      <c r="AQ4439">
        <v>0</v>
      </c>
      <c r="AR4439">
        <v>0</v>
      </c>
      <c r="AS4439">
        <v>0</v>
      </c>
      <c r="AT4439">
        <v>0</v>
      </c>
      <c r="AU4439">
        <v>0</v>
      </c>
      <c r="AV4439">
        <v>0</v>
      </c>
      <c r="AW4439">
        <v>0</v>
      </c>
      <c r="AX4439">
        <v>0</v>
      </c>
      <c r="AY4439">
        <v>7</v>
      </c>
      <c r="AZ4439">
        <v>16</v>
      </c>
      <c r="BA4439">
        <v>1560</v>
      </c>
    </row>
    <row r="4440" spans="1:53" x14ac:dyDescent="0.4">
      <c r="A4440">
        <v>4484</v>
      </c>
      <c r="B4440" s="1">
        <v>44519</v>
      </c>
      <c r="C4440">
        <v>1</v>
      </c>
      <c r="D4440" s="1">
        <v>44519.291666666664</v>
      </c>
      <c r="E4440" s="1">
        <v>44519.4375</v>
      </c>
      <c r="F4440">
        <v>0</v>
      </c>
      <c r="G4440">
        <v>0</v>
      </c>
      <c r="H4440">
        <v>0</v>
      </c>
      <c r="I4440">
        <v>0</v>
      </c>
      <c r="J4440">
        <v>0</v>
      </c>
      <c r="K4440">
        <v>0</v>
      </c>
      <c r="L4440">
        <v>0</v>
      </c>
      <c r="M4440">
        <v>0</v>
      </c>
      <c r="N4440">
        <v>0</v>
      </c>
      <c r="O4440">
        <v>0</v>
      </c>
      <c r="P4440">
        <v>0</v>
      </c>
      <c r="Q4440">
        <v>0</v>
      </c>
      <c r="R4440">
        <v>0</v>
      </c>
      <c r="S4440">
        <v>0</v>
      </c>
      <c r="T4440">
        <v>0</v>
      </c>
      <c r="U4440">
        <v>0</v>
      </c>
      <c r="V4440">
        <v>0</v>
      </c>
      <c r="W4440">
        <v>1</v>
      </c>
      <c r="X4440">
        <v>0</v>
      </c>
      <c r="Y4440">
        <v>25</v>
      </c>
      <c r="Z4440">
        <v>24</v>
      </c>
      <c r="AA4440">
        <v>62</v>
      </c>
      <c r="AB4440">
        <v>25</v>
      </c>
      <c r="AC4440">
        <v>40</v>
      </c>
      <c r="AD4440">
        <v>20</v>
      </c>
      <c r="AE4440">
        <v>50</v>
      </c>
      <c r="AF4440">
        <v>0</v>
      </c>
      <c r="AG4440">
        <v>50000</v>
      </c>
      <c r="AH4440">
        <v>50000</v>
      </c>
      <c r="AI4440">
        <v>0</v>
      </c>
      <c r="AJ4440">
        <v>0</v>
      </c>
      <c r="AK4440" t="s">
        <v>6</v>
      </c>
      <c r="AL4440">
        <v>0</v>
      </c>
      <c r="AM4440">
        <v>0</v>
      </c>
      <c r="AN4440">
        <v>0</v>
      </c>
      <c r="AO4440">
        <v>0</v>
      </c>
      <c r="AP4440">
        <v>0</v>
      </c>
      <c r="AQ4440">
        <v>0</v>
      </c>
      <c r="AR4440">
        <v>0</v>
      </c>
      <c r="AS4440">
        <v>0</v>
      </c>
      <c r="AT4440">
        <v>0</v>
      </c>
      <c r="AU4440">
        <v>0</v>
      </c>
      <c r="AV4440">
        <v>0</v>
      </c>
      <c r="AW4440">
        <v>0</v>
      </c>
      <c r="AX4440">
        <v>0</v>
      </c>
      <c r="AY4440">
        <v>0</v>
      </c>
      <c r="AZ4440">
        <v>0</v>
      </c>
      <c r="BA4440">
        <v>0</v>
      </c>
    </row>
    <row r="4441" spans="1:53" x14ac:dyDescent="0.4">
      <c r="A4441">
        <v>4485</v>
      </c>
      <c r="B4441" s="1">
        <v>44519</v>
      </c>
      <c r="C4441">
        <v>2</v>
      </c>
      <c r="D4441" s="1">
        <v>44519.4375</v>
      </c>
      <c r="E4441" s="1">
        <v>44519.752083333333</v>
      </c>
      <c r="F4441">
        <v>12400</v>
      </c>
      <c r="G4441">
        <v>2552</v>
      </c>
      <c r="H4441">
        <v>220</v>
      </c>
      <c r="I4441">
        <v>0</v>
      </c>
      <c r="J4441">
        <v>0</v>
      </c>
      <c r="K4441">
        <v>0</v>
      </c>
      <c r="L4441">
        <v>0</v>
      </c>
      <c r="M4441">
        <v>1380</v>
      </c>
      <c r="N4441">
        <v>0</v>
      </c>
      <c r="O4441">
        <v>0</v>
      </c>
      <c r="P4441">
        <v>10030</v>
      </c>
      <c r="Q4441">
        <v>0</v>
      </c>
      <c r="R4441">
        <v>25202</v>
      </c>
      <c r="S4441">
        <v>0</v>
      </c>
      <c r="T4441">
        <v>0</v>
      </c>
      <c r="U4441">
        <v>0</v>
      </c>
      <c r="V4441">
        <v>1</v>
      </c>
      <c r="W4441">
        <v>0</v>
      </c>
      <c r="X4441">
        <v>0</v>
      </c>
      <c r="Y4441">
        <v>44</v>
      </c>
      <c r="Z4441">
        <v>30</v>
      </c>
      <c r="AA4441">
        <v>48</v>
      </c>
      <c r="AB4441">
        <v>19</v>
      </c>
      <c r="AC4441">
        <v>31</v>
      </c>
      <c r="AD4441">
        <v>18</v>
      </c>
      <c r="AE4441">
        <v>52</v>
      </c>
      <c r="AF4441">
        <v>0</v>
      </c>
      <c r="AG4441">
        <v>75202</v>
      </c>
      <c r="AH4441">
        <v>50000</v>
      </c>
      <c r="AI4441">
        <v>0</v>
      </c>
      <c r="AJ4441">
        <v>116</v>
      </c>
      <c r="AK4441" t="s">
        <v>54</v>
      </c>
      <c r="AL4441">
        <v>0</v>
      </c>
      <c r="AM4441">
        <v>0</v>
      </c>
      <c r="AN4441">
        <v>0</v>
      </c>
      <c r="AO4441">
        <v>0</v>
      </c>
      <c r="AP4441">
        <v>0</v>
      </c>
      <c r="AQ4441">
        <v>0</v>
      </c>
      <c r="AR4441">
        <v>0</v>
      </c>
      <c r="AS4441">
        <v>0</v>
      </c>
      <c r="AT4441">
        <v>0</v>
      </c>
      <c r="AU4441">
        <v>0</v>
      </c>
      <c r="AV4441">
        <v>0</v>
      </c>
      <c r="AW4441">
        <v>0</v>
      </c>
      <c r="AX4441">
        <v>594</v>
      </c>
      <c r="AY4441">
        <v>28</v>
      </c>
      <c r="AZ4441">
        <v>39</v>
      </c>
      <c r="BA4441">
        <v>3828</v>
      </c>
    </row>
    <row r="4442" spans="1:53" x14ac:dyDescent="0.4">
      <c r="A4442">
        <v>4486</v>
      </c>
      <c r="B4442" s="1">
        <v>44519</v>
      </c>
      <c r="C4442">
        <v>3</v>
      </c>
      <c r="D4442" s="1">
        <v>44519.752083333333</v>
      </c>
      <c r="E4442" s="1">
        <v>44519.967361111114</v>
      </c>
      <c r="F4442">
        <v>58860</v>
      </c>
      <c r="G4442">
        <v>3300</v>
      </c>
      <c r="H4442">
        <v>0</v>
      </c>
      <c r="I4442">
        <v>0</v>
      </c>
      <c r="J4442">
        <v>0</v>
      </c>
      <c r="K4442">
        <v>0</v>
      </c>
      <c r="L4442">
        <v>0</v>
      </c>
      <c r="M4442">
        <v>5652</v>
      </c>
      <c r="N4442">
        <v>0</v>
      </c>
      <c r="O4442">
        <v>0</v>
      </c>
      <c r="P4442">
        <v>-4750</v>
      </c>
      <c r="Q4442">
        <v>0</v>
      </c>
      <c r="R4442">
        <v>57410</v>
      </c>
      <c r="S4442">
        <v>0</v>
      </c>
      <c r="T4442">
        <v>0</v>
      </c>
      <c r="U4442">
        <v>0</v>
      </c>
      <c r="V4442">
        <v>5</v>
      </c>
      <c r="W4442">
        <v>0</v>
      </c>
      <c r="X4442">
        <v>0</v>
      </c>
      <c r="Y4442">
        <v>50</v>
      </c>
      <c r="Z4442">
        <v>26</v>
      </c>
      <c r="AA4442">
        <v>37</v>
      </c>
      <c r="AB4442">
        <v>18</v>
      </c>
      <c r="AC4442">
        <v>24</v>
      </c>
      <c r="AD4442">
        <v>16</v>
      </c>
      <c r="AE4442">
        <v>42</v>
      </c>
      <c r="AF4442">
        <v>14650</v>
      </c>
      <c r="AG4442">
        <v>132612</v>
      </c>
      <c r="AH4442">
        <v>50000</v>
      </c>
      <c r="AI4442">
        <v>0</v>
      </c>
      <c r="AJ4442">
        <v>108</v>
      </c>
      <c r="AK4442" t="s">
        <v>3</v>
      </c>
      <c r="AL4442">
        <v>0</v>
      </c>
      <c r="AM4442">
        <v>0</v>
      </c>
      <c r="AN4442">
        <v>0</v>
      </c>
      <c r="AO4442">
        <v>0</v>
      </c>
      <c r="AP4442">
        <v>0</v>
      </c>
      <c r="AQ4442">
        <v>0</v>
      </c>
      <c r="AR4442">
        <v>0</v>
      </c>
      <c r="AS4442">
        <v>0</v>
      </c>
      <c r="AT4442">
        <v>0</v>
      </c>
      <c r="AU4442">
        <v>0</v>
      </c>
      <c r="AV4442">
        <v>0</v>
      </c>
      <c r="AW4442">
        <v>0</v>
      </c>
      <c r="AX4442">
        <v>43604</v>
      </c>
      <c r="AY4442">
        <v>21</v>
      </c>
      <c r="AZ4442">
        <v>58</v>
      </c>
      <c r="BA4442">
        <v>2717</v>
      </c>
    </row>
    <row r="4443" spans="1:53" x14ac:dyDescent="0.4">
      <c r="A4443">
        <v>4487</v>
      </c>
      <c r="B4443" s="1">
        <v>44519</v>
      </c>
      <c r="C4443">
        <v>4</v>
      </c>
      <c r="D4443" s="1">
        <v>44519.967361111114</v>
      </c>
      <c r="E4443" s="1">
        <v>44520.080555555556</v>
      </c>
      <c r="F4443">
        <v>63280</v>
      </c>
      <c r="G4443">
        <v>2442</v>
      </c>
      <c r="H4443">
        <v>0</v>
      </c>
      <c r="I4443">
        <v>0</v>
      </c>
      <c r="J4443">
        <v>0</v>
      </c>
      <c r="K4443">
        <v>0</v>
      </c>
      <c r="L4443">
        <v>0</v>
      </c>
      <c r="M4443">
        <v>5974</v>
      </c>
      <c r="N4443">
        <v>0</v>
      </c>
      <c r="O4443">
        <v>0</v>
      </c>
      <c r="P4443">
        <v>21750</v>
      </c>
      <c r="Q4443">
        <v>0</v>
      </c>
      <c r="R4443">
        <v>87472</v>
      </c>
      <c r="S4443">
        <v>0</v>
      </c>
      <c r="T4443">
        <v>0</v>
      </c>
      <c r="U4443">
        <v>0</v>
      </c>
      <c r="V4443">
        <v>9</v>
      </c>
      <c r="W4443">
        <v>2</v>
      </c>
      <c r="X4443">
        <v>0</v>
      </c>
      <c r="Y4443">
        <v>58</v>
      </c>
      <c r="Z4443">
        <v>26</v>
      </c>
      <c r="AA4443">
        <v>46</v>
      </c>
      <c r="AB4443">
        <v>23</v>
      </c>
      <c r="AC4443">
        <v>34</v>
      </c>
      <c r="AD4443">
        <v>16</v>
      </c>
      <c r="AE4443">
        <v>46</v>
      </c>
      <c r="AF4443">
        <v>42868</v>
      </c>
      <c r="AG4443">
        <v>220084</v>
      </c>
      <c r="AH4443">
        <v>50000</v>
      </c>
      <c r="AI4443">
        <v>0</v>
      </c>
      <c r="AJ4443">
        <v>108</v>
      </c>
      <c r="AK4443" t="s">
        <v>3</v>
      </c>
      <c r="AL4443">
        <v>0</v>
      </c>
      <c r="AM4443">
        <v>0</v>
      </c>
      <c r="AN4443">
        <v>0</v>
      </c>
      <c r="AO4443">
        <v>0</v>
      </c>
      <c r="AP4443">
        <v>0</v>
      </c>
      <c r="AQ4443">
        <v>0</v>
      </c>
      <c r="AR4443">
        <v>0</v>
      </c>
      <c r="AS4443">
        <v>0</v>
      </c>
      <c r="AT4443">
        <v>0</v>
      </c>
      <c r="AU4443">
        <v>0</v>
      </c>
      <c r="AV4443">
        <v>0</v>
      </c>
      <c r="AW4443">
        <v>0</v>
      </c>
      <c r="AX4443">
        <v>6252</v>
      </c>
      <c r="AY4443">
        <v>6</v>
      </c>
      <c r="AZ4443">
        <v>15</v>
      </c>
      <c r="BA4443">
        <v>1147</v>
      </c>
    </row>
    <row r="4444" spans="1:53" x14ac:dyDescent="0.4">
      <c r="A4444">
        <v>4488</v>
      </c>
      <c r="B4444" s="1">
        <v>44520</v>
      </c>
      <c r="C4444">
        <v>1</v>
      </c>
      <c r="D4444" s="1">
        <v>44520.291666666664</v>
      </c>
      <c r="E4444" s="1">
        <v>44520.408333333333</v>
      </c>
      <c r="F4444">
        <v>0</v>
      </c>
      <c r="G4444">
        <v>0</v>
      </c>
      <c r="H4444">
        <v>0</v>
      </c>
      <c r="I4444">
        <v>0</v>
      </c>
      <c r="J4444">
        <v>0</v>
      </c>
      <c r="K4444">
        <v>0</v>
      </c>
      <c r="L4444">
        <v>0</v>
      </c>
      <c r="M4444">
        <v>0</v>
      </c>
      <c r="N4444">
        <v>0</v>
      </c>
      <c r="O4444">
        <v>0</v>
      </c>
      <c r="P4444">
        <v>0</v>
      </c>
      <c r="Q4444">
        <v>0</v>
      </c>
      <c r="R4444">
        <v>0</v>
      </c>
      <c r="S4444">
        <v>0</v>
      </c>
      <c r="T4444">
        <v>0</v>
      </c>
      <c r="U4444">
        <v>0</v>
      </c>
      <c r="V4444">
        <v>0</v>
      </c>
      <c r="W4444">
        <v>1</v>
      </c>
      <c r="X4444">
        <v>0</v>
      </c>
      <c r="Y4444">
        <v>30</v>
      </c>
      <c r="Z4444">
        <v>18</v>
      </c>
      <c r="AA4444">
        <v>46</v>
      </c>
      <c r="AB4444">
        <v>19</v>
      </c>
      <c r="AC4444">
        <v>33</v>
      </c>
      <c r="AD4444">
        <v>16</v>
      </c>
      <c r="AE4444">
        <v>40</v>
      </c>
      <c r="AF4444">
        <v>0</v>
      </c>
      <c r="AG4444">
        <v>50000</v>
      </c>
      <c r="AH4444">
        <v>50000</v>
      </c>
      <c r="AI4444">
        <v>0</v>
      </c>
      <c r="AJ4444">
        <v>0</v>
      </c>
      <c r="AK4444" t="s">
        <v>6</v>
      </c>
      <c r="AL4444">
        <v>0</v>
      </c>
      <c r="AM4444">
        <v>0</v>
      </c>
      <c r="AN4444">
        <v>0</v>
      </c>
      <c r="AO4444">
        <v>0</v>
      </c>
      <c r="AP4444">
        <v>0</v>
      </c>
      <c r="AQ4444">
        <v>0</v>
      </c>
      <c r="AR4444">
        <v>0</v>
      </c>
      <c r="AS4444">
        <v>0</v>
      </c>
      <c r="AT4444">
        <v>0</v>
      </c>
      <c r="AU4444">
        <v>0</v>
      </c>
      <c r="AV4444">
        <v>0</v>
      </c>
      <c r="AW4444">
        <v>0</v>
      </c>
      <c r="AX4444">
        <v>0</v>
      </c>
      <c r="AY4444">
        <v>0</v>
      </c>
      <c r="AZ4444">
        <v>0</v>
      </c>
      <c r="BA4444">
        <v>0</v>
      </c>
    </row>
    <row r="4445" spans="1:53" x14ac:dyDescent="0.4">
      <c r="A4445">
        <v>4489</v>
      </c>
      <c r="B4445" s="1">
        <v>44520</v>
      </c>
      <c r="C4445">
        <v>2</v>
      </c>
      <c r="D4445" s="1">
        <v>44520.408333333333</v>
      </c>
      <c r="E4445" s="1">
        <v>44520.724305555559</v>
      </c>
      <c r="F4445">
        <v>36140</v>
      </c>
      <c r="G4445">
        <v>3586</v>
      </c>
      <c r="H4445">
        <v>0</v>
      </c>
      <c r="I4445">
        <v>0</v>
      </c>
      <c r="J4445">
        <v>0</v>
      </c>
      <c r="K4445">
        <v>0</v>
      </c>
      <c r="L4445">
        <v>0</v>
      </c>
      <c r="M4445">
        <v>3610</v>
      </c>
      <c r="N4445">
        <v>0</v>
      </c>
      <c r="O4445">
        <v>0</v>
      </c>
      <c r="P4445">
        <v>14440</v>
      </c>
      <c r="Q4445">
        <v>0</v>
      </c>
      <c r="R4445">
        <v>54166</v>
      </c>
      <c r="S4445">
        <v>0</v>
      </c>
      <c r="T4445">
        <v>0</v>
      </c>
      <c r="U4445">
        <v>0</v>
      </c>
      <c r="V4445">
        <v>1</v>
      </c>
      <c r="W4445">
        <v>2</v>
      </c>
      <c r="X4445">
        <v>0</v>
      </c>
      <c r="Y4445">
        <v>62</v>
      </c>
      <c r="Z4445">
        <v>26</v>
      </c>
      <c r="AA4445">
        <v>52</v>
      </c>
      <c r="AB4445">
        <v>20</v>
      </c>
      <c r="AC4445">
        <v>53</v>
      </c>
      <c r="AD4445">
        <v>18</v>
      </c>
      <c r="AE4445">
        <v>46</v>
      </c>
      <c r="AF4445">
        <v>2700</v>
      </c>
      <c r="AG4445">
        <v>104566</v>
      </c>
      <c r="AH4445">
        <v>50000</v>
      </c>
      <c r="AI4445">
        <v>400</v>
      </c>
      <c r="AJ4445">
        <v>119</v>
      </c>
      <c r="AK4445" t="s">
        <v>56</v>
      </c>
      <c r="AL4445">
        <v>0</v>
      </c>
      <c r="AM4445">
        <v>0</v>
      </c>
      <c r="AN4445">
        <v>0</v>
      </c>
      <c r="AO4445">
        <v>0</v>
      </c>
      <c r="AP4445">
        <v>0</v>
      </c>
      <c r="AQ4445">
        <v>0</v>
      </c>
      <c r="AR4445">
        <v>0</v>
      </c>
      <c r="AS4445">
        <v>0</v>
      </c>
      <c r="AT4445">
        <v>0</v>
      </c>
      <c r="AU4445">
        <v>0</v>
      </c>
      <c r="AV4445">
        <v>0</v>
      </c>
      <c r="AW4445">
        <v>0</v>
      </c>
      <c r="AX4445">
        <v>880</v>
      </c>
      <c r="AY4445">
        <v>43</v>
      </c>
      <c r="AZ4445">
        <v>84</v>
      </c>
      <c r="BA4445">
        <v>6159</v>
      </c>
    </row>
    <row r="4446" spans="1:53" x14ac:dyDescent="0.4">
      <c r="A4446">
        <v>4490</v>
      </c>
      <c r="B4446" s="1">
        <v>44520</v>
      </c>
      <c r="C4446">
        <v>3</v>
      </c>
      <c r="D4446" s="1">
        <v>44520.724305555559</v>
      </c>
      <c r="E4446" s="1">
        <v>44520.988194444442</v>
      </c>
      <c r="F4446">
        <v>94530</v>
      </c>
      <c r="G4446">
        <v>3454</v>
      </c>
      <c r="H4446">
        <v>0</v>
      </c>
      <c r="I4446">
        <v>0</v>
      </c>
      <c r="J4446">
        <v>0</v>
      </c>
      <c r="K4446">
        <v>0</v>
      </c>
      <c r="L4446">
        <v>0</v>
      </c>
      <c r="M4446">
        <v>8908</v>
      </c>
      <c r="N4446">
        <v>0</v>
      </c>
      <c r="O4446">
        <v>0</v>
      </c>
      <c r="P4446">
        <v>-4240</v>
      </c>
      <c r="Q4446">
        <v>0</v>
      </c>
      <c r="R4446">
        <v>93744</v>
      </c>
      <c r="S4446">
        <v>0</v>
      </c>
      <c r="T4446">
        <v>0</v>
      </c>
      <c r="U4446">
        <v>0</v>
      </c>
      <c r="V4446">
        <v>5</v>
      </c>
      <c r="W4446">
        <v>4</v>
      </c>
      <c r="X4446">
        <v>0</v>
      </c>
      <c r="Y4446">
        <v>95</v>
      </c>
      <c r="Z4446">
        <v>24</v>
      </c>
      <c r="AA4446">
        <v>55</v>
      </c>
      <c r="AB4446">
        <v>16</v>
      </c>
      <c r="AC4446">
        <v>39</v>
      </c>
      <c r="AD4446">
        <v>21</v>
      </c>
      <c r="AE4446">
        <v>49</v>
      </c>
      <c r="AF4446">
        <v>14066</v>
      </c>
      <c r="AG4446">
        <v>197910</v>
      </c>
      <c r="AH4446">
        <v>50000</v>
      </c>
      <c r="AI4446">
        <v>0</v>
      </c>
      <c r="AJ4446">
        <v>0</v>
      </c>
      <c r="AK4446" t="s">
        <v>6</v>
      </c>
      <c r="AL4446">
        <v>0</v>
      </c>
      <c r="AM4446">
        <v>0</v>
      </c>
      <c r="AN4446">
        <v>0</v>
      </c>
      <c r="AO4446">
        <v>0</v>
      </c>
      <c r="AP4446">
        <v>0</v>
      </c>
      <c r="AQ4446">
        <v>0</v>
      </c>
      <c r="AR4446">
        <v>0</v>
      </c>
      <c r="AS4446">
        <v>0</v>
      </c>
      <c r="AT4446">
        <v>0</v>
      </c>
      <c r="AU4446">
        <v>0</v>
      </c>
      <c r="AV4446">
        <v>0</v>
      </c>
      <c r="AW4446">
        <v>0</v>
      </c>
      <c r="AX4446">
        <v>35376</v>
      </c>
      <c r="AY4446">
        <v>26</v>
      </c>
      <c r="AZ4446">
        <v>76</v>
      </c>
      <c r="BA4446">
        <v>3824</v>
      </c>
    </row>
    <row r="4447" spans="1:53" x14ac:dyDescent="0.4">
      <c r="A4447">
        <v>4491</v>
      </c>
      <c r="B4447" s="1">
        <v>44520</v>
      </c>
      <c r="C4447">
        <v>4</v>
      </c>
      <c r="D4447" s="1">
        <v>44520.988194444442</v>
      </c>
      <c r="E4447" s="1">
        <v>44521.084722222222</v>
      </c>
      <c r="F4447">
        <v>47110</v>
      </c>
      <c r="G4447">
        <v>1012</v>
      </c>
      <c r="H4447">
        <v>0</v>
      </c>
      <c r="I4447">
        <v>0</v>
      </c>
      <c r="J4447">
        <v>0</v>
      </c>
      <c r="K4447">
        <v>0</v>
      </c>
      <c r="L4447">
        <v>0</v>
      </c>
      <c r="M4447">
        <v>4374</v>
      </c>
      <c r="N4447">
        <v>0</v>
      </c>
      <c r="O4447">
        <v>0</v>
      </c>
      <c r="P4447">
        <v>2300</v>
      </c>
      <c r="Q4447">
        <v>0</v>
      </c>
      <c r="R4447">
        <v>50422</v>
      </c>
      <c r="S4447">
        <v>0</v>
      </c>
      <c r="T4447">
        <v>0</v>
      </c>
      <c r="U4447">
        <v>0</v>
      </c>
      <c r="V4447">
        <v>8</v>
      </c>
      <c r="W4447">
        <v>5</v>
      </c>
      <c r="X4447">
        <v>0</v>
      </c>
      <c r="Y4447">
        <v>111</v>
      </c>
      <c r="Z4447">
        <v>23</v>
      </c>
      <c r="AA4447">
        <v>54</v>
      </c>
      <c r="AB4447">
        <v>15</v>
      </c>
      <c r="AC4447">
        <v>46</v>
      </c>
      <c r="AD4447">
        <v>21</v>
      </c>
      <c r="AE4447">
        <v>51</v>
      </c>
      <c r="AF4447">
        <v>14066</v>
      </c>
      <c r="AG4447">
        <v>248332</v>
      </c>
      <c r="AH4447">
        <v>50000</v>
      </c>
      <c r="AI4447">
        <v>0</v>
      </c>
      <c r="AJ4447">
        <v>70</v>
      </c>
      <c r="AK4447" t="s">
        <v>49</v>
      </c>
      <c r="AL4447">
        <v>0</v>
      </c>
      <c r="AM4447">
        <v>0</v>
      </c>
      <c r="AN4447">
        <v>0</v>
      </c>
      <c r="AO4447">
        <v>0</v>
      </c>
      <c r="AP4447">
        <v>0</v>
      </c>
      <c r="AQ4447">
        <v>0</v>
      </c>
      <c r="AR4447">
        <v>0</v>
      </c>
      <c r="AS4447">
        <v>0</v>
      </c>
      <c r="AT4447">
        <v>0</v>
      </c>
      <c r="AU4447">
        <v>0</v>
      </c>
      <c r="AV4447">
        <v>0</v>
      </c>
      <c r="AW4447">
        <v>0</v>
      </c>
      <c r="AX4447">
        <v>4294</v>
      </c>
      <c r="AY4447">
        <v>2</v>
      </c>
      <c r="AZ4447">
        <v>7</v>
      </c>
      <c r="BA4447">
        <v>506</v>
      </c>
    </row>
    <row r="4448" spans="1:53" x14ac:dyDescent="0.4">
      <c r="A4448">
        <v>4492</v>
      </c>
      <c r="B4448" s="1">
        <v>44521</v>
      </c>
      <c r="C4448">
        <v>1</v>
      </c>
      <c r="D4448" s="1">
        <v>44521.291666666664</v>
      </c>
      <c r="E4448" s="1">
        <v>44521.409722222219</v>
      </c>
      <c r="F4448">
        <v>0</v>
      </c>
      <c r="G4448">
        <v>0</v>
      </c>
      <c r="H4448">
        <v>0</v>
      </c>
      <c r="I4448">
        <v>0</v>
      </c>
      <c r="J4448">
        <v>0</v>
      </c>
      <c r="K4448">
        <v>0</v>
      </c>
      <c r="L4448">
        <v>0</v>
      </c>
      <c r="M4448">
        <v>0</v>
      </c>
      <c r="N4448">
        <v>0</v>
      </c>
      <c r="O4448">
        <v>0</v>
      </c>
      <c r="P4448">
        <v>0</v>
      </c>
      <c r="Q4448">
        <v>0</v>
      </c>
      <c r="R4448">
        <v>0</v>
      </c>
      <c r="S4448">
        <v>0</v>
      </c>
      <c r="T4448">
        <v>0</v>
      </c>
      <c r="U4448">
        <v>0</v>
      </c>
      <c r="V4448">
        <v>0</v>
      </c>
      <c r="W4448">
        <v>1</v>
      </c>
      <c r="X4448">
        <v>0</v>
      </c>
      <c r="Y4448">
        <v>30</v>
      </c>
      <c r="Z4448">
        <v>15</v>
      </c>
      <c r="AA4448">
        <v>62</v>
      </c>
      <c r="AB4448">
        <v>14</v>
      </c>
      <c r="AC4448">
        <v>45</v>
      </c>
      <c r="AD4448">
        <v>20</v>
      </c>
      <c r="AE4448">
        <v>50</v>
      </c>
      <c r="AF4448">
        <v>0</v>
      </c>
      <c r="AG4448">
        <v>50000</v>
      </c>
      <c r="AH4448">
        <v>50000</v>
      </c>
      <c r="AI4448">
        <v>0</v>
      </c>
      <c r="AJ4448">
        <v>0</v>
      </c>
      <c r="AK4448" t="s">
        <v>6</v>
      </c>
      <c r="AL4448">
        <v>0</v>
      </c>
      <c r="AM4448">
        <v>0</v>
      </c>
      <c r="AN4448">
        <v>0</v>
      </c>
      <c r="AO4448">
        <v>0</v>
      </c>
      <c r="AP4448">
        <v>0</v>
      </c>
      <c r="AQ4448">
        <v>0</v>
      </c>
      <c r="AR4448">
        <v>0</v>
      </c>
      <c r="AS4448">
        <v>0</v>
      </c>
      <c r="AT4448">
        <v>0</v>
      </c>
      <c r="AU4448">
        <v>0</v>
      </c>
      <c r="AV4448">
        <v>0</v>
      </c>
      <c r="AW4448">
        <v>0</v>
      </c>
      <c r="AX4448">
        <v>0</v>
      </c>
      <c r="AY4448">
        <v>0</v>
      </c>
      <c r="AZ4448">
        <v>0</v>
      </c>
      <c r="BA4448">
        <v>0</v>
      </c>
    </row>
    <row r="4449" spans="1:53" x14ac:dyDescent="0.4">
      <c r="A4449">
        <v>4493</v>
      </c>
      <c r="B4449" s="1">
        <v>44521</v>
      </c>
      <c r="C4449">
        <v>2</v>
      </c>
      <c r="D4449" s="1">
        <v>44521.409722222219</v>
      </c>
      <c r="E4449" s="1">
        <v>44521.743055555555</v>
      </c>
      <c r="F4449">
        <v>26080</v>
      </c>
      <c r="G4449">
        <v>594</v>
      </c>
      <c r="H4449">
        <v>0</v>
      </c>
      <c r="I4449">
        <v>0</v>
      </c>
      <c r="J4449">
        <v>0</v>
      </c>
      <c r="K4449">
        <v>0</v>
      </c>
      <c r="L4449">
        <v>0</v>
      </c>
      <c r="M4449">
        <v>2421</v>
      </c>
      <c r="N4449">
        <v>0</v>
      </c>
      <c r="O4449">
        <v>0</v>
      </c>
      <c r="P4449">
        <v>19150</v>
      </c>
      <c r="Q4449">
        <v>0</v>
      </c>
      <c r="R4449">
        <v>45824</v>
      </c>
      <c r="S4449">
        <v>0</v>
      </c>
      <c r="T4449">
        <v>0</v>
      </c>
      <c r="U4449">
        <v>0</v>
      </c>
      <c r="V4449">
        <v>3</v>
      </c>
      <c r="W4449">
        <v>0</v>
      </c>
      <c r="X4449">
        <v>0</v>
      </c>
      <c r="Y4449">
        <v>43</v>
      </c>
      <c r="Z4449">
        <v>21</v>
      </c>
      <c r="AA4449">
        <v>65</v>
      </c>
      <c r="AB4449">
        <v>19</v>
      </c>
      <c r="AC4449">
        <v>49</v>
      </c>
      <c r="AD4449">
        <v>22</v>
      </c>
      <c r="AE4449">
        <v>51</v>
      </c>
      <c r="AF4449">
        <v>4223</v>
      </c>
      <c r="AG4449">
        <v>95824</v>
      </c>
      <c r="AH4449">
        <v>50000</v>
      </c>
      <c r="AI4449">
        <v>0</v>
      </c>
      <c r="AJ4449">
        <v>119</v>
      </c>
      <c r="AK4449" t="s">
        <v>56</v>
      </c>
      <c r="AL4449">
        <v>0</v>
      </c>
      <c r="AM4449">
        <v>0</v>
      </c>
      <c r="AN4449">
        <v>0</v>
      </c>
      <c r="AO4449">
        <v>0</v>
      </c>
      <c r="AP4449">
        <v>0</v>
      </c>
      <c r="AQ4449">
        <v>0</v>
      </c>
      <c r="AR4449">
        <v>0</v>
      </c>
      <c r="AS4449">
        <v>0</v>
      </c>
      <c r="AT4449">
        <v>0</v>
      </c>
      <c r="AU4449">
        <v>0</v>
      </c>
      <c r="AV4449">
        <v>0</v>
      </c>
      <c r="AW4449">
        <v>0</v>
      </c>
      <c r="AX4449">
        <v>1390</v>
      </c>
      <c r="AY4449">
        <v>38</v>
      </c>
      <c r="AZ4449">
        <v>74</v>
      </c>
      <c r="BA4449">
        <v>5304</v>
      </c>
    </row>
    <row r="4450" spans="1:53" x14ac:dyDescent="0.4">
      <c r="A4450">
        <v>4494</v>
      </c>
      <c r="B4450" s="1">
        <v>44521</v>
      </c>
      <c r="C4450">
        <v>3</v>
      </c>
      <c r="D4450" s="1">
        <v>44521.743055555555</v>
      </c>
      <c r="E4450" s="1">
        <v>44522.089583333334</v>
      </c>
      <c r="F4450">
        <v>46460</v>
      </c>
      <c r="G4450">
        <v>3784</v>
      </c>
      <c r="H4450">
        <v>0</v>
      </c>
      <c r="I4450">
        <v>0</v>
      </c>
      <c r="J4450">
        <v>100</v>
      </c>
      <c r="K4450">
        <v>990</v>
      </c>
      <c r="L4450">
        <v>0</v>
      </c>
      <c r="M4450">
        <v>4648</v>
      </c>
      <c r="N4450">
        <v>0</v>
      </c>
      <c r="O4450">
        <v>0</v>
      </c>
      <c r="P4450">
        <v>-15750</v>
      </c>
      <c r="Q4450">
        <v>0</v>
      </c>
      <c r="R4450">
        <v>35384</v>
      </c>
      <c r="S4450">
        <v>0</v>
      </c>
      <c r="T4450">
        <v>0</v>
      </c>
      <c r="U4450">
        <v>0</v>
      </c>
      <c r="V4450">
        <v>3</v>
      </c>
      <c r="W4450">
        <v>2</v>
      </c>
      <c r="X4450">
        <v>0</v>
      </c>
      <c r="Y4450">
        <v>61</v>
      </c>
      <c r="Z4450">
        <v>23</v>
      </c>
      <c r="AA4450">
        <v>65</v>
      </c>
      <c r="AB4450">
        <v>20</v>
      </c>
      <c r="AC4450">
        <v>43</v>
      </c>
      <c r="AD4450">
        <v>21</v>
      </c>
      <c r="AE4450">
        <v>50</v>
      </c>
      <c r="AF4450">
        <v>10623</v>
      </c>
      <c r="AG4450">
        <v>131208</v>
      </c>
      <c r="AH4450">
        <v>50000</v>
      </c>
      <c r="AI4450">
        <v>0</v>
      </c>
      <c r="AJ4450">
        <v>70</v>
      </c>
      <c r="AK4450" t="s">
        <v>49</v>
      </c>
      <c r="AL4450">
        <v>0</v>
      </c>
      <c r="AM4450">
        <v>0</v>
      </c>
      <c r="AN4450">
        <v>0</v>
      </c>
      <c r="AO4450">
        <v>0</v>
      </c>
      <c r="AP4450">
        <v>0</v>
      </c>
      <c r="AQ4450">
        <v>0</v>
      </c>
      <c r="AR4450">
        <v>0</v>
      </c>
      <c r="AS4450">
        <v>0</v>
      </c>
      <c r="AT4450">
        <v>0</v>
      </c>
      <c r="AU4450">
        <v>0</v>
      </c>
      <c r="AV4450">
        <v>0</v>
      </c>
      <c r="AW4450">
        <v>0</v>
      </c>
      <c r="AX4450">
        <v>1397</v>
      </c>
      <c r="AY4450">
        <v>10</v>
      </c>
      <c r="AZ4450">
        <v>20</v>
      </c>
      <c r="BA4450">
        <v>2778</v>
      </c>
    </row>
    <row r="4451" spans="1:53" x14ac:dyDescent="0.4">
      <c r="A4451">
        <v>4495</v>
      </c>
      <c r="B4451" s="1">
        <v>44522</v>
      </c>
      <c r="C4451">
        <v>1</v>
      </c>
      <c r="D4451" s="1">
        <v>44522.291666666664</v>
      </c>
      <c r="E4451" s="1">
        <v>44522.439583333333</v>
      </c>
      <c r="F4451">
        <v>0</v>
      </c>
      <c r="G4451">
        <v>0</v>
      </c>
      <c r="H4451">
        <v>0</v>
      </c>
      <c r="I4451">
        <v>0</v>
      </c>
      <c r="J4451">
        <v>0</v>
      </c>
      <c r="K4451">
        <v>0</v>
      </c>
      <c r="L4451">
        <v>0</v>
      </c>
      <c r="M4451">
        <v>0</v>
      </c>
      <c r="N4451">
        <v>0</v>
      </c>
      <c r="O4451">
        <v>0</v>
      </c>
      <c r="P4451">
        <v>0</v>
      </c>
      <c r="Q4451">
        <v>0</v>
      </c>
      <c r="R4451">
        <v>0</v>
      </c>
      <c r="S4451">
        <v>0</v>
      </c>
      <c r="T4451">
        <v>0</v>
      </c>
      <c r="U4451">
        <v>0</v>
      </c>
      <c r="V4451">
        <v>0</v>
      </c>
      <c r="W4451">
        <v>1</v>
      </c>
      <c r="X4451">
        <v>0</v>
      </c>
      <c r="Y4451">
        <v>29</v>
      </c>
      <c r="Z4451">
        <v>16</v>
      </c>
      <c r="AA4451">
        <v>64</v>
      </c>
      <c r="AB4451">
        <v>20</v>
      </c>
      <c r="AC4451">
        <v>45</v>
      </c>
      <c r="AD4451">
        <v>21</v>
      </c>
      <c r="AE4451">
        <v>45</v>
      </c>
      <c r="AF4451">
        <v>0</v>
      </c>
      <c r="AG4451">
        <v>50000</v>
      </c>
      <c r="AH4451">
        <v>50000</v>
      </c>
      <c r="AI4451">
        <v>0</v>
      </c>
      <c r="AJ4451">
        <v>0</v>
      </c>
      <c r="AK4451" t="s">
        <v>6</v>
      </c>
      <c r="AL4451">
        <v>0</v>
      </c>
      <c r="AM4451">
        <v>0</v>
      </c>
      <c r="AN4451">
        <v>0</v>
      </c>
      <c r="AO4451">
        <v>0</v>
      </c>
      <c r="AP4451">
        <v>0</v>
      </c>
      <c r="AQ4451">
        <v>0</v>
      </c>
      <c r="AR4451">
        <v>0</v>
      </c>
      <c r="AS4451">
        <v>0</v>
      </c>
      <c r="AT4451">
        <v>0</v>
      </c>
      <c r="AU4451">
        <v>0</v>
      </c>
      <c r="AV4451">
        <v>0</v>
      </c>
      <c r="AW4451">
        <v>0</v>
      </c>
      <c r="AX4451">
        <v>0</v>
      </c>
      <c r="AY4451">
        <v>0</v>
      </c>
      <c r="AZ4451">
        <v>0</v>
      </c>
      <c r="BA4451">
        <v>0</v>
      </c>
    </row>
    <row r="4452" spans="1:53" x14ac:dyDescent="0.4">
      <c r="A4452">
        <v>4496</v>
      </c>
      <c r="B4452" s="1">
        <v>44522</v>
      </c>
      <c r="C4452">
        <v>2</v>
      </c>
      <c r="D4452" s="1">
        <v>44522.439583333333</v>
      </c>
      <c r="E4452" s="1">
        <v>44522.755555555559</v>
      </c>
      <c r="F4452">
        <v>8950</v>
      </c>
      <c r="G4452">
        <v>0</v>
      </c>
      <c r="H4452">
        <v>220</v>
      </c>
      <c r="I4452">
        <v>0</v>
      </c>
      <c r="J4452">
        <v>0</v>
      </c>
      <c r="K4452">
        <v>0</v>
      </c>
      <c r="L4452">
        <v>0</v>
      </c>
      <c r="M4452">
        <v>834</v>
      </c>
      <c r="N4452">
        <v>0</v>
      </c>
      <c r="O4452">
        <v>0</v>
      </c>
      <c r="P4452">
        <v>3410</v>
      </c>
      <c r="Q4452">
        <v>0</v>
      </c>
      <c r="R4452">
        <v>12580</v>
      </c>
      <c r="S4452">
        <v>0</v>
      </c>
      <c r="T4452">
        <v>0</v>
      </c>
      <c r="U4452">
        <v>0</v>
      </c>
      <c r="V4452">
        <v>0</v>
      </c>
      <c r="W4452">
        <v>1</v>
      </c>
      <c r="X4452">
        <v>0</v>
      </c>
      <c r="Y4452">
        <v>38</v>
      </c>
      <c r="Z4452">
        <v>14</v>
      </c>
      <c r="AA4452">
        <v>60</v>
      </c>
      <c r="AB4452">
        <v>20</v>
      </c>
      <c r="AC4452">
        <v>43</v>
      </c>
      <c r="AD4452">
        <v>21</v>
      </c>
      <c r="AE4452">
        <v>55</v>
      </c>
      <c r="AF4452">
        <v>4450</v>
      </c>
      <c r="AG4452">
        <v>62040</v>
      </c>
      <c r="AH4452">
        <v>50000</v>
      </c>
      <c r="AI4452">
        <v>-540</v>
      </c>
      <c r="AJ4452">
        <v>116</v>
      </c>
      <c r="AK4452" t="s">
        <v>54</v>
      </c>
      <c r="AL4452">
        <v>0</v>
      </c>
      <c r="AM4452">
        <v>0</v>
      </c>
      <c r="AN4452">
        <v>0</v>
      </c>
      <c r="AO4452">
        <v>0</v>
      </c>
      <c r="AP4452">
        <v>0</v>
      </c>
      <c r="AQ4452">
        <v>0</v>
      </c>
      <c r="AR4452">
        <v>0</v>
      </c>
      <c r="AS4452">
        <v>0</v>
      </c>
      <c r="AT4452">
        <v>0</v>
      </c>
      <c r="AU4452">
        <v>0</v>
      </c>
      <c r="AV4452">
        <v>0</v>
      </c>
      <c r="AW4452">
        <v>0</v>
      </c>
      <c r="AX4452">
        <v>740</v>
      </c>
      <c r="AY4452">
        <v>14</v>
      </c>
      <c r="AZ4452">
        <v>21</v>
      </c>
      <c r="BA4452">
        <v>2190</v>
      </c>
    </row>
    <row r="4453" spans="1:53" x14ac:dyDescent="0.4">
      <c r="A4453">
        <v>4497</v>
      </c>
      <c r="B4453" s="1">
        <v>44523</v>
      </c>
      <c r="C4453">
        <v>1</v>
      </c>
      <c r="D4453" s="1">
        <v>44523.291666666664</v>
      </c>
      <c r="E4453" s="1">
        <v>44523.398611111108</v>
      </c>
      <c r="F4453">
        <v>0</v>
      </c>
      <c r="G4453">
        <v>0</v>
      </c>
      <c r="H4453">
        <v>0</v>
      </c>
      <c r="I4453">
        <v>0</v>
      </c>
      <c r="J4453">
        <v>0</v>
      </c>
      <c r="K4453">
        <v>0</v>
      </c>
      <c r="L4453">
        <v>0</v>
      </c>
      <c r="M4453">
        <v>0</v>
      </c>
      <c r="N4453">
        <v>0</v>
      </c>
      <c r="O4453">
        <v>0</v>
      </c>
      <c r="P4453">
        <v>0</v>
      </c>
      <c r="Q4453">
        <v>0</v>
      </c>
      <c r="R4453">
        <v>0</v>
      </c>
      <c r="S4453">
        <v>0</v>
      </c>
      <c r="T4453">
        <v>0</v>
      </c>
      <c r="U4453">
        <v>0</v>
      </c>
      <c r="V4453">
        <v>0</v>
      </c>
      <c r="W4453">
        <v>1</v>
      </c>
      <c r="X4453">
        <v>0</v>
      </c>
      <c r="Y4453">
        <v>33</v>
      </c>
      <c r="Z4453">
        <v>10</v>
      </c>
      <c r="AA4453">
        <v>57</v>
      </c>
      <c r="AB4453">
        <v>15</v>
      </c>
      <c r="AC4453">
        <v>39</v>
      </c>
      <c r="AD4453">
        <v>23</v>
      </c>
      <c r="AE4453">
        <v>45</v>
      </c>
      <c r="AF4453">
        <v>0</v>
      </c>
      <c r="AG4453">
        <v>50000</v>
      </c>
      <c r="AH4453">
        <v>50000</v>
      </c>
      <c r="AI4453">
        <v>0</v>
      </c>
      <c r="AJ4453">
        <v>0</v>
      </c>
      <c r="AK4453" t="s">
        <v>6</v>
      </c>
      <c r="AL4453">
        <v>0</v>
      </c>
      <c r="AM4453">
        <v>0</v>
      </c>
      <c r="AN4453">
        <v>0</v>
      </c>
      <c r="AO4453">
        <v>0</v>
      </c>
      <c r="AP4453">
        <v>0</v>
      </c>
      <c r="AQ4453">
        <v>0</v>
      </c>
      <c r="AR4453">
        <v>0</v>
      </c>
      <c r="AS4453">
        <v>0</v>
      </c>
      <c r="AT4453">
        <v>0</v>
      </c>
      <c r="AU4453">
        <v>0</v>
      </c>
      <c r="AV4453">
        <v>0</v>
      </c>
      <c r="AW4453">
        <v>0</v>
      </c>
      <c r="AX4453">
        <v>0</v>
      </c>
      <c r="AY4453">
        <v>0</v>
      </c>
      <c r="AZ4453">
        <v>0</v>
      </c>
      <c r="BA4453">
        <v>0</v>
      </c>
    </row>
    <row r="4454" spans="1:53" x14ac:dyDescent="0.4">
      <c r="A4454">
        <v>4498</v>
      </c>
      <c r="B4454" s="1">
        <v>44523</v>
      </c>
      <c r="C4454">
        <v>2</v>
      </c>
      <c r="D4454" s="1">
        <v>44523.398611111108</v>
      </c>
      <c r="E4454" s="1">
        <v>44523.806944444441</v>
      </c>
      <c r="F4454">
        <v>48635</v>
      </c>
      <c r="G4454">
        <v>2882</v>
      </c>
      <c r="H4454">
        <v>220</v>
      </c>
      <c r="I4454">
        <v>0</v>
      </c>
      <c r="J4454">
        <v>0</v>
      </c>
      <c r="K4454">
        <v>0</v>
      </c>
      <c r="L4454">
        <v>0</v>
      </c>
      <c r="M4454">
        <v>4699</v>
      </c>
      <c r="N4454">
        <v>0</v>
      </c>
      <c r="O4454">
        <v>0</v>
      </c>
      <c r="P4454">
        <v>10620</v>
      </c>
      <c r="Q4454">
        <v>0</v>
      </c>
      <c r="R4454">
        <v>62357</v>
      </c>
      <c r="S4454">
        <v>0</v>
      </c>
      <c r="T4454">
        <v>0</v>
      </c>
      <c r="U4454">
        <v>0</v>
      </c>
      <c r="V4454">
        <v>3</v>
      </c>
      <c r="W4454">
        <v>2</v>
      </c>
      <c r="X4454">
        <v>0</v>
      </c>
      <c r="Y4454">
        <v>58</v>
      </c>
      <c r="Z4454">
        <v>16</v>
      </c>
      <c r="AA4454">
        <v>47</v>
      </c>
      <c r="AB4454">
        <v>12</v>
      </c>
      <c r="AC4454">
        <v>64</v>
      </c>
      <c r="AD4454">
        <v>22</v>
      </c>
      <c r="AE4454">
        <v>42</v>
      </c>
      <c r="AF4454">
        <v>1325</v>
      </c>
      <c r="AG4454">
        <v>113417</v>
      </c>
      <c r="AH4454">
        <v>50000</v>
      </c>
      <c r="AI4454">
        <v>1060</v>
      </c>
      <c r="AJ4454">
        <v>102</v>
      </c>
      <c r="AK4454" t="s">
        <v>50</v>
      </c>
      <c r="AL4454">
        <v>0</v>
      </c>
      <c r="AM4454">
        <v>0</v>
      </c>
      <c r="AN4454">
        <v>0</v>
      </c>
      <c r="AO4454">
        <v>0</v>
      </c>
      <c r="AP4454">
        <v>0</v>
      </c>
      <c r="AQ4454">
        <v>0</v>
      </c>
      <c r="AR4454">
        <v>0</v>
      </c>
      <c r="AS4454">
        <v>0</v>
      </c>
      <c r="AT4454">
        <v>0</v>
      </c>
      <c r="AU4454">
        <v>0</v>
      </c>
      <c r="AV4454">
        <v>0</v>
      </c>
      <c r="AW4454">
        <v>0</v>
      </c>
      <c r="AX4454">
        <v>3422</v>
      </c>
      <c r="AY4454">
        <v>49</v>
      </c>
      <c r="AZ4454">
        <v>99</v>
      </c>
      <c r="BA4454">
        <v>7373</v>
      </c>
    </row>
    <row r="4455" spans="1:53" x14ac:dyDescent="0.4">
      <c r="A4455">
        <v>4499</v>
      </c>
      <c r="B4455" s="1">
        <v>44523</v>
      </c>
      <c r="C4455">
        <v>3</v>
      </c>
      <c r="D4455" s="1">
        <v>44523.806944444441</v>
      </c>
      <c r="E4455" s="1">
        <v>44524.015972222223</v>
      </c>
      <c r="F4455">
        <v>20840</v>
      </c>
      <c r="G4455">
        <v>902</v>
      </c>
      <c r="H4455">
        <v>0</v>
      </c>
      <c r="I4455">
        <v>0</v>
      </c>
      <c r="J4455">
        <v>0</v>
      </c>
      <c r="K4455">
        <v>0</v>
      </c>
      <c r="L4455">
        <v>0</v>
      </c>
      <c r="M4455">
        <v>1976</v>
      </c>
      <c r="N4455">
        <v>0</v>
      </c>
      <c r="O4455">
        <v>0</v>
      </c>
      <c r="P4455">
        <v>-7540</v>
      </c>
      <c r="Q4455">
        <v>0</v>
      </c>
      <c r="R4455">
        <v>14202</v>
      </c>
      <c r="S4455">
        <v>0</v>
      </c>
      <c r="T4455">
        <v>0</v>
      </c>
      <c r="U4455">
        <v>0</v>
      </c>
      <c r="V4455">
        <v>3</v>
      </c>
      <c r="W4455">
        <v>3</v>
      </c>
      <c r="X4455">
        <v>0</v>
      </c>
      <c r="Y4455">
        <v>59</v>
      </c>
      <c r="Z4455">
        <v>16</v>
      </c>
      <c r="AA4455">
        <v>60</v>
      </c>
      <c r="AB4455">
        <v>13</v>
      </c>
      <c r="AC4455">
        <v>70</v>
      </c>
      <c r="AD4455">
        <v>24</v>
      </c>
      <c r="AE4455">
        <v>44</v>
      </c>
      <c r="AF4455">
        <v>7045</v>
      </c>
      <c r="AG4455">
        <v>126559</v>
      </c>
      <c r="AH4455">
        <v>50000</v>
      </c>
      <c r="AI4455">
        <v>0</v>
      </c>
      <c r="AJ4455">
        <v>112</v>
      </c>
      <c r="AK4455" t="s">
        <v>57</v>
      </c>
      <c r="AL4455">
        <v>0</v>
      </c>
      <c r="AM4455">
        <v>0</v>
      </c>
      <c r="AN4455">
        <v>0</v>
      </c>
      <c r="AO4455">
        <v>0</v>
      </c>
      <c r="AP4455">
        <v>0</v>
      </c>
      <c r="AQ4455">
        <v>0</v>
      </c>
      <c r="AR4455">
        <v>0</v>
      </c>
      <c r="AS4455">
        <v>0</v>
      </c>
      <c r="AT4455">
        <v>0</v>
      </c>
      <c r="AU4455">
        <v>0</v>
      </c>
      <c r="AV4455">
        <v>0</v>
      </c>
      <c r="AW4455">
        <v>0</v>
      </c>
      <c r="AX4455">
        <v>924</v>
      </c>
      <c r="AY4455">
        <v>5</v>
      </c>
      <c r="AZ4455">
        <v>10</v>
      </c>
      <c r="BA4455">
        <v>1103</v>
      </c>
    </row>
    <row r="4456" spans="1:53" x14ac:dyDescent="0.4">
      <c r="A4456">
        <v>4500</v>
      </c>
      <c r="B4456" s="1">
        <v>44524</v>
      </c>
      <c r="C4456">
        <v>1</v>
      </c>
      <c r="D4456" s="1">
        <v>44524.291666666664</v>
      </c>
      <c r="E4456" s="1">
        <v>44524.438194444447</v>
      </c>
      <c r="F4456">
        <v>0</v>
      </c>
      <c r="G4456">
        <v>0</v>
      </c>
      <c r="H4456">
        <v>0</v>
      </c>
      <c r="I4456">
        <v>0</v>
      </c>
      <c r="J4456">
        <v>0</v>
      </c>
      <c r="K4456">
        <v>0</v>
      </c>
      <c r="L4456">
        <v>0</v>
      </c>
      <c r="M4456">
        <v>0</v>
      </c>
      <c r="N4456">
        <v>0</v>
      </c>
      <c r="O4456">
        <v>0</v>
      </c>
      <c r="P4456">
        <v>0</v>
      </c>
      <c r="Q4456">
        <v>0</v>
      </c>
      <c r="R4456">
        <v>0</v>
      </c>
      <c r="S4456">
        <v>0</v>
      </c>
      <c r="T4456">
        <v>0</v>
      </c>
      <c r="U4456">
        <v>0</v>
      </c>
      <c r="V4456">
        <v>0</v>
      </c>
      <c r="W4456">
        <v>1</v>
      </c>
      <c r="X4456">
        <v>0</v>
      </c>
      <c r="Y4456">
        <v>29</v>
      </c>
      <c r="Z4456">
        <v>15</v>
      </c>
      <c r="AA4456">
        <v>70</v>
      </c>
      <c r="AB4456">
        <v>14</v>
      </c>
      <c r="AC4456">
        <v>65</v>
      </c>
      <c r="AD4456">
        <v>22</v>
      </c>
      <c r="AE4456">
        <v>40</v>
      </c>
      <c r="AF4456">
        <v>0</v>
      </c>
      <c r="AG4456">
        <v>50000</v>
      </c>
      <c r="AH4456">
        <v>50000</v>
      </c>
      <c r="AI4456">
        <v>0</v>
      </c>
      <c r="AJ4456">
        <v>0</v>
      </c>
      <c r="AK4456" t="s">
        <v>6</v>
      </c>
      <c r="AL4456">
        <v>0</v>
      </c>
      <c r="AM4456">
        <v>0</v>
      </c>
      <c r="AN4456">
        <v>0</v>
      </c>
      <c r="AO4456">
        <v>0</v>
      </c>
      <c r="AP4456">
        <v>0</v>
      </c>
      <c r="AQ4456">
        <v>0</v>
      </c>
      <c r="AR4456">
        <v>0</v>
      </c>
      <c r="AS4456">
        <v>0</v>
      </c>
      <c r="AT4456">
        <v>0</v>
      </c>
      <c r="AU4456">
        <v>0</v>
      </c>
      <c r="AV4456">
        <v>0</v>
      </c>
      <c r="AW4456">
        <v>0</v>
      </c>
      <c r="AX4456">
        <v>0</v>
      </c>
      <c r="AY4456">
        <v>0</v>
      </c>
      <c r="AZ4456">
        <v>0</v>
      </c>
      <c r="BA4456">
        <v>0</v>
      </c>
    </row>
    <row r="4457" spans="1:53" x14ac:dyDescent="0.4">
      <c r="A4457">
        <v>4501</v>
      </c>
      <c r="B4457" s="1">
        <v>44524</v>
      </c>
      <c r="C4457">
        <v>2</v>
      </c>
      <c r="D4457" s="1">
        <v>44524.438194444447</v>
      </c>
      <c r="E4457" s="1">
        <v>44524.753472222219</v>
      </c>
      <c r="F4457">
        <v>9940</v>
      </c>
      <c r="G4457">
        <v>1034</v>
      </c>
      <c r="H4457">
        <v>0</v>
      </c>
      <c r="I4457">
        <v>0</v>
      </c>
      <c r="J4457">
        <v>0</v>
      </c>
      <c r="K4457">
        <v>0</v>
      </c>
      <c r="L4457">
        <v>0</v>
      </c>
      <c r="M4457">
        <v>996</v>
      </c>
      <c r="N4457">
        <v>0</v>
      </c>
      <c r="O4457">
        <v>0</v>
      </c>
      <c r="P4457">
        <v>5790</v>
      </c>
      <c r="Q4457">
        <v>0</v>
      </c>
      <c r="R4457">
        <v>16764</v>
      </c>
      <c r="S4457">
        <v>0</v>
      </c>
      <c r="T4457">
        <v>0</v>
      </c>
      <c r="U4457">
        <v>0</v>
      </c>
      <c r="V4457">
        <v>1</v>
      </c>
      <c r="W4457">
        <v>0</v>
      </c>
      <c r="X4457">
        <v>0</v>
      </c>
      <c r="Y4457">
        <v>40</v>
      </c>
      <c r="Z4457">
        <v>17</v>
      </c>
      <c r="AA4457">
        <v>68</v>
      </c>
      <c r="AB4457">
        <v>11</v>
      </c>
      <c r="AC4457">
        <v>77</v>
      </c>
      <c r="AD4457">
        <v>21</v>
      </c>
      <c r="AE4457">
        <v>39</v>
      </c>
      <c r="AF4457">
        <v>0</v>
      </c>
      <c r="AG4457">
        <v>66764</v>
      </c>
      <c r="AH4457">
        <v>50000</v>
      </c>
      <c r="AI4457">
        <v>0</v>
      </c>
      <c r="AJ4457">
        <v>116</v>
      </c>
      <c r="AK4457" t="s">
        <v>54</v>
      </c>
      <c r="AL4457">
        <v>0</v>
      </c>
      <c r="AM4457">
        <v>0</v>
      </c>
      <c r="AN4457">
        <v>0</v>
      </c>
      <c r="AO4457">
        <v>0</v>
      </c>
      <c r="AP4457">
        <v>0</v>
      </c>
      <c r="AQ4457">
        <v>0</v>
      </c>
      <c r="AR4457">
        <v>0</v>
      </c>
      <c r="AS4457">
        <v>0</v>
      </c>
      <c r="AT4457">
        <v>0</v>
      </c>
      <c r="AU4457">
        <v>0</v>
      </c>
      <c r="AV4457">
        <v>0</v>
      </c>
      <c r="AW4457">
        <v>0</v>
      </c>
      <c r="AX4457">
        <v>-160</v>
      </c>
      <c r="AY4457">
        <v>18</v>
      </c>
      <c r="AZ4457">
        <v>27</v>
      </c>
      <c r="BA4457">
        <v>2049</v>
      </c>
    </row>
    <row r="4458" spans="1:53" x14ac:dyDescent="0.4">
      <c r="A4458">
        <v>4502</v>
      </c>
      <c r="B4458" s="1">
        <v>44524</v>
      </c>
      <c r="C4458">
        <v>3</v>
      </c>
      <c r="D4458" s="1">
        <v>44524.753472222219</v>
      </c>
      <c r="E4458" s="1">
        <v>44524.927083333336</v>
      </c>
      <c r="F4458">
        <v>9090</v>
      </c>
      <c r="G4458">
        <v>440</v>
      </c>
      <c r="H4458">
        <v>0</v>
      </c>
      <c r="I4458">
        <v>0</v>
      </c>
      <c r="J4458">
        <v>0</v>
      </c>
      <c r="K4458">
        <v>0</v>
      </c>
      <c r="L4458">
        <v>0</v>
      </c>
      <c r="M4458">
        <v>867</v>
      </c>
      <c r="N4458">
        <v>0</v>
      </c>
      <c r="O4458">
        <v>0</v>
      </c>
      <c r="P4458">
        <v>-5790</v>
      </c>
      <c r="Q4458">
        <v>0</v>
      </c>
      <c r="R4458">
        <v>3740</v>
      </c>
      <c r="S4458">
        <v>0</v>
      </c>
      <c r="T4458">
        <v>0</v>
      </c>
      <c r="U4458">
        <v>0</v>
      </c>
      <c r="V4458">
        <v>2</v>
      </c>
      <c r="W4458">
        <v>0</v>
      </c>
      <c r="X4458">
        <v>0</v>
      </c>
      <c r="Y4458">
        <v>30</v>
      </c>
      <c r="Z4458">
        <v>18</v>
      </c>
      <c r="AA4458">
        <v>80</v>
      </c>
      <c r="AB4458">
        <v>13</v>
      </c>
      <c r="AC4458">
        <v>73</v>
      </c>
      <c r="AD4458">
        <v>21</v>
      </c>
      <c r="AE4458">
        <v>39</v>
      </c>
      <c r="AF4458">
        <v>1980</v>
      </c>
      <c r="AG4458">
        <v>70504</v>
      </c>
      <c r="AH4458">
        <v>50000</v>
      </c>
      <c r="AI4458">
        <v>0</v>
      </c>
      <c r="AJ4458">
        <v>104</v>
      </c>
      <c r="AK4458" t="s">
        <v>52</v>
      </c>
      <c r="AL4458">
        <v>0</v>
      </c>
      <c r="AM4458">
        <v>0</v>
      </c>
      <c r="AN4458">
        <v>0</v>
      </c>
      <c r="AO4458">
        <v>0</v>
      </c>
      <c r="AP4458">
        <v>0</v>
      </c>
      <c r="AQ4458">
        <v>0</v>
      </c>
      <c r="AR4458">
        <v>0</v>
      </c>
      <c r="AS4458">
        <v>0</v>
      </c>
      <c r="AT4458">
        <v>0</v>
      </c>
      <c r="AU4458">
        <v>0</v>
      </c>
      <c r="AV4458">
        <v>0</v>
      </c>
      <c r="AW4458">
        <v>0</v>
      </c>
      <c r="AX4458">
        <v>0</v>
      </c>
      <c r="AY4458">
        <v>2</v>
      </c>
      <c r="AZ4458">
        <v>4</v>
      </c>
      <c r="BA4458">
        <v>841</v>
      </c>
    </row>
    <row r="4459" spans="1:53" x14ac:dyDescent="0.4">
      <c r="A4459">
        <v>4503</v>
      </c>
      <c r="B4459" s="1">
        <v>44525</v>
      </c>
      <c r="C4459">
        <v>1</v>
      </c>
      <c r="D4459" s="1">
        <v>44525.291666666664</v>
      </c>
      <c r="E4459" s="1">
        <v>44525.436111111114</v>
      </c>
      <c r="F4459">
        <v>0</v>
      </c>
      <c r="G4459">
        <v>0</v>
      </c>
      <c r="H4459">
        <v>0</v>
      </c>
      <c r="I4459">
        <v>0</v>
      </c>
      <c r="J4459">
        <v>0</v>
      </c>
      <c r="K4459">
        <v>0</v>
      </c>
      <c r="L4459">
        <v>0</v>
      </c>
      <c r="M4459">
        <v>0</v>
      </c>
      <c r="N4459">
        <v>0</v>
      </c>
      <c r="O4459">
        <v>0</v>
      </c>
      <c r="P4459">
        <v>0</v>
      </c>
      <c r="Q4459">
        <v>0</v>
      </c>
      <c r="R4459">
        <v>0</v>
      </c>
      <c r="S4459">
        <v>0</v>
      </c>
      <c r="T4459">
        <v>0</v>
      </c>
      <c r="U4459">
        <v>0</v>
      </c>
      <c r="V4459">
        <v>0</v>
      </c>
      <c r="W4459">
        <v>0</v>
      </c>
      <c r="X4459">
        <v>0</v>
      </c>
      <c r="Y4459">
        <v>32</v>
      </c>
      <c r="Z4459">
        <v>17</v>
      </c>
      <c r="AA4459">
        <v>79</v>
      </c>
      <c r="AB4459">
        <v>15</v>
      </c>
      <c r="AC4459">
        <v>71</v>
      </c>
      <c r="AD4459">
        <v>21</v>
      </c>
      <c r="AE4459">
        <v>35</v>
      </c>
      <c r="AF4459">
        <v>0</v>
      </c>
      <c r="AG4459">
        <v>50000</v>
      </c>
      <c r="AH4459">
        <v>50000</v>
      </c>
      <c r="AI4459">
        <v>0</v>
      </c>
      <c r="AJ4459">
        <v>0</v>
      </c>
      <c r="AK4459" t="s">
        <v>6</v>
      </c>
      <c r="AL4459">
        <v>0</v>
      </c>
      <c r="AM4459">
        <v>0</v>
      </c>
      <c r="AN4459">
        <v>0</v>
      </c>
      <c r="AO4459">
        <v>0</v>
      </c>
      <c r="AP4459">
        <v>0</v>
      </c>
      <c r="AQ4459">
        <v>0</v>
      </c>
      <c r="AR4459">
        <v>0</v>
      </c>
      <c r="AS4459">
        <v>0</v>
      </c>
      <c r="AT4459">
        <v>0</v>
      </c>
      <c r="AU4459">
        <v>0</v>
      </c>
      <c r="AV4459">
        <v>0</v>
      </c>
      <c r="AW4459">
        <v>0</v>
      </c>
      <c r="AX4459">
        <v>0</v>
      </c>
      <c r="AY4459">
        <v>0</v>
      </c>
      <c r="AZ4459">
        <v>0</v>
      </c>
      <c r="BA4459">
        <v>0</v>
      </c>
    </row>
    <row r="4460" spans="1:53" x14ac:dyDescent="0.4">
      <c r="A4460">
        <v>4504</v>
      </c>
      <c r="B4460" s="1">
        <v>44525</v>
      </c>
      <c r="C4460">
        <v>2</v>
      </c>
      <c r="D4460" s="1">
        <v>44525.436111111114</v>
      </c>
      <c r="E4460" s="1">
        <v>44525.772916666669</v>
      </c>
      <c r="F4460">
        <v>11220</v>
      </c>
      <c r="G4460">
        <v>1859</v>
      </c>
      <c r="H4460">
        <v>0</v>
      </c>
      <c r="I4460">
        <v>0</v>
      </c>
      <c r="J4460">
        <v>100</v>
      </c>
      <c r="K4460">
        <v>0</v>
      </c>
      <c r="L4460">
        <v>0</v>
      </c>
      <c r="M4460">
        <v>1179</v>
      </c>
      <c r="N4460">
        <v>0</v>
      </c>
      <c r="O4460">
        <v>0</v>
      </c>
      <c r="P4460">
        <v>9860</v>
      </c>
      <c r="Q4460">
        <v>0</v>
      </c>
      <c r="R4460">
        <v>22839</v>
      </c>
      <c r="S4460">
        <v>0</v>
      </c>
      <c r="T4460">
        <v>0</v>
      </c>
      <c r="U4460">
        <v>0</v>
      </c>
      <c r="V4460">
        <v>1</v>
      </c>
      <c r="W4460">
        <v>0</v>
      </c>
      <c r="X4460">
        <v>0</v>
      </c>
      <c r="Y4460">
        <v>45</v>
      </c>
      <c r="Z4460">
        <v>18</v>
      </c>
      <c r="AA4460">
        <v>63</v>
      </c>
      <c r="AB4460">
        <v>19</v>
      </c>
      <c r="AC4460">
        <v>62</v>
      </c>
      <c r="AD4460">
        <v>20</v>
      </c>
      <c r="AE4460">
        <v>31</v>
      </c>
      <c r="AF4460">
        <v>838</v>
      </c>
      <c r="AG4460">
        <v>72839</v>
      </c>
      <c r="AH4460">
        <v>50000</v>
      </c>
      <c r="AI4460">
        <v>0</v>
      </c>
      <c r="AJ4460">
        <v>117</v>
      </c>
      <c r="AK4460" t="s">
        <v>58</v>
      </c>
      <c r="AL4460">
        <v>0</v>
      </c>
      <c r="AM4460">
        <v>0</v>
      </c>
      <c r="AN4460">
        <v>0</v>
      </c>
      <c r="AO4460">
        <v>0</v>
      </c>
      <c r="AP4460">
        <v>0</v>
      </c>
      <c r="AQ4460">
        <v>0</v>
      </c>
      <c r="AR4460">
        <v>0</v>
      </c>
      <c r="AS4460">
        <v>0</v>
      </c>
      <c r="AT4460">
        <v>0</v>
      </c>
      <c r="AU4460">
        <v>0</v>
      </c>
      <c r="AV4460">
        <v>0</v>
      </c>
      <c r="AW4460">
        <v>0</v>
      </c>
      <c r="AX4460">
        <v>-1060</v>
      </c>
      <c r="AY4460">
        <v>21</v>
      </c>
      <c r="AZ4460">
        <v>34</v>
      </c>
      <c r="BA4460">
        <v>2797</v>
      </c>
    </row>
    <row r="4461" spans="1:53" x14ac:dyDescent="0.4">
      <c r="A4461">
        <v>4505</v>
      </c>
      <c r="B4461" s="1">
        <v>44525</v>
      </c>
      <c r="C4461">
        <v>3</v>
      </c>
      <c r="D4461" s="1">
        <v>44525.772916666669</v>
      </c>
      <c r="E4461" s="1">
        <v>44525.929166666669</v>
      </c>
      <c r="F4461">
        <v>15140</v>
      </c>
      <c r="G4461">
        <v>0</v>
      </c>
      <c r="H4461">
        <v>0</v>
      </c>
      <c r="I4461">
        <v>0</v>
      </c>
      <c r="J4461">
        <v>0</v>
      </c>
      <c r="K4461">
        <v>0</v>
      </c>
      <c r="L4461">
        <v>0</v>
      </c>
      <c r="M4461">
        <v>1376</v>
      </c>
      <c r="N4461">
        <v>0</v>
      </c>
      <c r="O4461">
        <v>0</v>
      </c>
      <c r="P4461">
        <v>-5020</v>
      </c>
      <c r="Q4461">
        <v>0</v>
      </c>
      <c r="R4461">
        <v>10120</v>
      </c>
      <c r="S4461">
        <v>0</v>
      </c>
      <c r="T4461">
        <v>0</v>
      </c>
      <c r="U4461">
        <v>0</v>
      </c>
      <c r="V4461">
        <v>1</v>
      </c>
      <c r="W4461">
        <v>0</v>
      </c>
      <c r="X4461">
        <v>0</v>
      </c>
      <c r="Y4461">
        <v>54</v>
      </c>
      <c r="Z4461">
        <v>21</v>
      </c>
      <c r="AA4461">
        <v>59</v>
      </c>
      <c r="AB4461">
        <v>19</v>
      </c>
      <c r="AC4461">
        <v>64</v>
      </c>
      <c r="AD4461">
        <v>20</v>
      </c>
      <c r="AE4461">
        <v>31</v>
      </c>
      <c r="AF4461">
        <v>838</v>
      </c>
      <c r="AG4461">
        <v>82959</v>
      </c>
      <c r="AH4461">
        <v>50000</v>
      </c>
      <c r="AI4461">
        <v>0</v>
      </c>
      <c r="AJ4461">
        <v>117</v>
      </c>
      <c r="AK4461" t="s">
        <v>58</v>
      </c>
      <c r="AL4461">
        <v>0</v>
      </c>
      <c r="AM4461">
        <v>0</v>
      </c>
      <c r="AN4461">
        <v>0</v>
      </c>
      <c r="AO4461">
        <v>0</v>
      </c>
      <c r="AP4461">
        <v>0</v>
      </c>
      <c r="AQ4461">
        <v>0</v>
      </c>
      <c r="AR4461">
        <v>0</v>
      </c>
      <c r="AS4461">
        <v>0</v>
      </c>
      <c r="AT4461">
        <v>0</v>
      </c>
      <c r="AU4461">
        <v>0</v>
      </c>
      <c r="AV4461">
        <v>0</v>
      </c>
      <c r="AW4461">
        <v>0</v>
      </c>
      <c r="AX4461">
        <v>6446</v>
      </c>
      <c r="AY4461">
        <v>5</v>
      </c>
      <c r="AZ4461">
        <v>11</v>
      </c>
      <c r="BA4461">
        <v>1101</v>
      </c>
    </row>
    <row r="4462" spans="1:53" x14ac:dyDescent="0.4">
      <c r="A4462">
        <v>4506</v>
      </c>
      <c r="B4462" s="1">
        <v>44526</v>
      </c>
      <c r="C4462">
        <v>1</v>
      </c>
      <c r="D4462" s="1">
        <v>44526.291666666664</v>
      </c>
      <c r="E4462" s="1">
        <v>44526.744444444441</v>
      </c>
      <c r="F4462">
        <v>19170</v>
      </c>
      <c r="G4462">
        <v>616</v>
      </c>
      <c r="H4462">
        <v>0</v>
      </c>
      <c r="I4462">
        <v>0</v>
      </c>
      <c r="J4462">
        <v>100</v>
      </c>
      <c r="K4462">
        <v>0</v>
      </c>
      <c r="L4462">
        <v>0</v>
      </c>
      <c r="M4462">
        <v>1788</v>
      </c>
      <c r="N4462">
        <v>0</v>
      </c>
      <c r="O4462">
        <v>0</v>
      </c>
      <c r="P4462">
        <v>22570</v>
      </c>
      <c r="Q4462">
        <v>0</v>
      </c>
      <c r="R4462">
        <v>42256</v>
      </c>
      <c r="S4462">
        <v>0</v>
      </c>
      <c r="T4462">
        <v>0</v>
      </c>
      <c r="U4462">
        <v>0</v>
      </c>
      <c r="V4462">
        <v>1</v>
      </c>
      <c r="W4462">
        <v>0</v>
      </c>
      <c r="X4462">
        <v>0</v>
      </c>
      <c r="Y4462">
        <v>58</v>
      </c>
      <c r="Z4462">
        <v>32</v>
      </c>
      <c r="AA4462">
        <v>55</v>
      </c>
      <c r="AB4462">
        <v>24</v>
      </c>
      <c r="AC4462">
        <v>82</v>
      </c>
      <c r="AD4462">
        <v>21</v>
      </c>
      <c r="AE4462">
        <v>31</v>
      </c>
      <c r="AF4462">
        <v>600</v>
      </c>
      <c r="AG4462">
        <v>92256</v>
      </c>
      <c r="AH4462">
        <v>50000</v>
      </c>
      <c r="AI4462">
        <v>0</v>
      </c>
      <c r="AJ4462">
        <v>119</v>
      </c>
      <c r="AK4462" t="s">
        <v>56</v>
      </c>
      <c r="AL4462">
        <v>0</v>
      </c>
      <c r="AM4462">
        <v>0</v>
      </c>
      <c r="AN4462">
        <v>0</v>
      </c>
      <c r="AO4462">
        <v>0</v>
      </c>
      <c r="AP4462">
        <v>0</v>
      </c>
      <c r="AQ4462">
        <v>0</v>
      </c>
      <c r="AR4462">
        <v>0</v>
      </c>
      <c r="AS4462">
        <v>0</v>
      </c>
      <c r="AT4462">
        <v>0</v>
      </c>
      <c r="AU4462">
        <v>0</v>
      </c>
      <c r="AV4462">
        <v>0</v>
      </c>
      <c r="AW4462">
        <v>0</v>
      </c>
      <c r="AX4462">
        <v>308</v>
      </c>
      <c r="AY4462">
        <v>39</v>
      </c>
      <c r="AZ4462">
        <v>67</v>
      </c>
      <c r="BA4462">
        <v>5762</v>
      </c>
    </row>
    <row r="4463" spans="1:53" x14ac:dyDescent="0.4">
      <c r="A4463">
        <v>4507</v>
      </c>
      <c r="B4463" s="1">
        <v>44527</v>
      </c>
      <c r="C4463">
        <v>1</v>
      </c>
      <c r="D4463" s="1">
        <v>44527.291666666664</v>
      </c>
      <c r="E4463" s="1">
        <v>44527.409722222219</v>
      </c>
      <c r="F4463">
        <v>0</v>
      </c>
      <c r="G4463">
        <v>0</v>
      </c>
      <c r="H4463">
        <v>0</v>
      </c>
      <c r="I4463">
        <v>0</v>
      </c>
      <c r="J4463">
        <v>0</v>
      </c>
      <c r="K4463">
        <v>0</v>
      </c>
      <c r="L4463">
        <v>0</v>
      </c>
      <c r="M4463">
        <v>0</v>
      </c>
      <c r="N4463">
        <v>0</v>
      </c>
      <c r="O4463">
        <v>0</v>
      </c>
      <c r="P4463">
        <v>0</v>
      </c>
      <c r="Q4463">
        <v>0</v>
      </c>
      <c r="R4463">
        <v>0</v>
      </c>
      <c r="S4463">
        <v>0</v>
      </c>
      <c r="T4463">
        <v>0</v>
      </c>
      <c r="U4463">
        <v>0</v>
      </c>
      <c r="V4463">
        <v>0</v>
      </c>
      <c r="W4463">
        <v>1</v>
      </c>
      <c r="X4463">
        <v>0</v>
      </c>
      <c r="Y4463">
        <v>28</v>
      </c>
      <c r="Z4463">
        <v>13</v>
      </c>
      <c r="AA4463">
        <v>81</v>
      </c>
      <c r="AB4463">
        <v>28</v>
      </c>
      <c r="AC4463">
        <v>87</v>
      </c>
      <c r="AD4463">
        <v>20</v>
      </c>
      <c r="AE4463">
        <v>30</v>
      </c>
      <c r="AF4463">
        <v>0</v>
      </c>
      <c r="AG4463">
        <v>50000</v>
      </c>
      <c r="AH4463">
        <v>50000</v>
      </c>
      <c r="AI4463">
        <v>0</v>
      </c>
      <c r="AJ4463">
        <v>0</v>
      </c>
      <c r="AK4463" t="s">
        <v>6</v>
      </c>
      <c r="AL4463">
        <v>0</v>
      </c>
      <c r="AM4463">
        <v>0</v>
      </c>
      <c r="AN4463">
        <v>0</v>
      </c>
      <c r="AO4463">
        <v>0</v>
      </c>
      <c r="AP4463">
        <v>0</v>
      </c>
      <c r="AQ4463">
        <v>0</v>
      </c>
      <c r="AR4463">
        <v>0</v>
      </c>
      <c r="AS4463">
        <v>0</v>
      </c>
      <c r="AT4463">
        <v>0</v>
      </c>
      <c r="AU4463">
        <v>0</v>
      </c>
      <c r="AV4463">
        <v>0</v>
      </c>
      <c r="AW4463">
        <v>0</v>
      </c>
      <c r="AX4463">
        <v>0</v>
      </c>
      <c r="AY4463">
        <v>0</v>
      </c>
      <c r="AZ4463">
        <v>0</v>
      </c>
      <c r="BA4463">
        <v>0</v>
      </c>
    </row>
    <row r="4464" spans="1:53" x14ac:dyDescent="0.4">
      <c r="A4464">
        <v>4508</v>
      </c>
      <c r="B4464" s="1">
        <v>44527</v>
      </c>
      <c r="C4464">
        <v>2</v>
      </c>
      <c r="D4464" s="1">
        <v>44527.409722222219</v>
      </c>
      <c r="E4464" s="1">
        <v>44527.745138888888</v>
      </c>
      <c r="F4464">
        <v>26640</v>
      </c>
      <c r="G4464">
        <v>1672</v>
      </c>
      <c r="H4464">
        <v>0</v>
      </c>
      <c r="I4464">
        <v>0</v>
      </c>
      <c r="J4464">
        <v>0</v>
      </c>
      <c r="K4464">
        <v>0</v>
      </c>
      <c r="L4464">
        <v>0</v>
      </c>
      <c r="M4464">
        <v>2573</v>
      </c>
      <c r="N4464">
        <v>0</v>
      </c>
      <c r="O4464">
        <v>0</v>
      </c>
      <c r="P4464">
        <v>13820</v>
      </c>
      <c r="Q4464">
        <v>0</v>
      </c>
      <c r="R4464">
        <v>42132</v>
      </c>
      <c r="S4464">
        <v>0</v>
      </c>
      <c r="T4464">
        <v>0</v>
      </c>
      <c r="U4464">
        <v>0</v>
      </c>
      <c r="V4464">
        <v>0</v>
      </c>
      <c r="W4464">
        <v>1</v>
      </c>
      <c r="X4464">
        <v>0</v>
      </c>
      <c r="Y4464">
        <v>67</v>
      </c>
      <c r="Z4464">
        <v>18</v>
      </c>
      <c r="AA4464">
        <v>83</v>
      </c>
      <c r="AB4464">
        <v>36</v>
      </c>
      <c r="AC4464">
        <v>90</v>
      </c>
      <c r="AD4464">
        <v>20</v>
      </c>
      <c r="AE4464">
        <v>32</v>
      </c>
      <c r="AF4464">
        <v>0</v>
      </c>
      <c r="AG4464">
        <v>92132</v>
      </c>
      <c r="AH4464">
        <v>50000</v>
      </c>
      <c r="AI4464">
        <v>0</v>
      </c>
      <c r="AJ4464">
        <v>119</v>
      </c>
      <c r="AK4464" t="s">
        <v>56</v>
      </c>
      <c r="AL4464">
        <v>0</v>
      </c>
      <c r="AM4464">
        <v>0</v>
      </c>
      <c r="AN4464">
        <v>0</v>
      </c>
      <c r="AO4464">
        <v>0</v>
      </c>
      <c r="AP4464">
        <v>0</v>
      </c>
      <c r="AQ4464">
        <v>0</v>
      </c>
      <c r="AR4464">
        <v>0</v>
      </c>
      <c r="AS4464">
        <v>0</v>
      </c>
      <c r="AT4464">
        <v>0</v>
      </c>
      <c r="AU4464">
        <v>0</v>
      </c>
      <c r="AV4464">
        <v>0</v>
      </c>
      <c r="AW4464">
        <v>0</v>
      </c>
      <c r="AX4464">
        <v>1484</v>
      </c>
      <c r="AY4464">
        <v>32</v>
      </c>
      <c r="AZ4464">
        <v>67</v>
      </c>
      <c r="BA4464">
        <v>4637</v>
      </c>
    </row>
    <row r="4465" spans="1:53" x14ac:dyDescent="0.4">
      <c r="A4465">
        <v>4509</v>
      </c>
      <c r="B4465" s="1">
        <v>44527</v>
      </c>
      <c r="C4465">
        <v>3</v>
      </c>
      <c r="D4465" s="1">
        <v>44527.745138888888</v>
      </c>
      <c r="E4465" s="1">
        <v>44528.030555555553</v>
      </c>
      <c r="F4465">
        <v>99480</v>
      </c>
      <c r="G4465">
        <v>5368</v>
      </c>
      <c r="H4465">
        <v>0</v>
      </c>
      <c r="I4465">
        <v>0</v>
      </c>
      <c r="J4465">
        <v>0</v>
      </c>
      <c r="K4465">
        <v>0</v>
      </c>
      <c r="L4465">
        <v>0</v>
      </c>
      <c r="M4465">
        <v>9534</v>
      </c>
      <c r="N4465">
        <v>0</v>
      </c>
      <c r="O4465">
        <v>0</v>
      </c>
      <c r="P4465">
        <v>34765</v>
      </c>
      <c r="Q4465">
        <v>0</v>
      </c>
      <c r="R4465">
        <v>139613</v>
      </c>
      <c r="S4465">
        <v>0</v>
      </c>
      <c r="T4465">
        <v>0</v>
      </c>
      <c r="U4465">
        <v>0</v>
      </c>
      <c r="V4465">
        <v>8</v>
      </c>
      <c r="W4465">
        <v>5</v>
      </c>
      <c r="X4465">
        <v>0</v>
      </c>
      <c r="Y4465">
        <v>93</v>
      </c>
      <c r="Z4465">
        <v>20</v>
      </c>
      <c r="AA4465">
        <v>68</v>
      </c>
      <c r="AB4465">
        <v>42</v>
      </c>
      <c r="AC4465">
        <v>81</v>
      </c>
      <c r="AD4465">
        <v>18</v>
      </c>
      <c r="AE4465">
        <v>38</v>
      </c>
      <c r="AF4465">
        <v>13907</v>
      </c>
      <c r="AG4465">
        <v>231745</v>
      </c>
      <c r="AH4465">
        <v>50000</v>
      </c>
      <c r="AI4465">
        <v>0</v>
      </c>
      <c r="AJ4465">
        <v>111</v>
      </c>
      <c r="AL4465">
        <v>0</v>
      </c>
      <c r="AM4465">
        <v>0</v>
      </c>
      <c r="AN4465">
        <v>0</v>
      </c>
      <c r="AO4465">
        <v>0</v>
      </c>
      <c r="AP4465">
        <v>0</v>
      </c>
      <c r="AQ4465">
        <v>0</v>
      </c>
      <c r="AR4465">
        <v>0</v>
      </c>
      <c r="AS4465">
        <v>0</v>
      </c>
      <c r="AT4465">
        <v>0</v>
      </c>
      <c r="AU4465">
        <v>0</v>
      </c>
      <c r="AV4465">
        <v>0</v>
      </c>
      <c r="AW4465">
        <v>0</v>
      </c>
      <c r="AX4465">
        <v>14423</v>
      </c>
      <c r="AY4465">
        <v>27</v>
      </c>
      <c r="AZ4465">
        <v>72</v>
      </c>
      <c r="BA4465">
        <v>3829</v>
      </c>
    </row>
    <row r="4466" spans="1:53" x14ac:dyDescent="0.4">
      <c r="A4466">
        <v>4510</v>
      </c>
      <c r="B4466" s="1">
        <v>44528</v>
      </c>
      <c r="C4466">
        <v>1</v>
      </c>
      <c r="D4466" s="1">
        <v>44528.291666666664</v>
      </c>
      <c r="E4466" s="1">
        <v>44528.40902777778</v>
      </c>
      <c r="F4466">
        <v>0</v>
      </c>
      <c r="G4466">
        <v>0</v>
      </c>
      <c r="H4466">
        <v>0</v>
      </c>
      <c r="I4466">
        <v>0</v>
      </c>
      <c r="J4466">
        <v>0</v>
      </c>
      <c r="K4466">
        <v>0</v>
      </c>
      <c r="L4466">
        <v>0</v>
      </c>
      <c r="M4466">
        <v>0</v>
      </c>
      <c r="N4466">
        <v>0</v>
      </c>
      <c r="O4466">
        <v>0</v>
      </c>
      <c r="P4466">
        <v>0</v>
      </c>
      <c r="Q4466">
        <v>0</v>
      </c>
      <c r="R4466">
        <v>0</v>
      </c>
      <c r="S4466">
        <v>0</v>
      </c>
      <c r="T4466">
        <v>0</v>
      </c>
      <c r="U4466">
        <v>0</v>
      </c>
      <c r="V4466">
        <v>0</v>
      </c>
      <c r="W4466">
        <v>1</v>
      </c>
      <c r="X4466">
        <v>0</v>
      </c>
      <c r="Y4466">
        <v>29</v>
      </c>
      <c r="Z4466">
        <v>14</v>
      </c>
      <c r="AA4466">
        <v>71</v>
      </c>
      <c r="AB4466">
        <v>21</v>
      </c>
      <c r="AC4466">
        <v>72</v>
      </c>
      <c r="AD4466">
        <v>18</v>
      </c>
      <c r="AE4466">
        <v>40</v>
      </c>
      <c r="AF4466">
        <v>0</v>
      </c>
      <c r="AG4466">
        <v>50000</v>
      </c>
      <c r="AH4466">
        <v>50000</v>
      </c>
      <c r="AI4466">
        <v>0</v>
      </c>
      <c r="AJ4466">
        <v>0</v>
      </c>
      <c r="AK4466" t="s">
        <v>6</v>
      </c>
      <c r="AL4466">
        <v>0</v>
      </c>
      <c r="AM4466">
        <v>0</v>
      </c>
      <c r="AN4466">
        <v>0</v>
      </c>
      <c r="AO4466">
        <v>0</v>
      </c>
      <c r="AP4466">
        <v>0</v>
      </c>
      <c r="AQ4466">
        <v>0</v>
      </c>
      <c r="AR4466">
        <v>0</v>
      </c>
      <c r="AS4466">
        <v>0</v>
      </c>
      <c r="AT4466">
        <v>0</v>
      </c>
      <c r="AU4466">
        <v>0</v>
      </c>
      <c r="AV4466">
        <v>0</v>
      </c>
      <c r="AW4466">
        <v>0</v>
      </c>
      <c r="AX4466">
        <v>0</v>
      </c>
      <c r="AY4466">
        <v>0</v>
      </c>
      <c r="AZ4466">
        <v>0</v>
      </c>
      <c r="BA4466">
        <v>0</v>
      </c>
    </row>
    <row r="4467" spans="1:53" x14ac:dyDescent="0.4">
      <c r="A4467">
        <v>4511</v>
      </c>
      <c r="B4467" s="1">
        <v>44528</v>
      </c>
      <c r="C4467">
        <v>2</v>
      </c>
      <c r="D4467" s="1">
        <v>44528.40902777778</v>
      </c>
      <c r="E4467" s="1">
        <v>44528.790277777778</v>
      </c>
      <c r="F4467">
        <v>44635</v>
      </c>
      <c r="G4467">
        <v>2706</v>
      </c>
      <c r="H4467">
        <v>0</v>
      </c>
      <c r="I4467">
        <v>0</v>
      </c>
      <c r="J4467">
        <v>0</v>
      </c>
      <c r="K4467">
        <v>0</v>
      </c>
      <c r="L4467">
        <v>0</v>
      </c>
      <c r="M4467">
        <v>4300</v>
      </c>
      <c r="N4467">
        <v>0</v>
      </c>
      <c r="O4467">
        <v>0</v>
      </c>
      <c r="P4467">
        <v>7810</v>
      </c>
      <c r="Q4467">
        <v>0</v>
      </c>
      <c r="R4467">
        <v>55151</v>
      </c>
      <c r="S4467">
        <v>0</v>
      </c>
      <c r="T4467">
        <v>0</v>
      </c>
      <c r="U4467">
        <v>0</v>
      </c>
      <c r="V4467">
        <v>2</v>
      </c>
      <c r="W4467">
        <v>0</v>
      </c>
      <c r="X4467">
        <v>0</v>
      </c>
      <c r="Y4467">
        <v>61</v>
      </c>
      <c r="Z4467">
        <v>25</v>
      </c>
      <c r="AA4467">
        <v>84</v>
      </c>
      <c r="AB4467">
        <v>16</v>
      </c>
      <c r="AC4467">
        <v>73</v>
      </c>
      <c r="AD4467">
        <v>18</v>
      </c>
      <c r="AE4467">
        <v>41</v>
      </c>
      <c r="AF4467">
        <v>1590</v>
      </c>
      <c r="AG4467">
        <v>105151</v>
      </c>
      <c r="AH4467">
        <v>50000</v>
      </c>
      <c r="AI4467">
        <v>0</v>
      </c>
      <c r="AJ4467">
        <v>102</v>
      </c>
      <c r="AK4467" t="s">
        <v>50</v>
      </c>
      <c r="AL4467">
        <v>0</v>
      </c>
      <c r="AM4467">
        <v>0</v>
      </c>
      <c r="AN4467">
        <v>0</v>
      </c>
      <c r="AO4467">
        <v>0</v>
      </c>
      <c r="AP4467">
        <v>0</v>
      </c>
      <c r="AQ4467">
        <v>0</v>
      </c>
      <c r="AR4467">
        <v>0</v>
      </c>
      <c r="AS4467">
        <v>0</v>
      </c>
      <c r="AT4467">
        <v>0</v>
      </c>
      <c r="AU4467">
        <v>0</v>
      </c>
      <c r="AV4467">
        <v>0</v>
      </c>
      <c r="AW4467">
        <v>0</v>
      </c>
      <c r="AX4467">
        <v>4940</v>
      </c>
      <c r="AY4467">
        <v>45</v>
      </c>
      <c r="AZ4467">
        <v>94</v>
      </c>
      <c r="BA4467">
        <v>6764</v>
      </c>
    </row>
    <row r="4468" spans="1:53" x14ac:dyDescent="0.4">
      <c r="A4468">
        <v>4512</v>
      </c>
      <c r="B4468" s="1">
        <v>44529</v>
      </c>
      <c r="C4468">
        <v>1</v>
      </c>
      <c r="D4468" s="1">
        <v>44529.291666666664</v>
      </c>
      <c r="E4468" s="1">
        <v>44529.765277777777</v>
      </c>
      <c r="F4468">
        <v>22880</v>
      </c>
      <c r="G4468">
        <v>2244</v>
      </c>
      <c r="H4468">
        <v>0</v>
      </c>
      <c r="I4468">
        <v>0</v>
      </c>
      <c r="J4468">
        <v>0</v>
      </c>
      <c r="K4468">
        <v>0</v>
      </c>
      <c r="L4468">
        <v>0</v>
      </c>
      <c r="M4468">
        <v>2281</v>
      </c>
      <c r="N4468">
        <v>0</v>
      </c>
      <c r="O4468">
        <v>0</v>
      </c>
      <c r="P4468">
        <v>14230</v>
      </c>
      <c r="Q4468">
        <v>0</v>
      </c>
      <c r="R4468">
        <v>39354</v>
      </c>
      <c r="S4468">
        <v>0</v>
      </c>
      <c r="T4468">
        <v>0</v>
      </c>
      <c r="U4468">
        <v>0</v>
      </c>
      <c r="V4468">
        <v>2</v>
      </c>
      <c r="W4468">
        <v>1</v>
      </c>
      <c r="X4468">
        <v>0</v>
      </c>
      <c r="Y4468">
        <v>37</v>
      </c>
      <c r="Z4468">
        <v>28</v>
      </c>
      <c r="AA4468">
        <v>99</v>
      </c>
      <c r="AB4468">
        <v>18</v>
      </c>
      <c r="AC4468">
        <v>67</v>
      </c>
      <c r="AD4468">
        <v>23</v>
      </c>
      <c r="AE4468">
        <v>39</v>
      </c>
      <c r="AF4468">
        <v>1730</v>
      </c>
      <c r="AG4468">
        <v>89354</v>
      </c>
      <c r="AH4468">
        <v>50000</v>
      </c>
      <c r="AI4468">
        <v>0</v>
      </c>
      <c r="AJ4468">
        <v>102</v>
      </c>
      <c r="AK4468" t="s">
        <v>50</v>
      </c>
      <c r="AL4468">
        <v>0</v>
      </c>
      <c r="AM4468">
        <v>0</v>
      </c>
      <c r="AN4468">
        <v>0</v>
      </c>
      <c r="AO4468">
        <v>0</v>
      </c>
      <c r="AP4468">
        <v>0</v>
      </c>
      <c r="AQ4468">
        <v>0</v>
      </c>
      <c r="AR4468">
        <v>0</v>
      </c>
      <c r="AS4468">
        <v>0</v>
      </c>
      <c r="AT4468">
        <v>0</v>
      </c>
      <c r="AU4468">
        <v>0</v>
      </c>
      <c r="AV4468">
        <v>0</v>
      </c>
      <c r="AW4468">
        <v>0</v>
      </c>
      <c r="AX4468">
        <v>967</v>
      </c>
      <c r="AY4468">
        <v>33</v>
      </c>
      <c r="AZ4468">
        <v>63</v>
      </c>
      <c r="BA4468">
        <v>4029</v>
      </c>
    </row>
    <row r="4469" spans="1:53" x14ac:dyDescent="0.4">
      <c r="A4469">
        <v>4513</v>
      </c>
      <c r="B4469" s="1">
        <v>44530</v>
      </c>
      <c r="C4469">
        <v>1</v>
      </c>
      <c r="D4469" s="1">
        <v>44530.291666666664</v>
      </c>
      <c r="E4469" s="1">
        <v>44530.441666666666</v>
      </c>
      <c r="F4469">
        <v>0</v>
      </c>
      <c r="G4469">
        <v>0</v>
      </c>
      <c r="H4469">
        <v>0</v>
      </c>
      <c r="I4469">
        <v>0</v>
      </c>
      <c r="J4469">
        <v>0</v>
      </c>
      <c r="K4469">
        <v>0</v>
      </c>
      <c r="L4469">
        <v>0</v>
      </c>
      <c r="M4469">
        <v>0</v>
      </c>
      <c r="N4469">
        <v>0</v>
      </c>
      <c r="O4469">
        <v>0</v>
      </c>
      <c r="P4469">
        <v>0</v>
      </c>
      <c r="Q4469">
        <v>0</v>
      </c>
      <c r="R4469">
        <v>0</v>
      </c>
      <c r="S4469">
        <v>0</v>
      </c>
      <c r="T4469">
        <v>0</v>
      </c>
      <c r="U4469">
        <v>0</v>
      </c>
      <c r="V4469">
        <v>0</v>
      </c>
      <c r="W4469">
        <v>1</v>
      </c>
      <c r="X4469">
        <v>0</v>
      </c>
      <c r="Y4469">
        <v>26</v>
      </c>
      <c r="Z4469">
        <v>15</v>
      </c>
      <c r="AA4469">
        <v>98</v>
      </c>
      <c r="AB4469">
        <v>19</v>
      </c>
      <c r="AC4469">
        <v>60</v>
      </c>
      <c r="AD4469">
        <v>23</v>
      </c>
      <c r="AE4469">
        <v>35</v>
      </c>
      <c r="AF4469">
        <v>0</v>
      </c>
      <c r="AG4469">
        <v>50000</v>
      </c>
      <c r="AH4469">
        <v>50000</v>
      </c>
      <c r="AI4469">
        <v>0</v>
      </c>
      <c r="AJ4469">
        <v>0</v>
      </c>
      <c r="AK4469" t="s">
        <v>6</v>
      </c>
      <c r="AL4469">
        <v>0</v>
      </c>
      <c r="AM4469">
        <v>0</v>
      </c>
      <c r="AN4469">
        <v>0</v>
      </c>
      <c r="AO4469">
        <v>0</v>
      </c>
      <c r="AP4469">
        <v>0</v>
      </c>
      <c r="AQ4469">
        <v>0</v>
      </c>
      <c r="AR4469">
        <v>0</v>
      </c>
      <c r="AS4469">
        <v>0</v>
      </c>
      <c r="AT4469">
        <v>0</v>
      </c>
      <c r="AU4469">
        <v>0</v>
      </c>
      <c r="AV4469">
        <v>0</v>
      </c>
      <c r="AW4469">
        <v>0</v>
      </c>
      <c r="AX4469">
        <v>0</v>
      </c>
      <c r="AY4469">
        <v>0</v>
      </c>
      <c r="AZ4469">
        <v>0</v>
      </c>
      <c r="BA4469">
        <v>0</v>
      </c>
    </row>
    <row r="4470" spans="1:53" x14ac:dyDescent="0.4">
      <c r="A4470">
        <v>4514</v>
      </c>
      <c r="B4470" s="1">
        <v>44530</v>
      </c>
      <c r="C4470">
        <v>2</v>
      </c>
      <c r="D4470" s="1">
        <v>44530.441666666666</v>
      </c>
      <c r="E4470" s="1">
        <v>44530.75277777778</v>
      </c>
      <c r="F4470">
        <v>23630</v>
      </c>
      <c r="G4470">
        <v>760</v>
      </c>
      <c r="H4470">
        <v>220</v>
      </c>
      <c r="I4470">
        <v>0</v>
      </c>
      <c r="J4470">
        <v>0</v>
      </c>
      <c r="K4470">
        <v>0</v>
      </c>
      <c r="L4470">
        <v>0</v>
      </c>
      <c r="M4470">
        <v>2236</v>
      </c>
      <c r="N4470">
        <v>0</v>
      </c>
      <c r="O4470">
        <v>0</v>
      </c>
      <c r="P4470">
        <v>6510</v>
      </c>
      <c r="Q4470">
        <v>0</v>
      </c>
      <c r="R4470">
        <v>31120</v>
      </c>
      <c r="S4470">
        <v>0</v>
      </c>
      <c r="T4470">
        <v>0</v>
      </c>
      <c r="U4470">
        <v>0</v>
      </c>
      <c r="V4470">
        <v>0</v>
      </c>
      <c r="W4470">
        <v>2</v>
      </c>
      <c r="X4470">
        <v>0</v>
      </c>
      <c r="Y4470">
        <v>48</v>
      </c>
      <c r="Z4470">
        <v>22</v>
      </c>
      <c r="AA4470">
        <v>93</v>
      </c>
      <c r="AB4470">
        <v>20</v>
      </c>
      <c r="AC4470">
        <v>72</v>
      </c>
      <c r="AD4470">
        <v>23</v>
      </c>
      <c r="AE4470">
        <v>35</v>
      </c>
      <c r="AF4470">
        <v>950</v>
      </c>
      <c r="AG4470">
        <v>81120</v>
      </c>
      <c r="AH4470">
        <v>50000</v>
      </c>
      <c r="AI4470">
        <v>0</v>
      </c>
      <c r="AJ4470">
        <v>116</v>
      </c>
      <c r="AK4470" t="s">
        <v>54</v>
      </c>
      <c r="AL4470">
        <v>0</v>
      </c>
      <c r="AM4470">
        <v>0</v>
      </c>
      <c r="AN4470">
        <v>0</v>
      </c>
      <c r="AO4470">
        <v>0</v>
      </c>
      <c r="AP4470">
        <v>0</v>
      </c>
      <c r="AQ4470">
        <v>0</v>
      </c>
      <c r="AR4470">
        <v>0</v>
      </c>
      <c r="AS4470">
        <v>0</v>
      </c>
      <c r="AT4470">
        <v>0</v>
      </c>
      <c r="AU4470">
        <v>0</v>
      </c>
      <c r="AV4470">
        <v>0</v>
      </c>
      <c r="AW4470">
        <v>0</v>
      </c>
      <c r="AX4470">
        <v>0</v>
      </c>
      <c r="AY4470">
        <v>27</v>
      </c>
      <c r="AZ4470">
        <v>48</v>
      </c>
      <c r="BA4470">
        <v>4400</v>
      </c>
    </row>
    <row r="4471" spans="1:53" x14ac:dyDescent="0.4">
      <c r="A4471">
        <v>4515</v>
      </c>
      <c r="B4471" s="1">
        <v>44530</v>
      </c>
      <c r="C4471">
        <v>3</v>
      </c>
      <c r="D4471" s="1">
        <v>44530.75277777778</v>
      </c>
      <c r="E4471" s="1">
        <v>44530.954861111109</v>
      </c>
      <c r="F4471">
        <v>10780</v>
      </c>
      <c r="G4471">
        <v>0</v>
      </c>
      <c r="H4471">
        <v>0</v>
      </c>
      <c r="I4471">
        <v>0</v>
      </c>
      <c r="J4471">
        <v>0</v>
      </c>
      <c r="K4471">
        <v>0</v>
      </c>
      <c r="L4471">
        <v>0</v>
      </c>
      <c r="M4471">
        <v>979</v>
      </c>
      <c r="N4471">
        <v>0</v>
      </c>
      <c r="O4471">
        <v>0</v>
      </c>
      <c r="P4471">
        <v>-1570</v>
      </c>
      <c r="Q4471">
        <v>0</v>
      </c>
      <c r="R4471">
        <v>9210</v>
      </c>
      <c r="S4471">
        <v>0</v>
      </c>
      <c r="T4471">
        <v>0</v>
      </c>
      <c r="U4471">
        <v>0</v>
      </c>
      <c r="V4471">
        <v>0</v>
      </c>
      <c r="W4471">
        <v>3</v>
      </c>
      <c r="X4471">
        <v>0</v>
      </c>
      <c r="Y4471">
        <v>53</v>
      </c>
      <c r="Z4471">
        <v>22</v>
      </c>
      <c r="AA4471">
        <v>84</v>
      </c>
      <c r="AB4471">
        <v>22</v>
      </c>
      <c r="AC4471">
        <v>73</v>
      </c>
      <c r="AD4471">
        <v>23</v>
      </c>
      <c r="AE4471">
        <v>35</v>
      </c>
      <c r="AF4471">
        <v>950</v>
      </c>
      <c r="AG4471">
        <v>90330</v>
      </c>
      <c r="AH4471">
        <v>50000</v>
      </c>
      <c r="AI4471">
        <v>0</v>
      </c>
      <c r="AJ4471">
        <v>112</v>
      </c>
      <c r="AK4471" t="s">
        <v>57</v>
      </c>
      <c r="AL4471">
        <v>0</v>
      </c>
      <c r="AM4471">
        <v>0</v>
      </c>
      <c r="AN4471">
        <v>0</v>
      </c>
      <c r="AO4471">
        <v>0</v>
      </c>
      <c r="AP4471">
        <v>0</v>
      </c>
      <c r="AQ4471">
        <v>0</v>
      </c>
      <c r="AR4471">
        <v>0</v>
      </c>
      <c r="AS4471">
        <v>0</v>
      </c>
      <c r="AT4471">
        <v>0</v>
      </c>
      <c r="AU4471">
        <v>0</v>
      </c>
      <c r="AV4471">
        <v>0</v>
      </c>
      <c r="AW4471">
        <v>0</v>
      </c>
      <c r="AX4471">
        <v>12452</v>
      </c>
      <c r="AY4471">
        <v>7</v>
      </c>
      <c r="AZ4471">
        <v>15</v>
      </c>
      <c r="BA4471">
        <v>1200</v>
      </c>
    </row>
    <row r="4472" spans="1:53" x14ac:dyDescent="0.4">
      <c r="A4472">
        <v>4516</v>
      </c>
      <c r="B4472" s="1">
        <v>44531</v>
      </c>
      <c r="C4472">
        <v>1</v>
      </c>
      <c r="D4472" s="1">
        <v>44531.291666666664</v>
      </c>
      <c r="E4472" s="1">
        <v>44531.443055555559</v>
      </c>
      <c r="F4472">
        <v>0</v>
      </c>
      <c r="G4472">
        <v>0</v>
      </c>
      <c r="H4472">
        <v>0</v>
      </c>
      <c r="I4472">
        <v>0</v>
      </c>
      <c r="J4472">
        <v>0</v>
      </c>
      <c r="K4472">
        <v>0</v>
      </c>
      <c r="L4472">
        <v>0</v>
      </c>
      <c r="M4472">
        <v>0</v>
      </c>
      <c r="N4472">
        <v>0</v>
      </c>
      <c r="O4472">
        <v>0</v>
      </c>
      <c r="P4472">
        <v>0</v>
      </c>
      <c r="Q4472">
        <v>0</v>
      </c>
      <c r="R4472">
        <v>0</v>
      </c>
      <c r="S4472">
        <v>0</v>
      </c>
      <c r="T4472">
        <v>0</v>
      </c>
      <c r="U4472">
        <v>0</v>
      </c>
      <c r="V4472">
        <v>0</v>
      </c>
      <c r="W4472">
        <v>1</v>
      </c>
      <c r="X4472">
        <v>0</v>
      </c>
      <c r="Y4472">
        <v>27</v>
      </c>
      <c r="Z4472">
        <v>14</v>
      </c>
      <c r="AA4472">
        <v>90</v>
      </c>
      <c r="AB4472">
        <v>23</v>
      </c>
      <c r="AC4472">
        <v>71</v>
      </c>
      <c r="AD4472">
        <v>22</v>
      </c>
      <c r="AE4472">
        <v>30</v>
      </c>
      <c r="AF4472">
        <v>0</v>
      </c>
      <c r="AG4472">
        <v>50000</v>
      </c>
      <c r="AH4472">
        <v>50000</v>
      </c>
      <c r="AI4472">
        <v>0</v>
      </c>
      <c r="AJ4472">
        <v>0</v>
      </c>
      <c r="AK4472" t="s">
        <v>6</v>
      </c>
      <c r="AL4472">
        <v>0</v>
      </c>
      <c r="AM4472">
        <v>0</v>
      </c>
      <c r="AN4472">
        <v>0</v>
      </c>
      <c r="AO4472">
        <v>0</v>
      </c>
      <c r="AP4472">
        <v>0</v>
      </c>
      <c r="AQ4472">
        <v>0</v>
      </c>
      <c r="AR4472">
        <v>0</v>
      </c>
      <c r="AS4472">
        <v>0</v>
      </c>
      <c r="AT4472">
        <v>0</v>
      </c>
      <c r="AU4472">
        <v>0</v>
      </c>
      <c r="AV4472">
        <v>0</v>
      </c>
      <c r="AW4472">
        <v>0</v>
      </c>
      <c r="AX4472">
        <v>0</v>
      </c>
      <c r="AY4472">
        <v>0</v>
      </c>
      <c r="AZ4472">
        <v>0</v>
      </c>
      <c r="BA4472">
        <v>0</v>
      </c>
    </row>
    <row r="4473" spans="1:53" x14ac:dyDescent="0.4">
      <c r="A4473">
        <v>4517</v>
      </c>
      <c r="B4473" s="1">
        <v>44531</v>
      </c>
      <c r="C4473">
        <v>2</v>
      </c>
      <c r="D4473" s="1">
        <v>44531.443055555559</v>
      </c>
      <c r="E4473" s="1">
        <v>44531.740277777775</v>
      </c>
      <c r="F4473">
        <v>25420</v>
      </c>
      <c r="G4473">
        <v>1034</v>
      </c>
      <c r="H4473">
        <v>220</v>
      </c>
      <c r="I4473">
        <v>0</v>
      </c>
      <c r="J4473">
        <v>100</v>
      </c>
      <c r="K4473">
        <v>0</v>
      </c>
      <c r="L4473">
        <v>0</v>
      </c>
      <c r="M4473">
        <v>2417</v>
      </c>
      <c r="N4473">
        <v>0</v>
      </c>
      <c r="O4473">
        <v>0</v>
      </c>
      <c r="P4473">
        <v>19980</v>
      </c>
      <c r="Q4473">
        <v>0</v>
      </c>
      <c r="R4473">
        <v>46554</v>
      </c>
      <c r="S4473">
        <v>0</v>
      </c>
      <c r="T4473">
        <v>0</v>
      </c>
      <c r="U4473">
        <v>0</v>
      </c>
      <c r="V4473">
        <v>0</v>
      </c>
      <c r="W4473">
        <v>1</v>
      </c>
      <c r="X4473">
        <v>0</v>
      </c>
      <c r="Y4473">
        <v>68</v>
      </c>
      <c r="Z4473">
        <v>30</v>
      </c>
      <c r="AA4473">
        <v>66</v>
      </c>
      <c r="AB4473">
        <v>18</v>
      </c>
      <c r="AC4473">
        <v>90</v>
      </c>
      <c r="AD4473">
        <v>25</v>
      </c>
      <c r="AE4473">
        <v>29</v>
      </c>
      <c r="AF4473">
        <v>0</v>
      </c>
      <c r="AG4473">
        <v>96554</v>
      </c>
      <c r="AH4473">
        <v>50000</v>
      </c>
      <c r="AI4473">
        <v>0</v>
      </c>
      <c r="AJ4473">
        <v>114</v>
      </c>
      <c r="AK4473" t="s">
        <v>53</v>
      </c>
      <c r="AL4473">
        <v>0</v>
      </c>
      <c r="AM4473">
        <v>0</v>
      </c>
      <c r="AN4473">
        <v>0</v>
      </c>
      <c r="AO4473">
        <v>0</v>
      </c>
      <c r="AP4473">
        <v>0</v>
      </c>
      <c r="AQ4473">
        <v>0</v>
      </c>
      <c r="AR4473">
        <v>0</v>
      </c>
      <c r="AS4473">
        <v>0</v>
      </c>
      <c r="AT4473">
        <v>0</v>
      </c>
      <c r="AU4473">
        <v>0</v>
      </c>
      <c r="AV4473">
        <v>0</v>
      </c>
      <c r="AW4473">
        <v>0</v>
      </c>
      <c r="AX4473">
        <v>0</v>
      </c>
      <c r="AY4473">
        <v>40</v>
      </c>
      <c r="AZ4473">
        <v>73</v>
      </c>
      <c r="BA4473">
        <v>6028</v>
      </c>
    </row>
    <row r="4474" spans="1:53" x14ac:dyDescent="0.4">
      <c r="A4474">
        <v>4518</v>
      </c>
      <c r="B4474" s="1">
        <v>44532</v>
      </c>
      <c r="C4474">
        <v>1</v>
      </c>
      <c r="D4474" s="1">
        <v>44532.291666666664</v>
      </c>
      <c r="E4474" s="1">
        <v>44532.438194444447</v>
      </c>
      <c r="F4474">
        <v>0</v>
      </c>
      <c r="G4474">
        <v>0</v>
      </c>
      <c r="H4474">
        <v>0</v>
      </c>
      <c r="I4474">
        <v>0</v>
      </c>
      <c r="J4474">
        <v>0</v>
      </c>
      <c r="K4474">
        <v>0</v>
      </c>
      <c r="L4474">
        <v>0</v>
      </c>
      <c r="M4474">
        <v>0</v>
      </c>
      <c r="N4474">
        <v>0</v>
      </c>
      <c r="O4474">
        <v>0</v>
      </c>
      <c r="P4474">
        <v>0</v>
      </c>
      <c r="Q4474">
        <v>0</v>
      </c>
      <c r="R4474">
        <v>0</v>
      </c>
      <c r="S4474">
        <v>0</v>
      </c>
      <c r="T4474">
        <v>0</v>
      </c>
      <c r="U4474">
        <v>0</v>
      </c>
      <c r="V4474">
        <v>0</v>
      </c>
      <c r="W4474">
        <v>1</v>
      </c>
      <c r="X4474">
        <v>0</v>
      </c>
      <c r="Y4474">
        <v>30</v>
      </c>
      <c r="Z4474">
        <v>13</v>
      </c>
      <c r="AA4474">
        <v>68</v>
      </c>
      <c r="AB4474">
        <v>17</v>
      </c>
      <c r="AC4474">
        <v>69</v>
      </c>
      <c r="AD4474">
        <v>26</v>
      </c>
      <c r="AE4474">
        <v>30</v>
      </c>
      <c r="AF4474">
        <v>0</v>
      </c>
      <c r="AG4474">
        <v>50000</v>
      </c>
      <c r="AH4474">
        <v>50000</v>
      </c>
      <c r="AI4474">
        <v>0</v>
      </c>
      <c r="AJ4474">
        <v>0</v>
      </c>
      <c r="AK4474" t="s">
        <v>6</v>
      </c>
      <c r="AL4474">
        <v>0</v>
      </c>
      <c r="AM4474">
        <v>0</v>
      </c>
      <c r="AN4474">
        <v>0</v>
      </c>
      <c r="AO4474">
        <v>0</v>
      </c>
      <c r="AP4474">
        <v>0</v>
      </c>
      <c r="AQ4474">
        <v>0</v>
      </c>
      <c r="AR4474">
        <v>0</v>
      </c>
      <c r="AS4474">
        <v>0</v>
      </c>
      <c r="AT4474">
        <v>0</v>
      </c>
      <c r="AU4474">
        <v>0</v>
      </c>
      <c r="AV4474">
        <v>0</v>
      </c>
      <c r="AW4474">
        <v>0</v>
      </c>
      <c r="AX4474">
        <v>0</v>
      </c>
      <c r="AY4474">
        <v>0</v>
      </c>
      <c r="AZ4474">
        <v>0</v>
      </c>
      <c r="BA4474">
        <v>0</v>
      </c>
    </row>
    <row r="4475" spans="1:53" x14ac:dyDescent="0.4">
      <c r="A4475">
        <v>4519</v>
      </c>
      <c r="B4475" s="1">
        <v>44532</v>
      </c>
      <c r="C4475">
        <v>2</v>
      </c>
      <c r="D4475" s="1">
        <v>44532.438194444447</v>
      </c>
      <c r="E4475" s="1">
        <v>44533.095833333333</v>
      </c>
      <c r="F4475">
        <v>58400</v>
      </c>
      <c r="G4475">
        <v>2992</v>
      </c>
      <c r="H4475">
        <v>0</v>
      </c>
      <c r="I4475">
        <v>0</v>
      </c>
      <c r="J4475">
        <v>100</v>
      </c>
      <c r="K4475">
        <v>2400</v>
      </c>
      <c r="L4475">
        <v>0</v>
      </c>
      <c r="M4475">
        <v>5791</v>
      </c>
      <c r="N4475">
        <v>0</v>
      </c>
      <c r="O4475">
        <v>0</v>
      </c>
      <c r="P4475">
        <v>3300</v>
      </c>
      <c r="Q4475">
        <v>0</v>
      </c>
      <c r="R4475">
        <v>66992</v>
      </c>
      <c r="S4475">
        <v>0</v>
      </c>
      <c r="T4475">
        <v>0</v>
      </c>
      <c r="U4475">
        <v>0</v>
      </c>
      <c r="V4475">
        <v>7</v>
      </c>
      <c r="W4475">
        <v>0</v>
      </c>
      <c r="X4475">
        <v>0</v>
      </c>
      <c r="Y4475">
        <v>21</v>
      </c>
      <c r="Z4475">
        <v>24</v>
      </c>
      <c r="AA4475">
        <v>76</v>
      </c>
      <c r="AB4475">
        <v>14</v>
      </c>
      <c r="AC4475">
        <v>94</v>
      </c>
      <c r="AD4475">
        <v>27</v>
      </c>
      <c r="AE4475">
        <v>29</v>
      </c>
      <c r="AF4475">
        <v>4588</v>
      </c>
      <c r="AG4475">
        <v>116992</v>
      </c>
      <c r="AH4475">
        <v>50000</v>
      </c>
      <c r="AI4475">
        <v>0</v>
      </c>
      <c r="AJ4475">
        <v>112</v>
      </c>
      <c r="AK4475" t="s">
        <v>57</v>
      </c>
      <c r="AL4475">
        <v>0</v>
      </c>
      <c r="AM4475">
        <v>0</v>
      </c>
      <c r="AN4475">
        <v>0</v>
      </c>
      <c r="AO4475">
        <v>0</v>
      </c>
      <c r="AP4475">
        <v>0</v>
      </c>
      <c r="AQ4475">
        <v>0</v>
      </c>
      <c r="AR4475">
        <v>0</v>
      </c>
      <c r="AS4475">
        <v>0</v>
      </c>
      <c r="AT4475">
        <v>0</v>
      </c>
      <c r="AU4475">
        <v>0</v>
      </c>
      <c r="AV4475">
        <v>0</v>
      </c>
      <c r="AW4475">
        <v>0</v>
      </c>
      <c r="AX4475">
        <v>0</v>
      </c>
      <c r="AY4475">
        <v>45</v>
      </c>
      <c r="AZ4475">
        <v>80</v>
      </c>
      <c r="BA4475">
        <v>7294</v>
      </c>
    </row>
    <row r="4476" spans="1:53" x14ac:dyDescent="0.4">
      <c r="A4476">
        <v>4520</v>
      </c>
      <c r="B4476" s="1">
        <v>44533</v>
      </c>
      <c r="C4476">
        <v>1</v>
      </c>
      <c r="D4476" s="1">
        <v>44533.291666666664</v>
      </c>
      <c r="E4476" s="1">
        <v>44533.438194444447</v>
      </c>
      <c r="F4476">
        <v>0</v>
      </c>
      <c r="G4476">
        <v>0</v>
      </c>
      <c r="H4476">
        <v>0</v>
      </c>
      <c r="I4476">
        <v>0</v>
      </c>
      <c r="J4476">
        <v>0</v>
      </c>
      <c r="K4476">
        <v>0</v>
      </c>
      <c r="L4476">
        <v>0</v>
      </c>
      <c r="M4476">
        <v>0</v>
      </c>
      <c r="N4476">
        <v>0</v>
      </c>
      <c r="O4476">
        <v>0</v>
      </c>
      <c r="P4476">
        <v>0</v>
      </c>
      <c r="Q4476">
        <v>0</v>
      </c>
      <c r="R4476">
        <v>0</v>
      </c>
      <c r="S4476">
        <v>0</v>
      </c>
      <c r="T4476">
        <v>0</v>
      </c>
      <c r="U4476">
        <v>0</v>
      </c>
      <c r="V4476">
        <v>0</v>
      </c>
      <c r="W4476">
        <v>1</v>
      </c>
      <c r="X4476">
        <v>0</v>
      </c>
      <c r="Y4476">
        <v>25</v>
      </c>
      <c r="Z4476">
        <v>20</v>
      </c>
      <c r="AA4476">
        <v>78</v>
      </c>
      <c r="AB4476">
        <v>22</v>
      </c>
      <c r="AC4476">
        <v>94</v>
      </c>
      <c r="AD4476">
        <v>27</v>
      </c>
      <c r="AE4476">
        <v>25</v>
      </c>
      <c r="AF4476">
        <v>0</v>
      </c>
      <c r="AG4476">
        <v>50000</v>
      </c>
      <c r="AH4476">
        <v>50000</v>
      </c>
      <c r="AI4476">
        <v>0</v>
      </c>
      <c r="AJ4476">
        <v>0</v>
      </c>
      <c r="AK4476" t="s">
        <v>6</v>
      </c>
      <c r="AL4476">
        <v>0</v>
      </c>
      <c r="AM4476">
        <v>0</v>
      </c>
      <c r="AN4476">
        <v>0</v>
      </c>
      <c r="AO4476">
        <v>0</v>
      </c>
      <c r="AP4476">
        <v>0</v>
      </c>
      <c r="AQ4476">
        <v>0</v>
      </c>
      <c r="AR4476">
        <v>0</v>
      </c>
      <c r="AS4476">
        <v>0</v>
      </c>
      <c r="AT4476">
        <v>0</v>
      </c>
      <c r="AU4476">
        <v>0</v>
      </c>
      <c r="AV4476">
        <v>0</v>
      </c>
      <c r="AW4476">
        <v>0</v>
      </c>
      <c r="AX4476">
        <v>0</v>
      </c>
      <c r="AY4476">
        <v>0</v>
      </c>
      <c r="AZ4476">
        <v>0</v>
      </c>
      <c r="BA4476">
        <v>0</v>
      </c>
    </row>
    <row r="4477" spans="1:53" x14ac:dyDescent="0.4">
      <c r="A4477">
        <v>4521</v>
      </c>
      <c r="B4477" s="1">
        <v>44533</v>
      </c>
      <c r="C4477">
        <v>2</v>
      </c>
      <c r="D4477" s="1">
        <v>44533.438194444447</v>
      </c>
      <c r="E4477" s="1">
        <v>44533.75</v>
      </c>
      <c r="F4477">
        <v>24640</v>
      </c>
      <c r="G4477">
        <v>0</v>
      </c>
      <c r="H4477">
        <v>220</v>
      </c>
      <c r="I4477">
        <v>0</v>
      </c>
      <c r="J4477">
        <v>200</v>
      </c>
      <c r="K4477">
        <v>0</v>
      </c>
      <c r="L4477">
        <v>0</v>
      </c>
      <c r="M4477">
        <v>2240</v>
      </c>
      <c r="N4477">
        <v>0</v>
      </c>
      <c r="O4477">
        <v>0</v>
      </c>
      <c r="P4477">
        <v>12220</v>
      </c>
      <c r="Q4477">
        <v>0</v>
      </c>
      <c r="R4477">
        <v>36880</v>
      </c>
      <c r="S4477">
        <v>0</v>
      </c>
      <c r="T4477">
        <v>0</v>
      </c>
      <c r="U4477">
        <v>0</v>
      </c>
      <c r="V4477">
        <v>1</v>
      </c>
      <c r="W4477">
        <v>2</v>
      </c>
      <c r="X4477">
        <v>0</v>
      </c>
      <c r="Y4477">
        <v>39</v>
      </c>
      <c r="Z4477">
        <v>34</v>
      </c>
      <c r="AA4477">
        <v>77</v>
      </c>
      <c r="AB4477">
        <v>16</v>
      </c>
      <c r="AC4477">
        <v>102</v>
      </c>
      <c r="AD4477">
        <v>27</v>
      </c>
      <c r="AE4477">
        <v>25</v>
      </c>
      <c r="AF4477">
        <v>1200</v>
      </c>
      <c r="AG4477">
        <v>86880</v>
      </c>
      <c r="AH4477">
        <v>50000</v>
      </c>
      <c r="AI4477">
        <v>0</v>
      </c>
      <c r="AJ4477">
        <v>116</v>
      </c>
      <c r="AK4477" t="s">
        <v>54</v>
      </c>
      <c r="AL4477">
        <v>0</v>
      </c>
      <c r="AM4477">
        <v>0</v>
      </c>
      <c r="AN4477">
        <v>0</v>
      </c>
      <c r="AO4477">
        <v>0</v>
      </c>
      <c r="AP4477">
        <v>0</v>
      </c>
      <c r="AQ4477">
        <v>0</v>
      </c>
      <c r="AR4477">
        <v>0</v>
      </c>
      <c r="AS4477">
        <v>0</v>
      </c>
      <c r="AT4477">
        <v>0</v>
      </c>
      <c r="AU4477">
        <v>0</v>
      </c>
      <c r="AV4477">
        <v>0</v>
      </c>
      <c r="AW4477">
        <v>0</v>
      </c>
      <c r="AX4477">
        <v>-1060</v>
      </c>
      <c r="AY4477">
        <v>34</v>
      </c>
      <c r="AZ4477">
        <v>63</v>
      </c>
      <c r="BA4477">
        <v>4649</v>
      </c>
    </row>
    <row r="4478" spans="1:53" x14ac:dyDescent="0.4">
      <c r="A4478">
        <v>4522</v>
      </c>
      <c r="B4478" s="1">
        <v>44533</v>
      </c>
      <c r="C4478">
        <v>3</v>
      </c>
      <c r="D4478" s="1">
        <v>44533.75</v>
      </c>
      <c r="E4478" s="1">
        <v>44533.947222222225</v>
      </c>
      <c r="F4478">
        <v>20750</v>
      </c>
      <c r="G4478">
        <v>385</v>
      </c>
      <c r="H4478">
        <v>0</v>
      </c>
      <c r="I4478">
        <v>0</v>
      </c>
      <c r="J4478">
        <v>100</v>
      </c>
      <c r="K4478">
        <v>1280</v>
      </c>
      <c r="L4478">
        <v>0</v>
      </c>
      <c r="M4478">
        <v>2027</v>
      </c>
      <c r="N4478">
        <v>0</v>
      </c>
      <c r="O4478">
        <v>0</v>
      </c>
      <c r="P4478">
        <v>26790</v>
      </c>
      <c r="Q4478">
        <v>0</v>
      </c>
      <c r="R4478">
        <v>49105</v>
      </c>
      <c r="S4478">
        <v>0</v>
      </c>
      <c r="T4478">
        <v>0</v>
      </c>
      <c r="U4478">
        <v>0</v>
      </c>
      <c r="V4478">
        <v>5</v>
      </c>
      <c r="W4478">
        <v>2</v>
      </c>
      <c r="X4478">
        <v>0</v>
      </c>
      <c r="Y4478">
        <v>42</v>
      </c>
      <c r="Z4478">
        <v>33</v>
      </c>
      <c r="AA4478">
        <v>80</v>
      </c>
      <c r="AB4478">
        <v>14</v>
      </c>
      <c r="AC4478">
        <v>99</v>
      </c>
      <c r="AD4478">
        <v>27</v>
      </c>
      <c r="AE4478">
        <v>25</v>
      </c>
      <c r="AF4478">
        <v>7635</v>
      </c>
      <c r="AG4478">
        <v>135985</v>
      </c>
      <c r="AH4478">
        <v>50000</v>
      </c>
      <c r="AI4478">
        <v>0</v>
      </c>
      <c r="AJ4478">
        <v>112</v>
      </c>
      <c r="AK4478" t="s">
        <v>57</v>
      </c>
      <c r="AL4478">
        <v>0</v>
      </c>
      <c r="AM4478">
        <v>0</v>
      </c>
      <c r="AN4478">
        <v>0</v>
      </c>
      <c r="AO4478">
        <v>0</v>
      </c>
      <c r="AP4478">
        <v>0</v>
      </c>
      <c r="AQ4478">
        <v>0</v>
      </c>
      <c r="AR4478">
        <v>0</v>
      </c>
      <c r="AS4478">
        <v>0</v>
      </c>
      <c r="AT4478">
        <v>0</v>
      </c>
      <c r="AU4478">
        <v>0</v>
      </c>
      <c r="AV4478">
        <v>0</v>
      </c>
      <c r="AW4478">
        <v>0</v>
      </c>
      <c r="AX4478">
        <v>35696</v>
      </c>
      <c r="AY4478">
        <v>12</v>
      </c>
      <c r="AZ4478">
        <v>43</v>
      </c>
      <c r="BA4478">
        <v>1591</v>
      </c>
    </row>
    <row r="4479" spans="1:53" x14ac:dyDescent="0.4">
      <c r="A4479">
        <v>4523</v>
      </c>
      <c r="B4479" s="1">
        <v>44534</v>
      </c>
      <c r="C4479">
        <v>1</v>
      </c>
      <c r="D4479" s="1">
        <v>44534.291666666664</v>
      </c>
      <c r="E4479" s="1">
        <v>44534.510416666664</v>
      </c>
      <c r="F4479">
        <v>1060</v>
      </c>
      <c r="G4479">
        <v>0</v>
      </c>
      <c r="H4479">
        <v>0</v>
      </c>
      <c r="I4479">
        <v>0</v>
      </c>
      <c r="J4479">
        <v>0</v>
      </c>
      <c r="K4479">
        <v>0</v>
      </c>
      <c r="L4479">
        <v>0</v>
      </c>
      <c r="M4479">
        <v>96</v>
      </c>
      <c r="N4479">
        <v>0</v>
      </c>
      <c r="O4479">
        <v>0</v>
      </c>
      <c r="P4479">
        <v>14360</v>
      </c>
      <c r="Q4479">
        <v>0</v>
      </c>
      <c r="R4479">
        <v>15420</v>
      </c>
      <c r="S4479">
        <v>0</v>
      </c>
      <c r="T4479">
        <v>0</v>
      </c>
      <c r="U4479">
        <v>0</v>
      </c>
      <c r="V4479">
        <v>1</v>
      </c>
      <c r="W4479">
        <v>1</v>
      </c>
      <c r="X4479">
        <v>0</v>
      </c>
      <c r="Y4479">
        <v>33</v>
      </c>
      <c r="Z4479">
        <v>16</v>
      </c>
      <c r="AA4479">
        <v>73</v>
      </c>
      <c r="AB4479">
        <v>13</v>
      </c>
      <c r="AC4479">
        <v>73</v>
      </c>
      <c r="AD4479">
        <v>24</v>
      </c>
      <c r="AE4479">
        <v>20</v>
      </c>
      <c r="AF4479">
        <v>600</v>
      </c>
      <c r="AG4479">
        <v>65420</v>
      </c>
      <c r="AH4479">
        <v>50000</v>
      </c>
      <c r="AI4479">
        <v>0</v>
      </c>
      <c r="AJ4479">
        <v>112</v>
      </c>
      <c r="AK4479" t="s">
        <v>57</v>
      </c>
      <c r="AL4479">
        <v>0</v>
      </c>
      <c r="AM4479">
        <v>0</v>
      </c>
      <c r="AN4479">
        <v>0</v>
      </c>
      <c r="AO4479">
        <v>0</v>
      </c>
      <c r="AP4479">
        <v>0</v>
      </c>
      <c r="AQ4479">
        <v>0</v>
      </c>
      <c r="AR4479">
        <v>0</v>
      </c>
      <c r="AS4479">
        <v>0</v>
      </c>
      <c r="AT4479">
        <v>0</v>
      </c>
      <c r="AU4479">
        <v>0</v>
      </c>
      <c r="AV4479">
        <v>0</v>
      </c>
      <c r="AW4479">
        <v>0</v>
      </c>
      <c r="AX4479">
        <v>-806</v>
      </c>
      <c r="AY4479">
        <v>12</v>
      </c>
      <c r="AZ4479">
        <v>26</v>
      </c>
      <c r="BA4479">
        <v>877</v>
      </c>
    </row>
    <row r="4480" spans="1:53" x14ac:dyDescent="0.4">
      <c r="A4480">
        <v>4524</v>
      </c>
      <c r="B4480" s="1">
        <v>44534</v>
      </c>
      <c r="C4480">
        <v>2</v>
      </c>
      <c r="D4480" s="1">
        <v>44534.510416666664</v>
      </c>
      <c r="E4480" s="1">
        <v>44534.755555555559</v>
      </c>
      <c r="F4480">
        <v>41540</v>
      </c>
      <c r="G4480">
        <v>2706</v>
      </c>
      <c r="H4480">
        <v>0</v>
      </c>
      <c r="I4480">
        <v>0</v>
      </c>
      <c r="J4480">
        <v>0</v>
      </c>
      <c r="K4480">
        <v>400</v>
      </c>
      <c r="L4480">
        <v>0</v>
      </c>
      <c r="M4480">
        <v>4057</v>
      </c>
      <c r="N4480">
        <v>0</v>
      </c>
      <c r="O4480">
        <v>0</v>
      </c>
      <c r="P4480">
        <v>-700</v>
      </c>
      <c r="Q4480">
        <v>0</v>
      </c>
      <c r="R4480">
        <v>43946</v>
      </c>
      <c r="S4480">
        <v>0</v>
      </c>
      <c r="T4480">
        <v>0</v>
      </c>
      <c r="U4480">
        <v>0</v>
      </c>
      <c r="V4480">
        <v>2</v>
      </c>
      <c r="W4480">
        <v>3</v>
      </c>
      <c r="X4480">
        <v>0</v>
      </c>
      <c r="Y4480">
        <v>45</v>
      </c>
      <c r="Z4480">
        <v>22</v>
      </c>
      <c r="AA4480">
        <v>82</v>
      </c>
      <c r="AB4480">
        <v>20</v>
      </c>
      <c r="AC4480">
        <v>78</v>
      </c>
      <c r="AD4480">
        <v>21</v>
      </c>
      <c r="AE4480">
        <v>21</v>
      </c>
      <c r="AF4480">
        <v>2860</v>
      </c>
      <c r="AG4480">
        <v>103966</v>
      </c>
      <c r="AH4480">
        <v>50000</v>
      </c>
      <c r="AI4480">
        <v>-5400</v>
      </c>
      <c r="AJ4480">
        <v>115</v>
      </c>
      <c r="AK4480" t="s">
        <v>55</v>
      </c>
      <c r="AL4480">
        <v>0</v>
      </c>
      <c r="AM4480">
        <v>0</v>
      </c>
      <c r="AN4480">
        <v>0</v>
      </c>
      <c r="AO4480">
        <v>0</v>
      </c>
      <c r="AP4480">
        <v>0</v>
      </c>
      <c r="AQ4480">
        <v>0</v>
      </c>
      <c r="AR4480">
        <v>0</v>
      </c>
      <c r="AS4480">
        <v>0</v>
      </c>
      <c r="AT4480">
        <v>0</v>
      </c>
      <c r="AU4480">
        <v>0</v>
      </c>
      <c r="AV4480">
        <v>0</v>
      </c>
      <c r="AW4480">
        <v>0</v>
      </c>
      <c r="AX4480">
        <v>-5400</v>
      </c>
      <c r="AY4480">
        <v>25</v>
      </c>
      <c r="AZ4480">
        <v>56</v>
      </c>
      <c r="BA4480">
        <v>5430</v>
      </c>
    </row>
    <row r="4481" spans="1:53" x14ac:dyDescent="0.4">
      <c r="A4481">
        <v>4525</v>
      </c>
      <c r="B4481" s="1">
        <v>44534</v>
      </c>
      <c r="C4481">
        <v>3</v>
      </c>
      <c r="D4481" s="1">
        <v>44534.755555555559</v>
      </c>
      <c r="E4481" s="1">
        <v>44534.960416666669</v>
      </c>
      <c r="F4481">
        <v>55865</v>
      </c>
      <c r="G4481">
        <v>3377</v>
      </c>
      <c r="H4481">
        <v>0</v>
      </c>
      <c r="I4481">
        <v>0</v>
      </c>
      <c r="J4481">
        <v>0</v>
      </c>
      <c r="K4481">
        <v>1440</v>
      </c>
      <c r="L4481">
        <v>0</v>
      </c>
      <c r="M4481">
        <v>5515</v>
      </c>
      <c r="N4481">
        <v>0</v>
      </c>
      <c r="O4481">
        <v>0</v>
      </c>
      <c r="P4481">
        <v>2990</v>
      </c>
      <c r="Q4481">
        <v>0</v>
      </c>
      <c r="R4481">
        <v>63672</v>
      </c>
      <c r="S4481">
        <v>0</v>
      </c>
      <c r="T4481">
        <v>0</v>
      </c>
      <c r="U4481">
        <v>0</v>
      </c>
      <c r="V4481">
        <v>8</v>
      </c>
      <c r="W4481">
        <v>3</v>
      </c>
      <c r="X4481">
        <v>0</v>
      </c>
      <c r="Y4481">
        <v>51</v>
      </c>
      <c r="Z4481">
        <v>23</v>
      </c>
      <c r="AA4481">
        <v>88</v>
      </c>
      <c r="AB4481">
        <v>17</v>
      </c>
      <c r="AC4481">
        <v>76</v>
      </c>
      <c r="AD4481">
        <v>18</v>
      </c>
      <c r="AE4481">
        <v>18</v>
      </c>
      <c r="AF4481">
        <v>5020</v>
      </c>
      <c r="AG4481">
        <v>173038</v>
      </c>
      <c r="AH4481">
        <v>50000</v>
      </c>
      <c r="AI4481">
        <v>0</v>
      </c>
      <c r="AJ4481">
        <v>104</v>
      </c>
      <c r="AK4481" t="s">
        <v>52</v>
      </c>
      <c r="AL4481">
        <v>0</v>
      </c>
      <c r="AM4481">
        <v>0</v>
      </c>
      <c r="AN4481">
        <v>0</v>
      </c>
      <c r="AO4481">
        <v>0</v>
      </c>
      <c r="AP4481">
        <v>0</v>
      </c>
      <c r="AQ4481">
        <v>0</v>
      </c>
      <c r="AR4481">
        <v>0</v>
      </c>
      <c r="AS4481">
        <v>0</v>
      </c>
      <c r="AT4481">
        <v>0</v>
      </c>
      <c r="AU4481">
        <v>0</v>
      </c>
      <c r="AV4481">
        <v>0</v>
      </c>
      <c r="AW4481">
        <v>0</v>
      </c>
      <c r="AX4481">
        <v>39753</v>
      </c>
      <c r="AY4481">
        <v>18</v>
      </c>
      <c r="AZ4481">
        <v>56</v>
      </c>
      <c r="BA4481">
        <v>2428</v>
      </c>
    </row>
    <row r="4482" spans="1:53" x14ac:dyDescent="0.4">
      <c r="A4482">
        <v>4526</v>
      </c>
      <c r="B4482" s="1">
        <v>44535</v>
      </c>
      <c r="C4482">
        <v>1</v>
      </c>
      <c r="D4482" s="1">
        <v>44535.291666666664</v>
      </c>
      <c r="E4482" s="1">
        <v>44535.765972222223</v>
      </c>
      <c r="F4482">
        <v>45690</v>
      </c>
      <c r="G4482">
        <v>3839</v>
      </c>
      <c r="H4482">
        <v>0</v>
      </c>
      <c r="I4482">
        <v>0</v>
      </c>
      <c r="J4482">
        <v>100</v>
      </c>
      <c r="K4482">
        <v>0</v>
      </c>
      <c r="L4482">
        <v>0</v>
      </c>
      <c r="M4482">
        <v>4489</v>
      </c>
      <c r="N4482">
        <v>0</v>
      </c>
      <c r="O4482">
        <v>0</v>
      </c>
      <c r="P4482">
        <v>15430</v>
      </c>
      <c r="Q4482">
        <v>0</v>
      </c>
      <c r="R4482">
        <v>64859</v>
      </c>
      <c r="S4482">
        <v>0</v>
      </c>
      <c r="T4482">
        <v>0</v>
      </c>
      <c r="U4482">
        <v>0</v>
      </c>
      <c r="V4482">
        <v>0</v>
      </c>
      <c r="W4482">
        <v>5</v>
      </c>
      <c r="X4482">
        <v>0</v>
      </c>
      <c r="Y4482">
        <v>62</v>
      </c>
      <c r="Z4482">
        <v>21</v>
      </c>
      <c r="AA4482">
        <v>153</v>
      </c>
      <c r="AB4482">
        <v>21</v>
      </c>
      <c r="AC4482">
        <v>88</v>
      </c>
      <c r="AD4482">
        <v>18</v>
      </c>
      <c r="AE4482">
        <v>39</v>
      </c>
      <c r="AF4482">
        <v>0</v>
      </c>
      <c r="AG4482">
        <v>114859</v>
      </c>
      <c r="AH4482">
        <v>50000</v>
      </c>
      <c r="AI4482">
        <v>0</v>
      </c>
      <c r="AJ4482">
        <v>112</v>
      </c>
      <c r="AK4482" t="s">
        <v>57</v>
      </c>
      <c r="AL4482">
        <v>0</v>
      </c>
      <c r="AM4482">
        <v>0</v>
      </c>
      <c r="AN4482">
        <v>0</v>
      </c>
      <c r="AO4482">
        <v>0</v>
      </c>
      <c r="AP4482">
        <v>0</v>
      </c>
      <c r="AQ4482">
        <v>0</v>
      </c>
      <c r="AR4482">
        <v>0</v>
      </c>
      <c r="AS4482">
        <v>0</v>
      </c>
      <c r="AT4482">
        <v>0</v>
      </c>
      <c r="AU4482">
        <v>0</v>
      </c>
      <c r="AV4482">
        <v>0</v>
      </c>
      <c r="AW4482">
        <v>0</v>
      </c>
      <c r="AX4482">
        <v>440</v>
      </c>
      <c r="AY4482">
        <v>48</v>
      </c>
      <c r="AZ4482">
        <v>100</v>
      </c>
      <c r="BA4482">
        <v>7554</v>
      </c>
    </row>
    <row r="4483" spans="1:53" x14ac:dyDescent="0.4">
      <c r="A4483">
        <v>4527</v>
      </c>
      <c r="B4483" s="1">
        <v>44536</v>
      </c>
      <c r="C4483">
        <v>1</v>
      </c>
      <c r="D4483" s="1">
        <v>44536.291666666664</v>
      </c>
      <c r="E4483" s="1">
        <v>44536.438888888886</v>
      </c>
      <c r="F4483">
        <v>0</v>
      </c>
      <c r="G4483">
        <v>0</v>
      </c>
      <c r="H4483">
        <v>0</v>
      </c>
      <c r="I4483">
        <v>0</v>
      </c>
      <c r="J4483">
        <v>0</v>
      </c>
      <c r="K4483">
        <v>0</v>
      </c>
      <c r="L4483">
        <v>0</v>
      </c>
      <c r="M4483">
        <v>0</v>
      </c>
      <c r="N4483">
        <v>0</v>
      </c>
      <c r="O4483">
        <v>0</v>
      </c>
      <c r="P4483">
        <v>0</v>
      </c>
      <c r="Q4483">
        <v>0</v>
      </c>
      <c r="R4483">
        <v>0</v>
      </c>
      <c r="S4483">
        <v>0</v>
      </c>
      <c r="T4483">
        <v>0</v>
      </c>
      <c r="U4483">
        <v>0</v>
      </c>
      <c r="V4483">
        <v>0</v>
      </c>
      <c r="W4483">
        <v>1</v>
      </c>
      <c r="X4483">
        <v>0</v>
      </c>
      <c r="Y4483">
        <v>25</v>
      </c>
      <c r="Z4483">
        <v>11</v>
      </c>
      <c r="AA4483">
        <v>128</v>
      </c>
      <c r="AB4483">
        <v>15</v>
      </c>
      <c r="AC4483">
        <v>83</v>
      </c>
      <c r="AD4483">
        <v>17</v>
      </c>
      <c r="AE4483">
        <v>35</v>
      </c>
      <c r="AF4483">
        <v>0</v>
      </c>
      <c r="AG4483">
        <v>50000</v>
      </c>
      <c r="AH4483">
        <v>50000</v>
      </c>
      <c r="AI4483">
        <v>0</v>
      </c>
      <c r="AJ4483">
        <v>0</v>
      </c>
      <c r="AK4483" t="s">
        <v>6</v>
      </c>
      <c r="AL4483">
        <v>0</v>
      </c>
      <c r="AM4483">
        <v>0</v>
      </c>
      <c r="AN4483">
        <v>0</v>
      </c>
      <c r="AO4483">
        <v>0</v>
      </c>
      <c r="AP4483">
        <v>0</v>
      </c>
      <c r="AQ4483">
        <v>0</v>
      </c>
      <c r="AR4483">
        <v>0</v>
      </c>
      <c r="AS4483">
        <v>0</v>
      </c>
      <c r="AT4483">
        <v>0</v>
      </c>
      <c r="AU4483">
        <v>0</v>
      </c>
      <c r="AV4483">
        <v>0</v>
      </c>
      <c r="AW4483">
        <v>0</v>
      </c>
      <c r="AX4483">
        <v>0</v>
      </c>
      <c r="AY4483">
        <v>0</v>
      </c>
      <c r="AZ4483">
        <v>0</v>
      </c>
      <c r="BA4483">
        <v>0</v>
      </c>
    </row>
    <row r="4484" spans="1:53" x14ac:dyDescent="0.4">
      <c r="A4484">
        <v>4528</v>
      </c>
      <c r="B4484" s="1">
        <v>44536</v>
      </c>
      <c r="C4484">
        <v>2</v>
      </c>
      <c r="D4484" s="1">
        <v>44536.438888888886</v>
      </c>
      <c r="E4484" s="1">
        <v>44536.763888888891</v>
      </c>
      <c r="F4484">
        <v>31310</v>
      </c>
      <c r="G4484">
        <v>1936</v>
      </c>
      <c r="H4484">
        <v>0</v>
      </c>
      <c r="I4484">
        <v>0</v>
      </c>
      <c r="J4484">
        <v>50</v>
      </c>
      <c r="K4484">
        <v>0</v>
      </c>
      <c r="L4484">
        <v>0</v>
      </c>
      <c r="M4484">
        <v>3019</v>
      </c>
      <c r="N4484">
        <v>0</v>
      </c>
      <c r="O4484">
        <v>0</v>
      </c>
      <c r="P4484">
        <v>18320</v>
      </c>
      <c r="Q4484">
        <v>0</v>
      </c>
      <c r="R4484">
        <v>51516</v>
      </c>
      <c r="S4484">
        <v>0</v>
      </c>
      <c r="T4484">
        <v>0</v>
      </c>
      <c r="U4484">
        <v>0</v>
      </c>
      <c r="V4484">
        <v>2</v>
      </c>
      <c r="W4484">
        <v>1</v>
      </c>
      <c r="X4484">
        <v>0</v>
      </c>
      <c r="Y4484">
        <v>43</v>
      </c>
      <c r="Z4484">
        <v>25</v>
      </c>
      <c r="AA4484">
        <v>119</v>
      </c>
      <c r="AB4484">
        <v>13</v>
      </c>
      <c r="AC4484">
        <v>111</v>
      </c>
      <c r="AD4484">
        <v>15</v>
      </c>
      <c r="AE4484">
        <v>38</v>
      </c>
      <c r="AF4484">
        <v>7243</v>
      </c>
      <c r="AG4484">
        <v>101516</v>
      </c>
      <c r="AH4484">
        <v>50000</v>
      </c>
      <c r="AI4484">
        <v>0</v>
      </c>
      <c r="AJ4484">
        <v>102</v>
      </c>
      <c r="AK4484" t="s">
        <v>50</v>
      </c>
      <c r="AL4484">
        <v>0</v>
      </c>
      <c r="AM4484">
        <v>0</v>
      </c>
      <c r="AN4484">
        <v>0</v>
      </c>
      <c r="AO4484">
        <v>0</v>
      </c>
      <c r="AP4484">
        <v>0</v>
      </c>
      <c r="AQ4484">
        <v>0</v>
      </c>
      <c r="AR4484">
        <v>0</v>
      </c>
      <c r="AS4484">
        <v>0</v>
      </c>
      <c r="AT4484">
        <v>0</v>
      </c>
      <c r="AU4484">
        <v>0</v>
      </c>
      <c r="AV4484">
        <v>0</v>
      </c>
      <c r="AW4484">
        <v>0</v>
      </c>
      <c r="AX4484">
        <v>440</v>
      </c>
      <c r="AY4484">
        <v>37</v>
      </c>
      <c r="AZ4484">
        <v>78</v>
      </c>
      <c r="BA4484">
        <v>5970</v>
      </c>
    </row>
    <row r="4485" spans="1:53" x14ac:dyDescent="0.4">
      <c r="A4485">
        <v>4529</v>
      </c>
      <c r="B4485" s="1">
        <v>44537</v>
      </c>
      <c r="C4485">
        <v>1</v>
      </c>
      <c r="D4485" s="1">
        <v>44537.291666666664</v>
      </c>
      <c r="E4485" s="1">
        <v>44537.436805555553</v>
      </c>
      <c r="F4485">
        <v>0</v>
      </c>
      <c r="G4485">
        <v>0</v>
      </c>
      <c r="H4485">
        <v>0</v>
      </c>
      <c r="I4485">
        <v>0</v>
      </c>
      <c r="J4485">
        <v>0</v>
      </c>
      <c r="K4485">
        <v>0</v>
      </c>
      <c r="L4485">
        <v>0</v>
      </c>
      <c r="M4485">
        <v>0</v>
      </c>
      <c r="N4485">
        <v>0</v>
      </c>
      <c r="O4485">
        <v>0</v>
      </c>
      <c r="P4485">
        <v>0</v>
      </c>
      <c r="Q4485">
        <v>0</v>
      </c>
      <c r="R4485">
        <v>0</v>
      </c>
      <c r="S4485">
        <v>0</v>
      </c>
      <c r="T4485">
        <v>0</v>
      </c>
      <c r="U4485">
        <v>0</v>
      </c>
      <c r="V4485">
        <v>0</v>
      </c>
      <c r="W4485">
        <v>1</v>
      </c>
      <c r="X4485">
        <v>0</v>
      </c>
      <c r="Y4485">
        <v>25</v>
      </c>
      <c r="Z4485">
        <v>14</v>
      </c>
      <c r="AA4485">
        <v>111</v>
      </c>
      <c r="AB4485">
        <v>14</v>
      </c>
      <c r="AC4485">
        <v>108</v>
      </c>
      <c r="AD4485">
        <v>17</v>
      </c>
      <c r="AE4485">
        <v>35</v>
      </c>
      <c r="AF4485">
        <v>0</v>
      </c>
      <c r="AG4485">
        <v>50000</v>
      </c>
      <c r="AH4485">
        <v>50000</v>
      </c>
      <c r="AI4485">
        <v>0</v>
      </c>
      <c r="AJ4485">
        <v>0</v>
      </c>
      <c r="AK4485" t="s">
        <v>6</v>
      </c>
      <c r="AL4485">
        <v>0</v>
      </c>
      <c r="AM4485">
        <v>0</v>
      </c>
      <c r="AN4485">
        <v>0</v>
      </c>
      <c r="AO4485">
        <v>0</v>
      </c>
      <c r="AP4485">
        <v>0</v>
      </c>
      <c r="AQ4485">
        <v>0</v>
      </c>
      <c r="AR4485">
        <v>0</v>
      </c>
      <c r="AS4485">
        <v>0</v>
      </c>
      <c r="AT4485">
        <v>0</v>
      </c>
      <c r="AU4485">
        <v>0</v>
      </c>
      <c r="AV4485">
        <v>0</v>
      </c>
      <c r="AW4485">
        <v>0</v>
      </c>
      <c r="AX4485">
        <v>0</v>
      </c>
      <c r="AY4485">
        <v>0</v>
      </c>
      <c r="AZ4485">
        <v>0</v>
      </c>
      <c r="BA4485">
        <v>0</v>
      </c>
    </row>
    <row r="4486" spans="1:53" x14ac:dyDescent="0.4">
      <c r="A4486">
        <v>4530</v>
      </c>
      <c r="B4486" s="1">
        <v>44537</v>
      </c>
      <c r="C4486">
        <v>2</v>
      </c>
      <c r="D4486" s="1">
        <v>44537.436805555553</v>
      </c>
      <c r="E4486" s="1">
        <v>44537.841666666667</v>
      </c>
      <c r="F4486">
        <v>19550</v>
      </c>
      <c r="G4486">
        <v>4246</v>
      </c>
      <c r="H4486">
        <v>0</v>
      </c>
      <c r="I4486">
        <v>0</v>
      </c>
      <c r="J4486">
        <v>0</v>
      </c>
      <c r="K4486">
        <v>0</v>
      </c>
      <c r="L4486">
        <v>0</v>
      </c>
      <c r="M4486">
        <v>2160</v>
      </c>
      <c r="N4486">
        <v>0</v>
      </c>
      <c r="O4486">
        <v>0</v>
      </c>
      <c r="P4486">
        <v>750</v>
      </c>
      <c r="Q4486">
        <v>0</v>
      </c>
      <c r="R4486">
        <v>24546</v>
      </c>
      <c r="S4486">
        <v>0</v>
      </c>
      <c r="T4486">
        <v>0</v>
      </c>
      <c r="U4486">
        <v>0</v>
      </c>
      <c r="V4486">
        <v>0</v>
      </c>
      <c r="W4486">
        <v>2</v>
      </c>
      <c r="X4486">
        <v>0</v>
      </c>
      <c r="Y4486">
        <v>39</v>
      </c>
      <c r="Z4486">
        <v>20</v>
      </c>
      <c r="AA4486">
        <v>127</v>
      </c>
      <c r="AB4486">
        <v>12</v>
      </c>
      <c r="AC4486">
        <v>107</v>
      </c>
      <c r="AD4486">
        <v>17</v>
      </c>
      <c r="AE4486">
        <v>33</v>
      </c>
      <c r="AF4486">
        <v>1058</v>
      </c>
      <c r="AG4486">
        <v>74546</v>
      </c>
      <c r="AH4486">
        <v>50000</v>
      </c>
      <c r="AI4486">
        <v>0</v>
      </c>
      <c r="AJ4486">
        <v>116</v>
      </c>
      <c r="AK4486" t="s">
        <v>54</v>
      </c>
      <c r="AL4486">
        <v>0</v>
      </c>
      <c r="AM4486">
        <v>0</v>
      </c>
      <c r="AN4486">
        <v>0</v>
      </c>
      <c r="AO4486">
        <v>0</v>
      </c>
      <c r="AP4486">
        <v>0</v>
      </c>
      <c r="AQ4486">
        <v>0</v>
      </c>
      <c r="AR4486">
        <v>0</v>
      </c>
      <c r="AS4486">
        <v>0</v>
      </c>
      <c r="AT4486">
        <v>0</v>
      </c>
      <c r="AU4486">
        <v>0</v>
      </c>
      <c r="AV4486">
        <v>0</v>
      </c>
      <c r="AW4486">
        <v>0</v>
      </c>
      <c r="AX4486">
        <v>0</v>
      </c>
      <c r="AY4486">
        <v>21</v>
      </c>
      <c r="AZ4486">
        <v>34</v>
      </c>
      <c r="BA4486">
        <v>3369</v>
      </c>
    </row>
    <row r="4487" spans="1:53" x14ac:dyDescent="0.4">
      <c r="A4487">
        <v>4531</v>
      </c>
      <c r="B4487" s="1">
        <v>44538</v>
      </c>
      <c r="C4487">
        <v>1</v>
      </c>
      <c r="D4487" s="1">
        <v>44538.291666666664</v>
      </c>
      <c r="E4487" s="1">
        <v>44538.742361111108</v>
      </c>
      <c r="F4487">
        <v>10840</v>
      </c>
      <c r="G4487">
        <v>0</v>
      </c>
      <c r="H4487">
        <v>220</v>
      </c>
      <c r="I4487">
        <v>0</v>
      </c>
      <c r="J4487">
        <v>0</v>
      </c>
      <c r="K4487">
        <v>0</v>
      </c>
      <c r="L4487">
        <v>0</v>
      </c>
      <c r="M4487">
        <v>1005</v>
      </c>
      <c r="N4487">
        <v>0</v>
      </c>
      <c r="O4487">
        <v>0</v>
      </c>
      <c r="P4487">
        <v>19240</v>
      </c>
      <c r="Q4487">
        <v>0</v>
      </c>
      <c r="R4487">
        <v>30300</v>
      </c>
      <c r="S4487">
        <v>0</v>
      </c>
      <c r="T4487">
        <v>0</v>
      </c>
      <c r="U4487">
        <v>0</v>
      </c>
      <c r="V4487">
        <v>2</v>
      </c>
      <c r="W4487">
        <v>0</v>
      </c>
      <c r="X4487">
        <v>0</v>
      </c>
      <c r="Y4487">
        <v>34</v>
      </c>
      <c r="Z4487">
        <v>19</v>
      </c>
      <c r="AA4487">
        <v>97</v>
      </c>
      <c r="AB4487">
        <v>4</v>
      </c>
      <c r="AC4487">
        <v>79</v>
      </c>
      <c r="AD4487">
        <v>17</v>
      </c>
      <c r="AE4487">
        <v>23</v>
      </c>
      <c r="AF4487">
        <v>6002</v>
      </c>
      <c r="AG4487">
        <v>80300</v>
      </c>
      <c r="AH4487">
        <v>50000</v>
      </c>
      <c r="AI4487">
        <v>0</v>
      </c>
      <c r="AJ4487">
        <v>119</v>
      </c>
      <c r="AK4487" t="s">
        <v>56</v>
      </c>
      <c r="AL4487">
        <v>0</v>
      </c>
      <c r="AM4487">
        <v>0</v>
      </c>
      <c r="AN4487">
        <v>0</v>
      </c>
      <c r="AO4487">
        <v>0</v>
      </c>
      <c r="AP4487">
        <v>0</v>
      </c>
      <c r="AQ4487">
        <v>0</v>
      </c>
      <c r="AR4487">
        <v>0</v>
      </c>
      <c r="AS4487">
        <v>0</v>
      </c>
      <c r="AT4487">
        <v>0</v>
      </c>
      <c r="AU4487">
        <v>0</v>
      </c>
      <c r="AV4487">
        <v>0</v>
      </c>
      <c r="AW4487">
        <v>0</v>
      </c>
      <c r="AX4487">
        <v>280</v>
      </c>
      <c r="AY4487">
        <v>30</v>
      </c>
      <c r="AZ4487">
        <v>48</v>
      </c>
      <c r="BA4487">
        <v>3821</v>
      </c>
    </row>
    <row r="4488" spans="1:53" x14ac:dyDescent="0.4">
      <c r="A4488">
        <v>4532</v>
      </c>
      <c r="B4488" s="1">
        <v>44538</v>
      </c>
      <c r="C4488">
        <v>2</v>
      </c>
      <c r="D4488" s="1">
        <v>44538.742361111108</v>
      </c>
      <c r="E4488" s="1">
        <v>44538.98333333333</v>
      </c>
      <c r="F4488">
        <v>40870</v>
      </c>
      <c r="G4488">
        <v>3190</v>
      </c>
      <c r="H4488">
        <v>0</v>
      </c>
      <c r="I4488">
        <v>0</v>
      </c>
      <c r="J4488">
        <v>0</v>
      </c>
      <c r="K4488">
        <v>0</v>
      </c>
      <c r="L4488">
        <v>0</v>
      </c>
      <c r="M4488">
        <v>4004</v>
      </c>
      <c r="N4488">
        <v>0</v>
      </c>
      <c r="O4488">
        <v>0</v>
      </c>
      <c r="P4488">
        <v>5740</v>
      </c>
      <c r="Q4488">
        <v>0</v>
      </c>
      <c r="R4488">
        <v>49800</v>
      </c>
      <c r="S4488">
        <v>0</v>
      </c>
      <c r="T4488">
        <v>0</v>
      </c>
      <c r="U4488">
        <v>0</v>
      </c>
      <c r="V4488">
        <v>6</v>
      </c>
      <c r="W4488">
        <v>0</v>
      </c>
      <c r="X4488">
        <v>0</v>
      </c>
      <c r="Y4488">
        <v>27</v>
      </c>
      <c r="Z4488">
        <v>18</v>
      </c>
      <c r="AA4488">
        <v>121</v>
      </c>
      <c r="AB4488">
        <v>4</v>
      </c>
      <c r="AC4488">
        <v>69</v>
      </c>
      <c r="AD4488">
        <v>16</v>
      </c>
      <c r="AE4488">
        <v>22</v>
      </c>
      <c r="AF4488">
        <v>21008</v>
      </c>
      <c r="AG4488">
        <v>130100</v>
      </c>
      <c r="AH4488">
        <v>50000</v>
      </c>
      <c r="AI4488">
        <v>0</v>
      </c>
      <c r="AJ4488">
        <v>108</v>
      </c>
      <c r="AK4488" t="s">
        <v>3</v>
      </c>
      <c r="AL4488">
        <v>0</v>
      </c>
      <c r="AM4488">
        <v>0</v>
      </c>
      <c r="AN4488">
        <v>0</v>
      </c>
      <c r="AO4488">
        <v>0</v>
      </c>
      <c r="AP4488">
        <v>0</v>
      </c>
      <c r="AQ4488">
        <v>0</v>
      </c>
      <c r="AR4488">
        <v>0</v>
      </c>
      <c r="AS4488">
        <v>0</v>
      </c>
      <c r="AT4488">
        <v>0</v>
      </c>
      <c r="AU4488">
        <v>0</v>
      </c>
      <c r="AV4488">
        <v>0</v>
      </c>
      <c r="AW4488">
        <v>0</v>
      </c>
      <c r="AX4488">
        <v>660</v>
      </c>
      <c r="AY4488">
        <v>13</v>
      </c>
      <c r="AZ4488">
        <v>31</v>
      </c>
      <c r="BA4488">
        <v>2594</v>
      </c>
    </row>
    <row r="4489" spans="1:53" x14ac:dyDescent="0.4">
      <c r="A4489">
        <v>4533</v>
      </c>
      <c r="B4489" s="1">
        <v>44539</v>
      </c>
      <c r="C4489">
        <v>1</v>
      </c>
      <c r="D4489" s="1">
        <v>44539.291666666664</v>
      </c>
      <c r="E4489" s="1">
        <v>44539.443055555559</v>
      </c>
      <c r="F4489">
        <v>0</v>
      </c>
      <c r="G4489">
        <v>0</v>
      </c>
      <c r="H4489">
        <v>0</v>
      </c>
      <c r="I4489">
        <v>0</v>
      </c>
      <c r="J4489">
        <v>0</v>
      </c>
      <c r="K4489">
        <v>0</v>
      </c>
      <c r="L4489">
        <v>0</v>
      </c>
      <c r="M4489">
        <v>0</v>
      </c>
      <c r="N4489">
        <v>0</v>
      </c>
      <c r="O4489">
        <v>0</v>
      </c>
      <c r="P4489">
        <v>0</v>
      </c>
      <c r="Q4489">
        <v>0</v>
      </c>
      <c r="R4489">
        <v>0</v>
      </c>
      <c r="S4489">
        <v>0</v>
      </c>
      <c r="T4489">
        <v>0</v>
      </c>
      <c r="U4489">
        <v>0</v>
      </c>
      <c r="V4489">
        <v>0</v>
      </c>
      <c r="W4489">
        <v>1</v>
      </c>
      <c r="X4489">
        <v>0</v>
      </c>
      <c r="Y4489">
        <v>25</v>
      </c>
      <c r="Z4489">
        <v>14</v>
      </c>
      <c r="AA4489">
        <v>119</v>
      </c>
      <c r="AB4489">
        <v>5</v>
      </c>
      <c r="AC4489">
        <v>74</v>
      </c>
      <c r="AD4489">
        <v>16</v>
      </c>
      <c r="AE4489">
        <v>30</v>
      </c>
      <c r="AF4489">
        <v>0</v>
      </c>
      <c r="AG4489">
        <v>50000</v>
      </c>
      <c r="AH4489">
        <v>50000</v>
      </c>
      <c r="AI4489">
        <v>0</v>
      </c>
      <c r="AJ4489">
        <v>0</v>
      </c>
      <c r="AK4489" t="s">
        <v>6</v>
      </c>
      <c r="AL4489">
        <v>0</v>
      </c>
      <c r="AM4489">
        <v>0</v>
      </c>
      <c r="AN4489">
        <v>0</v>
      </c>
      <c r="AO4489">
        <v>0</v>
      </c>
      <c r="AP4489">
        <v>0</v>
      </c>
      <c r="AQ4489">
        <v>0</v>
      </c>
      <c r="AR4489">
        <v>0</v>
      </c>
      <c r="AS4489">
        <v>0</v>
      </c>
      <c r="AT4489">
        <v>0</v>
      </c>
      <c r="AU4489">
        <v>0</v>
      </c>
      <c r="AV4489">
        <v>0</v>
      </c>
      <c r="AW4489">
        <v>0</v>
      </c>
      <c r="AX4489">
        <v>0</v>
      </c>
      <c r="AY4489">
        <v>0</v>
      </c>
      <c r="AZ4489">
        <v>0</v>
      </c>
      <c r="BA4489">
        <v>0</v>
      </c>
    </row>
    <row r="4490" spans="1:53" x14ac:dyDescent="0.4">
      <c r="A4490">
        <v>4534</v>
      </c>
      <c r="B4490" s="1">
        <v>44539</v>
      </c>
      <c r="C4490">
        <v>2</v>
      </c>
      <c r="D4490" s="1">
        <v>44539.443055555559</v>
      </c>
      <c r="E4490" s="1">
        <v>44539.755555555559</v>
      </c>
      <c r="F4490">
        <v>13200</v>
      </c>
      <c r="G4490">
        <v>924</v>
      </c>
      <c r="H4490">
        <v>220</v>
      </c>
      <c r="I4490">
        <v>0</v>
      </c>
      <c r="J4490">
        <v>100</v>
      </c>
      <c r="K4490">
        <v>0</v>
      </c>
      <c r="L4490">
        <v>0</v>
      </c>
      <c r="M4490">
        <v>1297</v>
      </c>
      <c r="N4490">
        <v>0</v>
      </c>
      <c r="O4490">
        <v>0</v>
      </c>
      <c r="P4490">
        <v>10680</v>
      </c>
      <c r="Q4490">
        <v>0</v>
      </c>
      <c r="R4490">
        <v>24924</v>
      </c>
      <c r="S4490">
        <v>0</v>
      </c>
      <c r="T4490">
        <v>0</v>
      </c>
      <c r="U4490">
        <v>0</v>
      </c>
      <c r="V4490">
        <v>1</v>
      </c>
      <c r="W4490">
        <v>1</v>
      </c>
      <c r="X4490">
        <v>0</v>
      </c>
      <c r="Y4490">
        <v>33</v>
      </c>
      <c r="Z4490">
        <v>21</v>
      </c>
      <c r="AA4490">
        <v>126</v>
      </c>
      <c r="AB4490">
        <v>3</v>
      </c>
      <c r="AC4490">
        <v>77</v>
      </c>
      <c r="AD4490">
        <v>15</v>
      </c>
      <c r="AE4490">
        <v>28</v>
      </c>
      <c r="AF4490">
        <v>2800</v>
      </c>
      <c r="AG4490">
        <v>74923</v>
      </c>
      <c r="AH4490">
        <v>50000</v>
      </c>
      <c r="AI4490">
        <v>-1</v>
      </c>
      <c r="AJ4490">
        <v>104</v>
      </c>
      <c r="AK4490" t="s">
        <v>52</v>
      </c>
      <c r="AL4490">
        <v>0</v>
      </c>
      <c r="AM4490">
        <v>0</v>
      </c>
      <c r="AN4490">
        <v>0</v>
      </c>
      <c r="AO4490">
        <v>0</v>
      </c>
      <c r="AP4490">
        <v>0</v>
      </c>
      <c r="AQ4490">
        <v>0</v>
      </c>
      <c r="AR4490">
        <v>0</v>
      </c>
      <c r="AS4490">
        <v>0</v>
      </c>
      <c r="AT4490">
        <v>0</v>
      </c>
      <c r="AU4490">
        <v>0</v>
      </c>
      <c r="AV4490">
        <v>0</v>
      </c>
      <c r="AW4490">
        <v>0</v>
      </c>
      <c r="AX4490">
        <v>0</v>
      </c>
      <c r="AY4490">
        <v>25</v>
      </c>
      <c r="AZ4490">
        <v>38</v>
      </c>
      <c r="BA4490">
        <v>3827</v>
      </c>
    </row>
    <row r="4491" spans="1:53" x14ac:dyDescent="0.4">
      <c r="A4491">
        <v>4535</v>
      </c>
      <c r="B4491" s="1">
        <v>44539</v>
      </c>
      <c r="C4491">
        <v>3</v>
      </c>
      <c r="D4491" s="1">
        <v>44539.755555555559</v>
      </c>
      <c r="E4491" s="1">
        <v>44539.759027777778</v>
      </c>
      <c r="F4491">
        <v>0</v>
      </c>
      <c r="G4491">
        <v>0</v>
      </c>
      <c r="H4491">
        <v>0</v>
      </c>
      <c r="I4491">
        <v>0</v>
      </c>
      <c r="J4491">
        <v>0</v>
      </c>
      <c r="K4491">
        <v>0</v>
      </c>
      <c r="L4491">
        <v>0</v>
      </c>
      <c r="M4491">
        <v>0</v>
      </c>
      <c r="N4491">
        <v>0</v>
      </c>
      <c r="O4491">
        <v>0</v>
      </c>
      <c r="P4491">
        <v>0</v>
      </c>
      <c r="Q4491">
        <v>0</v>
      </c>
      <c r="R4491">
        <v>0</v>
      </c>
      <c r="S4491">
        <v>0</v>
      </c>
      <c r="T4491">
        <v>0</v>
      </c>
      <c r="U4491">
        <v>0</v>
      </c>
      <c r="V4491">
        <v>1</v>
      </c>
      <c r="W4491">
        <v>1</v>
      </c>
      <c r="X4491">
        <v>0</v>
      </c>
      <c r="Y4491">
        <v>33</v>
      </c>
      <c r="Z4491">
        <v>21</v>
      </c>
      <c r="AA4491">
        <v>126</v>
      </c>
      <c r="AB4491">
        <v>3</v>
      </c>
      <c r="AC4491">
        <v>77</v>
      </c>
      <c r="AD4491">
        <v>15</v>
      </c>
      <c r="AE4491">
        <v>29</v>
      </c>
      <c r="AF4491">
        <v>2800</v>
      </c>
      <c r="AG4491">
        <v>74924</v>
      </c>
      <c r="AH4491">
        <v>50000</v>
      </c>
      <c r="AI4491">
        <v>0</v>
      </c>
      <c r="AJ4491">
        <v>104</v>
      </c>
      <c r="AK4491" t="s">
        <v>52</v>
      </c>
      <c r="AL4491">
        <v>0</v>
      </c>
      <c r="AM4491">
        <v>0</v>
      </c>
      <c r="AN4491">
        <v>0</v>
      </c>
      <c r="AO4491">
        <v>0</v>
      </c>
      <c r="AP4491">
        <v>0</v>
      </c>
      <c r="AQ4491">
        <v>0</v>
      </c>
      <c r="AR4491">
        <v>0</v>
      </c>
      <c r="AS4491">
        <v>0</v>
      </c>
      <c r="AT4491">
        <v>0</v>
      </c>
      <c r="AU4491">
        <v>0</v>
      </c>
      <c r="AV4491">
        <v>0</v>
      </c>
      <c r="AW4491">
        <v>0</v>
      </c>
      <c r="AX4491">
        <v>0</v>
      </c>
      <c r="AY4491">
        <v>0</v>
      </c>
      <c r="AZ4491">
        <v>0</v>
      </c>
      <c r="BA4491">
        <v>40</v>
      </c>
    </row>
    <row r="4492" spans="1:53" x14ac:dyDescent="0.4">
      <c r="A4492">
        <v>4536</v>
      </c>
      <c r="B4492" s="1">
        <v>44540</v>
      </c>
      <c r="C4492">
        <v>1</v>
      </c>
      <c r="D4492" s="1">
        <v>44540.291666666664</v>
      </c>
      <c r="E4492" s="1">
        <v>44540.443749999999</v>
      </c>
      <c r="F4492">
        <v>0</v>
      </c>
      <c r="G4492">
        <v>0</v>
      </c>
      <c r="H4492">
        <v>0</v>
      </c>
      <c r="I4492">
        <v>0</v>
      </c>
      <c r="J4492">
        <v>0</v>
      </c>
      <c r="K4492">
        <v>0</v>
      </c>
      <c r="L4492">
        <v>0</v>
      </c>
      <c r="M4492">
        <v>0</v>
      </c>
      <c r="N4492">
        <v>0</v>
      </c>
      <c r="O4492">
        <v>0</v>
      </c>
      <c r="P4492">
        <v>0</v>
      </c>
      <c r="Q4492">
        <v>0</v>
      </c>
      <c r="R4492">
        <v>0</v>
      </c>
      <c r="S4492">
        <v>0</v>
      </c>
      <c r="T4492">
        <v>0</v>
      </c>
      <c r="U4492">
        <v>0</v>
      </c>
      <c r="V4492">
        <v>0</v>
      </c>
      <c r="W4492">
        <v>1</v>
      </c>
      <c r="X4492">
        <v>0</v>
      </c>
      <c r="Y4492">
        <v>25</v>
      </c>
      <c r="Z4492">
        <v>13</v>
      </c>
      <c r="AA4492">
        <v>123</v>
      </c>
      <c r="AB4492">
        <v>5</v>
      </c>
      <c r="AC4492">
        <v>83</v>
      </c>
      <c r="AD4492">
        <v>17</v>
      </c>
      <c r="AE4492">
        <v>35</v>
      </c>
      <c r="AF4492">
        <v>0</v>
      </c>
      <c r="AG4492">
        <v>50000</v>
      </c>
      <c r="AH4492">
        <v>50000</v>
      </c>
      <c r="AI4492">
        <v>0</v>
      </c>
      <c r="AJ4492">
        <v>0</v>
      </c>
      <c r="AK4492" t="s">
        <v>6</v>
      </c>
      <c r="AL4492">
        <v>0</v>
      </c>
      <c r="AM4492">
        <v>0</v>
      </c>
      <c r="AN4492">
        <v>0</v>
      </c>
      <c r="AO4492">
        <v>0</v>
      </c>
      <c r="AP4492">
        <v>0</v>
      </c>
      <c r="AQ4492">
        <v>0</v>
      </c>
      <c r="AR4492">
        <v>0</v>
      </c>
      <c r="AS4492">
        <v>0</v>
      </c>
      <c r="AT4492">
        <v>0</v>
      </c>
      <c r="AU4492">
        <v>0</v>
      </c>
      <c r="AV4492">
        <v>0</v>
      </c>
      <c r="AW4492">
        <v>0</v>
      </c>
      <c r="AX4492">
        <v>0</v>
      </c>
      <c r="AY4492">
        <v>0</v>
      </c>
      <c r="AZ4492">
        <v>0</v>
      </c>
      <c r="BA4492">
        <v>0</v>
      </c>
    </row>
    <row r="4493" spans="1:53" x14ac:dyDescent="0.4">
      <c r="A4493">
        <v>4537</v>
      </c>
      <c r="B4493" s="1">
        <v>44540</v>
      </c>
      <c r="C4493">
        <v>2</v>
      </c>
      <c r="D4493" s="1">
        <v>44540.443749999999</v>
      </c>
      <c r="E4493" s="1">
        <v>44540.752083333333</v>
      </c>
      <c r="F4493">
        <v>11230</v>
      </c>
      <c r="G4493">
        <v>2200</v>
      </c>
      <c r="H4493">
        <v>220</v>
      </c>
      <c r="I4493">
        <v>0</v>
      </c>
      <c r="J4493">
        <v>0</v>
      </c>
      <c r="K4493">
        <v>0</v>
      </c>
      <c r="L4493">
        <v>0</v>
      </c>
      <c r="M4493">
        <v>1239</v>
      </c>
      <c r="N4493">
        <v>0</v>
      </c>
      <c r="O4493">
        <v>0</v>
      </c>
      <c r="P4493">
        <v>12950</v>
      </c>
      <c r="Q4493">
        <v>0</v>
      </c>
      <c r="R4493">
        <v>26600</v>
      </c>
      <c r="S4493">
        <v>0</v>
      </c>
      <c r="T4493">
        <v>0</v>
      </c>
      <c r="U4493">
        <v>0</v>
      </c>
      <c r="V4493">
        <v>0</v>
      </c>
      <c r="W4493">
        <v>2</v>
      </c>
      <c r="X4493">
        <v>0</v>
      </c>
      <c r="Y4493">
        <v>38</v>
      </c>
      <c r="Z4493">
        <v>24</v>
      </c>
      <c r="AA4493">
        <v>116</v>
      </c>
      <c r="AB4493">
        <v>4</v>
      </c>
      <c r="AC4493">
        <v>94</v>
      </c>
      <c r="AD4493">
        <v>17</v>
      </c>
      <c r="AE4493">
        <v>42</v>
      </c>
      <c r="AF4493">
        <v>3733</v>
      </c>
      <c r="AG4493">
        <v>76600</v>
      </c>
      <c r="AH4493">
        <v>50000</v>
      </c>
      <c r="AI4493">
        <v>0</v>
      </c>
      <c r="AJ4493">
        <v>116</v>
      </c>
      <c r="AK4493" t="s">
        <v>54</v>
      </c>
      <c r="AL4493">
        <v>0</v>
      </c>
      <c r="AM4493">
        <v>0</v>
      </c>
      <c r="AN4493">
        <v>0</v>
      </c>
      <c r="AO4493">
        <v>0</v>
      </c>
      <c r="AP4493">
        <v>0</v>
      </c>
      <c r="AQ4493">
        <v>0</v>
      </c>
      <c r="AR4493">
        <v>0</v>
      </c>
      <c r="AS4493">
        <v>0</v>
      </c>
      <c r="AT4493">
        <v>0</v>
      </c>
      <c r="AU4493">
        <v>0</v>
      </c>
      <c r="AV4493">
        <v>0</v>
      </c>
      <c r="AW4493">
        <v>0</v>
      </c>
      <c r="AX4493">
        <v>308</v>
      </c>
      <c r="AY4493">
        <v>25</v>
      </c>
      <c r="AZ4493">
        <v>41</v>
      </c>
      <c r="BA4493">
        <v>3011</v>
      </c>
    </row>
    <row r="4494" spans="1:53" x14ac:dyDescent="0.4">
      <c r="A4494">
        <v>4538</v>
      </c>
      <c r="B4494" s="1">
        <v>44541</v>
      </c>
      <c r="C4494">
        <v>1</v>
      </c>
      <c r="D4494" s="1">
        <v>44541.291666666664</v>
      </c>
      <c r="E4494" s="1">
        <v>44541.420138888891</v>
      </c>
      <c r="F4494">
        <v>0</v>
      </c>
      <c r="G4494">
        <v>0</v>
      </c>
      <c r="H4494">
        <v>0</v>
      </c>
      <c r="I4494">
        <v>0</v>
      </c>
      <c r="J4494">
        <v>0</v>
      </c>
      <c r="K4494">
        <v>0</v>
      </c>
      <c r="L4494">
        <v>0</v>
      </c>
      <c r="M4494">
        <v>0</v>
      </c>
      <c r="N4494">
        <v>0</v>
      </c>
      <c r="O4494">
        <v>0</v>
      </c>
      <c r="P4494">
        <v>0</v>
      </c>
      <c r="Q4494">
        <v>0</v>
      </c>
      <c r="R4494">
        <v>0</v>
      </c>
      <c r="S4494">
        <v>0</v>
      </c>
      <c r="T4494">
        <v>0</v>
      </c>
      <c r="U4494">
        <v>0</v>
      </c>
      <c r="V4494">
        <v>0</v>
      </c>
      <c r="W4494">
        <v>1</v>
      </c>
      <c r="X4494">
        <v>0</v>
      </c>
      <c r="Y4494">
        <v>25</v>
      </c>
      <c r="Z4494">
        <v>15</v>
      </c>
      <c r="AA4494">
        <v>115</v>
      </c>
      <c r="AB4494">
        <v>2</v>
      </c>
      <c r="AC4494">
        <v>78</v>
      </c>
      <c r="AD4494">
        <v>16</v>
      </c>
      <c r="AE4494">
        <v>40</v>
      </c>
      <c r="AF4494">
        <v>0</v>
      </c>
      <c r="AG4494">
        <v>50000</v>
      </c>
      <c r="AH4494">
        <v>50000</v>
      </c>
      <c r="AI4494">
        <v>0</v>
      </c>
      <c r="AJ4494">
        <v>0</v>
      </c>
      <c r="AK4494" t="s">
        <v>6</v>
      </c>
      <c r="AL4494">
        <v>0</v>
      </c>
      <c r="AM4494">
        <v>0</v>
      </c>
      <c r="AN4494">
        <v>0</v>
      </c>
      <c r="AO4494">
        <v>0</v>
      </c>
      <c r="AP4494">
        <v>0</v>
      </c>
      <c r="AQ4494">
        <v>0</v>
      </c>
      <c r="AR4494">
        <v>0</v>
      </c>
      <c r="AS4494">
        <v>0</v>
      </c>
      <c r="AT4494">
        <v>0</v>
      </c>
      <c r="AU4494">
        <v>0</v>
      </c>
      <c r="AV4494">
        <v>0</v>
      </c>
      <c r="AW4494">
        <v>0</v>
      </c>
      <c r="AX4494">
        <v>0</v>
      </c>
      <c r="AY4494">
        <v>0</v>
      </c>
      <c r="AZ4494">
        <v>0</v>
      </c>
      <c r="BA4494">
        <v>0</v>
      </c>
    </row>
    <row r="4495" spans="1:53" x14ac:dyDescent="0.4">
      <c r="A4495">
        <v>4539</v>
      </c>
      <c r="B4495" s="1">
        <v>44542</v>
      </c>
      <c r="C4495">
        <v>1</v>
      </c>
      <c r="D4495" s="1">
        <v>44542.291666666664</v>
      </c>
      <c r="E4495" s="1">
        <v>44542.773611111108</v>
      </c>
      <c r="F4495">
        <v>54750</v>
      </c>
      <c r="G4495">
        <v>2200</v>
      </c>
      <c r="H4495">
        <v>0</v>
      </c>
      <c r="I4495">
        <v>0</v>
      </c>
      <c r="J4495">
        <v>0</v>
      </c>
      <c r="K4495">
        <v>0</v>
      </c>
      <c r="L4495">
        <v>0</v>
      </c>
      <c r="M4495">
        <v>5172</v>
      </c>
      <c r="N4495">
        <v>0</v>
      </c>
      <c r="O4495">
        <v>0</v>
      </c>
      <c r="P4495">
        <v>23760</v>
      </c>
      <c r="Q4495">
        <v>0</v>
      </c>
      <c r="R4495">
        <v>80710</v>
      </c>
      <c r="S4495">
        <v>0</v>
      </c>
      <c r="T4495">
        <v>0</v>
      </c>
      <c r="U4495">
        <v>0</v>
      </c>
      <c r="V4495">
        <v>4</v>
      </c>
      <c r="W4495">
        <v>0</v>
      </c>
      <c r="X4495">
        <v>0</v>
      </c>
      <c r="Y4495">
        <v>76</v>
      </c>
      <c r="Z4495">
        <v>13</v>
      </c>
      <c r="AA4495">
        <v>59</v>
      </c>
      <c r="AB4495">
        <v>9</v>
      </c>
      <c r="AC4495">
        <v>45</v>
      </c>
      <c r="AD4495">
        <v>11</v>
      </c>
      <c r="AE4495">
        <v>55</v>
      </c>
      <c r="AF4495">
        <v>1300</v>
      </c>
      <c r="AG4495">
        <v>130710</v>
      </c>
      <c r="AH4495">
        <v>50000</v>
      </c>
      <c r="AI4495">
        <v>0</v>
      </c>
      <c r="AJ4495">
        <v>108</v>
      </c>
      <c r="AK4495" t="s">
        <v>3</v>
      </c>
      <c r="AL4495">
        <v>0</v>
      </c>
      <c r="AM4495">
        <v>0</v>
      </c>
      <c r="AN4495">
        <v>0</v>
      </c>
      <c r="AO4495">
        <v>0</v>
      </c>
      <c r="AP4495">
        <v>0</v>
      </c>
      <c r="AQ4495">
        <v>0</v>
      </c>
      <c r="AR4495">
        <v>0</v>
      </c>
      <c r="AS4495">
        <v>0</v>
      </c>
      <c r="AT4495">
        <v>0</v>
      </c>
      <c r="AU4495">
        <v>0</v>
      </c>
      <c r="AV4495">
        <v>0</v>
      </c>
      <c r="AW4495">
        <v>0</v>
      </c>
      <c r="AX4495">
        <v>3017</v>
      </c>
      <c r="AY4495">
        <v>48</v>
      </c>
      <c r="AZ4495">
        <v>117</v>
      </c>
      <c r="BA4495">
        <v>7238</v>
      </c>
    </row>
    <row r="4496" spans="1:53" x14ac:dyDescent="0.4">
      <c r="A4496">
        <v>4540</v>
      </c>
      <c r="B4496" s="1">
        <v>44543</v>
      </c>
      <c r="C4496">
        <v>1</v>
      </c>
      <c r="D4496" s="1">
        <v>44543.291666666664</v>
      </c>
      <c r="E4496" s="1">
        <v>44543.75</v>
      </c>
      <c r="F4496">
        <v>23360</v>
      </c>
      <c r="G4496">
        <v>1188</v>
      </c>
      <c r="H4496">
        <v>0</v>
      </c>
      <c r="I4496">
        <v>0</v>
      </c>
      <c r="J4496">
        <v>0</v>
      </c>
      <c r="K4496">
        <v>0</v>
      </c>
      <c r="L4496">
        <v>0</v>
      </c>
      <c r="M4496">
        <v>2230</v>
      </c>
      <c r="N4496">
        <v>0</v>
      </c>
      <c r="O4496">
        <v>0</v>
      </c>
      <c r="P4496">
        <v>20780</v>
      </c>
      <c r="Q4496">
        <v>0</v>
      </c>
      <c r="R4496">
        <v>45328</v>
      </c>
      <c r="S4496">
        <v>0</v>
      </c>
      <c r="T4496">
        <v>0</v>
      </c>
      <c r="U4496">
        <v>0</v>
      </c>
      <c r="V4496">
        <v>0</v>
      </c>
      <c r="W4496">
        <v>4</v>
      </c>
      <c r="X4496">
        <v>0</v>
      </c>
      <c r="Y4496">
        <v>57</v>
      </c>
      <c r="Z4496">
        <v>25</v>
      </c>
      <c r="AA4496">
        <v>29</v>
      </c>
      <c r="AB4496">
        <v>16</v>
      </c>
      <c r="AC4496">
        <v>77</v>
      </c>
      <c r="AD4496">
        <v>14</v>
      </c>
      <c r="AE4496">
        <v>58</v>
      </c>
      <c r="AF4496">
        <v>1230</v>
      </c>
      <c r="AG4496">
        <v>95328</v>
      </c>
      <c r="AH4496">
        <v>50000</v>
      </c>
      <c r="AI4496">
        <v>0</v>
      </c>
      <c r="AJ4496">
        <v>103</v>
      </c>
      <c r="AK4496" t="s">
        <v>7</v>
      </c>
      <c r="AL4496">
        <v>0</v>
      </c>
      <c r="AM4496">
        <v>0</v>
      </c>
      <c r="AN4496">
        <v>0</v>
      </c>
      <c r="AO4496">
        <v>0</v>
      </c>
      <c r="AP4496">
        <v>0</v>
      </c>
      <c r="AQ4496">
        <v>0</v>
      </c>
      <c r="AR4496">
        <v>0</v>
      </c>
      <c r="AS4496">
        <v>0</v>
      </c>
      <c r="AT4496">
        <v>0</v>
      </c>
      <c r="AU4496">
        <v>0</v>
      </c>
      <c r="AV4496">
        <v>0</v>
      </c>
      <c r="AW4496">
        <v>0</v>
      </c>
      <c r="AX4496">
        <v>308</v>
      </c>
      <c r="AY4496">
        <v>39</v>
      </c>
      <c r="AZ4496">
        <v>70</v>
      </c>
      <c r="BA4496">
        <v>5012</v>
      </c>
    </row>
    <row r="4497" spans="1:53" x14ac:dyDescent="0.4">
      <c r="A4497">
        <v>4541</v>
      </c>
      <c r="B4497" s="1">
        <v>44544</v>
      </c>
      <c r="C4497">
        <v>1</v>
      </c>
      <c r="D4497" s="1">
        <v>44544.291666666664</v>
      </c>
      <c r="E4497" s="1">
        <v>44544.438194444447</v>
      </c>
      <c r="F4497">
        <v>0</v>
      </c>
      <c r="G4497">
        <v>0</v>
      </c>
      <c r="H4497">
        <v>0</v>
      </c>
      <c r="I4497">
        <v>0</v>
      </c>
      <c r="J4497">
        <v>0</v>
      </c>
      <c r="K4497">
        <v>0</v>
      </c>
      <c r="L4497">
        <v>0</v>
      </c>
      <c r="M4497">
        <v>0</v>
      </c>
      <c r="N4497">
        <v>0</v>
      </c>
      <c r="O4497">
        <v>0</v>
      </c>
      <c r="P4497">
        <v>0</v>
      </c>
      <c r="Q4497">
        <v>0</v>
      </c>
      <c r="R4497">
        <v>0</v>
      </c>
      <c r="S4497">
        <v>0</v>
      </c>
      <c r="T4497">
        <v>0</v>
      </c>
      <c r="U4497">
        <v>0</v>
      </c>
      <c r="V4497">
        <v>0</v>
      </c>
      <c r="W4497">
        <v>1</v>
      </c>
      <c r="X4497">
        <v>0</v>
      </c>
      <c r="Y4497">
        <v>27</v>
      </c>
      <c r="Z4497">
        <v>28</v>
      </c>
      <c r="AA4497">
        <v>25</v>
      </c>
      <c r="AB4497">
        <v>14</v>
      </c>
      <c r="AC4497">
        <v>68</v>
      </c>
      <c r="AD4497">
        <v>13</v>
      </c>
      <c r="AE4497">
        <v>55</v>
      </c>
      <c r="AF4497">
        <v>0</v>
      </c>
      <c r="AG4497">
        <v>50000</v>
      </c>
      <c r="AH4497">
        <v>50000</v>
      </c>
      <c r="AI4497">
        <v>0</v>
      </c>
      <c r="AJ4497">
        <v>0</v>
      </c>
      <c r="AK4497" t="s">
        <v>6</v>
      </c>
      <c r="AL4497">
        <v>0</v>
      </c>
      <c r="AM4497">
        <v>0</v>
      </c>
      <c r="AN4497">
        <v>0</v>
      </c>
      <c r="AO4497">
        <v>0</v>
      </c>
      <c r="AP4497">
        <v>0</v>
      </c>
      <c r="AQ4497">
        <v>0</v>
      </c>
      <c r="AR4497">
        <v>0</v>
      </c>
      <c r="AS4497">
        <v>0</v>
      </c>
      <c r="AT4497">
        <v>0</v>
      </c>
      <c r="AU4497">
        <v>0</v>
      </c>
      <c r="AV4497">
        <v>0</v>
      </c>
      <c r="AW4497">
        <v>0</v>
      </c>
      <c r="AX4497">
        <v>0</v>
      </c>
      <c r="AY4497">
        <v>0</v>
      </c>
      <c r="AZ4497">
        <v>0</v>
      </c>
      <c r="BA4497">
        <v>0</v>
      </c>
    </row>
    <row r="4498" spans="1:53" x14ac:dyDescent="0.4">
      <c r="A4498">
        <v>4542</v>
      </c>
      <c r="B4498" s="1">
        <v>44544</v>
      </c>
      <c r="C4498">
        <v>2</v>
      </c>
      <c r="D4498" s="1">
        <v>44544.438194444447</v>
      </c>
      <c r="E4498" s="1">
        <v>44544.759722222225</v>
      </c>
      <c r="F4498">
        <v>12000</v>
      </c>
      <c r="G4498">
        <v>1628</v>
      </c>
      <c r="H4498">
        <v>0</v>
      </c>
      <c r="I4498">
        <v>0</v>
      </c>
      <c r="J4498">
        <v>0</v>
      </c>
      <c r="K4498">
        <v>0</v>
      </c>
      <c r="L4498">
        <v>0</v>
      </c>
      <c r="M4498">
        <v>1238</v>
      </c>
      <c r="N4498">
        <v>0</v>
      </c>
      <c r="O4498">
        <v>0</v>
      </c>
      <c r="P4498">
        <v>18500</v>
      </c>
      <c r="Q4498">
        <v>0</v>
      </c>
      <c r="R4498">
        <v>32128</v>
      </c>
      <c r="S4498">
        <v>0</v>
      </c>
      <c r="T4498">
        <v>0</v>
      </c>
      <c r="U4498">
        <v>0</v>
      </c>
      <c r="V4498">
        <v>0</v>
      </c>
      <c r="W4498">
        <v>2</v>
      </c>
      <c r="X4498">
        <v>0</v>
      </c>
      <c r="Y4498">
        <v>47</v>
      </c>
      <c r="Z4498">
        <v>32</v>
      </c>
      <c r="AA4498">
        <v>34</v>
      </c>
      <c r="AB4498">
        <v>20</v>
      </c>
      <c r="AC4498">
        <v>86</v>
      </c>
      <c r="AD4498">
        <v>11</v>
      </c>
      <c r="AE4498">
        <v>53</v>
      </c>
      <c r="AF4498">
        <v>3760</v>
      </c>
      <c r="AG4498">
        <v>82128</v>
      </c>
      <c r="AH4498">
        <v>50000</v>
      </c>
      <c r="AI4498">
        <v>0</v>
      </c>
      <c r="AJ4498">
        <v>115</v>
      </c>
      <c r="AK4498" t="s">
        <v>55</v>
      </c>
      <c r="AL4498">
        <v>0</v>
      </c>
      <c r="AM4498">
        <v>0</v>
      </c>
      <c r="AN4498">
        <v>0</v>
      </c>
      <c r="AO4498">
        <v>0</v>
      </c>
      <c r="AP4498">
        <v>0</v>
      </c>
      <c r="AQ4498">
        <v>0</v>
      </c>
      <c r="AR4498">
        <v>0</v>
      </c>
      <c r="AS4498">
        <v>0</v>
      </c>
      <c r="AT4498">
        <v>0</v>
      </c>
      <c r="AU4498">
        <v>0</v>
      </c>
      <c r="AV4498">
        <v>0</v>
      </c>
      <c r="AW4498">
        <v>0</v>
      </c>
      <c r="AX4498">
        <v>440</v>
      </c>
      <c r="AY4498">
        <v>23</v>
      </c>
      <c r="AZ4498">
        <v>46</v>
      </c>
      <c r="BA4498">
        <v>3459</v>
      </c>
    </row>
    <row r="4499" spans="1:53" x14ac:dyDescent="0.4">
      <c r="A4499">
        <v>4543</v>
      </c>
      <c r="B4499" s="1">
        <v>44545</v>
      </c>
      <c r="C4499">
        <v>1</v>
      </c>
      <c r="D4499" s="1">
        <v>44545.291666666664</v>
      </c>
      <c r="E4499" s="1">
        <v>44545.740277777775</v>
      </c>
      <c r="F4499">
        <v>8100</v>
      </c>
      <c r="G4499">
        <v>660</v>
      </c>
      <c r="H4499">
        <v>0</v>
      </c>
      <c r="I4499">
        <v>0</v>
      </c>
      <c r="J4499">
        <v>0</v>
      </c>
      <c r="K4499">
        <v>0</v>
      </c>
      <c r="L4499">
        <v>0</v>
      </c>
      <c r="M4499">
        <v>796</v>
      </c>
      <c r="N4499">
        <v>0</v>
      </c>
      <c r="O4499">
        <v>0</v>
      </c>
      <c r="P4499">
        <v>13220</v>
      </c>
      <c r="Q4499">
        <v>0</v>
      </c>
      <c r="R4499">
        <v>21980</v>
      </c>
      <c r="S4499">
        <v>0</v>
      </c>
      <c r="T4499">
        <v>0</v>
      </c>
      <c r="U4499">
        <v>0</v>
      </c>
      <c r="V4499">
        <v>0</v>
      </c>
      <c r="W4499">
        <v>1</v>
      </c>
      <c r="X4499">
        <v>0</v>
      </c>
      <c r="Y4499">
        <v>48</v>
      </c>
      <c r="Z4499">
        <v>26</v>
      </c>
      <c r="AA4499">
        <v>9</v>
      </c>
      <c r="AB4499">
        <v>25</v>
      </c>
      <c r="AC4499">
        <v>83</v>
      </c>
      <c r="AD4499">
        <v>18</v>
      </c>
      <c r="AE4499">
        <v>71</v>
      </c>
      <c r="AF4499">
        <v>2839</v>
      </c>
      <c r="AG4499">
        <v>71980</v>
      </c>
      <c r="AH4499">
        <v>50000</v>
      </c>
      <c r="AI4499">
        <v>0</v>
      </c>
      <c r="AJ4499">
        <v>119</v>
      </c>
      <c r="AK4499" t="s">
        <v>56</v>
      </c>
      <c r="AL4499">
        <v>0</v>
      </c>
      <c r="AM4499">
        <v>0</v>
      </c>
      <c r="AN4499">
        <v>0</v>
      </c>
      <c r="AO4499">
        <v>0</v>
      </c>
      <c r="AP4499">
        <v>0</v>
      </c>
      <c r="AQ4499">
        <v>0</v>
      </c>
      <c r="AR4499">
        <v>0</v>
      </c>
      <c r="AS4499">
        <v>0</v>
      </c>
      <c r="AT4499">
        <v>0</v>
      </c>
      <c r="AU4499">
        <v>0</v>
      </c>
      <c r="AV4499">
        <v>0</v>
      </c>
      <c r="AW4499">
        <v>0</v>
      </c>
      <c r="AX4499">
        <v>-1160</v>
      </c>
      <c r="AY4499">
        <v>23</v>
      </c>
      <c r="AZ4499">
        <v>33</v>
      </c>
      <c r="BA4499">
        <v>2897</v>
      </c>
    </row>
    <row r="4500" spans="1:53" x14ac:dyDescent="0.4">
      <c r="A4500">
        <v>4544</v>
      </c>
      <c r="B4500" s="1">
        <v>44546</v>
      </c>
      <c r="C4500">
        <v>1</v>
      </c>
      <c r="D4500" s="1">
        <v>44546.291666666664</v>
      </c>
      <c r="E4500" s="1">
        <v>44546.45416666667</v>
      </c>
      <c r="F4500">
        <v>0</v>
      </c>
      <c r="G4500">
        <v>0</v>
      </c>
      <c r="H4500">
        <v>0</v>
      </c>
      <c r="I4500">
        <v>0</v>
      </c>
      <c r="J4500">
        <v>0</v>
      </c>
      <c r="K4500">
        <v>0</v>
      </c>
      <c r="L4500">
        <v>0</v>
      </c>
      <c r="M4500">
        <v>0</v>
      </c>
      <c r="N4500">
        <v>0</v>
      </c>
      <c r="O4500">
        <v>0</v>
      </c>
      <c r="P4500">
        <v>0</v>
      </c>
      <c r="Q4500">
        <v>0</v>
      </c>
      <c r="R4500">
        <v>0</v>
      </c>
      <c r="S4500">
        <v>0</v>
      </c>
      <c r="T4500">
        <v>0</v>
      </c>
      <c r="U4500">
        <v>0</v>
      </c>
      <c r="V4500">
        <v>0</v>
      </c>
      <c r="W4500">
        <v>1</v>
      </c>
      <c r="X4500">
        <v>0</v>
      </c>
      <c r="Y4500">
        <v>33</v>
      </c>
      <c r="Z4500">
        <v>17</v>
      </c>
      <c r="AA4500">
        <v>19</v>
      </c>
      <c r="AB4500">
        <v>18</v>
      </c>
      <c r="AC4500">
        <v>55</v>
      </c>
      <c r="AD4500">
        <v>17</v>
      </c>
      <c r="AE4500">
        <v>65</v>
      </c>
      <c r="AF4500">
        <v>0</v>
      </c>
      <c r="AG4500">
        <v>50000</v>
      </c>
      <c r="AH4500">
        <v>50000</v>
      </c>
      <c r="AI4500">
        <v>0</v>
      </c>
      <c r="AJ4500">
        <v>0</v>
      </c>
      <c r="AK4500" t="s">
        <v>6</v>
      </c>
      <c r="AL4500">
        <v>0</v>
      </c>
      <c r="AM4500">
        <v>0</v>
      </c>
      <c r="AN4500">
        <v>0</v>
      </c>
      <c r="AO4500">
        <v>0</v>
      </c>
      <c r="AP4500">
        <v>0</v>
      </c>
      <c r="AQ4500">
        <v>0</v>
      </c>
      <c r="AR4500">
        <v>0</v>
      </c>
      <c r="AS4500">
        <v>0</v>
      </c>
      <c r="AT4500">
        <v>0</v>
      </c>
      <c r="AU4500">
        <v>0</v>
      </c>
      <c r="AV4500">
        <v>0</v>
      </c>
      <c r="AW4500">
        <v>0</v>
      </c>
      <c r="AX4500">
        <v>0</v>
      </c>
      <c r="AY4500">
        <v>0</v>
      </c>
      <c r="AZ4500">
        <v>0</v>
      </c>
      <c r="BA4500">
        <v>0</v>
      </c>
    </row>
    <row r="4501" spans="1:53" x14ac:dyDescent="0.4">
      <c r="A4501">
        <v>4545</v>
      </c>
      <c r="B4501" s="1">
        <v>44546</v>
      </c>
      <c r="C4501">
        <v>2</v>
      </c>
      <c r="D4501" s="1">
        <v>44546.45416666667</v>
      </c>
      <c r="E4501" s="1">
        <v>44546.757638888892</v>
      </c>
      <c r="F4501">
        <v>27280</v>
      </c>
      <c r="G4501">
        <v>1232</v>
      </c>
      <c r="H4501">
        <v>0</v>
      </c>
      <c r="I4501">
        <v>0</v>
      </c>
      <c r="J4501">
        <v>0</v>
      </c>
      <c r="K4501">
        <v>0</v>
      </c>
      <c r="L4501">
        <v>0</v>
      </c>
      <c r="M4501">
        <v>2591</v>
      </c>
      <c r="N4501">
        <v>0</v>
      </c>
      <c r="O4501">
        <v>0</v>
      </c>
      <c r="P4501">
        <v>12490</v>
      </c>
      <c r="Q4501">
        <v>0</v>
      </c>
      <c r="R4501">
        <v>41002</v>
      </c>
      <c r="S4501">
        <v>0</v>
      </c>
      <c r="T4501">
        <v>0</v>
      </c>
      <c r="U4501">
        <v>0</v>
      </c>
      <c r="V4501">
        <v>2</v>
      </c>
      <c r="W4501">
        <v>1</v>
      </c>
      <c r="X4501">
        <v>0</v>
      </c>
      <c r="Y4501">
        <v>47</v>
      </c>
      <c r="Z4501">
        <v>23</v>
      </c>
      <c r="AA4501">
        <v>30</v>
      </c>
      <c r="AB4501">
        <v>23</v>
      </c>
      <c r="AC4501">
        <v>94</v>
      </c>
      <c r="AD4501">
        <v>17</v>
      </c>
      <c r="AE4501">
        <v>77</v>
      </c>
      <c r="AF4501">
        <v>2600</v>
      </c>
      <c r="AG4501">
        <v>91352</v>
      </c>
      <c r="AH4501">
        <v>50000</v>
      </c>
      <c r="AI4501">
        <v>350</v>
      </c>
      <c r="AJ4501">
        <v>103</v>
      </c>
      <c r="AK4501" t="s">
        <v>7</v>
      </c>
      <c r="AL4501">
        <v>0</v>
      </c>
      <c r="AM4501">
        <v>0</v>
      </c>
      <c r="AN4501">
        <v>0</v>
      </c>
      <c r="AO4501">
        <v>0</v>
      </c>
      <c r="AP4501">
        <v>0</v>
      </c>
      <c r="AQ4501">
        <v>0</v>
      </c>
      <c r="AR4501">
        <v>0</v>
      </c>
      <c r="AS4501">
        <v>0</v>
      </c>
      <c r="AT4501">
        <v>0</v>
      </c>
      <c r="AU4501">
        <v>0</v>
      </c>
      <c r="AV4501">
        <v>0</v>
      </c>
      <c r="AW4501">
        <v>0</v>
      </c>
      <c r="AX4501">
        <v>1244</v>
      </c>
      <c r="AY4501">
        <v>33</v>
      </c>
      <c r="AZ4501">
        <v>65</v>
      </c>
      <c r="BA4501">
        <v>4498</v>
      </c>
    </row>
    <row r="4502" spans="1:53" x14ac:dyDescent="0.4">
      <c r="A4502">
        <v>4546</v>
      </c>
      <c r="B4502" s="1">
        <v>44546</v>
      </c>
      <c r="C4502">
        <v>3</v>
      </c>
      <c r="D4502" s="1">
        <v>44546.757638888892</v>
      </c>
      <c r="E4502" s="1">
        <v>44546.964583333334</v>
      </c>
      <c r="F4502">
        <v>20610</v>
      </c>
      <c r="G4502">
        <v>1298</v>
      </c>
      <c r="H4502">
        <v>0</v>
      </c>
      <c r="I4502">
        <v>0</v>
      </c>
      <c r="J4502">
        <v>1200</v>
      </c>
      <c r="K4502">
        <v>1440</v>
      </c>
      <c r="L4502">
        <v>0</v>
      </c>
      <c r="M4502">
        <v>2012</v>
      </c>
      <c r="N4502">
        <v>0</v>
      </c>
      <c r="O4502">
        <v>0</v>
      </c>
      <c r="P4502">
        <v>6810</v>
      </c>
      <c r="Q4502">
        <v>0</v>
      </c>
      <c r="R4502">
        <v>28958</v>
      </c>
      <c r="S4502">
        <v>0</v>
      </c>
      <c r="T4502">
        <v>0</v>
      </c>
      <c r="U4502">
        <v>0</v>
      </c>
      <c r="V4502">
        <v>3</v>
      </c>
      <c r="W4502">
        <v>0</v>
      </c>
      <c r="X4502">
        <v>0</v>
      </c>
      <c r="Y4502">
        <v>47</v>
      </c>
      <c r="Z4502">
        <v>25</v>
      </c>
      <c r="AA4502">
        <v>57</v>
      </c>
      <c r="AB4502">
        <v>22</v>
      </c>
      <c r="AC4502">
        <v>108</v>
      </c>
      <c r="AD4502">
        <v>18</v>
      </c>
      <c r="AE4502">
        <v>84</v>
      </c>
      <c r="AF4502">
        <v>22406</v>
      </c>
      <c r="AG4502">
        <v>119960</v>
      </c>
      <c r="AH4502">
        <v>50000</v>
      </c>
      <c r="AI4502">
        <v>0</v>
      </c>
      <c r="AJ4502">
        <v>108</v>
      </c>
      <c r="AK4502" t="s">
        <v>3</v>
      </c>
      <c r="AL4502">
        <v>0</v>
      </c>
      <c r="AM4502">
        <v>0</v>
      </c>
      <c r="AN4502">
        <v>0</v>
      </c>
      <c r="AO4502">
        <v>0</v>
      </c>
      <c r="AP4502">
        <v>0</v>
      </c>
      <c r="AQ4502">
        <v>0</v>
      </c>
      <c r="AR4502">
        <v>0</v>
      </c>
      <c r="AS4502">
        <v>0</v>
      </c>
      <c r="AT4502">
        <v>0</v>
      </c>
      <c r="AU4502">
        <v>0</v>
      </c>
      <c r="AV4502">
        <v>0</v>
      </c>
      <c r="AW4502">
        <v>0</v>
      </c>
      <c r="AX4502">
        <v>-13480</v>
      </c>
      <c r="AY4502">
        <v>6</v>
      </c>
      <c r="AZ4502">
        <v>16</v>
      </c>
      <c r="BA4502">
        <v>1248</v>
      </c>
    </row>
    <row r="4503" spans="1:53" x14ac:dyDescent="0.4">
      <c r="A4503">
        <v>4547</v>
      </c>
      <c r="B4503" s="1">
        <v>44547</v>
      </c>
      <c r="C4503">
        <v>1</v>
      </c>
      <c r="D4503" s="1">
        <v>44547.291666666664</v>
      </c>
      <c r="E4503" s="1">
        <v>44547.438194444447</v>
      </c>
      <c r="F4503">
        <v>0</v>
      </c>
      <c r="G4503">
        <v>0</v>
      </c>
      <c r="H4503">
        <v>0</v>
      </c>
      <c r="I4503">
        <v>0</v>
      </c>
      <c r="J4503">
        <v>0</v>
      </c>
      <c r="K4503">
        <v>0</v>
      </c>
      <c r="L4503">
        <v>0</v>
      </c>
      <c r="M4503">
        <v>0</v>
      </c>
      <c r="N4503">
        <v>0</v>
      </c>
      <c r="O4503">
        <v>0</v>
      </c>
      <c r="P4503">
        <v>0</v>
      </c>
      <c r="Q4503">
        <v>0</v>
      </c>
      <c r="R4503">
        <v>0</v>
      </c>
      <c r="S4503">
        <v>0</v>
      </c>
      <c r="T4503">
        <v>0</v>
      </c>
      <c r="U4503">
        <v>0</v>
      </c>
      <c r="V4503">
        <v>0</v>
      </c>
      <c r="W4503">
        <v>0</v>
      </c>
      <c r="X4503">
        <v>0</v>
      </c>
      <c r="Y4503">
        <v>33</v>
      </c>
      <c r="Z4503">
        <v>18</v>
      </c>
      <c r="AA4503">
        <v>61</v>
      </c>
      <c r="AB4503">
        <v>21</v>
      </c>
      <c r="AC4503">
        <v>67</v>
      </c>
      <c r="AD4503">
        <v>20</v>
      </c>
      <c r="AE4503">
        <v>80</v>
      </c>
      <c r="AF4503">
        <v>0</v>
      </c>
      <c r="AG4503">
        <v>50000</v>
      </c>
      <c r="AH4503">
        <v>50000</v>
      </c>
      <c r="AI4503">
        <v>0</v>
      </c>
      <c r="AJ4503">
        <v>0</v>
      </c>
      <c r="AK4503" t="s">
        <v>6</v>
      </c>
      <c r="AL4503">
        <v>0</v>
      </c>
      <c r="AM4503">
        <v>0</v>
      </c>
      <c r="AN4503">
        <v>0</v>
      </c>
      <c r="AO4503">
        <v>0</v>
      </c>
      <c r="AP4503">
        <v>0</v>
      </c>
      <c r="AQ4503">
        <v>0</v>
      </c>
      <c r="AR4503">
        <v>0</v>
      </c>
      <c r="AS4503">
        <v>0</v>
      </c>
      <c r="AT4503">
        <v>0</v>
      </c>
      <c r="AU4503">
        <v>0</v>
      </c>
      <c r="AV4503">
        <v>0</v>
      </c>
      <c r="AW4503">
        <v>0</v>
      </c>
      <c r="AX4503">
        <v>0</v>
      </c>
      <c r="AY4503">
        <v>0</v>
      </c>
      <c r="AZ4503">
        <v>0</v>
      </c>
      <c r="BA4503">
        <v>0</v>
      </c>
    </row>
    <row r="4504" spans="1:53" x14ac:dyDescent="0.4">
      <c r="A4504">
        <v>4548</v>
      </c>
      <c r="B4504" s="1">
        <v>44547</v>
      </c>
      <c r="C4504">
        <v>2</v>
      </c>
      <c r="D4504" s="1">
        <v>44547.438194444447</v>
      </c>
      <c r="E4504" s="1">
        <v>44547.750694444447</v>
      </c>
      <c r="F4504">
        <v>15720</v>
      </c>
      <c r="G4504">
        <v>1188</v>
      </c>
      <c r="H4504">
        <v>220</v>
      </c>
      <c r="I4504">
        <v>0</v>
      </c>
      <c r="J4504">
        <v>0</v>
      </c>
      <c r="K4504">
        <v>0</v>
      </c>
      <c r="L4504">
        <v>0</v>
      </c>
      <c r="M4504">
        <v>1557</v>
      </c>
      <c r="N4504">
        <v>0</v>
      </c>
      <c r="O4504">
        <v>0</v>
      </c>
      <c r="P4504">
        <v>14500</v>
      </c>
      <c r="Q4504">
        <v>0</v>
      </c>
      <c r="R4504">
        <v>31628</v>
      </c>
      <c r="S4504">
        <v>0</v>
      </c>
      <c r="T4504">
        <v>0</v>
      </c>
      <c r="U4504">
        <v>0</v>
      </c>
      <c r="V4504">
        <v>0</v>
      </c>
      <c r="W4504">
        <v>1</v>
      </c>
      <c r="X4504">
        <v>0</v>
      </c>
      <c r="Y4504">
        <v>48</v>
      </c>
      <c r="Z4504">
        <v>27</v>
      </c>
      <c r="AA4504">
        <v>78</v>
      </c>
      <c r="AB4504">
        <v>31</v>
      </c>
      <c r="AC4504">
        <v>88</v>
      </c>
      <c r="AD4504">
        <v>22</v>
      </c>
      <c r="AE4504">
        <v>78</v>
      </c>
      <c r="AF4504">
        <v>4710</v>
      </c>
      <c r="AG4504">
        <v>81628</v>
      </c>
      <c r="AH4504">
        <v>50000</v>
      </c>
      <c r="AI4504">
        <v>0</v>
      </c>
      <c r="AJ4504">
        <v>116</v>
      </c>
      <c r="AK4504" t="s">
        <v>54</v>
      </c>
      <c r="AL4504">
        <v>0</v>
      </c>
      <c r="AM4504">
        <v>0</v>
      </c>
      <c r="AN4504">
        <v>0</v>
      </c>
      <c r="AO4504">
        <v>0</v>
      </c>
      <c r="AP4504">
        <v>0</v>
      </c>
      <c r="AQ4504">
        <v>0</v>
      </c>
      <c r="AR4504">
        <v>0</v>
      </c>
      <c r="AS4504">
        <v>0</v>
      </c>
      <c r="AT4504">
        <v>0</v>
      </c>
      <c r="AU4504">
        <v>0</v>
      </c>
      <c r="AV4504">
        <v>0</v>
      </c>
      <c r="AW4504">
        <v>0</v>
      </c>
      <c r="AX4504">
        <v>1958</v>
      </c>
      <c r="AY4504">
        <v>29</v>
      </c>
      <c r="AZ4504">
        <v>47</v>
      </c>
      <c r="BA4504">
        <v>3494</v>
      </c>
    </row>
    <row r="4505" spans="1:53" x14ac:dyDescent="0.4">
      <c r="A4505">
        <v>4549</v>
      </c>
      <c r="B4505" s="1">
        <v>44547</v>
      </c>
      <c r="C4505">
        <v>3</v>
      </c>
      <c r="D4505" s="1">
        <v>44547.750694444447</v>
      </c>
      <c r="E4505" s="1">
        <v>44548.119444444441</v>
      </c>
      <c r="F4505">
        <v>201350</v>
      </c>
      <c r="G4505">
        <v>7436</v>
      </c>
      <c r="H4505">
        <v>0</v>
      </c>
      <c r="I4505">
        <v>0</v>
      </c>
      <c r="J4505">
        <v>100</v>
      </c>
      <c r="K4505">
        <v>2880</v>
      </c>
      <c r="L4505">
        <v>0</v>
      </c>
      <c r="M4505">
        <v>19232</v>
      </c>
      <c r="N4505">
        <v>0</v>
      </c>
      <c r="O4505">
        <v>0</v>
      </c>
      <c r="P4505">
        <v>77860</v>
      </c>
      <c r="Q4505">
        <v>0</v>
      </c>
      <c r="R4505">
        <v>289426</v>
      </c>
      <c r="S4505">
        <v>0</v>
      </c>
      <c r="T4505">
        <v>0</v>
      </c>
      <c r="U4505">
        <v>0</v>
      </c>
      <c r="V4505">
        <v>15</v>
      </c>
      <c r="W4505">
        <v>0</v>
      </c>
      <c r="X4505">
        <v>0</v>
      </c>
      <c r="Y4505">
        <v>62</v>
      </c>
      <c r="Z4505">
        <v>23</v>
      </c>
      <c r="AA4505">
        <v>103</v>
      </c>
      <c r="AB4505">
        <v>32</v>
      </c>
      <c r="AC4505">
        <v>102</v>
      </c>
      <c r="AD4505">
        <v>22</v>
      </c>
      <c r="AE4505">
        <v>76</v>
      </c>
      <c r="AF4505">
        <v>134448</v>
      </c>
      <c r="AG4505">
        <v>371054</v>
      </c>
      <c r="AH4505">
        <v>50000</v>
      </c>
      <c r="AI4505">
        <v>0</v>
      </c>
      <c r="AJ4505">
        <v>108</v>
      </c>
      <c r="AK4505" t="s">
        <v>3</v>
      </c>
      <c r="AL4505">
        <v>0</v>
      </c>
      <c r="AM4505">
        <v>0</v>
      </c>
      <c r="AN4505">
        <v>0</v>
      </c>
      <c r="AO4505">
        <v>0</v>
      </c>
      <c r="AP4505">
        <v>0</v>
      </c>
      <c r="AQ4505">
        <v>0</v>
      </c>
      <c r="AR4505">
        <v>0</v>
      </c>
      <c r="AS4505">
        <v>0</v>
      </c>
      <c r="AT4505">
        <v>0</v>
      </c>
      <c r="AU4505">
        <v>0</v>
      </c>
      <c r="AV4505">
        <v>0</v>
      </c>
      <c r="AW4505">
        <v>0</v>
      </c>
      <c r="AX4505">
        <v>3872</v>
      </c>
      <c r="AY4505">
        <v>25</v>
      </c>
      <c r="AZ4505">
        <v>117</v>
      </c>
      <c r="BA4505">
        <v>4244</v>
      </c>
    </row>
    <row r="4506" spans="1:53" x14ac:dyDescent="0.4">
      <c r="A4506">
        <v>4550</v>
      </c>
      <c r="B4506" s="1">
        <v>44548</v>
      </c>
      <c r="C4506">
        <v>1</v>
      </c>
      <c r="D4506" s="1">
        <v>44548.291666666664</v>
      </c>
      <c r="E4506" s="1">
        <v>44548.40902777778</v>
      </c>
      <c r="F4506">
        <v>0</v>
      </c>
      <c r="G4506">
        <v>0</v>
      </c>
      <c r="H4506">
        <v>0</v>
      </c>
      <c r="I4506">
        <v>0</v>
      </c>
      <c r="J4506">
        <v>0</v>
      </c>
      <c r="K4506">
        <v>0</v>
      </c>
      <c r="L4506">
        <v>0</v>
      </c>
      <c r="M4506">
        <v>0</v>
      </c>
      <c r="N4506">
        <v>0</v>
      </c>
      <c r="O4506">
        <v>0</v>
      </c>
      <c r="P4506">
        <v>0</v>
      </c>
      <c r="Q4506">
        <v>0</v>
      </c>
      <c r="R4506">
        <v>0</v>
      </c>
      <c r="S4506">
        <v>0</v>
      </c>
      <c r="T4506">
        <v>0</v>
      </c>
      <c r="U4506">
        <v>0</v>
      </c>
      <c r="V4506">
        <v>0</v>
      </c>
      <c r="W4506">
        <v>0</v>
      </c>
      <c r="X4506">
        <v>0</v>
      </c>
      <c r="Y4506">
        <v>30</v>
      </c>
      <c r="Z4506">
        <v>15</v>
      </c>
      <c r="AA4506">
        <v>100</v>
      </c>
      <c r="AB4506">
        <v>26</v>
      </c>
      <c r="AC4506">
        <v>101</v>
      </c>
      <c r="AD4506">
        <v>23</v>
      </c>
      <c r="AE4506">
        <v>75</v>
      </c>
      <c r="AF4506">
        <v>0</v>
      </c>
      <c r="AG4506">
        <v>50000</v>
      </c>
      <c r="AH4506">
        <v>50000</v>
      </c>
      <c r="AI4506">
        <v>0</v>
      </c>
      <c r="AJ4506">
        <v>0</v>
      </c>
      <c r="AK4506" t="s">
        <v>6</v>
      </c>
      <c r="AL4506">
        <v>0</v>
      </c>
      <c r="AM4506">
        <v>0</v>
      </c>
      <c r="AN4506">
        <v>0</v>
      </c>
      <c r="AO4506">
        <v>0</v>
      </c>
      <c r="AP4506">
        <v>0</v>
      </c>
      <c r="AQ4506">
        <v>0</v>
      </c>
      <c r="AR4506">
        <v>0</v>
      </c>
      <c r="AS4506">
        <v>0</v>
      </c>
      <c r="AT4506">
        <v>0</v>
      </c>
      <c r="AU4506">
        <v>0</v>
      </c>
      <c r="AV4506">
        <v>0</v>
      </c>
      <c r="AW4506">
        <v>0</v>
      </c>
      <c r="AX4506">
        <v>0</v>
      </c>
      <c r="AY4506">
        <v>0</v>
      </c>
      <c r="AZ4506">
        <v>0</v>
      </c>
      <c r="BA4506">
        <v>0</v>
      </c>
    </row>
    <row r="4507" spans="1:53" x14ac:dyDescent="0.4">
      <c r="A4507">
        <v>4551</v>
      </c>
      <c r="B4507" s="1">
        <v>44548</v>
      </c>
      <c r="C4507">
        <v>2</v>
      </c>
      <c r="D4507" s="1">
        <v>44548.40902777778</v>
      </c>
      <c r="E4507" s="1">
        <v>44548.741666666669</v>
      </c>
      <c r="F4507">
        <v>41250</v>
      </c>
      <c r="G4507">
        <v>5016</v>
      </c>
      <c r="H4507">
        <v>0</v>
      </c>
      <c r="I4507">
        <v>0</v>
      </c>
      <c r="J4507">
        <v>300</v>
      </c>
      <c r="K4507">
        <v>0</v>
      </c>
      <c r="L4507">
        <v>0</v>
      </c>
      <c r="M4507">
        <v>4173</v>
      </c>
      <c r="N4507">
        <v>0</v>
      </c>
      <c r="O4507">
        <v>0</v>
      </c>
      <c r="P4507">
        <v>17830</v>
      </c>
      <c r="Q4507">
        <v>0</v>
      </c>
      <c r="R4507">
        <v>63796</v>
      </c>
      <c r="S4507">
        <v>0</v>
      </c>
      <c r="T4507">
        <v>0</v>
      </c>
      <c r="U4507">
        <v>0</v>
      </c>
      <c r="V4507">
        <v>6</v>
      </c>
      <c r="W4507">
        <v>1</v>
      </c>
      <c r="X4507">
        <v>0</v>
      </c>
      <c r="Y4507">
        <v>13</v>
      </c>
      <c r="Z4507">
        <v>27</v>
      </c>
      <c r="AA4507">
        <v>79</v>
      </c>
      <c r="AB4507">
        <v>25</v>
      </c>
      <c r="AC4507">
        <v>93</v>
      </c>
      <c r="AD4507">
        <v>27</v>
      </c>
      <c r="AE4507">
        <v>89</v>
      </c>
      <c r="AF4507">
        <v>11992</v>
      </c>
      <c r="AG4507">
        <v>113796</v>
      </c>
      <c r="AH4507">
        <v>50000</v>
      </c>
      <c r="AI4507">
        <v>0</v>
      </c>
      <c r="AJ4507">
        <v>103</v>
      </c>
      <c r="AK4507" t="s">
        <v>7</v>
      </c>
      <c r="AL4507">
        <v>0</v>
      </c>
      <c r="AM4507">
        <v>0</v>
      </c>
      <c r="AN4507">
        <v>0</v>
      </c>
      <c r="AO4507">
        <v>0</v>
      </c>
      <c r="AP4507">
        <v>0</v>
      </c>
      <c r="AQ4507">
        <v>0</v>
      </c>
      <c r="AR4507">
        <v>0</v>
      </c>
      <c r="AS4507">
        <v>0</v>
      </c>
      <c r="AT4507">
        <v>0</v>
      </c>
      <c r="AU4507">
        <v>0</v>
      </c>
      <c r="AV4507">
        <v>0</v>
      </c>
      <c r="AW4507">
        <v>0</v>
      </c>
      <c r="AX4507">
        <v>880</v>
      </c>
      <c r="AY4507">
        <v>42</v>
      </c>
      <c r="AZ4507">
        <v>82</v>
      </c>
      <c r="BA4507">
        <v>7067</v>
      </c>
    </row>
    <row r="4508" spans="1:53" x14ac:dyDescent="0.4">
      <c r="A4508">
        <v>4552</v>
      </c>
      <c r="B4508" s="1">
        <v>44548</v>
      </c>
      <c r="C4508">
        <v>3</v>
      </c>
      <c r="D4508" s="1">
        <v>44548.741666666669</v>
      </c>
      <c r="E4508" s="1">
        <v>44549.163194444445</v>
      </c>
      <c r="F4508">
        <v>302620</v>
      </c>
      <c r="G4508">
        <v>5555</v>
      </c>
      <c r="H4508">
        <v>0</v>
      </c>
      <c r="I4508">
        <v>0</v>
      </c>
      <c r="J4508">
        <v>0</v>
      </c>
      <c r="K4508">
        <v>3025</v>
      </c>
      <c r="L4508">
        <v>0</v>
      </c>
      <c r="M4508">
        <v>28290</v>
      </c>
      <c r="N4508">
        <v>0</v>
      </c>
      <c r="O4508">
        <v>0</v>
      </c>
      <c r="P4508">
        <v>11320</v>
      </c>
      <c r="Q4508">
        <v>0</v>
      </c>
      <c r="R4508">
        <v>322520</v>
      </c>
      <c r="S4508">
        <v>0</v>
      </c>
      <c r="T4508">
        <v>0</v>
      </c>
      <c r="U4508">
        <v>0</v>
      </c>
      <c r="V4508">
        <v>33</v>
      </c>
      <c r="W4508">
        <v>0</v>
      </c>
      <c r="X4508">
        <v>0</v>
      </c>
      <c r="Y4508">
        <v>29</v>
      </c>
      <c r="Z4508">
        <v>18</v>
      </c>
      <c r="AA4508">
        <v>83</v>
      </c>
      <c r="AB4508">
        <v>30</v>
      </c>
      <c r="AC4508">
        <v>97</v>
      </c>
      <c r="AD4508">
        <v>25</v>
      </c>
      <c r="AE4508">
        <v>89</v>
      </c>
      <c r="AF4508">
        <v>57332</v>
      </c>
      <c r="AG4508">
        <v>436316</v>
      </c>
      <c r="AH4508">
        <v>50000</v>
      </c>
      <c r="AI4508">
        <v>0</v>
      </c>
      <c r="AJ4508">
        <v>108</v>
      </c>
      <c r="AK4508" t="s">
        <v>3</v>
      </c>
      <c r="AL4508">
        <v>0</v>
      </c>
      <c r="AM4508">
        <v>0</v>
      </c>
      <c r="AN4508">
        <v>0</v>
      </c>
      <c r="AO4508">
        <v>0</v>
      </c>
      <c r="AP4508">
        <v>0</v>
      </c>
      <c r="AQ4508">
        <v>0</v>
      </c>
      <c r="AR4508">
        <v>0</v>
      </c>
      <c r="AS4508">
        <v>0</v>
      </c>
      <c r="AT4508">
        <v>0</v>
      </c>
      <c r="AU4508">
        <v>0</v>
      </c>
      <c r="AV4508">
        <v>0</v>
      </c>
      <c r="AW4508">
        <v>0</v>
      </c>
      <c r="AX4508">
        <v>2748</v>
      </c>
      <c r="AY4508">
        <v>42</v>
      </c>
      <c r="AZ4508">
        <v>152</v>
      </c>
      <c r="BA4508">
        <v>6701</v>
      </c>
    </row>
    <row r="4509" spans="1:53" x14ac:dyDescent="0.4">
      <c r="A4509">
        <v>4553</v>
      </c>
      <c r="B4509" s="1">
        <v>44549</v>
      </c>
      <c r="C4509">
        <v>1</v>
      </c>
      <c r="D4509" s="1">
        <v>44549.291666666664</v>
      </c>
      <c r="E4509" s="1">
        <v>44549.411111111112</v>
      </c>
      <c r="F4509">
        <v>0</v>
      </c>
      <c r="G4509">
        <v>0</v>
      </c>
      <c r="H4509">
        <v>0</v>
      </c>
      <c r="I4509">
        <v>0</v>
      </c>
      <c r="J4509">
        <v>0</v>
      </c>
      <c r="K4509">
        <v>0</v>
      </c>
      <c r="L4509">
        <v>0</v>
      </c>
      <c r="M4509">
        <v>0</v>
      </c>
      <c r="N4509">
        <v>0</v>
      </c>
      <c r="O4509">
        <v>0</v>
      </c>
      <c r="P4509">
        <v>0</v>
      </c>
      <c r="Q4509">
        <v>0</v>
      </c>
      <c r="R4509">
        <v>0</v>
      </c>
      <c r="S4509">
        <v>0</v>
      </c>
      <c r="T4509">
        <v>0</v>
      </c>
      <c r="U4509">
        <v>0</v>
      </c>
      <c r="V4509">
        <v>0</v>
      </c>
      <c r="W4509">
        <v>1</v>
      </c>
      <c r="X4509">
        <v>0</v>
      </c>
      <c r="Y4509">
        <v>26</v>
      </c>
      <c r="Z4509">
        <v>14</v>
      </c>
      <c r="AA4509">
        <v>92</v>
      </c>
      <c r="AB4509">
        <v>31</v>
      </c>
      <c r="AC4509">
        <v>103</v>
      </c>
      <c r="AD4509">
        <v>26</v>
      </c>
      <c r="AE4509">
        <v>90</v>
      </c>
      <c r="AF4509">
        <v>0</v>
      </c>
      <c r="AG4509">
        <v>50000</v>
      </c>
      <c r="AH4509">
        <v>50000</v>
      </c>
      <c r="AI4509">
        <v>0</v>
      </c>
      <c r="AJ4509">
        <v>0</v>
      </c>
      <c r="AK4509" t="s">
        <v>6</v>
      </c>
      <c r="AL4509">
        <v>0</v>
      </c>
      <c r="AM4509">
        <v>0</v>
      </c>
      <c r="AN4509">
        <v>0</v>
      </c>
      <c r="AO4509">
        <v>0</v>
      </c>
      <c r="AP4509">
        <v>0</v>
      </c>
      <c r="AQ4509">
        <v>0</v>
      </c>
      <c r="AR4509">
        <v>0</v>
      </c>
      <c r="AS4509">
        <v>0</v>
      </c>
      <c r="AT4509">
        <v>0</v>
      </c>
      <c r="AU4509">
        <v>0</v>
      </c>
      <c r="AV4509">
        <v>0</v>
      </c>
      <c r="AW4509">
        <v>0</v>
      </c>
      <c r="AX4509">
        <v>0</v>
      </c>
      <c r="AY4509">
        <v>0</v>
      </c>
      <c r="AZ4509">
        <v>0</v>
      </c>
      <c r="BA4509">
        <v>0</v>
      </c>
    </row>
    <row r="4510" spans="1:53" x14ac:dyDescent="0.4">
      <c r="A4510">
        <v>4554</v>
      </c>
      <c r="B4510" s="1">
        <v>44549</v>
      </c>
      <c r="C4510">
        <v>2</v>
      </c>
      <c r="D4510" s="1">
        <v>44549.411111111112</v>
      </c>
      <c r="E4510" s="1">
        <v>44549.746527777781</v>
      </c>
      <c r="F4510">
        <v>49930</v>
      </c>
      <c r="G4510">
        <v>2046</v>
      </c>
      <c r="H4510">
        <v>0</v>
      </c>
      <c r="I4510">
        <v>0</v>
      </c>
      <c r="J4510">
        <v>0</v>
      </c>
      <c r="K4510">
        <v>0</v>
      </c>
      <c r="L4510">
        <v>0</v>
      </c>
      <c r="M4510">
        <v>4719</v>
      </c>
      <c r="N4510">
        <v>0</v>
      </c>
      <c r="O4510">
        <v>0</v>
      </c>
      <c r="P4510">
        <v>25580</v>
      </c>
      <c r="Q4510">
        <v>0</v>
      </c>
      <c r="R4510">
        <v>77556</v>
      </c>
      <c r="S4510">
        <v>0</v>
      </c>
      <c r="T4510">
        <v>0</v>
      </c>
      <c r="U4510">
        <v>0</v>
      </c>
      <c r="V4510">
        <v>1</v>
      </c>
      <c r="W4510">
        <v>4</v>
      </c>
      <c r="X4510">
        <v>0</v>
      </c>
      <c r="Y4510">
        <v>68</v>
      </c>
      <c r="Z4510">
        <v>35</v>
      </c>
      <c r="AA4510">
        <v>63</v>
      </c>
      <c r="AB4510">
        <v>27</v>
      </c>
      <c r="AC4510">
        <v>100</v>
      </c>
      <c r="AD4510">
        <v>28</v>
      </c>
      <c r="AE4510">
        <v>86</v>
      </c>
      <c r="AF4510">
        <v>3180</v>
      </c>
      <c r="AG4510">
        <v>127556</v>
      </c>
      <c r="AH4510">
        <v>50000</v>
      </c>
      <c r="AI4510">
        <v>0</v>
      </c>
      <c r="AJ4510">
        <v>104</v>
      </c>
      <c r="AK4510" t="s">
        <v>52</v>
      </c>
      <c r="AL4510">
        <v>0</v>
      </c>
      <c r="AM4510">
        <v>0</v>
      </c>
      <c r="AN4510">
        <v>0</v>
      </c>
      <c r="AO4510">
        <v>0</v>
      </c>
      <c r="AP4510">
        <v>0</v>
      </c>
      <c r="AQ4510">
        <v>0</v>
      </c>
      <c r="AR4510">
        <v>0</v>
      </c>
      <c r="AS4510">
        <v>0</v>
      </c>
      <c r="AT4510">
        <v>0</v>
      </c>
      <c r="AU4510">
        <v>0</v>
      </c>
      <c r="AV4510">
        <v>0</v>
      </c>
      <c r="AW4510">
        <v>0</v>
      </c>
      <c r="AX4510">
        <v>2574</v>
      </c>
      <c r="AY4510">
        <v>51</v>
      </c>
      <c r="AZ4510">
        <v>113</v>
      </c>
      <c r="BA4510">
        <v>7794</v>
      </c>
    </row>
    <row r="4511" spans="1:53" x14ac:dyDescent="0.4">
      <c r="A4511">
        <v>4555</v>
      </c>
      <c r="B4511" s="1">
        <v>44549</v>
      </c>
      <c r="C4511">
        <v>3</v>
      </c>
      <c r="D4511" s="1">
        <v>44549.746527777781</v>
      </c>
      <c r="E4511" s="1">
        <v>44549.95</v>
      </c>
      <c r="F4511">
        <v>35920</v>
      </c>
      <c r="G4511">
        <v>3806</v>
      </c>
      <c r="H4511">
        <v>0</v>
      </c>
      <c r="I4511">
        <v>0</v>
      </c>
      <c r="J4511">
        <v>0</v>
      </c>
      <c r="K4511">
        <v>1440</v>
      </c>
      <c r="L4511">
        <v>0</v>
      </c>
      <c r="M4511">
        <v>3739</v>
      </c>
      <c r="N4511">
        <v>0</v>
      </c>
      <c r="O4511">
        <v>0</v>
      </c>
      <c r="P4511">
        <v>-16580</v>
      </c>
      <c r="Q4511">
        <v>0</v>
      </c>
      <c r="R4511">
        <v>24586</v>
      </c>
      <c r="S4511">
        <v>0</v>
      </c>
      <c r="T4511">
        <v>0</v>
      </c>
      <c r="U4511">
        <v>0</v>
      </c>
      <c r="V4511">
        <v>1</v>
      </c>
      <c r="W4511">
        <v>5</v>
      </c>
      <c r="X4511">
        <v>0</v>
      </c>
      <c r="Y4511">
        <v>85</v>
      </c>
      <c r="Z4511">
        <v>34</v>
      </c>
      <c r="AA4511">
        <v>61</v>
      </c>
      <c r="AB4511">
        <v>24</v>
      </c>
      <c r="AC4511">
        <v>95</v>
      </c>
      <c r="AD4511">
        <v>27</v>
      </c>
      <c r="AE4511">
        <v>77</v>
      </c>
      <c r="AF4511">
        <v>6680</v>
      </c>
      <c r="AG4511">
        <v>152142</v>
      </c>
      <c r="AH4511">
        <v>50000</v>
      </c>
      <c r="AI4511">
        <v>0</v>
      </c>
      <c r="AJ4511">
        <v>102</v>
      </c>
      <c r="AK4511" t="s">
        <v>50</v>
      </c>
      <c r="AL4511">
        <v>0</v>
      </c>
      <c r="AM4511">
        <v>0</v>
      </c>
      <c r="AN4511">
        <v>0</v>
      </c>
      <c r="AO4511">
        <v>0</v>
      </c>
      <c r="AP4511">
        <v>0</v>
      </c>
      <c r="AQ4511">
        <v>0</v>
      </c>
      <c r="AR4511">
        <v>0</v>
      </c>
      <c r="AS4511">
        <v>0</v>
      </c>
      <c r="AT4511">
        <v>0</v>
      </c>
      <c r="AU4511">
        <v>0</v>
      </c>
      <c r="AV4511">
        <v>0</v>
      </c>
      <c r="AW4511">
        <v>0</v>
      </c>
      <c r="AX4511">
        <v>1080</v>
      </c>
      <c r="AY4511">
        <v>5</v>
      </c>
      <c r="AZ4511">
        <v>9</v>
      </c>
      <c r="BA4511">
        <v>1938</v>
      </c>
    </row>
    <row r="4512" spans="1:53" x14ac:dyDescent="0.4">
      <c r="A4512">
        <v>4556</v>
      </c>
      <c r="B4512" s="1">
        <v>44550</v>
      </c>
      <c r="C4512">
        <v>1</v>
      </c>
      <c r="D4512" s="1">
        <v>44550.291666666664</v>
      </c>
      <c r="E4512" s="1">
        <v>44550.44027777778</v>
      </c>
      <c r="F4512">
        <v>0</v>
      </c>
      <c r="G4512">
        <v>0</v>
      </c>
      <c r="H4512">
        <v>0</v>
      </c>
      <c r="I4512">
        <v>0</v>
      </c>
      <c r="J4512">
        <v>0</v>
      </c>
      <c r="K4512">
        <v>0</v>
      </c>
      <c r="L4512">
        <v>0</v>
      </c>
      <c r="M4512">
        <v>0</v>
      </c>
      <c r="N4512">
        <v>0</v>
      </c>
      <c r="O4512">
        <v>0</v>
      </c>
      <c r="P4512">
        <v>0</v>
      </c>
      <c r="Q4512">
        <v>0</v>
      </c>
      <c r="R4512">
        <v>0</v>
      </c>
      <c r="S4512">
        <v>0</v>
      </c>
      <c r="T4512">
        <v>0</v>
      </c>
      <c r="U4512">
        <v>0</v>
      </c>
      <c r="V4512">
        <v>0</v>
      </c>
      <c r="W4512">
        <v>1</v>
      </c>
      <c r="X4512">
        <v>0</v>
      </c>
      <c r="Y4512">
        <v>25</v>
      </c>
      <c r="Z4512">
        <v>24</v>
      </c>
      <c r="AA4512">
        <v>61</v>
      </c>
      <c r="AB4512">
        <v>23</v>
      </c>
      <c r="AC4512">
        <v>52</v>
      </c>
      <c r="AD4512">
        <v>30</v>
      </c>
      <c r="AE4512">
        <v>80</v>
      </c>
      <c r="AF4512">
        <v>0</v>
      </c>
      <c r="AG4512">
        <v>50000</v>
      </c>
      <c r="AH4512">
        <v>50000</v>
      </c>
      <c r="AI4512">
        <v>0</v>
      </c>
      <c r="AJ4512">
        <v>0</v>
      </c>
      <c r="AK4512" t="s">
        <v>6</v>
      </c>
      <c r="AL4512">
        <v>0</v>
      </c>
      <c r="AM4512">
        <v>0</v>
      </c>
      <c r="AN4512">
        <v>0</v>
      </c>
      <c r="AO4512">
        <v>0</v>
      </c>
      <c r="AP4512">
        <v>0</v>
      </c>
      <c r="AQ4512">
        <v>0</v>
      </c>
      <c r="AR4512">
        <v>0</v>
      </c>
      <c r="AS4512">
        <v>0</v>
      </c>
      <c r="AT4512">
        <v>0</v>
      </c>
      <c r="AU4512">
        <v>0</v>
      </c>
      <c r="AV4512">
        <v>0</v>
      </c>
      <c r="AW4512">
        <v>0</v>
      </c>
      <c r="AX4512">
        <v>0</v>
      </c>
      <c r="AY4512">
        <v>0</v>
      </c>
      <c r="AZ4512">
        <v>0</v>
      </c>
      <c r="BA4512">
        <v>0</v>
      </c>
    </row>
    <row r="4513" spans="1:53" x14ac:dyDescent="0.4">
      <c r="A4513">
        <v>4557</v>
      </c>
      <c r="B4513" s="1">
        <v>44550</v>
      </c>
      <c r="C4513">
        <v>2</v>
      </c>
      <c r="D4513" s="1">
        <v>44550.44027777778</v>
      </c>
      <c r="E4513" s="1">
        <v>44550.765277777777</v>
      </c>
      <c r="F4513">
        <v>35770</v>
      </c>
      <c r="G4513">
        <v>1826</v>
      </c>
      <c r="H4513">
        <v>0</v>
      </c>
      <c r="I4513">
        <v>0</v>
      </c>
      <c r="J4513">
        <v>100</v>
      </c>
      <c r="K4513">
        <v>0</v>
      </c>
      <c r="L4513">
        <v>0</v>
      </c>
      <c r="M4513">
        <v>3406</v>
      </c>
      <c r="N4513">
        <v>0</v>
      </c>
      <c r="O4513">
        <v>0</v>
      </c>
      <c r="P4513">
        <v>13440</v>
      </c>
      <c r="Q4513">
        <v>0</v>
      </c>
      <c r="R4513">
        <v>50936</v>
      </c>
      <c r="S4513">
        <v>0</v>
      </c>
      <c r="T4513">
        <v>0</v>
      </c>
      <c r="U4513">
        <v>0</v>
      </c>
      <c r="V4513">
        <v>1</v>
      </c>
      <c r="W4513">
        <v>0</v>
      </c>
      <c r="X4513">
        <v>0</v>
      </c>
      <c r="Y4513">
        <v>63</v>
      </c>
      <c r="Z4513">
        <v>37</v>
      </c>
      <c r="AA4513">
        <v>35</v>
      </c>
      <c r="AB4513">
        <v>27</v>
      </c>
      <c r="AC4513">
        <v>38</v>
      </c>
      <c r="AD4513">
        <v>30</v>
      </c>
      <c r="AE4513">
        <v>85</v>
      </c>
      <c r="AF4513">
        <v>3871</v>
      </c>
      <c r="AG4513">
        <v>100836</v>
      </c>
      <c r="AH4513">
        <v>50000</v>
      </c>
      <c r="AI4513">
        <v>-100</v>
      </c>
      <c r="AJ4513">
        <v>102</v>
      </c>
      <c r="AK4513" t="s">
        <v>50</v>
      </c>
      <c r="AL4513">
        <v>0</v>
      </c>
      <c r="AM4513">
        <v>0</v>
      </c>
      <c r="AN4513">
        <v>0</v>
      </c>
      <c r="AO4513">
        <v>0</v>
      </c>
      <c r="AP4513">
        <v>0</v>
      </c>
      <c r="AQ4513">
        <v>0</v>
      </c>
      <c r="AR4513">
        <v>0</v>
      </c>
      <c r="AS4513">
        <v>0</v>
      </c>
      <c r="AT4513">
        <v>0</v>
      </c>
      <c r="AU4513">
        <v>0</v>
      </c>
      <c r="AV4513">
        <v>0</v>
      </c>
      <c r="AW4513">
        <v>0</v>
      </c>
      <c r="AX4513">
        <v>0</v>
      </c>
      <c r="AY4513">
        <v>37</v>
      </c>
      <c r="AZ4513">
        <v>76</v>
      </c>
      <c r="BA4513">
        <v>5446</v>
      </c>
    </row>
    <row r="4514" spans="1:53" x14ac:dyDescent="0.4">
      <c r="A4514">
        <v>4558</v>
      </c>
      <c r="B4514" s="1">
        <v>44550</v>
      </c>
      <c r="C4514">
        <v>3</v>
      </c>
      <c r="D4514" s="1">
        <v>44550.765277777777</v>
      </c>
      <c r="E4514" s="1">
        <v>44550.95416666667</v>
      </c>
      <c r="F4514">
        <v>23660</v>
      </c>
      <c r="G4514">
        <v>0</v>
      </c>
      <c r="H4514">
        <v>0</v>
      </c>
      <c r="I4514">
        <v>0</v>
      </c>
      <c r="J4514">
        <v>0</v>
      </c>
      <c r="K4514">
        <v>0</v>
      </c>
      <c r="L4514">
        <v>0</v>
      </c>
      <c r="M4514">
        <v>2149</v>
      </c>
      <c r="N4514">
        <v>0</v>
      </c>
      <c r="O4514">
        <v>0</v>
      </c>
      <c r="P4514">
        <v>-9940</v>
      </c>
      <c r="Q4514">
        <v>0</v>
      </c>
      <c r="R4514">
        <v>13720</v>
      </c>
      <c r="S4514">
        <v>0</v>
      </c>
      <c r="T4514">
        <v>0</v>
      </c>
      <c r="U4514">
        <v>0</v>
      </c>
      <c r="V4514">
        <v>1</v>
      </c>
      <c r="W4514">
        <v>1</v>
      </c>
      <c r="X4514">
        <v>0</v>
      </c>
      <c r="Y4514">
        <v>71</v>
      </c>
      <c r="Z4514">
        <v>37</v>
      </c>
      <c r="AA4514">
        <v>36</v>
      </c>
      <c r="AB4514">
        <v>27</v>
      </c>
      <c r="AC4514">
        <v>38</v>
      </c>
      <c r="AD4514">
        <v>30</v>
      </c>
      <c r="AE4514">
        <v>85</v>
      </c>
      <c r="AF4514">
        <v>4591</v>
      </c>
      <c r="AG4514">
        <v>114656</v>
      </c>
      <c r="AH4514">
        <v>50000</v>
      </c>
      <c r="AI4514">
        <v>0</v>
      </c>
      <c r="AJ4514">
        <v>95</v>
      </c>
      <c r="AK4514" t="s">
        <v>21</v>
      </c>
      <c r="AL4514">
        <v>0</v>
      </c>
      <c r="AM4514">
        <v>0</v>
      </c>
      <c r="AN4514">
        <v>0</v>
      </c>
      <c r="AO4514">
        <v>0</v>
      </c>
      <c r="AP4514">
        <v>0</v>
      </c>
      <c r="AQ4514">
        <v>0</v>
      </c>
      <c r="AR4514">
        <v>0</v>
      </c>
      <c r="AS4514">
        <v>0</v>
      </c>
      <c r="AT4514">
        <v>0</v>
      </c>
      <c r="AU4514">
        <v>0</v>
      </c>
      <c r="AV4514">
        <v>0</v>
      </c>
      <c r="AW4514">
        <v>0</v>
      </c>
      <c r="AX4514">
        <v>14260</v>
      </c>
      <c r="AY4514">
        <v>8</v>
      </c>
      <c r="AZ4514">
        <v>22</v>
      </c>
      <c r="BA4514">
        <v>1171</v>
      </c>
    </row>
    <row r="4515" spans="1:53" x14ac:dyDescent="0.4">
      <c r="A4515">
        <v>4559</v>
      </c>
      <c r="B4515" s="1">
        <v>44551</v>
      </c>
      <c r="C4515">
        <v>1</v>
      </c>
      <c r="D4515" s="1">
        <v>44551.291666666664</v>
      </c>
      <c r="E4515" s="1">
        <v>44551.443055555559</v>
      </c>
      <c r="F4515">
        <v>0</v>
      </c>
      <c r="G4515">
        <v>0</v>
      </c>
      <c r="H4515">
        <v>0</v>
      </c>
      <c r="I4515">
        <v>0</v>
      </c>
      <c r="J4515">
        <v>0</v>
      </c>
      <c r="K4515">
        <v>0</v>
      </c>
      <c r="L4515">
        <v>0</v>
      </c>
      <c r="M4515">
        <v>0</v>
      </c>
      <c r="N4515">
        <v>0</v>
      </c>
      <c r="O4515">
        <v>0</v>
      </c>
      <c r="P4515">
        <v>0</v>
      </c>
      <c r="Q4515">
        <v>0</v>
      </c>
      <c r="R4515">
        <v>0</v>
      </c>
      <c r="S4515">
        <v>0</v>
      </c>
      <c r="T4515">
        <v>0</v>
      </c>
      <c r="U4515">
        <v>0</v>
      </c>
      <c r="V4515">
        <v>0</v>
      </c>
      <c r="W4515">
        <v>1</v>
      </c>
      <c r="X4515">
        <v>0</v>
      </c>
      <c r="Y4515">
        <v>32</v>
      </c>
      <c r="Z4515">
        <v>15</v>
      </c>
      <c r="AA4515">
        <v>37</v>
      </c>
      <c r="AB4515">
        <v>24</v>
      </c>
      <c r="AC4515">
        <v>37</v>
      </c>
      <c r="AD4515">
        <v>29</v>
      </c>
      <c r="AE4515">
        <v>85</v>
      </c>
      <c r="AF4515">
        <v>0</v>
      </c>
      <c r="AG4515">
        <v>50000</v>
      </c>
      <c r="AH4515">
        <v>50000</v>
      </c>
      <c r="AI4515">
        <v>0</v>
      </c>
      <c r="AJ4515">
        <v>0</v>
      </c>
      <c r="AK4515" t="s">
        <v>6</v>
      </c>
      <c r="AL4515">
        <v>0</v>
      </c>
      <c r="AM4515">
        <v>0</v>
      </c>
      <c r="AN4515">
        <v>0</v>
      </c>
      <c r="AO4515">
        <v>0</v>
      </c>
      <c r="AP4515">
        <v>0</v>
      </c>
      <c r="AQ4515">
        <v>0</v>
      </c>
      <c r="AR4515">
        <v>0</v>
      </c>
      <c r="AS4515">
        <v>0</v>
      </c>
      <c r="AT4515">
        <v>0</v>
      </c>
      <c r="AU4515">
        <v>0</v>
      </c>
      <c r="AV4515">
        <v>0</v>
      </c>
      <c r="AW4515">
        <v>0</v>
      </c>
      <c r="AX4515">
        <v>0</v>
      </c>
      <c r="AY4515">
        <v>0</v>
      </c>
      <c r="AZ4515">
        <v>0</v>
      </c>
      <c r="BA4515">
        <v>0</v>
      </c>
    </row>
    <row r="4516" spans="1:53" x14ac:dyDescent="0.4">
      <c r="A4516">
        <v>4560</v>
      </c>
      <c r="B4516" s="1">
        <v>44551</v>
      </c>
      <c r="C4516">
        <v>2</v>
      </c>
      <c r="D4516" s="1">
        <v>44551.443055555559</v>
      </c>
      <c r="E4516" s="1">
        <v>44551.772222222222</v>
      </c>
      <c r="F4516">
        <v>22350</v>
      </c>
      <c r="G4516">
        <v>594</v>
      </c>
      <c r="H4516">
        <v>0</v>
      </c>
      <c r="I4516">
        <v>0</v>
      </c>
      <c r="J4516">
        <v>0</v>
      </c>
      <c r="K4516">
        <v>0</v>
      </c>
      <c r="L4516">
        <v>0</v>
      </c>
      <c r="M4516">
        <v>2083</v>
      </c>
      <c r="N4516">
        <v>0</v>
      </c>
      <c r="O4516">
        <v>0</v>
      </c>
      <c r="P4516">
        <v>14200</v>
      </c>
      <c r="Q4516">
        <v>0</v>
      </c>
      <c r="R4516">
        <v>37144</v>
      </c>
      <c r="S4516">
        <v>0</v>
      </c>
      <c r="T4516">
        <v>0</v>
      </c>
      <c r="U4516">
        <v>0</v>
      </c>
      <c r="V4516">
        <v>2</v>
      </c>
      <c r="W4516">
        <v>1</v>
      </c>
      <c r="X4516">
        <v>0</v>
      </c>
      <c r="Y4516">
        <v>47</v>
      </c>
      <c r="Z4516">
        <v>17</v>
      </c>
      <c r="AA4516">
        <v>37</v>
      </c>
      <c r="AB4516">
        <v>31</v>
      </c>
      <c r="AC4516">
        <v>52</v>
      </c>
      <c r="AD4516">
        <v>28</v>
      </c>
      <c r="AE4516">
        <v>84</v>
      </c>
      <c r="AF4516">
        <v>650</v>
      </c>
      <c r="AG4516">
        <v>87144</v>
      </c>
      <c r="AH4516">
        <v>50000</v>
      </c>
      <c r="AI4516">
        <v>0</v>
      </c>
      <c r="AJ4516">
        <v>103</v>
      </c>
      <c r="AK4516" t="s">
        <v>7</v>
      </c>
      <c r="AL4516">
        <v>0</v>
      </c>
      <c r="AM4516">
        <v>0</v>
      </c>
      <c r="AN4516">
        <v>0</v>
      </c>
      <c r="AO4516">
        <v>0</v>
      </c>
      <c r="AP4516">
        <v>0</v>
      </c>
      <c r="AQ4516">
        <v>0</v>
      </c>
      <c r="AR4516">
        <v>0</v>
      </c>
      <c r="AS4516">
        <v>0</v>
      </c>
      <c r="AT4516">
        <v>0</v>
      </c>
      <c r="AU4516">
        <v>0</v>
      </c>
      <c r="AV4516">
        <v>0</v>
      </c>
      <c r="AW4516">
        <v>0</v>
      </c>
      <c r="AX4516">
        <v>-126</v>
      </c>
      <c r="AY4516">
        <v>34</v>
      </c>
      <c r="AZ4516">
        <v>55</v>
      </c>
      <c r="BA4516">
        <v>4996</v>
      </c>
    </row>
    <row r="4517" spans="1:53" x14ac:dyDescent="0.4">
      <c r="A4517">
        <v>4561</v>
      </c>
      <c r="B4517" s="1">
        <v>44551</v>
      </c>
      <c r="C4517">
        <v>3</v>
      </c>
      <c r="D4517" s="1">
        <v>44551.772222222222</v>
      </c>
      <c r="E4517" s="1">
        <v>44551.95</v>
      </c>
      <c r="F4517">
        <v>14880</v>
      </c>
      <c r="G4517">
        <v>1342</v>
      </c>
      <c r="H4517">
        <v>0</v>
      </c>
      <c r="I4517">
        <v>0</v>
      </c>
      <c r="J4517">
        <v>100</v>
      </c>
      <c r="K4517">
        <v>0</v>
      </c>
      <c r="L4517">
        <v>0</v>
      </c>
      <c r="M4517">
        <v>1464</v>
      </c>
      <c r="N4517">
        <v>0</v>
      </c>
      <c r="O4517">
        <v>0</v>
      </c>
      <c r="P4517">
        <v>-7400</v>
      </c>
      <c r="Q4517">
        <v>0</v>
      </c>
      <c r="R4517">
        <v>8722</v>
      </c>
      <c r="S4517">
        <v>0</v>
      </c>
      <c r="T4517">
        <v>0</v>
      </c>
      <c r="U4517">
        <v>0</v>
      </c>
      <c r="V4517">
        <v>2</v>
      </c>
      <c r="W4517">
        <v>1</v>
      </c>
      <c r="X4517">
        <v>0</v>
      </c>
      <c r="Y4517">
        <v>58</v>
      </c>
      <c r="Z4517">
        <v>14</v>
      </c>
      <c r="AA4517">
        <v>30</v>
      </c>
      <c r="AB4517">
        <v>29</v>
      </c>
      <c r="AC4517">
        <v>54</v>
      </c>
      <c r="AD4517">
        <v>28</v>
      </c>
      <c r="AE4517">
        <v>86</v>
      </c>
      <c r="AF4517">
        <v>650</v>
      </c>
      <c r="AG4517">
        <v>95866</v>
      </c>
      <c r="AH4517">
        <v>50000</v>
      </c>
      <c r="AI4517">
        <v>0</v>
      </c>
      <c r="AJ4517">
        <v>103</v>
      </c>
      <c r="AK4517" t="s">
        <v>7</v>
      </c>
      <c r="AL4517">
        <v>0</v>
      </c>
      <c r="AM4517">
        <v>0</v>
      </c>
      <c r="AN4517">
        <v>0</v>
      </c>
      <c r="AO4517">
        <v>0</v>
      </c>
      <c r="AP4517">
        <v>0</v>
      </c>
      <c r="AQ4517">
        <v>0</v>
      </c>
      <c r="AR4517">
        <v>0</v>
      </c>
      <c r="AS4517">
        <v>0</v>
      </c>
      <c r="AT4517">
        <v>0</v>
      </c>
      <c r="AU4517">
        <v>0</v>
      </c>
      <c r="AV4517">
        <v>0</v>
      </c>
      <c r="AW4517">
        <v>0</v>
      </c>
      <c r="AX4517">
        <v>3600</v>
      </c>
      <c r="AY4517">
        <v>4</v>
      </c>
      <c r="AZ4517">
        <v>10</v>
      </c>
      <c r="BA4517">
        <v>1155</v>
      </c>
    </row>
    <row r="4518" spans="1:53" x14ac:dyDescent="0.4">
      <c r="A4518">
        <v>4562</v>
      </c>
      <c r="B4518" s="1">
        <v>44552</v>
      </c>
      <c r="C4518">
        <v>1</v>
      </c>
      <c r="D4518" s="1">
        <v>44552.291666666664</v>
      </c>
      <c r="E4518" s="1">
        <v>44552.450694444444</v>
      </c>
      <c r="F4518">
        <v>0</v>
      </c>
      <c r="G4518">
        <v>0</v>
      </c>
      <c r="H4518">
        <v>0</v>
      </c>
      <c r="I4518">
        <v>0</v>
      </c>
      <c r="J4518">
        <v>0</v>
      </c>
      <c r="K4518">
        <v>0</v>
      </c>
      <c r="L4518">
        <v>0</v>
      </c>
      <c r="M4518">
        <v>0</v>
      </c>
      <c r="N4518">
        <v>0</v>
      </c>
      <c r="O4518">
        <v>0</v>
      </c>
      <c r="P4518">
        <v>0</v>
      </c>
      <c r="Q4518">
        <v>0</v>
      </c>
      <c r="R4518">
        <v>0</v>
      </c>
      <c r="S4518">
        <v>0</v>
      </c>
      <c r="T4518">
        <v>0</v>
      </c>
      <c r="U4518">
        <v>0</v>
      </c>
      <c r="V4518">
        <v>0</v>
      </c>
      <c r="W4518">
        <v>1</v>
      </c>
      <c r="X4518">
        <v>0</v>
      </c>
      <c r="Y4518">
        <v>34</v>
      </c>
      <c r="Z4518">
        <v>13</v>
      </c>
      <c r="AA4518">
        <v>26</v>
      </c>
      <c r="AB4518">
        <v>24</v>
      </c>
      <c r="AC4518">
        <v>51</v>
      </c>
      <c r="AD4518">
        <v>22</v>
      </c>
      <c r="AE4518">
        <v>80</v>
      </c>
      <c r="AF4518">
        <v>0</v>
      </c>
      <c r="AG4518">
        <v>50000</v>
      </c>
      <c r="AH4518">
        <v>50000</v>
      </c>
      <c r="AI4518">
        <v>0</v>
      </c>
      <c r="AJ4518">
        <v>0</v>
      </c>
      <c r="AK4518" t="s">
        <v>6</v>
      </c>
      <c r="AL4518">
        <v>0</v>
      </c>
      <c r="AM4518">
        <v>0</v>
      </c>
      <c r="AN4518">
        <v>0</v>
      </c>
      <c r="AO4518">
        <v>0</v>
      </c>
      <c r="AP4518">
        <v>0</v>
      </c>
      <c r="AQ4518">
        <v>0</v>
      </c>
      <c r="AR4518">
        <v>0</v>
      </c>
      <c r="AS4518">
        <v>0</v>
      </c>
      <c r="AT4518">
        <v>0</v>
      </c>
      <c r="AU4518">
        <v>0</v>
      </c>
      <c r="AV4518">
        <v>0</v>
      </c>
      <c r="AW4518">
        <v>0</v>
      </c>
      <c r="AX4518">
        <v>0</v>
      </c>
      <c r="AY4518">
        <v>0</v>
      </c>
      <c r="AZ4518">
        <v>0</v>
      </c>
      <c r="BA4518">
        <v>0</v>
      </c>
    </row>
    <row r="4519" spans="1:53" x14ac:dyDescent="0.4">
      <c r="A4519">
        <v>4563</v>
      </c>
      <c r="B4519" s="1">
        <v>44552</v>
      </c>
      <c r="C4519">
        <v>2</v>
      </c>
      <c r="D4519" s="1">
        <v>44552.450694444444</v>
      </c>
      <c r="E4519" s="1">
        <v>44552.736805555556</v>
      </c>
      <c r="F4519">
        <v>15380</v>
      </c>
      <c r="G4519">
        <v>352</v>
      </c>
      <c r="H4519">
        <v>0</v>
      </c>
      <c r="I4519">
        <v>0</v>
      </c>
      <c r="J4519">
        <v>100</v>
      </c>
      <c r="K4519">
        <v>0</v>
      </c>
      <c r="L4519">
        <v>0</v>
      </c>
      <c r="M4519">
        <v>1421</v>
      </c>
      <c r="N4519">
        <v>0</v>
      </c>
      <c r="O4519">
        <v>0</v>
      </c>
      <c r="P4519">
        <v>23070</v>
      </c>
      <c r="Q4519">
        <v>0</v>
      </c>
      <c r="R4519">
        <v>38702</v>
      </c>
      <c r="S4519">
        <v>0</v>
      </c>
      <c r="T4519">
        <v>0</v>
      </c>
      <c r="U4519">
        <v>0</v>
      </c>
      <c r="V4519">
        <v>1</v>
      </c>
      <c r="W4519">
        <v>2</v>
      </c>
      <c r="X4519">
        <v>0</v>
      </c>
      <c r="Y4519">
        <v>54</v>
      </c>
      <c r="Z4519">
        <v>21</v>
      </c>
      <c r="AA4519">
        <v>13</v>
      </c>
      <c r="AB4519">
        <v>11</v>
      </c>
      <c r="AC4519">
        <v>37</v>
      </c>
      <c r="AD4519">
        <v>21</v>
      </c>
      <c r="AE4519">
        <v>77</v>
      </c>
      <c r="AF4519">
        <v>1800</v>
      </c>
      <c r="AG4519">
        <v>88702</v>
      </c>
      <c r="AH4519">
        <v>50000</v>
      </c>
      <c r="AI4519">
        <v>0</v>
      </c>
      <c r="AJ4519">
        <v>103</v>
      </c>
      <c r="AK4519" t="s">
        <v>7</v>
      </c>
      <c r="AL4519">
        <v>0</v>
      </c>
      <c r="AM4519">
        <v>0</v>
      </c>
      <c r="AN4519">
        <v>0</v>
      </c>
      <c r="AO4519">
        <v>0</v>
      </c>
      <c r="AP4519">
        <v>0</v>
      </c>
      <c r="AQ4519">
        <v>0</v>
      </c>
      <c r="AR4519">
        <v>0</v>
      </c>
      <c r="AS4519">
        <v>0</v>
      </c>
      <c r="AT4519">
        <v>0</v>
      </c>
      <c r="AU4519">
        <v>0</v>
      </c>
      <c r="AV4519">
        <v>0</v>
      </c>
      <c r="AW4519">
        <v>0</v>
      </c>
      <c r="AX4519">
        <v>-580</v>
      </c>
      <c r="AY4519">
        <v>28</v>
      </c>
      <c r="AZ4519">
        <v>56</v>
      </c>
      <c r="BA4519">
        <v>4103</v>
      </c>
    </row>
    <row r="4520" spans="1:53" x14ac:dyDescent="0.4">
      <c r="A4520">
        <v>4564</v>
      </c>
      <c r="B4520" s="1">
        <v>44552</v>
      </c>
      <c r="C4520">
        <v>3</v>
      </c>
      <c r="D4520" s="1">
        <v>44552.736805555556</v>
      </c>
      <c r="E4520" s="1">
        <v>44553.003472222219</v>
      </c>
      <c r="F4520">
        <v>38690</v>
      </c>
      <c r="G4520">
        <v>858</v>
      </c>
      <c r="H4520">
        <v>0</v>
      </c>
      <c r="I4520">
        <v>0</v>
      </c>
      <c r="J4520">
        <v>0</v>
      </c>
      <c r="K4520">
        <v>0</v>
      </c>
      <c r="L4520">
        <v>0</v>
      </c>
      <c r="M4520">
        <v>3593</v>
      </c>
      <c r="N4520">
        <v>0</v>
      </c>
      <c r="O4520">
        <v>0</v>
      </c>
      <c r="P4520">
        <v>-9270</v>
      </c>
      <c r="Q4520">
        <v>0</v>
      </c>
      <c r="R4520">
        <v>30278</v>
      </c>
      <c r="S4520">
        <v>0</v>
      </c>
      <c r="T4520">
        <v>0</v>
      </c>
      <c r="U4520">
        <v>0</v>
      </c>
      <c r="V4520">
        <v>2</v>
      </c>
      <c r="W4520">
        <v>3</v>
      </c>
      <c r="X4520">
        <v>0</v>
      </c>
      <c r="Y4520">
        <v>61</v>
      </c>
      <c r="Z4520">
        <v>22</v>
      </c>
      <c r="AA4520">
        <v>29</v>
      </c>
      <c r="AB4520">
        <v>14</v>
      </c>
      <c r="AC4520">
        <v>35</v>
      </c>
      <c r="AD4520">
        <v>21</v>
      </c>
      <c r="AE4520">
        <v>75</v>
      </c>
      <c r="AF4520">
        <v>7850</v>
      </c>
      <c r="AG4520">
        <v>118980</v>
      </c>
      <c r="AH4520">
        <v>50000</v>
      </c>
      <c r="AI4520">
        <v>0</v>
      </c>
      <c r="AJ4520">
        <v>108</v>
      </c>
      <c r="AK4520" t="s">
        <v>3</v>
      </c>
      <c r="AL4520">
        <v>0</v>
      </c>
      <c r="AM4520">
        <v>0</v>
      </c>
      <c r="AN4520">
        <v>0</v>
      </c>
      <c r="AO4520">
        <v>0</v>
      </c>
      <c r="AP4520">
        <v>0</v>
      </c>
      <c r="AQ4520">
        <v>0</v>
      </c>
      <c r="AR4520">
        <v>0</v>
      </c>
      <c r="AS4520">
        <v>0</v>
      </c>
      <c r="AT4520">
        <v>0</v>
      </c>
      <c r="AU4520">
        <v>0</v>
      </c>
      <c r="AV4520">
        <v>0</v>
      </c>
      <c r="AW4520">
        <v>0</v>
      </c>
      <c r="AX4520">
        <v>-5100</v>
      </c>
      <c r="AY4520">
        <v>8</v>
      </c>
      <c r="AZ4520">
        <v>21</v>
      </c>
      <c r="BA4520">
        <v>1610</v>
      </c>
    </row>
    <row r="4521" spans="1:53" x14ac:dyDescent="0.4">
      <c r="A4521">
        <v>4565</v>
      </c>
      <c r="B4521" s="1">
        <v>44553</v>
      </c>
      <c r="C4521">
        <v>1</v>
      </c>
      <c r="D4521" s="1">
        <v>44553.291666666664</v>
      </c>
      <c r="E4521" s="1">
        <v>44553.436111111114</v>
      </c>
      <c r="F4521">
        <v>0</v>
      </c>
      <c r="G4521">
        <v>0</v>
      </c>
      <c r="H4521">
        <v>0</v>
      </c>
      <c r="I4521">
        <v>0</v>
      </c>
      <c r="J4521">
        <v>0</v>
      </c>
      <c r="K4521">
        <v>0</v>
      </c>
      <c r="L4521">
        <v>0</v>
      </c>
      <c r="M4521">
        <v>0</v>
      </c>
      <c r="N4521">
        <v>0</v>
      </c>
      <c r="O4521">
        <v>0</v>
      </c>
      <c r="P4521">
        <v>0</v>
      </c>
      <c r="Q4521">
        <v>0</v>
      </c>
      <c r="R4521">
        <v>0</v>
      </c>
      <c r="S4521">
        <v>0</v>
      </c>
      <c r="T4521">
        <v>0</v>
      </c>
      <c r="U4521">
        <v>0</v>
      </c>
      <c r="V4521">
        <v>0</v>
      </c>
      <c r="W4521">
        <v>1</v>
      </c>
      <c r="X4521">
        <v>0</v>
      </c>
      <c r="Y4521">
        <v>30</v>
      </c>
      <c r="Z4521">
        <v>20</v>
      </c>
      <c r="AA4521">
        <v>38</v>
      </c>
      <c r="AB4521">
        <v>14</v>
      </c>
      <c r="AC4521">
        <v>32</v>
      </c>
      <c r="AD4521">
        <v>20</v>
      </c>
      <c r="AE4521">
        <v>80</v>
      </c>
      <c r="AF4521">
        <v>0</v>
      </c>
      <c r="AG4521">
        <v>50000</v>
      </c>
      <c r="AH4521">
        <v>50000</v>
      </c>
      <c r="AI4521">
        <v>0</v>
      </c>
      <c r="AJ4521">
        <v>0</v>
      </c>
      <c r="AK4521" t="s">
        <v>6</v>
      </c>
      <c r="AL4521">
        <v>0</v>
      </c>
      <c r="AM4521">
        <v>0</v>
      </c>
      <c r="AN4521">
        <v>0</v>
      </c>
      <c r="AO4521">
        <v>0</v>
      </c>
      <c r="AP4521">
        <v>0</v>
      </c>
      <c r="AQ4521">
        <v>0</v>
      </c>
      <c r="AR4521">
        <v>0</v>
      </c>
      <c r="AS4521">
        <v>0</v>
      </c>
      <c r="AT4521">
        <v>0</v>
      </c>
      <c r="AU4521">
        <v>0</v>
      </c>
      <c r="AV4521">
        <v>0</v>
      </c>
      <c r="AW4521">
        <v>0</v>
      </c>
      <c r="AX4521">
        <v>0</v>
      </c>
      <c r="AY4521">
        <v>0</v>
      </c>
      <c r="AZ4521">
        <v>0</v>
      </c>
      <c r="BA4521">
        <v>0</v>
      </c>
    </row>
    <row r="4522" spans="1:53" x14ac:dyDescent="0.4">
      <c r="A4522">
        <v>4566</v>
      </c>
      <c r="B4522" s="1">
        <v>44553</v>
      </c>
      <c r="C4522">
        <v>2</v>
      </c>
      <c r="D4522" s="1">
        <v>44553.436111111114</v>
      </c>
      <c r="E4522" s="1">
        <v>44553.76666666667</v>
      </c>
      <c r="F4522">
        <v>35890</v>
      </c>
      <c r="G4522">
        <v>1650</v>
      </c>
      <c r="H4522">
        <v>220</v>
      </c>
      <c r="I4522">
        <v>0</v>
      </c>
      <c r="J4522">
        <v>0</v>
      </c>
      <c r="K4522">
        <v>0</v>
      </c>
      <c r="L4522">
        <v>0</v>
      </c>
      <c r="M4522">
        <v>3429</v>
      </c>
      <c r="N4522">
        <v>0</v>
      </c>
      <c r="O4522">
        <v>0</v>
      </c>
      <c r="P4522">
        <v>11280</v>
      </c>
      <c r="Q4522">
        <v>0</v>
      </c>
      <c r="R4522">
        <v>49040</v>
      </c>
      <c r="S4522">
        <v>0</v>
      </c>
      <c r="T4522">
        <v>0</v>
      </c>
      <c r="U4522">
        <v>0</v>
      </c>
      <c r="V4522">
        <v>0</v>
      </c>
      <c r="W4522">
        <v>3</v>
      </c>
      <c r="X4522">
        <v>0</v>
      </c>
      <c r="Y4522">
        <v>64</v>
      </c>
      <c r="Z4522">
        <v>31</v>
      </c>
      <c r="AA4522">
        <v>22</v>
      </c>
      <c r="AB4522">
        <v>13</v>
      </c>
      <c r="AC4522">
        <v>35</v>
      </c>
      <c r="AD4522">
        <v>20</v>
      </c>
      <c r="AE4522">
        <v>80</v>
      </c>
      <c r="AF4522">
        <v>1160</v>
      </c>
      <c r="AG4522">
        <v>99040</v>
      </c>
      <c r="AH4522">
        <v>50000</v>
      </c>
      <c r="AI4522">
        <v>0</v>
      </c>
      <c r="AJ4522">
        <v>114</v>
      </c>
      <c r="AK4522" t="s">
        <v>53</v>
      </c>
      <c r="AL4522">
        <v>0</v>
      </c>
      <c r="AM4522">
        <v>0</v>
      </c>
      <c r="AN4522">
        <v>0</v>
      </c>
      <c r="AO4522">
        <v>0</v>
      </c>
      <c r="AP4522">
        <v>0</v>
      </c>
      <c r="AQ4522">
        <v>0</v>
      </c>
      <c r="AR4522">
        <v>0</v>
      </c>
      <c r="AS4522">
        <v>0</v>
      </c>
      <c r="AT4522">
        <v>0</v>
      </c>
      <c r="AU4522">
        <v>0</v>
      </c>
      <c r="AV4522">
        <v>0</v>
      </c>
      <c r="AW4522">
        <v>0</v>
      </c>
      <c r="AX4522">
        <v>594</v>
      </c>
      <c r="AY4522">
        <v>44</v>
      </c>
      <c r="AZ4522">
        <v>72</v>
      </c>
      <c r="BA4522">
        <v>7005</v>
      </c>
    </row>
    <row r="4523" spans="1:53" x14ac:dyDescent="0.4">
      <c r="A4523">
        <v>4567</v>
      </c>
      <c r="B4523" s="1">
        <v>44553</v>
      </c>
      <c r="C4523">
        <v>3</v>
      </c>
      <c r="D4523" s="1">
        <v>44553.76666666667</v>
      </c>
      <c r="E4523" s="1">
        <v>44554.025694444441</v>
      </c>
      <c r="F4523">
        <v>61210</v>
      </c>
      <c r="G4523">
        <v>2517</v>
      </c>
      <c r="H4523">
        <v>220</v>
      </c>
      <c r="I4523">
        <v>0</v>
      </c>
      <c r="J4523">
        <v>0</v>
      </c>
      <c r="K4523">
        <v>0</v>
      </c>
      <c r="L4523">
        <v>0</v>
      </c>
      <c r="M4523">
        <v>5811</v>
      </c>
      <c r="N4523">
        <v>0</v>
      </c>
      <c r="O4523">
        <v>0</v>
      </c>
      <c r="P4523">
        <v>22770</v>
      </c>
      <c r="Q4523">
        <v>0</v>
      </c>
      <c r="R4523">
        <v>86717</v>
      </c>
      <c r="S4523">
        <v>0</v>
      </c>
      <c r="T4523">
        <v>0</v>
      </c>
      <c r="U4523">
        <v>0</v>
      </c>
      <c r="V4523">
        <v>5</v>
      </c>
      <c r="W4523">
        <v>4</v>
      </c>
      <c r="X4523">
        <v>0</v>
      </c>
      <c r="Y4523">
        <v>73</v>
      </c>
      <c r="Z4523">
        <v>32</v>
      </c>
      <c r="AA4523">
        <v>41</v>
      </c>
      <c r="AB4523">
        <v>8</v>
      </c>
      <c r="AC4523">
        <v>35</v>
      </c>
      <c r="AD4523">
        <v>23</v>
      </c>
      <c r="AE4523">
        <v>82</v>
      </c>
      <c r="AF4523">
        <v>21710</v>
      </c>
      <c r="AG4523">
        <v>185757</v>
      </c>
      <c r="AH4523">
        <v>50000</v>
      </c>
      <c r="AI4523">
        <v>0</v>
      </c>
      <c r="AJ4523">
        <v>108</v>
      </c>
      <c r="AK4523" t="s">
        <v>3</v>
      </c>
      <c r="AL4523">
        <v>0</v>
      </c>
      <c r="AM4523">
        <v>0</v>
      </c>
      <c r="AN4523">
        <v>0</v>
      </c>
      <c r="AO4523">
        <v>0</v>
      </c>
      <c r="AP4523">
        <v>0</v>
      </c>
      <c r="AQ4523">
        <v>0</v>
      </c>
      <c r="AR4523">
        <v>0</v>
      </c>
      <c r="AS4523">
        <v>0</v>
      </c>
      <c r="AT4523">
        <v>0</v>
      </c>
      <c r="AU4523">
        <v>0</v>
      </c>
      <c r="AV4523">
        <v>0</v>
      </c>
      <c r="AW4523">
        <v>0</v>
      </c>
      <c r="AX4523">
        <v>4964</v>
      </c>
      <c r="AY4523">
        <v>17</v>
      </c>
      <c r="AZ4523">
        <v>54</v>
      </c>
      <c r="BA4523">
        <v>2051</v>
      </c>
    </row>
    <row r="4524" spans="1:53" x14ac:dyDescent="0.4">
      <c r="A4524">
        <v>4568</v>
      </c>
      <c r="B4524" s="1">
        <v>44554</v>
      </c>
      <c r="C4524">
        <v>1</v>
      </c>
      <c r="D4524" s="1">
        <v>44554.291666666664</v>
      </c>
      <c r="E4524" s="1">
        <v>44554.409722222219</v>
      </c>
      <c r="F4524">
        <v>0</v>
      </c>
      <c r="G4524">
        <v>0</v>
      </c>
      <c r="H4524">
        <v>0</v>
      </c>
      <c r="I4524">
        <v>0</v>
      </c>
      <c r="J4524">
        <v>0</v>
      </c>
      <c r="K4524">
        <v>0</v>
      </c>
      <c r="L4524">
        <v>0</v>
      </c>
      <c r="M4524">
        <v>0</v>
      </c>
      <c r="N4524">
        <v>0</v>
      </c>
      <c r="O4524">
        <v>0</v>
      </c>
      <c r="P4524">
        <v>0</v>
      </c>
      <c r="Q4524">
        <v>0</v>
      </c>
      <c r="R4524">
        <v>0</v>
      </c>
      <c r="S4524">
        <v>0</v>
      </c>
      <c r="T4524">
        <v>0</v>
      </c>
      <c r="U4524">
        <v>0</v>
      </c>
      <c r="V4524">
        <v>0</v>
      </c>
      <c r="W4524">
        <v>1</v>
      </c>
      <c r="X4524">
        <v>0</v>
      </c>
      <c r="Y4524">
        <v>30</v>
      </c>
      <c r="Z4524">
        <v>18</v>
      </c>
      <c r="AA4524">
        <v>51</v>
      </c>
      <c r="AB4524">
        <v>7</v>
      </c>
      <c r="AC4524">
        <v>36</v>
      </c>
      <c r="AD4524">
        <v>22</v>
      </c>
      <c r="AE4524">
        <v>80</v>
      </c>
      <c r="AF4524">
        <v>0</v>
      </c>
      <c r="AG4524">
        <v>50000</v>
      </c>
      <c r="AH4524">
        <v>50000</v>
      </c>
      <c r="AI4524">
        <v>0</v>
      </c>
      <c r="AJ4524">
        <v>0</v>
      </c>
      <c r="AK4524" t="s">
        <v>6</v>
      </c>
      <c r="AL4524">
        <v>0</v>
      </c>
      <c r="AM4524">
        <v>0</v>
      </c>
      <c r="AN4524">
        <v>0</v>
      </c>
      <c r="AO4524">
        <v>0</v>
      </c>
      <c r="AP4524">
        <v>0</v>
      </c>
      <c r="AQ4524">
        <v>0</v>
      </c>
      <c r="AR4524">
        <v>0</v>
      </c>
      <c r="AS4524">
        <v>0</v>
      </c>
      <c r="AT4524">
        <v>0</v>
      </c>
      <c r="AU4524">
        <v>0</v>
      </c>
      <c r="AV4524">
        <v>0</v>
      </c>
      <c r="AW4524">
        <v>0</v>
      </c>
      <c r="AX4524">
        <v>0</v>
      </c>
      <c r="AY4524">
        <v>0</v>
      </c>
      <c r="AZ4524">
        <v>0</v>
      </c>
      <c r="BA4524">
        <v>0</v>
      </c>
    </row>
    <row r="4525" spans="1:53" x14ac:dyDescent="0.4">
      <c r="A4525">
        <v>4569</v>
      </c>
      <c r="B4525" s="1">
        <v>44554</v>
      </c>
      <c r="C4525">
        <v>2</v>
      </c>
      <c r="D4525" s="1">
        <v>44554.409722222219</v>
      </c>
      <c r="E4525" s="1">
        <v>44554.740972222222</v>
      </c>
      <c r="F4525">
        <v>32900</v>
      </c>
      <c r="G4525">
        <v>1320</v>
      </c>
      <c r="H4525">
        <v>220</v>
      </c>
      <c r="I4525">
        <v>0</v>
      </c>
      <c r="J4525">
        <v>170</v>
      </c>
      <c r="K4525">
        <v>0</v>
      </c>
      <c r="L4525">
        <v>0</v>
      </c>
      <c r="M4525">
        <v>3111</v>
      </c>
      <c r="N4525">
        <v>0</v>
      </c>
      <c r="O4525">
        <v>0</v>
      </c>
      <c r="P4525">
        <v>28530</v>
      </c>
      <c r="Q4525">
        <v>0</v>
      </c>
      <c r="R4525">
        <v>62800</v>
      </c>
      <c r="S4525">
        <v>0</v>
      </c>
      <c r="T4525">
        <v>0</v>
      </c>
      <c r="U4525">
        <v>0</v>
      </c>
      <c r="V4525">
        <v>0</v>
      </c>
      <c r="W4525">
        <v>3</v>
      </c>
      <c r="X4525">
        <v>0</v>
      </c>
      <c r="Y4525">
        <v>82</v>
      </c>
      <c r="Z4525">
        <v>23</v>
      </c>
      <c r="AA4525">
        <v>0</v>
      </c>
      <c r="AB4525">
        <v>1</v>
      </c>
      <c r="AC4525">
        <v>29</v>
      </c>
      <c r="AD4525">
        <v>23</v>
      </c>
      <c r="AE4525">
        <v>71</v>
      </c>
      <c r="AF4525">
        <v>3774</v>
      </c>
      <c r="AG4525">
        <v>112800</v>
      </c>
      <c r="AH4525">
        <v>50000</v>
      </c>
      <c r="AI4525">
        <v>0</v>
      </c>
      <c r="AJ4525">
        <v>103</v>
      </c>
      <c r="AK4525" t="s">
        <v>7</v>
      </c>
      <c r="AL4525">
        <v>0</v>
      </c>
      <c r="AM4525">
        <v>0</v>
      </c>
      <c r="AN4525">
        <v>0</v>
      </c>
      <c r="AO4525">
        <v>0</v>
      </c>
      <c r="AP4525">
        <v>0</v>
      </c>
      <c r="AQ4525">
        <v>0</v>
      </c>
      <c r="AR4525">
        <v>0</v>
      </c>
      <c r="AS4525">
        <v>0</v>
      </c>
      <c r="AT4525">
        <v>0</v>
      </c>
      <c r="AU4525">
        <v>0</v>
      </c>
      <c r="AV4525">
        <v>0</v>
      </c>
      <c r="AW4525">
        <v>0</v>
      </c>
      <c r="AX4525">
        <v>930</v>
      </c>
      <c r="AY4525">
        <v>45</v>
      </c>
      <c r="AZ4525">
        <v>93</v>
      </c>
      <c r="BA4525">
        <v>6370</v>
      </c>
    </row>
    <row r="4526" spans="1:53" x14ac:dyDescent="0.4">
      <c r="A4526">
        <v>4570</v>
      </c>
      <c r="B4526" s="1">
        <v>44554</v>
      </c>
      <c r="C4526">
        <v>3</v>
      </c>
      <c r="D4526" s="1">
        <v>44554.740972222222</v>
      </c>
      <c r="E4526" s="1">
        <v>44554.956250000003</v>
      </c>
      <c r="F4526">
        <v>42530</v>
      </c>
      <c r="G4526">
        <v>2090</v>
      </c>
      <c r="H4526">
        <v>220</v>
      </c>
      <c r="I4526">
        <v>0</v>
      </c>
      <c r="J4526">
        <v>0</v>
      </c>
      <c r="K4526">
        <v>0</v>
      </c>
      <c r="L4526">
        <v>0</v>
      </c>
      <c r="M4526">
        <v>4072</v>
      </c>
      <c r="N4526">
        <v>0</v>
      </c>
      <c r="O4526">
        <v>0</v>
      </c>
      <c r="P4526">
        <v>-23280</v>
      </c>
      <c r="Q4526">
        <v>0</v>
      </c>
      <c r="R4526">
        <v>21560</v>
      </c>
      <c r="S4526">
        <v>0</v>
      </c>
      <c r="T4526">
        <v>0</v>
      </c>
      <c r="U4526">
        <v>0</v>
      </c>
      <c r="V4526">
        <v>3</v>
      </c>
      <c r="W4526">
        <v>1</v>
      </c>
      <c r="X4526">
        <v>0</v>
      </c>
      <c r="Y4526">
        <v>78</v>
      </c>
      <c r="Z4526">
        <v>22</v>
      </c>
      <c r="AA4526">
        <v>56</v>
      </c>
      <c r="AB4526">
        <v>6</v>
      </c>
      <c r="AC4526">
        <v>50</v>
      </c>
      <c r="AD4526">
        <v>24</v>
      </c>
      <c r="AE4526">
        <v>66</v>
      </c>
      <c r="AF4526">
        <v>3774</v>
      </c>
      <c r="AG4526">
        <v>134360</v>
      </c>
      <c r="AH4526">
        <v>50000</v>
      </c>
      <c r="AI4526">
        <v>0</v>
      </c>
      <c r="AJ4526">
        <v>114</v>
      </c>
      <c r="AK4526" t="s">
        <v>53</v>
      </c>
      <c r="AL4526">
        <v>0</v>
      </c>
      <c r="AM4526">
        <v>0</v>
      </c>
      <c r="AN4526">
        <v>0</v>
      </c>
      <c r="AO4526">
        <v>0</v>
      </c>
      <c r="AP4526">
        <v>0</v>
      </c>
      <c r="AQ4526">
        <v>0</v>
      </c>
      <c r="AR4526">
        <v>0</v>
      </c>
      <c r="AS4526">
        <v>0</v>
      </c>
      <c r="AT4526">
        <v>0</v>
      </c>
      <c r="AU4526">
        <v>0</v>
      </c>
      <c r="AV4526">
        <v>0</v>
      </c>
      <c r="AW4526">
        <v>0</v>
      </c>
      <c r="AX4526">
        <v>0</v>
      </c>
      <c r="AY4526">
        <v>9</v>
      </c>
      <c r="AZ4526">
        <v>22</v>
      </c>
      <c r="BA4526">
        <v>2004</v>
      </c>
    </row>
    <row r="4527" spans="1:53" x14ac:dyDescent="0.4">
      <c r="A4527">
        <v>4571</v>
      </c>
      <c r="B4527" s="1">
        <v>44555</v>
      </c>
      <c r="C4527">
        <v>1</v>
      </c>
      <c r="D4527" s="1">
        <v>44555.291666666664</v>
      </c>
      <c r="E4527" s="1">
        <v>44555.407638888886</v>
      </c>
      <c r="F4527">
        <v>0</v>
      </c>
      <c r="G4527">
        <v>0</v>
      </c>
      <c r="H4527">
        <v>0</v>
      </c>
      <c r="I4527">
        <v>0</v>
      </c>
      <c r="J4527">
        <v>0</v>
      </c>
      <c r="K4527">
        <v>0</v>
      </c>
      <c r="L4527">
        <v>0</v>
      </c>
      <c r="M4527">
        <v>0</v>
      </c>
      <c r="N4527">
        <v>0</v>
      </c>
      <c r="O4527">
        <v>0</v>
      </c>
      <c r="P4527">
        <v>0</v>
      </c>
      <c r="Q4527">
        <v>0</v>
      </c>
      <c r="R4527">
        <v>0</v>
      </c>
      <c r="S4527">
        <v>0</v>
      </c>
      <c r="T4527">
        <v>0</v>
      </c>
      <c r="U4527">
        <v>0</v>
      </c>
      <c r="V4527">
        <v>0</v>
      </c>
      <c r="W4527">
        <v>1</v>
      </c>
      <c r="X4527">
        <v>0</v>
      </c>
      <c r="Y4527">
        <v>30</v>
      </c>
      <c r="Z4527">
        <v>16</v>
      </c>
      <c r="AA4527">
        <v>61</v>
      </c>
      <c r="AB4527">
        <v>5</v>
      </c>
      <c r="AC4527">
        <v>47</v>
      </c>
      <c r="AD4527">
        <v>24</v>
      </c>
      <c r="AE4527">
        <v>60</v>
      </c>
      <c r="AF4527">
        <v>0</v>
      </c>
      <c r="AG4527">
        <v>50000</v>
      </c>
      <c r="AH4527">
        <v>50000</v>
      </c>
      <c r="AI4527">
        <v>0</v>
      </c>
      <c r="AJ4527">
        <v>0</v>
      </c>
      <c r="AK4527" t="s">
        <v>6</v>
      </c>
      <c r="AL4527">
        <v>0</v>
      </c>
      <c r="AM4527">
        <v>0</v>
      </c>
      <c r="AN4527">
        <v>0</v>
      </c>
      <c r="AO4527">
        <v>0</v>
      </c>
      <c r="AP4527">
        <v>0</v>
      </c>
      <c r="AQ4527">
        <v>0</v>
      </c>
      <c r="AR4527">
        <v>0</v>
      </c>
      <c r="AS4527">
        <v>0</v>
      </c>
      <c r="AT4527">
        <v>0</v>
      </c>
      <c r="AU4527">
        <v>0</v>
      </c>
      <c r="AV4527">
        <v>0</v>
      </c>
      <c r="AW4527">
        <v>0</v>
      </c>
      <c r="AX4527">
        <v>0</v>
      </c>
      <c r="AY4527">
        <v>0</v>
      </c>
      <c r="AZ4527">
        <v>0</v>
      </c>
      <c r="BA4527">
        <v>0</v>
      </c>
    </row>
    <row r="4528" spans="1:53" x14ac:dyDescent="0.4">
      <c r="A4528">
        <v>4572</v>
      </c>
      <c r="B4528" s="1">
        <v>44555</v>
      </c>
      <c r="C4528">
        <v>2</v>
      </c>
      <c r="D4528" s="1">
        <v>44555.407638888886</v>
      </c>
      <c r="E4528" s="1">
        <v>44555.761805555558</v>
      </c>
      <c r="F4528">
        <v>55720</v>
      </c>
      <c r="G4528">
        <v>2508</v>
      </c>
      <c r="H4528">
        <v>0</v>
      </c>
      <c r="I4528">
        <v>0</v>
      </c>
      <c r="J4528">
        <v>400</v>
      </c>
      <c r="K4528">
        <v>0</v>
      </c>
      <c r="L4528">
        <v>0</v>
      </c>
      <c r="M4528">
        <v>5250</v>
      </c>
      <c r="N4528">
        <v>0</v>
      </c>
      <c r="O4528">
        <v>0</v>
      </c>
      <c r="P4528">
        <v>20480</v>
      </c>
      <c r="Q4528">
        <v>0</v>
      </c>
      <c r="R4528">
        <v>78308</v>
      </c>
      <c r="S4528">
        <v>0</v>
      </c>
      <c r="T4528">
        <v>0</v>
      </c>
      <c r="U4528">
        <v>0</v>
      </c>
      <c r="V4528">
        <v>3</v>
      </c>
      <c r="W4528">
        <v>4</v>
      </c>
      <c r="X4528">
        <v>0</v>
      </c>
      <c r="Y4528">
        <v>49</v>
      </c>
      <c r="Z4528">
        <v>39</v>
      </c>
      <c r="AA4528">
        <v>77</v>
      </c>
      <c r="AB4528">
        <v>12</v>
      </c>
      <c r="AC4528">
        <v>66</v>
      </c>
      <c r="AD4528">
        <v>28</v>
      </c>
      <c r="AE4528">
        <v>58</v>
      </c>
      <c r="AF4528">
        <v>650</v>
      </c>
      <c r="AG4528">
        <v>128308</v>
      </c>
      <c r="AH4528">
        <v>50000</v>
      </c>
      <c r="AI4528">
        <v>0</v>
      </c>
      <c r="AJ4528">
        <v>98</v>
      </c>
      <c r="AK4528" t="s">
        <v>35</v>
      </c>
      <c r="AL4528">
        <v>0</v>
      </c>
      <c r="AM4528">
        <v>0</v>
      </c>
      <c r="AN4528">
        <v>0</v>
      </c>
      <c r="AO4528">
        <v>0</v>
      </c>
      <c r="AP4528">
        <v>0</v>
      </c>
      <c r="AQ4528">
        <v>0</v>
      </c>
      <c r="AR4528">
        <v>0</v>
      </c>
      <c r="AS4528">
        <v>0</v>
      </c>
      <c r="AT4528">
        <v>0</v>
      </c>
      <c r="AU4528">
        <v>0</v>
      </c>
      <c r="AV4528">
        <v>0</v>
      </c>
      <c r="AW4528">
        <v>0</v>
      </c>
      <c r="AX4528">
        <v>3890</v>
      </c>
      <c r="AY4528">
        <v>57</v>
      </c>
      <c r="AZ4528">
        <v>119</v>
      </c>
      <c r="BA4528">
        <v>8490</v>
      </c>
    </row>
    <row r="4529" spans="1:53" x14ac:dyDescent="0.4">
      <c r="A4529">
        <v>4573</v>
      </c>
      <c r="B4529" s="1">
        <v>44555</v>
      </c>
      <c r="C4529">
        <v>3</v>
      </c>
      <c r="D4529" s="1">
        <v>44555.761805555558</v>
      </c>
      <c r="E4529" s="1">
        <v>44555.950694444444</v>
      </c>
      <c r="F4529">
        <v>43740</v>
      </c>
      <c r="G4529">
        <v>3630</v>
      </c>
      <c r="H4529">
        <v>0</v>
      </c>
      <c r="I4529">
        <v>0</v>
      </c>
      <c r="J4529">
        <v>0</v>
      </c>
      <c r="K4529">
        <v>0</v>
      </c>
      <c r="L4529">
        <v>0</v>
      </c>
      <c r="M4529">
        <v>4303</v>
      </c>
      <c r="N4529">
        <v>0</v>
      </c>
      <c r="O4529">
        <v>0</v>
      </c>
      <c r="P4529">
        <v>-16920</v>
      </c>
      <c r="Q4529">
        <v>0</v>
      </c>
      <c r="R4529">
        <v>30450</v>
      </c>
      <c r="S4529">
        <v>0</v>
      </c>
      <c r="T4529">
        <v>0</v>
      </c>
      <c r="U4529">
        <v>0</v>
      </c>
      <c r="V4529">
        <v>7</v>
      </c>
      <c r="W4529">
        <v>1</v>
      </c>
      <c r="X4529">
        <v>0</v>
      </c>
      <c r="Y4529">
        <v>48</v>
      </c>
      <c r="Z4529">
        <v>41</v>
      </c>
      <c r="AA4529">
        <v>89</v>
      </c>
      <c r="AB4529">
        <v>14</v>
      </c>
      <c r="AC4529">
        <v>85</v>
      </c>
      <c r="AD4529">
        <v>28</v>
      </c>
      <c r="AE4529">
        <v>56</v>
      </c>
      <c r="AF4529">
        <v>4962</v>
      </c>
      <c r="AG4529">
        <v>159108</v>
      </c>
      <c r="AH4529">
        <v>50000</v>
      </c>
      <c r="AI4529">
        <v>350</v>
      </c>
      <c r="AJ4529">
        <v>98</v>
      </c>
      <c r="AK4529" t="s">
        <v>35</v>
      </c>
      <c r="AL4529">
        <v>0</v>
      </c>
      <c r="AM4529">
        <v>0</v>
      </c>
      <c r="AN4529">
        <v>0</v>
      </c>
      <c r="AO4529">
        <v>0</v>
      </c>
      <c r="AP4529">
        <v>0</v>
      </c>
      <c r="AQ4529">
        <v>0</v>
      </c>
      <c r="AR4529">
        <v>0</v>
      </c>
      <c r="AS4529">
        <v>0</v>
      </c>
      <c r="AT4529">
        <v>0</v>
      </c>
      <c r="AU4529">
        <v>0</v>
      </c>
      <c r="AV4529">
        <v>0</v>
      </c>
      <c r="AW4529">
        <v>0</v>
      </c>
      <c r="AX4529">
        <v>9585</v>
      </c>
      <c r="AY4529">
        <v>10</v>
      </c>
      <c r="AZ4529">
        <v>23</v>
      </c>
      <c r="BA4529">
        <v>2001</v>
      </c>
    </row>
    <row r="4530" spans="1:53" x14ac:dyDescent="0.4">
      <c r="A4530">
        <v>4574</v>
      </c>
      <c r="B4530" s="1">
        <v>44555</v>
      </c>
      <c r="C4530">
        <v>4</v>
      </c>
      <c r="D4530" s="1">
        <v>44555.950694444444</v>
      </c>
      <c r="E4530" s="1">
        <v>44556.240972222222</v>
      </c>
      <c r="F4530">
        <v>38790</v>
      </c>
      <c r="G4530">
        <v>705</v>
      </c>
      <c r="H4530">
        <v>0</v>
      </c>
      <c r="I4530">
        <v>0</v>
      </c>
      <c r="J4530">
        <v>0</v>
      </c>
      <c r="K4530">
        <v>0</v>
      </c>
      <c r="L4530">
        <v>0</v>
      </c>
      <c r="M4530">
        <v>3590</v>
      </c>
      <c r="N4530">
        <v>0</v>
      </c>
      <c r="O4530">
        <v>0</v>
      </c>
      <c r="P4530">
        <v>19220</v>
      </c>
      <c r="Q4530">
        <v>0</v>
      </c>
      <c r="R4530">
        <v>58715</v>
      </c>
      <c r="S4530">
        <v>0</v>
      </c>
      <c r="T4530">
        <v>0</v>
      </c>
      <c r="U4530">
        <v>0</v>
      </c>
      <c r="V4530">
        <v>0</v>
      </c>
      <c r="W4530">
        <v>1</v>
      </c>
      <c r="X4530">
        <v>0</v>
      </c>
      <c r="Y4530">
        <v>30</v>
      </c>
      <c r="Z4530">
        <v>10</v>
      </c>
      <c r="AA4530">
        <v>85</v>
      </c>
      <c r="AB4530">
        <v>9</v>
      </c>
      <c r="AC4530">
        <v>86</v>
      </c>
      <c r="AD4530">
        <v>27</v>
      </c>
      <c r="AE4530">
        <v>55</v>
      </c>
      <c r="AF4530">
        <v>0</v>
      </c>
      <c r="AG4530">
        <v>50000</v>
      </c>
      <c r="AH4530">
        <v>0</v>
      </c>
      <c r="AI4530">
        <v>-117473</v>
      </c>
      <c r="AJ4530">
        <v>108</v>
      </c>
      <c r="AK4530" t="s">
        <v>3</v>
      </c>
      <c r="AL4530">
        <v>0</v>
      </c>
      <c r="AM4530">
        <v>0</v>
      </c>
      <c r="AN4530">
        <v>0</v>
      </c>
      <c r="AO4530">
        <v>0</v>
      </c>
      <c r="AP4530">
        <v>0</v>
      </c>
      <c r="AQ4530">
        <v>0</v>
      </c>
      <c r="AR4530">
        <v>0</v>
      </c>
      <c r="AS4530">
        <v>0</v>
      </c>
      <c r="AT4530">
        <v>0</v>
      </c>
      <c r="AU4530">
        <v>0</v>
      </c>
      <c r="AV4530">
        <v>0</v>
      </c>
      <c r="AW4530">
        <v>0</v>
      </c>
      <c r="AX4530">
        <v>0</v>
      </c>
      <c r="AY4530">
        <v>5</v>
      </c>
      <c r="AZ4530">
        <v>23</v>
      </c>
      <c r="BA4530">
        <v>1517</v>
      </c>
    </row>
    <row r="4531" spans="1:53" x14ac:dyDescent="0.4">
      <c r="A4531">
        <v>4575</v>
      </c>
      <c r="B4531" s="1">
        <v>44556</v>
      </c>
      <c r="C4531">
        <v>1</v>
      </c>
      <c r="D4531" s="1">
        <v>44556.291666666664</v>
      </c>
      <c r="E4531" s="1">
        <v>44556.409722222219</v>
      </c>
      <c r="F4531">
        <v>0</v>
      </c>
      <c r="G4531">
        <v>0</v>
      </c>
      <c r="H4531">
        <v>0</v>
      </c>
      <c r="I4531">
        <v>0</v>
      </c>
      <c r="J4531">
        <v>0</v>
      </c>
      <c r="K4531">
        <v>0</v>
      </c>
      <c r="L4531">
        <v>0</v>
      </c>
      <c r="M4531">
        <v>0</v>
      </c>
      <c r="N4531">
        <v>0</v>
      </c>
      <c r="O4531">
        <v>0</v>
      </c>
      <c r="P4531">
        <v>0</v>
      </c>
      <c r="Q4531">
        <v>0</v>
      </c>
      <c r="R4531">
        <v>0</v>
      </c>
      <c r="S4531">
        <v>0</v>
      </c>
      <c r="T4531">
        <v>0</v>
      </c>
      <c r="U4531">
        <v>0</v>
      </c>
      <c r="V4531">
        <v>0</v>
      </c>
      <c r="W4531">
        <v>1</v>
      </c>
      <c r="X4531">
        <v>0</v>
      </c>
      <c r="Y4531">
        <v>30</v>
      </c>
      <c r="Z4531">
        <v>10</v>
      </c>
      <c r="AA4531">
        <v>85</v>
      </c>
      <c r="AB4531">
        <v>9</v>
      </c>
      <c r="AC4531">
        <v>86</v>
      </c>
      <c r="AD4531">
        <v>27</v>
      </c>
      <c r="AE4531">
        <v>55</v>
      </c>
      <c r="AF4531">
        <v>0</v>
      </c>
      <c r="AG4531">
        <v>50000</v>
      </c>
      <c r="AH4531">
        <v>50000</v>
      </c>
      <c r="AI4531">
        <v>0</v>
      </c>
      <c r="AJ4531">
        <v>0</v>
      </c>
      <c r="AK4531" t="s">
        <v>6</v>
      </c>
      <c r="AL4531">
        <v>0</v>
      </c>
      <c r="AM4531">
        <v>0</v>
      </c>
      <c r="AN4531">
        <v>0</v>
      </c>
      <c r="AO4531">
        <v>0</v>
      </c>
      <c r="AP4531">
        <v>0</v>
      </c>
      <c r="AQ4531">
        <v>0</v>
      </c>
      <c r="AR4531">
        <v>0</v>
      </c>
      <c r="AS4531">
        <v>0</v>
      </c>
      <c r="AT4531">
        <v>0</v>
      </c>
      <c r="AU4531">
        <v>0</v>
      </c>
      <c r="AV4531">
        <v>0</v>
      </c>
      <c r="AW4531">
        <v>0</v>
      </c>
      <c r="AX4531">
        <v>0</v>
      </c>
      <c r="AY4531">
        <v>0</v>
      </c>
      <c r="AZ4531">
        <v>0</v>
      </c>
      <c r="BA4531">
        <v>0</v>
      </c>
    </row>
    <row r="4532" spans="1:53" x14ac:dyDescent="0.4">
      <c r="A4532">
        <v>4576</v>
      </c>
      <c r="B4532" s="1">
        <v>44556</v>
      </c>
      <c r="C4532">
        <v>2</v>
      </c>
      <c r="D4532" s="1">
        <v>44556.409722222219</v>
      </c>
      <c r="E4532" s="1">
        <v>44556.767361111109</v>
      </c>
      <c r="F4532">
        <v>59200</v>
      </c>
      <c r="G4532">
        <v>7612</v>
      </c>
      <c r="H4532">
        <v>0</v>
      </c>
      <c r="I4532">
        <v>0</v>
      </c>
      <c r="J4532">
        <v>100</v>
      </c>
      <c r="K4532">
        <v>0</v>
      </c>
      <c r="L4532">
        <v>0</v>
      </c>
      <c r="M4532">
        <v>6069</v>
      </c>
      <c r="N4532">
        <v>0</v>
      </c>
      <c r="O4532">
        <v>0</v>
      </c>
      <c r="P4532">
        <v>19850</v>
      </c>
      <c r="Q4532">
        <v>0</v>
      </c>
      <c r="R4532">
        <v>86562</v>
      </c>
      <c r="S4532">
        <v>0</v>
      </c>
      <c r="T4532">
        <v>0</v>
      </c>
      <c r="U4532">
        <v>0</v>
      </c>
      <c r="V4532">
        <v>1</v>
      </c>
      <c r="W4532">
        <v>5</v>
      </c>
      <c r="X4532">
        <v>0</v>
      </c>
      <c r="Y4532">
        <v>74</v>
      </c>
      <c r="Z4532">
        <v>22</v>
      </c>
      <c r="AA4532">
        <v>139</v>
      </c>
      <c r="AB4532">
        <v>18</v>
      </c>
      <c r="AC4532">
        <v>99</v>
      </c>
      <c r="AD4532">
        <v>24</v>
      </c>
      <c r="AE4532">
        <v>52</v>
      </c>
      <c r="AF4532">
        <v>600</v>
      </c>
      <c r="AG4532">
        <v>136562</v>
      </c>
      <c r="AH4532">
        <v>50000</v>
      </c>
      <c r="AI4532">
        <v>0</v>
      </c>
      <c r="AJ4532">
        <v>102</v>
      </c>
      <c r="AK4532" t="s">
        <v>50</v>
      </c>
      <c r="AL4532">
        <v>0</v>
      </c>
      <c r="AM4532">
        <v>0</v>
      </c>
      <c r="AN4532">
        <v>0</v>
      </c>
      <c r="AO4532">
        <v>0</v>
      </c>
      <c r="AP4532">
        <v>0</v>
      </c>
      <c r="AQ4532">
        <v>0</v>
      </c>
      <c r="AR4532">
        <v>0</v>
      </c>
      <c r="AS4532">
        <v>0</v>
      </c>
      <c r="AT4532">
        <v>0</v>
      </c>
      <c r="AU4532">
        <v>0</v>
      </c>
      <c r="AV4532">
        <v>0</v>
      </c>
      <c r="AW4532">
        <v>0</v>
      </c>
      <c r="AX4532">
        <v>-2006</v>
      </c>
      <c r="AY4532">
        <v>49</v>
      </c>
      <c r="AZ4532">
        <v>112</v>
      </c>
      <c r="BA4532">
        <v>8285</v>
      </c>
    </row>
    <row r="4533" spans="1:53" x14ac:dyDescent="0.4">
      <c r="A4533">
        <v>4577</v>
      </c>
      <c r="B4533" s="1">
        <v>44556</v>
      </c>
      <c r="C4533">
        <v>3</v>
      </c>
      <c r="D4533" s="1">
        <v>44556.767361111109</v>
      </c>
      <c r="E4533" s="1">
        <v>44556.959722222222</v>
      </c>
      <c r="F4533">
        <v>37560</v>
      </c>
      <c r="G4533">
        <v>2453</v>
      </c>
      <c r="H4533">
        <v>0</v>
      </c>
      <c r="I4533">
        <v>0</v>
      </c>
      <c r="J4533">
        <v>1150</v>
      </c>
      <c r="K4533">
        <v>0</v>
      </c>
      <c r="L4533">
        <v>0</v>
      </c>
      <c r="M4533">
        <v>3533</v>
      </c>
      <c r="N4533">
        <v>0</v>
      </c>
      <c r="O4533">
        <v>0</v>
      </c>
      <c r="P4533">
        <v>6150</v>
      </c>
      <c r="Q4533">
        <v>0</v>
      </c>
      <c r="R4533">
        <v>45013</v>
      </c>
      <c r="S4533">
        <v>0</v>
      </c>
      <c r="T4533">
        <v>0</v>
      </c>
      <c r="U4533">
        <v>0</v>
      </c>
      <c r="V4533">
        <v>4</v>
      </c>
      <c r="W4533">
        <v>5</v>
      </c>
      <c r="X4533">
        <v>0</v>
      </c>
      <c r="Y4533">
        <v>90</v>
      </c>
      <c r="Z4533">
        <v>20</v>
      </c>
      <c r="AA4533">
        <v>139</v>
      </c>
      <c r="AB4533">
        <v>19</v>
      </c>
      <c r="AC4533">
        <v>96</v>
      </c>
      <c r="AD4533">
        <v>23</v>
      </c>
      <c r="AE4533">
        <v>50</v>
      </c>
      <c r="AF4533">
        <v>600</v>
      </c>
      <c r="AG4533">
        <v>181575</v>
      </c>
      <c r="AH4533">
        <v>50000</v>
      </c>
      <c r="AI4533">
        <v>0</v>
      </c>
      <c r="AJ4533">
        <v>108</v>
      </c>
      <c r="AK4533" t="s">
        <v>3</v>
      </c>
      <c r="AL4533">
        <v>0</v>
      </c>
      <c r="AM4533">
        <v>0</v>
      </c>
      <c r="AN4533">
        <v>0</v>
      </c>
      <c r="AO4533">
        <v>0</v>
      </c>
      <c r="AP4533">
        <v>0</v>
      </c>
      <c r="AQ4533">
        <v>0</v>
      </c>
      <c r="AR4533">
        <v>0</v>
      </c>
      <c r="AS4533">
        <v>0</v>
      </c>
      <c r="AT4533">
        <v>0</v>
      </c>
      <c r="AU4533">
        <v>0</v>
      </c>
      <c r="AV4533">
        <v>0</v>
      </c>
      <c r="AW4533">
        <v>0</v>
      </c>
      <c r="AX4533">
        <v>8918</v>
      </c>
      <c r="AY4533">
        <v>8</v>
      </c>
      <c r="AZ4533">
        <v>25</v>
      </c>
      <c r="BA4533">
        <v>1590</v>
      </c>
    </row>
    <row r="4534" spans="1:53" x14ac:dyDescent="0.4">
      <c r="A4534">
        <v>4578</v>
      </c>
      <c r="B4534" s="1">
        <v>44557</v>
      </c>
      <c r="C4534">
        <v>1</v>
      </c>
      <c r="D4534" s="1">
        <v>44557.291666666664</v>
      </c>
      <c r="E4534" s="1">
        <v>44557.410416666666</v>
      </c>
      <c r="F4534">
        <v>0</v>
      </c>
      <c r="G4534">
        <v>0</v>
      </c>
      <c r="H4534">
        <v>0</v>
      </c>
      <c r="I4534">
        <v>0</v>
      </c>
      <c r="J4534">
        <v>0</v>
      </c>
      <c r="K4534">
        <v>0</v>
      </c>
      <c r="L4534">
        <v>0</v>
      </c>
      <c r="M4534">
        <v>0</v>
      </c>
      <c r="N4534">
        <v>0</v>
      </c>
      <c r="O4534">
        <v>0</v>
      </c>
      <c r="P4534">
        <v>0</v>
      </c>
      <c r="Q4534">
        <v>0</v>
      </c>
      <c r="R4534">
        <v>0</v>
      </c>
      <c r="S4534">
        <v>0</v>
      </c>
      <c r="T4534">
        <v>0</v>
      </c>
      <c r="U4534">
        <v>0</v>
      </c>
      <c r="V4534">
        <v>0</v>
      </c>
      <c r="W4534">
        <v>1</v>
      </c>
      <c r="X4534">
        <v>0</v>
      </c>
      <c r="Y4534">
        <v>25</v>
      </c>
      <c r="Z4534">
        <v>10</v>
      </c>
      <c r="AA4534">
        <v>133</v>
      </c>
      <c r="AB4534">
        <v>19</v>
      </c>
      <c r="AC4534">
        <v>58</v>
      </c>
      <c r="AD4534">
        <v>24</v>
      </c>
      <c r="AE4534">
        <v>50</v>
      </c>
      <c r="AF4534">
        <v>0</v>
      </c>
      <c r="AG4534">
        <v>50000</v>
      </c>
      <c r="AH4534">
        <v>50000</v>
      </c>
      <c r="AI4534">
        <v>0</v>
      </c>
      <c r="AJ4534">
        <v>0</v>
      </c>
      <c r="AK4534" t="s">
        <v>6</v>
      </c>
      <c r="AL4534">
        <v>0</v>
      </c>
      <c r="AM4534">
        <v>0</v>
      </c>
      <c r="AN4534">
        <v>0</v>
      </c>
      <c r="AO4534">
        <v>0</v>
      </c>
      <c r="AP4534">
        <v>0</v>
      </c>
      <c r="AQ4534">
        <v>0</v>
      </c>
      <c r="AR4534">
        <v>0</v>
      </c>
      <c r="AS4534">
        <v>0</v>
      </c>
      <c r="AT4534">
        <v>0</v>
      </c>
      <c r="AU4534">
        <v>0</v>
      </c>
      <c r="AV4534">
        <v>0</v>
      </c>
      <c r="AW4534">
        <v>0</v>
      </c>
      <c r="AX4534">
        <v>0</v>
      </c>
      <c r="AY4534">
        <v>0</v>
      </c>
      <c r="AZ4534">
        <v>0</v>
      </c>
      <c r="BA4534">
        <v>0</v>
      </c>
    </row>
    <row r="4535" spans="1:53" x14ac:dyDescent="0.4">
      <c r="A4535">
        <v>4579</v>
      </c>
      <c r="B4535" s="1">
        <v>44557</v>
      </c>
      <c r="C4535">
        <v>2</v>
      </c>
      <c r="D4535" s="1">
        <v>44557.410416666666</v>
      </c>
      <c r="E4535" s="1">
        <v>44557.758333333331</v>
      </c>
      <c r="F4535">
        <v>63750</v>
      </c>
      <c r="G4535">
        <v>3762</v>
      </c>
      <c r="H4535">
        <v>0</v>
      </c>
      <c r="I4535">
        <v>0</v>
      </c>
      <c r="J4535">
        <v>0</v>
      </c>
      <c r="K4535">
        <v>0</v>
      </c>
      <c r="L4535">
        <v>0</v>
      </c>
      <c r="M4535">
        <v>6137</v>
      </c>
      <c r="N4535">
        <v>0</v>
      </c>
      <c r="O4535">
        <v>0</v>
      </c>
      <c r="P4535">
        <v>13800</v>
      </c>
      <c r="Q4535">
        <v>0</v>
      </c>
      <c r="R4535">
        <v>81312</v>
      </c>
      <c r="S4535">
        <v>0</v>
      </c>
      <c r="T4535">
        <v>0</v>
      </c>
      <c r="U4535">
        <v>0</v>
      </c>
      <c r="V4535">
        <v>0</v>
      </c>
      <c r="W4535">
        <v>5</v>
      </c>
      <c r="X4535">
        <v>0</v>
      </c>
      <c r="Y4535">
        <v>79</v>
      </c>
      <c r="Z4535">
        <v>21</v>
      </c>
      <c r="AA4535">
        <v>140</v>
      </c>
      <c r="AB4535">
        <v>17</v>
      </c>
      <c r="AC4535">
        <v>59</v>
      </c>
      <c r="AD4535">
        <v>24</v>
      </c>
      <c r="AE4535">
        <v>52</v>
      </c>
      <c r="AF4535">
        <v>1200</v>
      </c>
      <c r="AG4535">
        <v>131312</v>
      </c>
      <c r="AH4535">
        <v>50000</v>
      </c>
      <c r="AI4535">
        <v>0</v>
      </c>
      <c r="AJ4535">
        <v>102</v>
      </c>
      <c r="AK4535" t="s">
        <v>50</v>
      </c>
      <c r="AL4535">
        <v>0</v>
      </c>
      <c r="AM4535">
        <v>0</v>
      </c>
      <c r="AN4535">
        <v>0</v>
      </c>
      <c r="AO4535">
        <v>0</v>
      </c>
      <c r="AP4535">
        <v>0</v>
      </c>
      <c r="AQ4535">
        <v>0</v>
      </c>
      <c r="AR4535">
        <v>0</v>
      </c>
      <c r="AS4535">
        <v>0</v>
      </c>
      <c r="AT4535">
        <v>0</v>
      </c>
      <c r="AU4535">
        <v>0</v>
      </c>
      <c r="AV4535">
        <v>0</v>
      </c>
      <c r="AW4535">
        <v>0</v>
      </c>
      <c r="AX4535">
        <v>594</v>
      </c>
      <c r="AY4535">
        <v>47</v>
      </c>
      <c r="AZ4535">
        <v>111</v>
      </c>
      <c r="BA4535">
        <v>7405</v>
      </c>
    </row>
    <row r="4536" spans="1:53" x14ac:dyDescent="0.4">
      <c r="A4536">
        <v>4580</v>
      </c>
      <c r="B4536" s="1">
        <v>44558</v>
      </c>
      <c r="C4536">
        <v>1</v>
      </c>
      <c r="D4536" s="1">
        <v>44558.291666666664</v>
      </c>
      <c r="E4536" s="1">
        <v>44558.393750000003</v>
      </c>
      <c r="F4536">
        <v>0</v>
      </c>
      <c r="G4536">
        <v>0</v>
      </c>
      <c r="H4536">
        <v>0</v>
      </c>
      <c r="I4536">
        <v>0</v>
      </c>
      <c r="J4536">
        <v>0</v>
      </c>
      <c r="K4536">
        <v>0</v>
      </c>
      <c r="L4536">
        <v>0</v>
      </c>
      <c r="M4536">
        <v>0</v>
      </c>
      <c r="N4536">
        <v>0</v>
      </c>
      <c r="O4536">
        <v>0</v>
      </c>
      <c r="P4536">
        <v>0</v>
      </c>
      <c r="Q4536">
        <v>0</v>
      </c>
      <c r="R4536">
        <v>0</v>
      </c>
      <c r="S4536">
        <v>0</v>
      </c>
      <c r="T4536">
        <v>0</v>
      </c>
      <c r="U4536">
        <v>0</v>
      </c>
      <c r="V4536">
        <v>0</v>
      </c>
      <c r="W4536">
        <v>1</v>
      </c>
      <c r="X4536">
        <v>0</v>
      </c>
      <c r="Y4536">
        <v>23</v>
      </c>
      <c r="Z4536">
        <v>16</v>
      </c>
      <c r="AA4536">
        <v>125</v>
      </c>
      <c r="AB4536">
        <v>16</v>
      </c>
      <c r="AC4536">
        <v>51</v>
      </c>
      <c r="AD4536">
        <v>27</v>
      </c>
      <c r="AE4536">
        <v>55</v>
      </c>
      <c r="AF4536">
        <v>0</v>
      </c>
      <c r="AG4536">
        <v>50000</v>
      </c>
      <c r="AH4536">
        <v>50000</v>
      </c>
      <c r="AI4536">
        <v>0</v>
      </c>
      <c r="AJ4536">
        <v>0</v>
      </c>
      <c r="AK4536" t="s">
        <v>6</v>
      </c>
      <c r="AL4536">
        <v>0</v>
      </c>
      <c r="AM4536">
        <v>0</v>
      </c>
      <c r="AN4536">
        <v>0</v>
      </c>
      <c r="AO4536">
        <v>0</v>
      </c>
      <c r="AP4536">
        <v>0</v>
      </c>
      <c r="AQ4536">
        <v>0</v>
      </c>
      <c r="AR4536">
        <v>0</v>
      </c>
      <c r="AS4536">
        <v>0</v>
      </c>
      <c r="AT4536">
        <v>0</v>
      </c>
      <c r="AU4536">
        <v>0</v>
      </c>
      <c r="AV4536">
        <v>0</v>
      </c>
      <c r="AW4536">
        <v>0</v>
      </c>
      <c r="AX4536">
        <v>0</v>
      </c>
      <c r="AY4536">
        <v>0</v>
      </c>
      <c r="AZ4536">
        <v>0</v>
      </c>
      <c r="BA4536">
        <v>0</v>
      </c>
    </row>
    <row r="4537" spans="1:53" x14ac:dyDescent="0.4">
      <c r="A4537">
        <v>4581</v>
      </c>
      <c r="B4537" s="1">
        <v>44558</v>
      </c>
      <c r="C4537">
        <v>2</v>
      </c>
      <c r="D4537" s="1">
        <v>44558.393750000003</v>
      </c>
      <c r="E4537" s="1">
        <v>44558.749305555553</v>
      </c>
      <c r="F4537">
        <v>45950</v>
      </c>
      <c r="G4537">
        <v>1782</v>
      </c>
      <c r="H4537">
        <v>220</v>
      </c>
      <c r="I4537">
        <v>0</v>
      </c>
      <c r="J4537">
        <v>0</v>
      </c>
      <c r="K4537">
        <v>0</v>
      </c>
      <c r="L4537">
        <v>0</v>
      </c>
      <c r="M4537">
        <v>4362</v>
      </c>
      <c r="N4537">
        <v>0</v>
      </c>
      <c r="O4537">
        <v>0</v>
      </c>
      <c r="P4537">
        <v>25900</v>
      </c>
      <c r="Q4537">
        <v>0</v>
      </c>
      <c r="R4537">
        <v>73852</v>
      </c>
      <c r="S4537">
        <v>0</v>
      </c>
      <c r="T4537">
        <v>0</v>
      </c>
      <c r="U4537">
        <v>0</v>
      </c>
      <c r="V4537">
        <v>3</v>
      </c>
      <c r="W4537">
        <v>4</v>
      </c>
      <c r="X4537">
        <v>0</v>
      </c>
      <c r="Y4537">
        <v>50</v>
      </c>
      <c r="Z4537">
        <v>23</v>
      </c>
      <c r="AA4537">
        <v>93</v>
      </c>
      <c r="AB4537">
        <v>20</v>
      </c>
      <c r="AC4537">
        <v>56</v>
      </c>
      <c r="AD4537">
        <v>27</v>
      </c>
      <c r="AE4537">
        <v>57</v>
      </c>
      <c r="AF4537">
        <v>1300</v>
      </c>
      <c r="AG4537">
        <v>123852</v>
      </c>
      <c r="AH4537">
        <v>50000</v>
      </c>
      <c r="AI4537">
        <v>0</v>
      </c>
      <c r="AJ4537">
        <v>116</v>
      </c>
      <c r="AK4537" t="s">
        <v>54</v>
      </c>
      <c r="AL4537">
        <v>0</v>
      </c>
      <c r="AM4537">
        <v>0</v>
      </c>
      <c r="AN4537">
        <v>0</v>
      </c>
      <c r="AO4537">
        <v>0</v>
      </c>
      <c r="AP4537">
        <v>0</v>
      </c>
      <c r="AQ4537">
        <v>0</v>
      </c>
      <c r="AR4537">
        <v>0</v>
      </c>
      <c r="AS4537">
        <v>0</v>
      </c>
      <c r="AT4537">
        <v>0</v>
      </c>
      <c r="AU4537">
        <v>0</v>
      </c>
      <c r="AV4537">
        <v>0</v>
      </c>
      <c r="AW4537">
        <v>0</v>
      </c>
      <c r="AX4537">
        <v>-2400</v>
      </c>
      <c r="AY4537">
        <v>47</v>
      </c>
      <c r="AZ4537">
        <v>101</v>
      </c>
      <c r="BA4537">
        <v>7357</v>
      </c>
    </row>
    <row r="4538" spans="1:53" x14ac:dyDescent="0.4">
      <c r="A4538">
        <v>4582</v>
      </c>
      <c r="B4538" s="1">
        <v>44558</v>
      </c>
      <c r="C4538">
        <v>3</v>
      </c>
      <c r="D4538" s="1">
        <v>44558.749305555553</v>
      </c>
      <c r="E4538" s="1">
        <v>44559.137499999997</v>
      </c>
      <c r="F4538">
        <v>198950</v>
      </c>
      <c r="G4538">
        <v>4640</v>
      </c>
      <c r="H4538">
        <v>0</v>
      </c>
      <c r="I4538">
        <v>0</v>
      </c>
      <c r="J4538">
        <v>0</v>
      </c>
      <c r="K4538">
        <v>0</v>
      </c>
      <c r="L4538">
        <v>0</v>
      </c>
      <c r="M4538">
        <v>18510</v>
      </c>
      <c r="N4538">
        <v>0</v>
      </c>
      <c r="O4538">
        <v>0</v>
      </c>
      <c r="P4538">
        <v>10970</v>
      </c>
      <c r="Q4538">
        <v>0</v>
      </c>
      <c r="R4538">
        <v>214560</v>
      </c>
      <c r="S4538">
        <v>0</v>
      </c>
      <c r="T4538">
        <v>0</v>
      </c>
      <c r="U4538">
        <v>0</v>
      </c>
      <c r="V4538">
        <v>13</v>
      </c>
      <c r="W4538">
        <v>5</v>
      </c>
      <c r="X4538">
        <v>0</v>
      </c>
      <c r="Y4538">
        <v>102</v>
      </c>
      <c r="Z4538">
        <v>19</v>
      </c>
      <c r="AA4538">
        <v>96</v>
      </c>
      <c r="AB4538">
        <v>16</v>
      </c>
      <c r="AC4538">
        <v>57</v>
      </c>
      <c r="AD4538">
        <v>28</v>
      </c>
      <c r="AE4538">
        <v>67</v>
      </c>
      <c r="AF4538">
        <v>60735</v>
      </c>
      <c r="AG4538">
        <v>338412</v>
      </c>
      <c r="AH4538">
        <v>50000</v>
      </c>
      <c r="AI4538">
        <v>0</v>
      </c>
      <c r="AJ4538">
        <v>108</v>
      </c>
      <c r="AK4538" t="s">
        <v>3</v>
      </c>
      <c r="AL4538">
        <v>0</v>
      </c>
      <c r="AM4538">
        <v>0</v>
      </c>
      <c r="AN4538">
        <v>0</v>
      </c>
      <c r="AO4538">
        <v>0</v>
      </c>
      <c r="AP4538">
        <v>0</v>
      </c>
      <c r="AQ4538">
        <v>0</v>
      </c>
      <c r="AR4538">
        <v>0</v>
      </c>
      <c r="AS4538">
        <v>0</v>
      </c>
      <c r="AT4538">
        <v>0</v>
      </c>
      <c r="AU4538">
        <v>0</v>
      </c>
      <c r="AV4538">
        <v>0</v>
      </c>
      <c r="AW4538">
        <v>0</v>
      </c>
      <c r="AX4538">
        <v>24240</v>
      </c>
      <c r="AY4538">
        <v>34</v>
      </c>
      <c r="AZ4538">
        <v>109</v>
      </c>
      <c r="BA4538">
        <v>5589</v>
      </c>
    </row>
    <row r="4539" spans="1:53" x14ac:dyDescent="0.4">
      <c r="A4539">
        <v>4583</v>
      </c>
      <c r="B4539" s="1">
        <v>44559</v>
      </c>
      <c r="C4539">
        <v>1</v>
      </c>
      <c r="D4539" s="1">
        <v>44559.291666666664</v>
      </c>
      <c r="E4539" s="1">
        <v>44559.395138888889</v>
      </c>
      <c r="F4539">
        <v>0</v>
      </c>
      <c r="G4539">
        <v>0</v>
      </c>
      <c r="H4539">
        <v>0</v>
      </c>
      <c r="I4539">
        <v>0</v>
      </c>
      <c r="J4539">
        <v>0</v>
      </c>
      <c r="K4539">
        <v>0</v>
      </c>
      <c r="L4539">
        <v>0</v>
      </c>
      <c r="M4539">
        <v>0</v>
      </c>
      <c r="N4539">
        <v>0</v>
      </c>
      <c r="O4539">
        <v>0</v>
      </c>
      <c r="P4539">
        <v>0</v>
      </c>
      <c r="Q4539">
        <v>0</v>
      </c>
      <c r="R4539">
        <v>0</v>
      </c>
      <c r="S4539">
        <v>0</v>
      </c>
      <c r="T4539">
        <v>0</v>
      </c>
      <c r="U4539">
        <v>0</v>
      </c>
      <c r="V4539">
        <v>0</v>
      </c>
      <c r="W4539">
        <v>1</v>
      </c>
      <c r="X4539">
        <v>0</v>
      </c>
      <c r="Y4539">
        <v>29</v>
      </c>
      <c r="Z4539">
        <v>11</v>
      </c>
      <c r="AA4539">
        <v>90</v>
      </c>
      <c r="AB4539">
        <v>15</v>
      </c>
      <c r="AC4539">
        <v>56</v>
      </c>
      <c r="AD4539">
        <v>25</v>
      </c>
      <c r="AE4539">
        <v>65</v>
      </c>
      <c r="AF4539">
        <v>0</v>
      </c>
      <c r="AG4539">
        <v>50000</v>
      </c>
      <c r="AH4539">
        <v>50000</v>
      </c>
      <c r="AI4539">
        <v>0</v>
      </c>
      <c r="AJ4539">
        <v>0</v>
      </c>
      <c r="AK4539" t="s">
        <v>6</v>
      </c>
      <c r="AL4539">
        <v>0</v>
      </c>
      <c r="AM4539">
        <v>0</v>
      </c>
      <c r="AN4539">
        <v>0</v>
      </c>
      <c r="AO4539">
        <v>0</v>
      </c>
      <c r="AP4539">
        <v>0</v>
      </c>
      <c r="AQ4539">
        <v>0</v>
      </c>
      <c r="AR4539">
        <v>0</v>
      </c>
      <c r="AS4539">
        <v>0</v>
      </c>
      <c r="AT4539">
        <v>0</v>
      </c>
      <c r="AU4539">
        <v>0</v>
      </c>
      <c r="AV4539">
        <v>0</v>
      </c>
      <c r="AW4539">
        <v>0</v>
      </c>
      <c r="AX4539">
        <v>0</v>
      </c>
      <c r="AY4539">
        <v>0</v>
      </c>
      <c r="AZ4539">
        <v>0</v>
      </c>
      <c r="BA4539">
        <v>0</v>
      </c>
    </row>
    <row r="4540" spans="1:53" x14ac:dyDescent="0.4">
      <c r="A4540">
        <v>4584</v>
      </c>
      <c r="B4540" s="1">
        <v>44559</v>
      </c>
      <c r="C4540">
        <v>2</v>
      </c>
      <c r="D4540" s="1">
        <v>44559.395138888889</v>
      </c>
      <c r="E4540" s="1">
        <v>44559.752083333333</v>
      </c>
      <c r="F4540">
        <v>69675</v>
      </c>
      <c r="G4540">
        <v>5544</v>
      </c>
      <c r="H4540">
        <v>220</v>
      </c>
      <c r="I4540">
        <v>0</v>
      </c>
      <c r="J4540">
        <v>100</v>
      </c>
      <c r="K4540">
        <v>3000</v>
      </c>
      <c r="L4540">
        <v>0</v>
      </c>
      <c r="M4540">
        <v>7122</v>
      </c>
      <c r="N4540">
        <v>0</v>
      </c>
      <c r="O4540">
        <v>0</v>
      </c>
      <c r="P4540">
        <v>20700</v>
      </c>
      <c r="Q4540">
        <v>0</v>
      </c>
      <c r="R4540">
        <v>99039</v>
      </c>
      <c r="S4540">
        <v>0</v>
      </c>
      <c r="T4540">
        <v>0</v>
      </c>
      <c r="U4540">
        <v>0</v>
      </c>
      <c r="V4540">
        <v>2</v>
      </c>
      <c r="W4540">
        <v>3</v>
      </c>
      <c r="X4540">
        <v>0</v>
      </c>
      <c r="Y4540">
        <v>86</v>
      </c>
      <c r="Z4540">
        <v>25</v>
      </c>
      <c r="AA4540">
        <v>89</v>
      </c>
      <c r="AB4540">
        <v>12</v>
      </c>
      <c r="AC4540">
        <v>75</v>
      </c>
      <c r="AD4540">
        <v>24</v>
      </c>
      <c r="AE4540">
        <v>69</v>
      </c>
      <c r="AF4540">
        <v>5100</v>
      </c>
      <c r="AG4540">
        <v>149039</v>
      </c>
      <c r="AH4540">
        <v>50000</v>
      </c>
      <c r="AI4540">
        <v>0</v>
      </c>
      <c r="AJ4540">
        <v>116</v>
      </c>
      <c r="AK4540" t="s">
        <v>54</v>
      </c>
      <c r="AL4540">
        <v>0</v>
      </c>
      <c r="AM4540">
        <v>0</v>
      </c>
      <c r="AN4540">
        <v>0</v>
      </c>
      <c r="AO4540">
        <v>0</v>
      </c>
      <c r="AP4540">
        <v>0</v>
      </c>
      <c r="AQ4540">
        <v>0</v>
      </c>
      <c r="AR4540">
        <v>0</v>
      </c>
      <c r="AS4540">
        <v>0</v>
      </c>
      <c r="AT4540">
        <v>0</v>
      </c>
      <c r="AU4540">
        <v>0</v>
      </c>
      <c r="AV4540">
        <v>0</v>
      </c>
      <c r="AW4540">
        <v>0</v>
      </c>
      <c r="AX4540">
        <v>308</v>
      </c>
      <c r="AY4540">
        <v>51</v>
      </c>
      <c r="AZ4540">
        <v>125</v>
      </c>
      <c r="BA4540">
        <v>8327</v>
      </c>
    </row>
    <row r="4541" spans="1:53" x14ac:dyDescent="0.4">
      <c r="A4541">
        <v>4585</v>
      </c>
      <c r="B4541" s="1">
        <v>44559</v>
      </c>
      <c r="C4541">
        <v>3</v>
      </c>
      <c r="D4541" s="1">
        <v>44559.752083333333</v>
      </c>
      <c r="E4541" s="1">
        <v>44560.069444444445</v>
      </c>
      <c r="F4541">
        <v>194130</v>
      </c>
      <c r="G4541">
        <v>2728</v>
      </c>
      <c r="H4541">
        <v>0</v>
      </c>
      <c r="I4541">
        <v>0</v>
      </c>
      <c r="J4541">
        <v>0</v>
      </c>
      <c r="K4541">
        <v>1440</v>
      </c>
      <c r="L4541">
        <v>0</v>
      </c>
      <c r="M4541">
        <v>18027</v>
      </c>
      <c r="N4541">
        <v>0</v>
      </c>
      <c r="O4541">
        <v>0</v>
      </c>
      <c r="P4541">
        <v>92460</v>
      </c>
      <c r="Q4541">
        <v>0</v>
      </c>
      <c r="R4541">
        <v>290758</v>
      </c>
      <c r="S4541">
        <v>0</v>
      </c>
      <c r="T4541">
        <v>0</v>
      </c>
      <c r="U4541">
        <v>0</v>
      </c>
      <c r="V4541">
        <v>17</v>
      </c>
      <c r="W4541">
        <v>6</v>
      </c>
      <c r="X4541">
        <v>0</v>
      </c>
      <c r="Y4541">
        <v>155</v>
      </c>
      <c r="Z4541">
        <v>30</v>
      </c>
      <c r="AA4541">
        <v>66</v>
      </c>
      <c r="AB4541">
        <v>12</v>
      </c>
      <c r="AC4541">
        <v>78</v>
      </c>
      <c r="AD4541">
        <v>27</v>
      </c>
      <c r="AE4541">
        <v>72</v>
      </c>
      <c r="AF4541">
        <v>61610</v>
      </c>
      <c r="AG4541">
        <v>439797</v>
      </c>
      <c r="AH4541">
        <v>50000</v>
      </c>
      <c r="AI4541">
        <v>0</v>
      </c>
      <c r="AJ4541">
        <v>108</v>
      </c>
      <c r="AK4541" t="s">
        <v>3</v>
      </c>
      <c r="AL4541">
        <v>0</v>
      </c>
      <c r="AM4541">
        <v>0</v>
      </c>
      <c r="AN4541">
        <v>0</v>
      </c>
      <c r="AO4541">
        <v>0</v>
      </c>
      <c r="AP4541">
        <v>0</v>
      </c>
      <c r="AQ4541">
        <v>0</v>
      </c>
      <c r="AR4541">
        <v>0</v>
      </c>
      <c r="AS4541">
        <v>0</v>
      </c>
      <c r="AT4541">
        <v>0</v>
      </c>
      <c r="AU4541">
        <v>0</v>
      </c>
      <c r="AV4541">
        <v>0</v>
      </c>
      <c r="AW4541">
        <v>0</v>
      </c>
      <c r="AX4541">
        <v>12848</v>
      </c>
      <c r="AY4541">
        <v>32</v>
      </c>
      <c r="AZ4541">
        <v>139</v>
      </c>
      <c r="BA4541">
        <v>4783</v>
      </c>
    </row>
    <row r="4542" spans="1:53" x14ac:dyDescent="0.4">
      <c r="A4542">
        <v>4586</v>
      </c>
      <c r="B4542" s="1">
        <v>44560</v>
      </c>
      <c r="C4542">
        <v>1</v>
      </c>
      <c r="D4542" s="1">
        <v>44560.291666666664</v>
      </c>
      <c r="E4542" s="1">
        <v>44560.409722222219</v>
      </c>
      <c r="F4542">
        <v>0</v>
      </c>
      <c r="G4542">
        <v>0</v>
      </c>
      <c r="H4542">
        <v>0</v>
      </c>
      <c r="I4542">
        <v>0</v>
      </c>
      <c r="J4542">
        <v>0</v>
      </c>
      <c r="K4542">
        <v>0</v>
      </c>
      <c r="L4542">
        <v>0</v>
      </c>
      <c r="M4542">
        <v>0</v>
      </c>
      <c r="N4542">
        <v>0</v>
      </c>
      <c r="O4542">
        <v>0</v>
      </c>
      <c r="P4542">
        <v>0</v>
      </c>
      <c r="Q4542">
        <v>0</v>
      </c>
      <c r="R4542">
        <v>0</v>
      </c>
      <c r="S4542">
        <v>0</v>
      </c>
      <c r="T4542">
        <v>0</v>
      </c>
      <c r="U4542">
        <v>0</v>
      </c>
      <c r="V4542">
        <v>0</v>
      </c>
      <c r="W4542">
        <v>1</v>
      </c>
      <c r="X4542">
        <v>0</v>
      </c>
      <c r="Y4542">
        <v>30</v>
      </c>
      <c r="Z4542">
        <v>12</v>
      </c>
      <c r="AA4542">
        <v>75</v>
      </c>
      <c r="AB4542">
        <v>13</v>
      </c>
      <c r="AC4542">
        <v>63</v>
      </c>
      <c r="AD4542">
        <v>27</v>
      </c>
      <c r="AE4542">
        <v>85</v>
      </c>
      <c r="AF4542">
        <v>0</v>
      </c>
      <c r="AG4542">
        <v>50000</v>
      </c>
      <c r="AH4542">
        <v>50000</v>
      </c>
      <c r="AI4542">
        <v>0</v>
      </c>
      <c r="AJ4542">
        <v>0</v>
      </c>
      <c r="AK4542" t="s">
        <v>6</v>
      </c>
      <c r="AL4542">
        <v>0</v>
      </c>
      <c r="AM4542">
        <v>0</v>
      </c>
      <c r="AN4542">
        <v>0</v>
      </c>
      <c r="AO4542">
        <v>0</v>
      </c>
      <c r="AP4542">
        <v>0</v>
      </c>
      <c r="AQ4542">
        <v>0</v>
      </c>
      <c r="AR4542">
        <v>0</v>
      </c>
      <c r="AS4542">
        <v>0</v>
      </c>
      <c r="AT4542">
        <v>0</v>
      </c>
      <c r="AU4542">
        <v>0</v>
      </c>
      <c r="AV4542">
        <v>0</v>
      </c>
      <c r="AW4542">
        <v>0</v>
      </c>
      <c r="AX4542">
        <v>0</v>
      </c>
      <c r="AY4542">
        <v>0</v>
      </c>
      <c r="AZ4542">
        <v>0</v>
      </c>
      <c r="BA4542">
        <v>0</v>
      </c>
    </row>
    <row r="4543" spans="1:53" x14ac:dyDescent="0.4">
      <c r="A4543">
        <v>4587</v>
      </c>
      <c r="B4543" s="1">
        <v>44560</v>
      </c>
      <c r="C4543">
        <v>2</v>
      </c>
      <c r="D4543" s="1">
        <v>44560.409722222219</v>
      </c>
      <c r="E4543" s="1">
        <v>44560.739583333336</v>
      </c>
      <c r="F4543">
        <v>54950</v>
      </c>
      <c r="G4543">
        <v>3388</v>
      </c>
      <c r="H4543">
        <v>0</v>
      </c>
      <c r="I4543">
        <v>0</v>
      </c>
      <c r="J4543">
        <v>200</v>
      </c>
      <c r="K4543">
        <v>0</v>
      </c>
      <c r="L4543">
        <v>0</v>
      </c>
      <c r="M4543">
        <v>5288</v>
      </c>
      <c r="N4543">
        <v>0</v>
      </c>
      <c r="O4543">
        <v>0</v>
      </c>
      <c r="P4543">
        <v>21250</v>
      </c>
      <c r="Q4543">
        <v>0</v>
      </c>
      <c r="R4543">
        <v>79388</v>
      </c>
      <c r="S4543">
        <v>0</v>
      </c>
      <c r="T4543">
        <v>0</v>
      </c>
      <c r="U4543">
        <v>0</v>
      </c>
      <c r="V4543">
        <v>3</v>
      </c>
      <c r="W4543">
        <v>1</v>
      </c>
      <c r="X4543">
        <v>0</v>
      </c>
      <c r="Y4543">
        <v>64</v>
      </c>
      <c r="Z4543">
        <v>30</v>
      </c>
      <c r="AA4543">
        <v>80</v>
      </c>
      <c r="AB4543">
        <v>17</v>
      </c>
      <c r="AC4543">
        <v>90</v>
      </c>
      <c r="AD4543">
        <v>29</v>
      </c>
      <c r="AE4543">
        <v>99</v>
      </c>
      <c r="AF4543">
        <v>5394</v>
      </c>
      <c r="AG4543">
        <v>129388</v>
      </c>
      <c r="AH4543">
        <v>50000</v>
      </c>
      <c r="AI4543">
        <v>0</v>
      </c>
      <c r="AJ4543">
        <v>119</v>
      </c>
      <c r="AK4543" t="s">
        <v>56</v>
      </c>
      <c r="AL4543">
        <v>0</v>
      </c>
      <c r="AM4543">
        <v>0</v>
      </c>
      <c r="AN4543">
        <v>0</v>
      </c>
      <c r="AO4543">
        <v>0</v>
      </c>
      <c r="AP4543">
        <v>0</v>
      </c>
      <c r="AQ4543">
        <v>0</v>
      </c>
      <c r="AR4543">
        <v>0</v>
      </c>
      <c r="AS4543">
        <v>0</v>
      </c>
      <c r="AT4543">
        <v>0</v>
      </c>
      <c r="AU4543">
        <v>0</v>
      </c>
      <c r="AV4543">
        <v>0</v>
      </c>
      <c r="AW4543">
        <v>0</v>
      </c>
      <c r="AX4543">
        <v>902</v>
      </c>
      <c r="AY4543">
        <v>47</v>
      </c>
      <c r="AZ4543">
        <v>106</v>
      </c>
      <c r="BA4543">
        <v>7435</v>
      </c>
    </row>
    <row r="4544" spans="1:53" x14ac:dyDescent="0.4">
      <c r="A4544">
        <v>4588</v>
      </c>
      <c r="B4544" s="1">
        <v>44560</v>
      </c>
      <c r="C4544">
        <v>3</v>
      </c>
      <c r="D4544" s="1">
        <v>44560.739583333336</v>
      </c>
      <c r="E4544" s="1">
        <v>44561.0625</v>
      </c>
      <c r="F4544">
        <v>207690</v>
      </c>
      <c r="G4544">
        <v>9082</v>
      </c>
      <c r="H4544">
        <v>0</v>
      </c>
      <c r="I4544">
        <v>0</v>
      </c>
      <c r="J4544">
        <v>0</v>
      </c>
      <c r="K4544">
        <v>0</v>
      </c>
      <c r="L4544">
        <v>0</v>
      </c>
      <c r="M4544">
        <v>19707</v>
      </c>
      <c r="N4544">
        <v>0</v>
      </c>
      <c r="O4544">
        <v>0</v>
      </c>
      <c r="P4544">
        <v>-6180</v>
      </c>
      <c r="Q4544">
        <v>0</v>
      </c>
      <c r="R4544">
        <v>210592</v>
      </c>
      <c r="S4544">
        <v>0</v>
      </c>
      <c r="T4544">
        <v>0</v>
      </c>
      <c r="U4544">
        <v>0</v>
      </c>
      <c r="V4544">
        <v>16</v>
      </c>
      <c r="W4544">
        <v>3</v>
      </c>
      <c r="X4544">
        <v>0</v>
      </c>
      <c r="Y4544">
        <v>109</v>
      </c>
      <c r="Z4544">
        <v>34</v>
      </c>
      <c r="AA4544">
        <v>87</v>
      </c>
      <c r="AB4544">
        <v>13</v>
      </c>
      <c r="AC4544">
        <v>97</v>
      </c>
      <c r="AD4544">
        <v>26</v>
      </c>
      <c r="AE4544">
        <v>92</v>
      </c>
      <c r="AF4544">
        <v>28438</v>
      </c>
      <c r="AG4544">
        <v>339980</v>
      </c>
      <c r="AH4544">
        <v>50000</v>
      </c>
      <c r="AI4544">
        <v>0</v>
      </c>
      <c r="AJ4544">
        <v>108</v>
      </c>
      <c r="AK4544" t="s">
        <v>3</v>
      </c>
      <c r="AL4544">
        <v>0</v>
      </c>
      <c r="AM4544">
        <v>0</v>
      </c>
      <c r="AN4544">
        <v>0</v>
      </c>
      <c r="AO4544">
        <v>0</v>
      </c>
      <c r="AP4544">
        <v>0</v>
      </c>
      <c r="AQ4544">
        <v>0</v>
      </c>
      <c r="AR4544">
        <v>0</v>
      </c>
      <c r="AS4544">
        <v>0</v>
      </c>
      <c r="AT4544">
        <v>0</v>
      </c>
      <c r="AU4544">
        <v>0</v>
      </c>
      <c r="AV4544">
        <v>0</v>
      </c>
      <c r="AW4544">
        <v>0</v>
      </c>
      <c r="AX4544">
        <v>12580</v>
      </c>
      <c r="AY4544">
        <v>37</v>
      </c>
      <c r="AZ4544">
        <v>115</v>
      </c>
      <c r="BA4544">
        <v>5415</v>
      </c>
    </row>
    <row r="4545" spans="1:53" x14ac:dyDescent="0.4">
      <c r="A4545">
        <v>4589</v>
      </c>
      <c r="B4545" s="1">
        <v>44561</v>
      </c>
      <c r="C4545">
        <v>1</v>
      </c>
      <c r="D4545" s="1">
        <v>44561.291666666664</v>
      </c>
      <c r="E4545" s="1">
        <v>44561.411111111112</v>
      </c>
      <c r="F4545">
        <v>0</v>
      </c>
      <c r="G4545">
        <v>0</v>
      </c>
      <c r="H4545">
        <v>0</v>
      </c>
      <c r="I4545">
        <v>0</v>
      </c>
      <c r="J4545">
        <v>0</v>
      </c>
      <c r="K4545">
        <v>0</v>
      </c>
      <c r="L4545">
        <v>0</v>
      </c>
      <c r="M4545">
        <v>0</v>
      </c>
      <c r="N4545">
        <v>0</v>
      </c>
      <c r="O4545">
        <v>0</v>
      </c>
      <c r="P4545">
        <v>0</v>
      </c>
      <c r="Q4545">
        <v>0</v>
      </c>
      <c r="R4545">
        <v>0</v>
      </c>
      <c r="S4545">
        <v>0</v>
      </c>
      <c r="T4545">
        <v>0</v>
      </c>
      <c r="U4545">
        <v>0</v>
      </c>
      <c r="V4545">
        <v>0</v>
      </c>
      <c r="W4545">
        <v>1</v>
      </c>
      <c r="X4545">
        <v>0</v>
      </c>
      <c r="Y4545">
        <v>30</v>
      </c>
      <c r="Z4545">
        <v>10</v>
      </c>
      <c r="AA4545">
        <v>83</v>
      </c>
      <c r="AB4545">
        <v>14</v>
      </c>
      <c r="AC4545">
        <v>78</v>
      </c>
      <c r="AD4545">
        <v>27</v>
      </c>
      <c r="AE4545">
        <v>85</v>
      </c>
      <c r="AF4545">
        <v>0</v>
      </c>
      <c r="AG4545">
        <v>50000</v>
      </c>
      <c r="AH4545">
        <v>50000</v>
      </c>
      <c r="AI4545">
        <v>0</v>
      </c>
      <c r="AJ4545">
        <v>0</v>
      </c>
      <c r="AK4545" t="s">
        <v>6</v>
      </c>
      <c r="AL4545">
        <v>0</v>
      </c>
      <c r="AM4545">
        <v>0</v>
      </c>
      <c r="AN4545">
        <v>0</v>
      </c>
      <c r="AO4545">
        <v>0</v>
      </c>
      <c r="AP4545">
        <v>0</v>
      </c>
      <c r="AQ4545">
        <v>0</v>
      </c>
      <c r="AR4545">
        <v>0</v>
      </c>
      <c r="AS4545">
        <v>0</v>
      </c>
      <c r="AT4545">
        <v>0</v>
      </c>
      <c r="AU4545">
        <v>0</v>
      </c>
      <c r="AV4545">
        <v>0</v>
      </c>
      <c r="AW4545">
        <v>0</v>
      </c>
      <c r="AX4545">
        <v>0</v>
      </c>
      <c r="AY4545">
        <v>0</v>
      </c>
      <c r="AZ4545">
        <v>0</v>
      </c>
      <c r="BA4545">
        <v>0</v>
      </c>
    </row>
    <row r="4546" spans="1:53" x14ac:dyDescent="0.4">
      <c r="A4546">
        <v>4590</v>
      </c>
      <c r="B4546" s="1">
        <v>44561</v>
      </c>
      <c r="C4546">
        <v>2</v>
      </c>
      <c r="D4546" s="1">
        <v>44561.411111111112</v>
      </c>
      <c r="E4546" s="1">
        <v>44561.749305555553</v>
      </c>
      <c r="F4546">
        <v>49450</v>
      </c>
      <c r="G4546">
        <v>2662</v>
      </c>
      <c r="H4546">
        <v>0</v>
      </c>
      <c r="I4546">
        <v>0</v>
      </c>
      <c r="J4546">
        <v>0</v>
      </c>
      <c r="K4546">
        <v>0</v>
      </c>
      <c r="L4546">
        <v>0</v>
      </c>
      <c r="M4546">
        <v>4737</v>
      </c>
      <c r="N4546">
        <v>0</v>
      </c>
      <c r="O4546">
        <v>0</v>
      </c>
      <c r="P4546">
        <v>24720</v>
      </c>
      <c r="Q4546">
        <v>0</v>
      </c>
      <c r="R4546">
        <v>76832</v>
      </c>
      <c r="S4546">
        <v>0</v>
      </c>
      <c r="T4546">
        <v>0</v>
      </c>
      <c r="U4546">
        <v>0</v>
      </c>
      <c r="V4546">
        <v>5</v>
      </c>
      <c r="W4546">
        <v>0</v>
      </c>
      <c r="X4546">
        <v>0</v>
      </c>
      <c r="Y4546">
        <v>60</v>
      </c>
      <c r="Z4546">
        <v>10</v>
      </c>
      <c r="AA4546">
        <v>59</v>
      </c>
      <c r="AB4546">
        <v>13</v>
      </c>
      <c r="AC4546">
        <v>90</v>
      </c>
      <c r="AD4546">
        <v>25</v>
      </c>
      <c r="AE4546">
        <v>82</v>
      </c>
      <c r="AF4546">
        <v>4175</v>
      </c>
      <c r="AG4546">
        <v>126832</v>
      </c>
      <c r="AH4546">
        <v>50000</v>
      </c>
      <c r="AI4546">
        <v>0</v>
      </c>
      <c r="AJ4546">
        <v>114</v>
      </c>
      <c r="AK4546" t="s">
        <v>53</v>
      </c>
      <c r="AL4546">
        <v>0</v>
      </c>
      <c r="AM4546">
        <v>0</v>
      </c>
      <c r="AN4546">
        <v>0</v>
      </c>
      <c r="AO4546">
        <v>0</v>
      </c>
      <c r="AP4546">
        <v>0</v>
      </c>
      <c r="AQ4546">
        <v>0</v>
      </c>
      <c r="AR4546">
        <v>0</v>
      </c>
      <c r="AS4546">
        <v>0</v>
      </c>
      <c r="AT4546">
        <v>0</v>
      </c>
      <c r="AU4546">
        <v>0</v>
      </c>
      <c r="AV4546">
        <v>0</v>
      </c>
      <c r="AW4546">
        <v>0</v>
      </c>
      <c r="AX4546">
        <v>-1200</v>
      </c>
      <c r="AY4546">
        <v>38</v>
      </c>
      <c r="AZ4546">
        <v>100</v>
      </c>
      <c r="BA4546">
        <v>5779</v>
      </c>
    </row>
    <row r="4547" spans="1:53" x14ac:dyDescent="0.4">
      <c r="A4547">
        <v>4591</v>
      </c>
      <c r="B4547" s="1">
        <v>44562</v>
      </c>
      <c r="C4547">
        <v>1</v>
      </c>
      <c r="D4547" s="1">
        <v>44562.291666666664</v>
      </c>
      <c r="E4547" s="1">
        <v>44562.411111111112</v>
      </c>
      <c r="F4547">
        <v>0</v>
      </c>
      <c r="G4547">
        <v>0</v>
      </c>
      <c r="H4547">
        <v>0</v>
      </c>
      <c r="I4547">
        <v>0</v>
      </c>
      <c r="J4547">
        <v>0</v>
      </c>
      <c r="K4547">
        <v>0</v>
      </c>
      <c r="L4547">
        <v>0</v>
      </c>
      <c r="M4547">
        <v>0</v>
      </c>
      <c r="N4547">
        <v>0</v>
      </c>
      <c r="O4547">
        <v>0</v>
      </c>
      <c r="P4547">
        <v>0</v>
      </c>
      <c r="Q4547">
        <v>0</v>
      </c>
      <c r="R4547">
        <v>0</v>
      </c>
      <c r="S4547">
        <v>0</v>
      </c>
      <c r="T4547">
        <v>0</v>
      </c>
      <c r="U4547">
        <v>0</v>
      </c>
      <c r="V4547">
        <v>0</v>
      </c>
      <c r="W4547">
        <v>0</v>
      </c>
      <c r="X4547">
        <v>0</v>
      </c>
      <c r="Y4547">
        <v>38</v>
      </c>
      <c r="Z4547">
        <v>9</v>
      </c>
      <c r="AA4547">
        <v>60</v>
      </c>
      <c r="AB4547">
        <v>12</v>
      </c>
      <c r="AC4547">
        <v>67</v>
      </c>
      <c r="AD4547">
        <v>29</v>
      </c>
      <c r="AE4547">
        <v>85</v>
      </c>
      <c r="AF4547">
        <v>0</v>
      </c>
      <c r="AG4547">
        <v>50000</v>
      </c>
      <c r="AH4547">
        <v>50000</v>
      </c>
      <c r="AI4547">
        <v>0</v>
      </c>
      <c r="AJ4547">
        <v>0</v>
      </c>
      <c r="AK4547" t="s">
        <v>6</v>
      </c>
      <c r="AL4547">
        <v>0</v>
      </c>
      <c r="AM4547">
        <v>0</v>
      </c>
      <c r="AN4547">
        <v>0</v>
      </c>
      <c r="AO4547">
        <v>0</v>
      </c>
      <c r="AP4547">
        <v>0</v>
      </c>
      <c r="AQ4547">
        <v>0</v>
      </c>
      <c r="AR4547">
        <v>0</v>
      </c>
      <c r="AS4547">
        <v>0</v>
      </c>
      <c r="AT4547">
        <v>0</v>
      </c>
      <c r="AU4547">
        <v>0</v>
      </c>
      <c r="AV4547">
        <v>0</v>
      </c>
      <c r="AW4547">
        <v>0</v>
      </c>
      <c r="AX4547">
        <v>0</v>
      </c>
      <c r="AY4547">
        <v>0</v>
      </c>
      <c r="AZ4547">
        <v>0</v>
      </c>
      <c r="BA4547">
        <v>0</v>
      </c>
    </row>
    <row r="4548" spans="1:53" x14ac:dyDescent="0.4">
      <c r="A4548">
        <v>4592</v>
      </c>
      <c r="B4548" s="1">
        <v>44562</v>
      </c>
      <c r="C4548">
        <v>2</v>
      </c>
      <c r="D4548" s="1">
        <v>44562.411111111112</v>
      </c>
      <c r="E4548" s="1">
        <v>44562.740972222222</v>
      </c>
      <c r="F4548">
        <v>22250</v>
      </c>
      <c r="G4548">
        <v>7139</v>
      </c>
      <c r="H4548">
        <v>0</v>
      </c>
      <c r="I4548">
        <v>0</v>
      </c>
      <c r="J4548">
        <v>0</v>
      </c>
      <c r="K4548">
        <v>0</v>
      </c>
      <c r="L4548">
        <v>0</v>
      </c>
      <c r="M4548">
        <v>2675</v>
      </c>
      <c r="N4548">
        <v>0</v>
      </c>
      <c r="O4548">
        <v>0</v>
      </c>
      <c r="P4548">
        <v>20100</v>
      </c>
      <c r="Q4548">
        <v>0</v>
      </c>
      <c r="R4548">
        <v>49489</v>
      </c>
      <c r="S4548">
        <v>0</v>
      </c>
      <c r="T4548">
        <v>0</v>
      </c>
      <c r="U4548">
        <v>0</v>
      </c>
      <c r="V4548">
        <v>3</v>
      </c>
      <c r="W4548">
        <v>0</v>
      </c>
      <c r="X4548">
        <v>0</v>
      </c>
      <c r="Y4548">
        <v>56</v>
      </c>
      <c r="Z4548">
        <v>6</v>
      </c>
      <c r="AA4548">
        <v>32</v>
      </c>
      <c r="AB4548">
        <v>9</v>
      </c>
      <c r="AC4548">
        <v>62</v>
      </c>
      <c r="AD4548">
        <v>26</v>
      </c>
      <c r="AE4548">
        <v>79</v>
      </c>
      <c r="AF4548">
        <v>6010</v>
      </c>
      <c r="AG4548">
        <v>99489</v>
      </c>
      <c r="AH4548">
        <v>50000</v>
      </c>
      <c r="AI4548">
        <v>0</v>
      </c>
      <c r="AJ4548">
        <v>103</v>
      </c>
      <c r="AK4548" t="s">
        <v>7</v>
      </c>
      <c r="AL4548">
        <v>0</v>
      </c>
      <c r="AM4548">
        <v>0</v>
      </c>
      <c r="AN4548">
        <v>0</v>
      </c>
      <c r="AO4548">
        <v>0</v>
      </c>
      <c r="AP4548">
        <v>0</v>
      </c>
      <c r="AQ4548">
        <v>0</v>
      </c>
      <c r="AR4548">
        <v>0</v>
      </c>
      <c r="AS4548">
        <v>0</v>
      </c>
      <c r="AT4548">
        <v>0</v>
      </c>
      <c r="AU4548">
        <v>0</v>
      </c>
      <c r="AV4548">
        <v>0</v>
      </c>
      <c r="AW4548">
        <v>0</v>
      </c>
      <c r="AX4548">
        <v>1782</v>
      </c>
      <c r="AY4548">
        <v>26</v>
      </c>
      <c r="AZ4548">
        <v>59</v>
      </c>
      <c r="BA4548">
        <v>3897</v>
      </c>
    </row>
    <row r="4549" spans="1:53" x14ac:dyDescent="0.4">
      <c r="A4549">
        <v>4593</v>
      </c>
      <c r="B4549" s="1">
        <v>44562</v>
      </c>
      <c r="C4549">
        <v>3</v>
      </c>
      <c r="D4549" s="1">
        <v>44562.740972222222</v>
      </c>
      <c r="E4549" s="1">
        <v>44563.267361111109</v>
      </c>
      <c r="F4549">
        <v>45560</v>
      </c>
      <c r="G4549">
        <v>2770</v>
      </c>
      <c r="H4549">
        <v>0</v>
      </c>
      <c r="I4549">
        <v>0</v>
      </c>
      <c r="J4549">
        <v>0</v>
      </c>
      <c r="K4549">
        <v>0</v>
      </c>
      <c r="L4549">
        <v>0</v>
      </c>
      <c r="M4549">
        <v>4394</v>
      </c>
      <c r="N4549">
        <v>0</v>
      </c>
      <c r="O4549">
        <v>0</v>
      </c>
      <c r="P4549">
        <v>-20100</v>
      </c>
      <c r="Q4549">
        <v>0</v>
      </c>
      <c r="R4549">
        <v>28230</v>
      </c>
      <c r="S4549">
        <v>0</v>
      </c>
      <c r="T4549">
        <v>0</v>
      </c>
      <c r="U4549">
        <v>0</v>
      </c>
      <c r="V4549">
        <v>0</v>
      </c>
      <c r="W4549">
        <v>0</v>
      </c>
      <c r="X4549">
        <v>0</v>
      </c>
      <c r="Y4549">
        <v>41</v>
      </c>
      <c r="Z4549">
        <v>8</v>
      </c>
      <c r="AA4549">
        <v>37</v>
      </c>
      <c r="AB4549">
        <v>10</v>
      </c>
      <c r="AC4549">
        <v>60</v>
      </c>
      <c r="AD4549">
        <v>25</v>
      </c>
      <c r="AE4549">
        <v>75</v>
      </c>
      <c r="AF4549">
        <v>0</v>
      </c>
      <c r="AG4549">
        <v>50000</v>
      </c>
      <c r="AH4549">
        <v>50000</v>
      </c>
      <c r="AI4549">
        <v>-77719</v>
      </c>
      <c r="AJ4549">
        <v>114</v>
      </c>
      <c r="AK4549" t="s">
        <v>53</v>
      </c>
      <c r="AL4549">
        <v>0</v>
      </c>
      <c r="AM4549">
        <v>0</v>
      </c>
      <c r="AN4549">
        <v>0</v>
      </c>
      <c r="AO4549">
        <v>0</v>
      </c>
      <c r="AP4549">
        <v>0</v>
      </c>
      <c r="AQ4549">
        <v>0</v>
      </c>
      <c r="AR4549">
        <v>0</v>
      </c>
      <c r="AS4549">
        <v>0</v>
      </c>
      <c r="AT4549">
        <v>0</v>
      </c>
      <c r="AU4549">
        <v>0</v>
      </c>
      <c r="AV4549">
        <v>0</v>
      </c>
      <c r="AW4549">
        <v>0</v>
      </c>
      <c r="AX4549">
        <v>0</v>
      </c>
      <c r="AY4549">
        <v>5</v>
      </c>
      <c r="AZ4549">
        <v>13</v>
      </c>
      <c r="BA4549">
        <v>1435</v>
      </c>
    </row>
    <row r="4550" spans="1:53" x14ac:dyDescent="0.4">
      <c r="A4550">
        <v>4594</v>
      </c>
      <c r="B4550" s="1">
        <v>44563</v>
      </c>
      <c r="C4550">
        <v>1</v>
      </c>
      <c r="D4550" s="1">
        <v>44563.291666666664</v>
      </c>
      <c r="E4550" s="1">
        <v>44563.406944444447</v>
      </c>
      <c r="F4550">
        <v>0</v>
      </c>
      <c r="G4550">
        <v>0</v>
      </c>
      <c r="H4550">
        <v>0</v>
      </c>
      <c r="I4550">
        <v>0</v>
      </c>
      <c r="J4550">
        <v>0</v>
      </c>
      <c r="K4550">
        <v>0</v>
      </c>
      <c r="L4550">
        <v>0</v>
      </c>
      <c r="M4550">
        <v>0</v>
      </c>
      <c r="N4550">
        <v>0</v>
      </c>
      <c r="O4550">
        <v>0</v>
      </c>
      <c r="P4550">
        <v>0</v>
      </c>
      <c r="Q4550">
        <v>0</v>
      </c>
      <c r="R4550">
        <v>0</v>
      </c>
      <c r="S4550">
        <v>0</v>
      </c>
      <c r="T4550">
        <v>0</v>
      </c>
      <c r="U4550">
        <v>0</v>
      </c>
      <c r="V4550">
        <v>0</v>
      </c>
      <c r="W4550">
        <v>0</v>
      </c>
      <c r="X4550">
        <v>0</v>
      </c>
      <c r="Y4550">
        <v>41</v>
      </c>
      <c r="Z4550">
        <v>8</v>
      </c>
      <c r="AA4550">
        <v>37</v>
      </c>
      <c r="AB4550">
        <v>10</v>
      </c>
      <c r="AC4550">
        <v>60</v>
      </c>
      <c r="AD4550">
        <v>25</v>
      </c>
      <c r="AE4550">
        <v>75</v>
      </c>
      <c r="AF4550">
        <v>0</v>
      </c>
      <c r="AG4550">
        <v>50000</v>
      </c>
      <c r="AH4550">
        <v>50000</v>
      </c>
      <c r="AI4550">
        <v>0</v>
      </c>
      <c r="AJ4550">
        <v>0</v>
      </c>
      <c r="AK4550" t="s">
        <v>6</v>
      </c>
      <c r="AL4550">
        <v>0</v>
      </c>
      <c r="AM4550">
        <v>0</v>
      </c>
      <c r="AN4550">
        <v>0</v>
      </c>
      <c r="AO4550">
        <v>0</v>
      </c>
      <c r="AP4550">
        <v>0</v>
      </c>
      <c r="AQ4550">
        <v>0</v>
      </c>
      <c r="AR4550">
        <v>0</v>
      </c>
      <c r="AS4550">
        <v>0</v>
      </c>
      <c r="AT4550">
        <v>0</v>
      </c>
      <c r="AU4550">
        <v>0</v>
      </c>
      <c r="AV4550">
        <v>0</v>
      </c>
      <c r="AW4550">
        <v>0</v>
      </c>
      <c r="AX4550">
        <v>0</v>
      </c>
      <c r="AY4550">
        <v>0</v>
      </c>
      <c r="AZ4550">
        <v>0</v>
      </c>
      <c r="BA4550">
        <v>0</v>
      </c>
    </row>
    <row r="4551" spans="1:53" x14ac:dyDescent="0.4">
      <c r="A4551">
        <v>4595</v>
      </c>
      <c r="B4551" s="1">
        <v>44563</v>
      </c>
      <c r="C4551">
        <v>2</v>
      </c>
      <c r="D4551" s="1">
        <v>44563.406944444447</v>
      </c>
      <c r="E4551" s="1">
        <v>44563.743750000001</v>
      </c>
      <c r="F4551">
        <v>43650</v>
      </c>
      <c r="G4551">
        <v>8976</v>
      </c>
      <c r="H4551">
        <v>0</v>
      </c>
      <c r="I4551">
        <v>0</v>
      </c>
      <c r="J4551">
        <v>100</v>
      </c>
      <c r="K4551">
        <v>400</v>
      </c>
      <c r="L4551">
        <v>0</v>
      </c>
      <c r="M4551">
        <v>4813</v>
      </c>
      <c r="N4551">
        <v>0</v>
      </c>
      <c r="O4551">
        <v>0</v>
      </c>
      <c r="P4551">
        <v>17050</v>
      </c>
      <c r="Q4551">
        <v>0</v>
      </c>
      <c r="R4551">
        <v>69976</v>
      </c>
      <c r="S4551">
        <v>0</v>
      </c>
      <c r="T4551">
        <v>0</v>
      </c>
      <c r="U4551">
        <v>0</v>
      </c>
      <c r="V4551">
        <v>3</v>
      </c>
      <c r="W4551">
        <v>4</v>
      </c>
      <c r="X4551">
        <v>0</v>
      </c>
      <c r="Y4551">
        <v>55</v>
      </c>
      <c r="Z4551">
        <v>17</v>
      </c>
      <c r="AA4551">
        <v>41</v>
      </c>
      <c r="AB4551">
        <v>6</v>
      </c>
      <c r="AC4551">
        <v>68</v>
      </c>
      <c r="AD4551">
        <v>23</v>
      </c>
      <c r="AE4551">
        <v>81</v>
      </c>
      <c r="AF4551">
        <v>1200</v>
      </c>
      <c r="AG4551">
        <v>119976</v>
      </c>
      <c r="AH4551">
        <v>50000</v>
      </c>
      <c r="AI4551">
        <v>0</v>
      </c>
      <c r="AJ4551">
        <v>103</v>
      </c>
      <c r="AK4551" t="s">
        <v>7</v>
      </c>
      <c r="AL4551">
        <v>0</v>
      </c>
      <c r="AM4551">
        <v>0</v>
      </c>
      <c r="AN4551">
        <v>0</v>
      </c>
      <c r="AO4551">
        <v>0</v>
      </c>
      <c r="AP4551">
        <v>0</v>
      </c>
      <c r="AQ4551">
        <v>0</v>
      </c>
      <c r="AR4551">
        <v>0</v>
      </c>
      <c r="AS4551">
        <v>0</v>
      </c>
      <c r="AT4551">
        <v>0</v>
      </c>
      <c r="AU4551">
        <v>0</v>
      </c>
      <c r="AV4551">
        <v>0</v>
      </c>
      <c r="AW4551">
        <v>0</v>
      </c>
      <c r="AX4551">
        <v>594</v>
      </c>
      <c r="AY4551">
        <v>37</v>
      </c>
      <c r="AZ4551">
        <v>85</v>
      </c>
      <c r="BA4551">
        <v>6090</v>
      </c>
    </row>
    <row r="4552" spans="1:53" x14ac:dyDescent="0.4">
      <c r="A4552">
        <v>4596</v>
      </c>
      <c r="B4552" s="1">
        <v>44563</v>
      </c>
      <c r="C4552">
        <v>3</v>
      </c>
      <c r="D4552" s="1">
        <v>44563.743750000001</v>
      </c>
      <c r="E4552" s="1">
        <v>44564.054861111108</v>
      </c>
      <c r="F4552">
        <v>123840</v>
      </c>
      <c r="G4552">
        <v>3916</v>
      </c>
      <c r="H4552">
        <v>0</v>
      </c>
      <c r="I4552">
        <v>0</v>
      </c>
      <c r="J4552">
        <v>100</v>
      </c>
      <c r="K4552">
        <v>13310</v>
      </c>
      <c r="L4552">
        <v>0</v>
      </c>
      <c r="M4552">
        <v>12815</v>
      </c>
      <c r="N4552">
        <v>0</v>
      </c>
      <c r="O4552">
        <v>0</v>
      </c>
      <c r="P4552">
        <v>22290</v>
      </c>
      <c r="Q4552">
        <v>0</v>
      </c>
      <c r="R4552">
        <v>163256</v>
      </c>
      <c r="S4552">
        <v>0</v>
      </c>
      <c r="T4552">
        <v>0</v>
      </c>
      <c r="U4552">
        <v>0</v>
      </c>
      <c r="V4552">
        <v>14</v>
      </c>
      <c r="W4552">
        <v>3</v>
      </c>
      <c r="X4552">
        <v>0</v>
      </c>
      <c r="Y4552">
        <v>48</v>
      </c>
      <c r="Z4552">
        <v>20</v>
      </c>
      <c r="AA4552">
        <v>66</v>
      </c>
      <c r="AB4552">
        <v>8</v>
      </c>
      <c r="AC4552">
        <v>98</v>
      </c>
      <c r="AD4552">
        <v>23</v>
      </c>
      <c r="AE4552">
        <v>83</v>
      </c>
      <c r="AF4552">
        <v>62054</v>
      </c>
      <c r="AG4552">
        <v>283232</v>
      </c>
      <c r="AH4552">
        <v>50000</v>
      </c>
      <c r="AI4552">
        <v>0</v>
      </c>
      <c r="AJ4552">
        <v>115</v>
      </c>
      <c r="AK4552" t="s">
        <v>55</v>
      </c>
      <c r="AL4552">
        <v>0</v>
      </c>
      <c r="AM4552">
        <v>0</v>
      </c>
      <c r="AN4552">
        <v>0</v>
      </c>
      <c r="AO4552">
        <v>0</v>
      </c>
      <c r="AP4552">
        <v>0</v>
      </c>
      <c r="AQ4552">
        <v>0</v>
      </c>
      <c r="AR4552">
        <v>0</v>
      </c>
      <c r="AS4552">
        <v>0</v>
      </c>
      <c r="AT4552">
        <v>0</v>
      </c>
      <c r="AU4552">
        <v>0</v>
      </c>
      <c r="AV4552">
        <v>0</v>
      </c>
      <c r="AW4552">
        <v>0</v>
      </c>
      <c r="AX4552">
        <v>29256</v>
      </c>
      <c r="AY4552">
        <v>20</v>
      </c>
      <c r="AZ4552">
        <v>72</v>
      </c>
      <c r="BA4552">
        <v>3482</v>
      </c>
    </row>
    <row r="4553" spans="1:53" x14ac:dyDescent="0.4">
      <c r="A4553">
        <v>4597</v>
      </c>
      <c r="B4553" s="1">
        <v>44564</v>
      </c>
      <c r="C4553">
        <v>1</v>
      </c>
      <c r="D4553" s="1">
        <v>44564.291666666664</v>
      </c>
      <c r="E4553" s="1">
        <v>44564.40902777778</v>
      </c>
      <c r="F4553">
        <v>0</v>
      </c>
      <c r="G4553">
        <v>0</v>
      </c>
      <c r="H4553">
        <v>0</v>
      </c>
      <c r="I4553">
        <v>0</v>
      </c>
      <c r="J4553">
        <v>0</v>
      </c>
      <c r="K4553">
        <v>0</v>
      </c>
      <c r="L4553">
        <v>0</v>
      </c>
      <c r="M4553">
        <v>0</v>
      </c>
      <c r="N4553">
        <v>0</v>
      </c>
      <c r="O4553">
        <v>0</v>
      </c>
      <c r="P4553">
        <v>0</v>
      </c>
      <c r="Q4553">
        <v>0</v>
      </c>
      <c r="R4553">
        <v>0</v>
      </c>
      <c r="S4553">
        <v>0</v>
      </c>
      <c r="T4553">
        <v>0</v>
      </c>
      <c r="U4553">
        <v>0</v>
      </c>
      <c r="V4553">
        <v>0</v>
      </c>
      <c r="W4553">
        <v>1</v>
      </c>
      <c r="X4553">
        <v>0</v>
      </c>
      <c r="Y4553">
        <v>30</v>
      </c>
      <c r="Z4553">
        <v>14</v>
      </c>
      <c r="AA4553">
        <v>65</v>
      </c>
      <c r="AB4553">
        <v>9</v>
      </c>
      <c r="AC4553">
        <v>85</v>
      </c>
      <c r="AD4553">
        <v>24</v>
      </c>
      <c r="AE4553">
        <v>80</v>
      </c>
      <c r="AF4553">
        <v>0</v>
      </c>
      <c r="AG4553">
        <v>50000</v>
      </c>
      <c r="AH4553">
        <v>50000</v>
      </c>
      <c r="AI4553">
        <v>0</v>
      </c>
      <c r="AJ4553">
        <v>0</v>
      </c>
      <c r="AK4553" t="s">
        <v>6</v>
      </c>
      <c r="AL4553">
        <v>0</v>
      </c>
      <c r="AM4553">
        <v>0</v>
      </c>
      <c r="AN4553">
        <v>0</v>
      </c>
      <c r="AO4553">
        <v>0</v>
      </c>
      <c r="AP4553">
        <v>0</v>
      </c>
      <c r="AQ4553">
        <v>0</v>
      </c>
      <c r="AR4553">
        <v>0</v>
      </c>
      <c r="AS4553">
        <v>0</v>
      </c>
      <c r="AT4553">
        <v>0</v>
      </c>
      <c r="AU4553">
        <v>0</v>
      </c>
      <c r="AV4553">
        <v>0</v>
      </c>
      <c r="AW4553">
        <v>0</v>
      </c>
      <c r="AX4553">
        <v>0</v>
      </c>
      <c r="AY4553">
        <v>0</v>
      </c>
      <c r="AZ4553">
        <v>0</v>
      </c>
      <c r="BA4553">
        <v>0</v>
      </c>
    </row>
    <row r="4554" spans="1:53" x14ac:dyDescent="0.4">
      <c r="A4554">
        <v>4598</v>
      </c>
      <c r="B4554" s="1">
        <v>44564</v>
      </c>
      <c r="C4554">
        <v>2</v>
      </c>
      <c r="D4554" s="1">
        <v>44564.40902777778</v>
      </c>
      <c r="E4554" s="1">
        <v>44564.711111111108</v>
      </c>
      <c r="F4554">
        <v>39150</v>
      </c>
      <c r="G4554">
        <v>2090</v>
      </c>
      <c r="H4554">
        <v>0</v>
      </c>
      <c r="I4554">
        <v>0</v>
      </c>
      <c r="J4554">
        <v>0</v>
      </c>
      <c r="K4554">
        <v>0</v>
      </c>
      <c r="L4554">
        <v>0</v>
      </c>
      <c r="M4554">
        <v>3750</v>
      </c>
      <c r="N4554">
        <v>0</v>
      </c>
      <c r="O4554">
        <v>0</v>
      </c>
      <c r="P4554">
        <v>33550</v>
      </c>
      <c r="Q4554">
        <v>0</v>
      </c>
      <c r="R4554">
        <v>74790</v>
      </c>
      <c r="S4554">
        <v>0</v>
      </c>
      <c r="T4554">
        <v>0</v>
      </c>
      <c r="U4554">
        <v>0</v>
      </c>
      <c r="V4554">
        <v>5</v>
      </c>
      <c r="W4554">
        <v>2</v>
      </c>
      <c r="X4554">
        <v>0</v>
      </c>
      <c r="Y4554">
        <v>44</v>
      </c>
      <c r="Z4554">
        <v>17</v>
      </c>
      <c r="AA4554">
        <v>48</v>
      </c>
      <c r="AB4554">
        <v>10</v>
      </c>
      <c r="AC4554">
        <v>104</v>
      </c>
      <c r="AD4554">
        <v>23</v>
      </c>
      <c r="AE4554">
        <v>83</v>
      </c>
      <c r="AF4554">
        <v>5752</v>
      </c>
      <c r="AG4554">
        <v>124790</v>
      </c>
      <c r="AH4554">
        <v>50000</v>
      </c>
      <c r="AI4554">
        <v>0</v>
      </c>
      <c r="AJ4554">
        <v>115</v>
      </c>
      <c r="AK4554" t="s">
        <v>55</v>
      </c>
      <c r="AL4554">
        <v>0</v>
      </c>
      <c r="AM4554">
        <v>0</v>
      </c>
      <c r="AN4554">
        <v>0</v>
      </c>
      <c r="AO4554">
        <v>0</v>
      </c>
      <c r="AP4554">
        <v>0</v>
      </c>
      <c r="AQ4554">
        <v>0</v>
      </c>
      <c r="AR4554">
        <v>0</v>
      </c>
      <c r="AS4554">
        <v>0</v>
      </c>
      <c r="AT4554">
        <v>0</v>
      </c>
      <c r="AU4554">
        <v>0</v>
      </c>
      <c r="AV4554">
        <v>0</v>
      </c>
      <c r="AW4554">
        <v>0</v>
      </c>
      <c r="AX4554">
        <v>-1750</v>
      </c>
      <c r="AY4554">
        <v>42</v>
      </c>
      <c r="AZ4554">
        <v>103</v>
      </c>
      <c r="BA4554">
        <v>6074</v>
      </c>
    </row>
    <row r="4555" spans="1:53" x14ac:dyDescent="0.4">
      <c r="A4555">
        <v>4599</v>
      </c>
      <c r="B4555" s="1">
        <v>44565</v>
      </c>
      <c r="C4555">
        <v>1</v>
      </c>
      <c r="D4555" s="1">
        <v>44565.291666666664</v>
      </c>
      <c r="E4555" s="1">
        <v>44565.395138888889</v>
      </c>
      <c r="F4555">
        <v>0</v>
      </c>
      <c r="G4555">
        <v>0</v>
      </c>
      <c r="H4555">
        <v>0</v>
      </c>
      <c r="I4555">
        <v>0</v>
      </c>
      <c r="J4555">
        <v>0</v>
      </c>
      <c r="K4555">
        <v>0</v>
      </c>
      <c r="L4555">
        <v>0</v>
      </c>
      <c r="M4555">
        <v>0</v>
      </c>
      <c r="N4555">
        <v>0</v>
      </c>
      <c r="O4555">
        <v>0</v>
      </c>
      <c r="P4555">
        <v>0</v>
      </c>
      <c r="Q4555">
        <v>0</v>
      </c>
      <c r="R4555">
        <v>0</v>
      </c>
      <c r="S4555">
        <v>0</v>
      </c>
      <c r="T4555">
        <v>0</v>
      </c>
      <c r="U4555">
        <v>0</v>
      </c>
      <c r="V4555">
        <v>0</v>
      </c>
      <c r="W4555">
        <v>1</v>
      </c>
      <c r="X4555">
        <v>0</v>
      </c>
      <c r="Y4555">
        <v>31</v>
      </c>
      <c r="Z4555">
        <v>15</v>
      </c>
      <c r="AA4555">
        <v>53</v>
      </c>
      <c r="AB4555">
        <v>7</v>
      </c>
      <c r="AC4555">
        <v>66</v>
      </c>
      <c r="AD4555">
        <v>22</v>
      </c>
      <c r="AE4555">
        <v>80</v>
      </c>
      <c r="AF4555">
        <v>0</v>
      </c>
      <c r="AG4555">
        <v>50000</v>
      </c>
      <c r="AH4555">
        <v>50000</v>
      </c>
      <c r="AI4555">
        <v>0</v>
      </c>
      <c r="AJ4555">
        <v>94</v>
      </c>
      <c r="AL4555">
        <v>0</v>
      </c>
      <c r="AM4555">
        <v>0</v>
      </c>
      <c r="AN4555">
        <v>0</v>
      </c>
      <c r="AO4555">
        <v>0</v>
      </c>
      <c r="AP4555">
        <v>0</v>
      </c>
      <c r="AQ4555">
        <v>0</v>
      </c>
      <c r="AR4555">
        <v>0</v>
      </c>
      <c r="AS4555">
        <v>0</v>
      </c>
      <c r="AT4555">
        <v>0</v>
      </c>
      <c r="AU4555">
        <v>0</v>
      </c>
      <c r="AV4555">
        <v>0</v>
      </c>
      <c r="AW4555">
        <v>0</v>
      </c>
      <c r="AX4555">
        <v>0</v>
      </c>
      <c r="AY4555">
        <v>0</v>
      </c>
      <c r="AZ4555">
        <v>0</v>
      </c>
      <c r="BA4555">
        <v>0</v>
      </c>
    </row>
    <row r="4556" spans="1:53" x14ac:dyDescent="0.4">
      <c r="A4556">
        <v>4600</v>
      </c>
      <c r="B4556" s="1">
        <v>44565</v>
      </c>
      <c r="C4556">
        <v>2</v>
      </c>
      <c r="D4556" s="1">
        <v>44565.395138888889</v>
      </c>
      <c r="E4556" s="1">
        <v>44565.761805555558</v>
      </c>
      <c r="F4556">
        <v>47750</v>
      </c>
      <c r="G4556">
        <v>3146</v>
      </c>
      <c r="H4556">
        <v>0</v>
      </c>
      <c r="I4556">
        <v>0</v>
      </c>
      <c r="J4556">
        <v>0</v>
      </c>
      <c r="K4556">
        <v>300</v>
      </c>
      <c r="L4556">
        <v>0</v>
      </c>
      <c r="M4556">
        <v>4655</v>
      </c>
      <c r="N4556">
        <v>0</v>
      </c>
      <c r="O4556">
        <v>0</v>
      </c>
      <c r="P4556">
        <v>14190</v>
      </c>
      <c r="Q4556">
        <v>0</v>
      </c>
      <c r="R4556">
        <v>65386</v>
      </c>
      <c r="S4556">
        <v>0</v>
      </c>
      <c r="T4556">
        <v>0</v>
      </c>
      <c r="U4556">
        <v>0</v>
      </c>
      <c r="V4556">
        <v>1</v>
      </c>
      <c r="W4556">
        <v>2</v>
      </c>
      <c r="X4556">
        <v>0</v>
      </c>
      <c r="Y4556">
        <v>68</v>
      </c>
      <c r="Z4556">
        <v>26</v>
      </c>
      <c r="AA4556">
        <v>50</v>
      </c>
      <c r="AB4556">
        <v>17</v>
      </c>
      <c r="AC4556">
        <v>92</v>
      </c>
      <c r="AD4556">
        <v>22</v>
      </c>
      <c r="AE4556">
        <v>85</v>
      </c>
      <c r="AF4556">
        <v>7421</v>
      </c>
      <c r="AG4556">
        <v>115386</v>
      </c>
      <c r="AH4556">
        <v>50000</v>
      </c>
      <c r="AI4556">
        <v>0</v>
      </c>
      <c r="AJ4556">
        <v>115</v>
      </c>
      <c r="AK4556" t="s">
        <v>55</v>
      </c>
      <c r="AL4556">
        <v>0</v>
      </c>
      <c r="AM4556">
        <v>0</v>
      </c>
      <c r="AN4556">
        <v>0</v>
      </c>
      <c r="AO4556">
        <v>0</v>
      </c>
      <c r="AP4556">
        <v>0</v>
      </c>
      <c r="AQ4556">
        <v>0</v>
      </c>
      <c r="AR4556">
        <v>0</v>
      </c>
      <c r="AS4556">
        <v>0</v>
      </c>
      <c r="AT4556">
        <v>0</v>
      </c>
      <c r="AU4556">
        <v>0</v>
      </c>
      <c r="AV4556">
        <v>0</v>
      </c>
      <c r="AW4556">
        <v>0</v>
      </c>
      <c r="AX4556">
        <v>4348</v>
      </c>
      <c r="AY4556">
        <v>49</v>
      </c>
      <c r="AZ4556">
        <v>105</v>
      </c>
      <c r="BA4556">
        <v>7995</v>
      </c>
    </row>
    <row r="4557" spans="1:53" x14ac:dyDescent="0.4">
      <c r="A4557">
        <v>4601</v>
      </c>
      <c r="B4557" s="1">
        <v>44565</v>
      </c>
      <c r="C4557">
        <v>3</v>
      </c>
      <c r="D4557" s="1">
        <v>44565.761805555558</v>
      </c>
      <c r="E4557" s="1">
        <v>44565.919444444444</v>
      </c>
      <c r="F4557">
        <v>46210</v>
      </c>
      <c r="G4557">
        <v>1628</v>
      </c>
      <c r="H4557">
        <v>0</v>
      </c>
      <c r="I4557">
        <v>0</v>
      </c>
      <c r="J4557">
        <v>0</v>
      </c>
      <c r="K4557">
        <v>0</v>
      </c>
      <c r="L4557">
        <v>0</v>
      </c>
      <c r="M4557">
        <v>4345</v>
      </c>
      <c r="N4557">
        <v>0</v>
      </c>
      <c r="O4557">
        <v>0</v>
      </c>
      <c r="P4557">
        <v>-3410</v>
      </c>
      <c r="Q4557">
        <v>0</v>
      </c>
      <c r="R4557">
        <v>44428</v>
      </c>
      <c r="S4557">
        <v>0</v>
      </c>
      <c r="T4557">
        <v>0</v>
      </c>
      <c r="U4557">
        <v>0</v>
      </c>
      <c r="V4557">
        <v>3</v>
      </c>
      <c r="W4557">
        <v>4</v>
      </c>
      <c r="X4557">
        <v>0</v>
      </c>
      <c r="Y4557">
        <v>80</v>
      </c>
      <c r="Z4557">
        <v>27</v>
      </c>
      <c r="AA4557">
        <v>54</v>
      </c>
      <c r="AB4557">
        <v>21</v>
      </c>
      <c r="AC4557">
        <v>118</v>
      </c>
      <c r="AD4557">
        <v>22</v>
      </c>
      <c r="AE4557">
        <v>93</v>
      </c>
      <c r="AF4557">
        <v>8481</v>
      </c>
      <c r="AG4557">
        <v>159814</v>
      </c>
      <c r="AH4557">
        <v>50000</v>
      </c>
      <c r="AI4557">
        <v>0</v>
      </c>
      <c r="AJ4557">
        <v>108</v>
      </c>
      <c r="AK4557" t="s">
        <v>3</v>
      </c>
      <c r="AL4557">
        <v>0</v>
      </c>
      <c r="AM4557">
        <v>0</v>
      </c>
      <c r="AN4557">
        <v>0</v>
      </c>
      <c r="AO4557">
        <v>0</v>
      </c>
      <c r="AP4557">
        <v>0</v>
      </c>
      <c r="AQ4557">
        <v>0</v>
      </c>
      <c r="AR4557">
        <v>0</v>
      </c>
      <c r="AS4557">
        <v>0</v>
      </c>
      <c r="AT4557">
        <v>0</v>
      </c>
      <c r="AU4557">
        <v>0</v>
      </c>
      <c r="AV4557">
        <v>0</v>
      </c>
      <c r="AW4557">
        <v>0</v>
      </c>
      <c r="AX4557">
        <v>15998</v>
      </c>
      <c r="AY4557">
        <v>15</v>
      </c>
      <c r="AZ4557">
        <v>39</v>
      </c>
      <c r="BA4557">
        <v>2276</v>
      </c>
    </row>
    <row r="4558" spans="1:53" x14ac:dyDescent="0.4">
      <c r="A4558">
        <v>4602</v>
      </c>
      <c r="B4558" s="1">
        <v>44566</v>
      </c>
      <c r="C4558">
        <v>1</v>
      </c>
      <c r="D4558" s="1">
        <v>44566.291666666664</v>
      </c>
      <c r="E4558" s="1">
        <v>44566.395833333336</v>
      </c>
      <c r="F4558">
        <v>0</v>
      </c>
      <c r="G4558">
        <v>0</v>
      </c>
      <c r="H4558">
        <v>0</v>
      </c>
      <c r="I4558">
        <v>0</v>
      </c>
      <c r="J4558">
        <v>0</v>
      </c>
      <c r="K4558">
        <v>0</v>
      </c>
      <c r="L4558">
        <v>0</v>
      </c>
      <c r="M4558">
        <v>0</v>
      </c>
      <c r="N4558">
        <v>0</v>
      </c>
      <c r="O4558">
        <v>0</v>
      </c>
      <c r="P4558">
        <v>0</v>
      </c>
      <c r="Q4558">
        <v>0</v>
      </c>
      <c r="R4558">
        <v>0</v>
      </c>
      <c r="S4558">
        <v>0</v>
      </c>
      <c r="T4558">
        <v>0</v>
      </c>
      <c r="U4558">
        <v>0</v>
      </c>
      <c r="V4558">
        <v>0</v>
      </c>
      <c r="W4558">
        <v>1</v>
      </c>
      <c r="X4558">
        <v>0</v>
      </c>
      <c r="Y4558">
        <v>30</v>
      </c>
      <c r="Z4558">
        <v>14</v>
      </c>
      <c r="AA4558">
        <v>59</v>
      </c>
      <c r="AB4558">
        <v>17</v>
      </c>
      <c r="AC4558">
        <v>105</v>
      </c>
      <c r="AD4558">
        <v>21</v>
      </c>
      <c r="AE4558">
        <v>95</v>
      </c>
      <c r="AF4558">
        <v>0</v>
      </c>
      <c r="AG4558">
        <v>50000</v>
      </c>
      <c r="AH4558">
        <v>50000</v>
      </c>
      <c r="AI4558">
        <v>0</v>
      </c>
      <c r="AJ4558">
        <v>0</v>
      </c>
      <c r="AK4558" t="s">
        <v>6</v>
      </c>
      <c r="AL4558">
        <v>0</v>
      </c>
      <c r="AM4558">
        <v>0</v>
      </c>
      <c r="AN4558">
        <v>0</v>
      </c>
      <c r="AO4558">
        <v>0</v>
      </c>
      <c r="AP4558">
        <v>0</v>
      </c>
      <c r="AQ4558">
        <v>0</v>
      </c>
      <c r="AR4558">
        <v>0</v>
      </c>
      <c r="AS4558">
        <v>0</v>
      </c>
      <c r="AT4558">
        <v>0</v>
      </c>
      <c r="AU4558">
        <v>0</v>
      </c>
      <c r="AV4558">
        <v>0</v>
      </c>
      <c r="AW4558">
        <v>0</v>
      </c>
      <c r="AX4558">
        <v>0</v>
      </c>
      <c r="AY4558">
        <v>0</v>
      </c>
      <c r="AZ4558">
        <v>0</v>
      </c>
      <c r="BA4558">
        <v>0</v>
      </c>
    </row>
    <row r="4559" spans="1:53" x14ac:dyDescent="0.4">
      <c r="A4559">
        <v>4603</v>
      </c>
      <c r="B4559" s="1">
        <v>44566</v>
      </c>
      <c r="C4559">
        <v>2</v>
      </c>
      <c r="D4559" s="1">
        <v>44566.395833333336</v>
      </c>
      <c r="E4559" s="1">
        <v>44566.770833333336</v>
      </c>
      <c r="F4559">
        <v>50135</v>
      </c>
      <c r="G4559">
        <v>3696</v>
      </c>
      <c r="H4559">
        <v>220</v>
      </c>
      <c r="I4559">
        <v>0</v>
      </c>
      <c r="J4559">
        <v>0</v>
      </c>
      <c r="K4559">
        <v>400</v>
      </c>
      <c r="L4559">
        <v>0</v>
      </c>
      <c r="M4559">
        <v>4946</v>
      </c>
      <c r="N4559">
        <v>0</v>
      </c>
      <c r="O4559">
        <v>0</v>
      </c>
      <c r="P4559">
        <v>15840</v>
      </c>
      <c r="Q4559">
        <v>0</v>
      </c>
      <c r="R4559">
        <v>70291</v>
      </c>
      <c r="S4559">
        <v>0</v>
      </c>
      <c r="T4559">
        <v>0</v>
      </c>
      <c r="U4559">
        <v>0</v>
      </c>
      <c r="V4559">
        <v>3</v>
      </c>
      <c r="W4559">
        <v>3</v>
      </c>
      <c r="X4559">
        <v>0</v>
      </c>
      <c r="Y4559">
        <v>57</v>
      </c>
      <c r="Z4559">
        <v>15</v>
      </c>
      <c r="AA4559">
        <v>73</v>
      </c>
      <c r="AB4559">
        <v>15</v>
      </c>
      <c r="AC4559">
        <v>117</v>
      </c>
      <c r="AD4559">
        <v>22</v>
      </c>
      <c r="AE4559">
        <v>94</v>
      </c>
      <c r="AF4559">
        <v>1368</v>
      </c>
      <c r="AG4559">
        <v>120292</v>
      </c>
      <c r="AH4559">
        <v>50000</v>
      </c>
      <c r="AI4559">
        <v>1</v>
      </c>
      <c r="AJ4559">
        <v>114</v>
      </c>
      <c r="AK4559" t="s">
        <v>53</v>
      </c>
      <c r="AL4559">
        <v>0</v>
      </c>
      <c r="AM4559">
        <v>0</v>
      </c>
      <c r="AN4559">
        <v>0</v>
      </c>
      <c r="AO4559">
        <v>0</v>
      </c>
      <c r="AP4559">
        <v>0</v>
      </c>
      <c r="AQ4559">
        <v>0</v>
      </c>
      <c r="AR4559">
        <v>0</v>
      </c>
      <c r="AS4559">
        <v>0</v>
      </c>
      <c r="AT4559">
        <v>0</v>
      </c>
      <c r="AU4559">
        <v>0</v>
      </c>
      <c r="AV4559">
        <v>0</v>
      </c>
      <c r="AW4559">
        <v>0</v>
      </c>
      <c r="AX4559">
        <v>308</v>
      </c>
      <c r="AY4559">
        <v>52</v>
      </c>
      <c r="AZ4559">
        <v>106</v>
      </c>
      <c r="BA4559">
        <v>8238</v>
      </c>
    </row>
    <row r="4560" spans="1:53" x14ac:dyDescent="0.4">
      <c r="A4560">
        <v>4604</v>
      </c>
      <c r="B4560" s="1">
        <v>44566</v>
      </c>
      <c r="C4560">
        <v>3</v>
      </c>
      <c r="D4560" s="1">
        <v>44566.770833333336</v>
      </c>
      <c r="E4560" s="1">
        <v>44567.095833333333</v>
      </c>
      <c r="F4560">
        <v>40480</v>
      </c>
      <c r="G4560">
        <v>308</v>
      </c>
      <c r="H4560">
        <v>0</v>
      </c>
      <c r="I4560">
        <v>0</v>
      </c>
      <c r="J4560">
        <v>100</v>
      </c>
      <c r="K4560">
        <v>0</v>
      </c>
      <c r="L4560">
        <v>0</v>
      </c>
      <c r="M4560">
        <v>3698</v>
      </c>
      <c r="N4560">
        <v>0</v>
      </c>
      <c r="O4560">
        <v>0</v>
      </c>
      <c r="P4560">
        <v>-15840</v>
      </c>
      <c r="Q4560">
        <v>0</v>
      </c>
      <c r="R4560">
        <v>24848</v>
      </c>
      <c r="S4560">
        <v>0</v>
      </c>
      <c r="T4560">
        <v>0</v>
      </c>
      <c r="U4560">
        <v>0</v>
      </c>
      <c r="V4560">
        <v>5</v>
      </c>
      <c r="W4560">
        <v>4</v>
      </c>
      <c r="X4560">
        <v>0</v>
      </c>
      <c r="Y4560">
        <v>51</v>
      </c>
      <c r="Z4560">
        <v>12</v>
      </c>
      <c r="AA4560">
        <v>67</v>
      </c>
      <c r="AB4560">
        <v>17</v>
      </c>
      <c r="AC4560">
        <v>119</v>
      </c>
      <c r="AD4560">
        <v>23</v>
      </c>
      <c r="AE4560">
        <v>96</v>
      </c>
      <c r="AF4560">
        <v>9188</v>
      </c>
      <c r="AG4560">
        <v>145139</v>
      </c>
      <c r="AH4560">
        <v>50000</v>
      </c>
      <c r="AI4560">
        <v>0</v>
      </c>
      <c r="AJ4560">
        <v>70</v>
      </c>
      <c r="AK4560" t="s">
        <v>49</v>
      </c>
      <c r="AL4560">
        <v>0</v>
      </c>
      <c r="AM4560">
        <v>0</v>
      </c>
      <c r="AN4560">
        <v>0</v>
      </c>
      <c r="AO4560">
        <v>0</v>
      </c>
      <c r="AP4560">
        <v>0</v>
      </c>
      <c r="AQ4560">
        <v>0</v>
      </c>
      <c r="AR4560">
        <v>0</v>
      </c>
      <c r="AS4560">
        <v>0</v>
      </c>
      <c r="AT4560">
        <v>0</v>
      </c>
      <c r="AU4560">
        <v>0</v>
      </c>
      <c r="AV4560">
        <v>0</v>
      </c>
      <c r="AW4560">
        <v>0</v>
      </c>
      <c r="AX4560">
        <v>3960</v>
      </c>
      <c r="AY4560">
        <v>9</v>
      </c>
      <c r="AZ4560">
        <v>21</v>
      </c>
      <c r="BA4560">
        <v>1700</v>
      </c>
    </row>
    <row r="4561" spans="1:53" x14ac:dyDescent="0.4">
      <c r="A4561">
        <v>4605</v>
      </c>
      <c r="B4561" s="1">
        <v>44567</v>
      </c>
      <c r="C4561">
        <v>1</v>
      </c>
      <c r="D4561" s="1">
        <v>44567.291666666664</v>
      </c>
      <c r="E4561" s="1">
        <v>44567.40625</v>
      </c>
      <c r="F4561">
        <v>0</v>
      </c>
      <c r="G4561">
        <v>0</v>
      </c>
      <c r="H4561">
        <v>0</v>
      </c>
      <c r="I4561">
        <v>0</v>
      </c>
      <c r="J4561">
        <v>0</v>
      </c>
      <c r="K4561">
        <v>0</v>
      </c>
      <c r="L4561">
        <v>0</v>
      </c>
      <c r="M4561">
        <v>0</v>
      </c>
      <c r="N4561">
        <v>0</v>
      </c>
      <c r="O4561">
        <v>0</v>
      </c>
      <c r="P4561">
        <v>0</v>
      </c>
      <c r="Q4561">
        <v>0</v>
      </c>
      <c r="R4561">
        <v>0</v>
      </c>
      <c r="S4561">
        <v>0</v>
      </c>
      <c r="T4561">
        <v>0</v>
      </c>
      <c r="U4561">
        <v>0</v>
      </c>
      <c r="V4561">
        <v>0</v>
      </c>
      <c r="W4561">
        <v>1</v>
      </c>
      <c r="X4561">
        <v>0</v>
      </c>
      <c r="Y4561">
        <v>30</v>
      </c>
      <c r="Z4561">
        <v>11</v>
      </c>
      <c r="AA4561">
        <v>75</v>
      </c>
      <c r="AB4561">
        <v>17</v>
      </c>
      <c r="AC4561">
        <v>94</v>
      </c>
      <c r="AD4561">
        <v>23</v>
      </c>
      <c r="AE4561">
        <v>95</v>
      </c>
      <c r="AF4561">
        <v>0</v>
      </c>
      <c r="AG4561">
        <v>50000</v>
      </c>
      <c r="AH4561">
        <v>50000</v>
      </c>
      <c r="AI4561">
        <v>0</v>
      </c>
      <c r="AJ4561">
        <v>0</v>
      </c>
      <c r="AK4561" t="s">
        <v>6</v>
      </c>
      <c r="AL4561">
        <v>0</v>
      </c>
      <c r="AM4561">
        <v>0</v>
      </c>
      <c r="AN4561">
        <v>0</v>
      </c>
      <c r="AO4561">
        <v>0</v>
      </c>
      <c r="AP4561">
        <v>0</v>
      </c>
      <c r="AQ4561">
        <v>0</v>
      </c>
      <c r="AR4561">
        <v>0</v>
      </c>
      <c r="AS4561">
        <v>0</v>
      </c>
      <c r="AT4561">
        <v>0</v>
      </c>
      <c r="AU4561">
        <v>0</v>
      </c>
      <c r="AV4561">
        <v>0</v>
      </c>
      <c r="AW4561">
        <v>0</v>
      </c>
      <c r="AX4561">
        <v>0</v>
      </c>
      <c r="AY4561">
        <v>0</v>
      </c>
      <c r="AZ4561">
        <v>0</v>
      </c>
      <c r="BA4561">
        <v>0</v>
      </c>
    </row>
    <row r="4562" spans="1:53" x14ac:dyDescent="0.4">
      <c r="A4562">
        <v>4606</v>
      </c>
      <c r="B4562" s="1">
        <v>44567</v>
      </c>
      <c r="C4562">
        <v>2</v>
      </c>
      <c r="D4562" s="1">
        <v>44567.40625</v>
      </c>
      <c r="E4562" s="1">
        <v>44567.745833333334</v>
      </c>
      <c r="F4562">
        <v>34650</v>
      </c>
      <c r="G4562">
        <v>5368</v>
      </c>
      <c r="H4562">
        <v>0</v>
      </c>
      <c r="I4562">
        <v>0</v>
      </c>
      <c r="J4562">
        <v>50</v>
      </c>
      <c r="K4562">
        <v>0</v>
      </c>
      <c r="L4562">
        <v>0</v>
      </c>
      <c r="M4562">
        <v>3634</v>
      </c>
      <c r="N4562">
        <v>0</v>
      </c>
      <c r="O4562">
        <v>0</v>
      </c>
      <c r="P4562">
        <v>12290</v>
      </c>
      <c r="Q4562">
        <v>0</v>
      </c>
      <c r="R4562">
        <v>52258</v>
      </c>
      <c r="S4562">
        <v>0</v>
      </c>
      <c r="T4562">
        <v>0</v>
      </c>
      <c r="U4562">
        <v>0</v>
      </c>
      <c r="V4562">
        <v>1</v>
      </c>
      <c r="W4562">
        <v>1</v>
      </c>
      <c r="X4562">
        <v>0</v>
      </c>
      <c r="Y4562">
        <v>50</v>
      </c>
      <c r="Z4562">
        <v>35</v>
      </c>
      <c r="AA4562">
        <v>106</v>
      </c>
      <c r="AB4562">
        <v>14</v>
      </c>
      <c r="AC4562">
        <v>130</v>
      </c>
      <c r="AD4562">
        <v>23</v>
      </c>
      <c r="AE4562">
        <v>113</v>
      </c>
      <c r="AF4562">
        <v>6930</v>
      </c>
      <c r="AG4562">
        <v>102258</v>
      </c>
      <c r="AH4562">
        <v>50000</v>
      </c>
      <c r="AI4562">
        <v>0</v>
      </c>
      <c r="AJ4562">
        <v>119</v>
      </c>
      <c r="AK4562" t="s">
        <v>56</v>
      </c>
      <c r="AL4562">
        <v>0</v>
      </c>
      <c r="AM4562">
        <v>0</v>
      </c>
      <c r="AN4562">
        <v>0</v>
      </c>
      <c r="AO4562">
        <v>0</v>
      </c>
      <c r="AP4562">
        <v>0</v>
      </c>
      <c r="AQ4562">
        <v>0</v>
      </c>
      <c r="AR4562">
        <v>0</v>
      </c>
      <c r="AS4562">
        <v>0</v>
      </c>
      <c r="AT4562">
        <v>0</v>
      </c>
      <c r="AU4562">
        <v>0</v>
      </c>
      <c r="AV4562">
        <v>0</v>
      </c>
      <c r="AW4562">
        <v>0</v>
      </c>
      <c r="AX4562">
        <v>0</v>
      </c>
      <c r="AY4562">
        <v>38</v>
      </c>
      <c r="AZ4562">
        <v>76</v>
      </c>
      <c r="BA4562">
        <v>5666</v>
      </c>
    </row>
    <row r="4563" spans="1:53" x14ac:dyDescent="0.4">
      <c r="A4563">
        <v>4607</v>
      </c>
      <c r="B4563" s="1">
        <v>44567</v>
      </c>
      <c r="C4563">
        <v>3</v>
      </c>
      <c r="D4563" s="1">
        <v>44567.745833333334</v>
      </c>
      <c r="E4563" s="1">
        <v>44568.040972222225</v>
      </c>
      <c r="F4563">
        <v>41510</v>
      </c>
      <c r="G4563">
        <v>1474</v>
      </c>
      <c r="H4563">
        <v>0</v>
      </c>
      <c r="I4563">
        <v>0</v>
      </c>
      <c r="J4563">
        <v>0</v>
      </c>
      <c r="K4563">
        <v>800</v>
      </c>
      <c r="L4563">
        <v>0</v>
      </c>
      <c r="M4563">
        <v>3978</v>
      </c>
      <c r="N4563">
        <v>0</v>
      </c>
      <c r="O4563">
        <v>0</v>
      </c>
      <c r="P4563">
        <v>-12290</v>
      </c>
      <c r="Q4563">
        <v>0</v>
      </c>
      <c r="R4563">
        <v>31494</v>
      </c>
      <c r="S4563">
        <v>0</v>
      </c>
      <c r="T4563">
        <v>0</v>
      </c>
      <c r="U4563">
        <v>0</v>
      </c>
      <c r="V4563">
        <v>2</v>
      </c>
      <c r="W4563">
        <v>2</v>
      </c>
      <c r="X4563">
        <v>0</v>
      </c>
      <c r="Y4563">
        <v>63</v>
      </c>
      <c r="Z4563">
        <v>34</v>
      </c>
      <c r="AA4563">
        <v>120</v>
      </c>
      <c r="AB4563">
        <v>16</v>
      </c>
      <c r="AC4563">
        <v>147</v>
      </c>
      <c r="AD4563">
        <v>223</v>
      </c>
      <c r="AE4563">
        <v>117</v>
      </c>
      <c r="AF4563">
        <v>8250</v>
      </c>
      <c r="AG4563">
        <v>133752</v>
      </c>
      <c r="AH4563">
        <v>50000</v>
      </c>
      <c r="AI4563">
        <v>0</v>
      </c>
      <c r="AJ4563">
        <v>108</v>
      </c>
      <c r="AK4563" t="s">
        <v>3</v>
      </c>
      <c r="AL4563">
        <v>0</v>
      </c>
      <c r="AM4563">
        <v>0</v>
      </c>
      <c r="AN4563">
        <v>0</v>
      </c>
      <c r="AO4563">
        <v>0</v>
      </c>
      <c r="AP4563">
        <v>0</v>
      </c>
      <c r="AQ4563">
        <v>0</v>
      </c>
      <c r="AR4563">
        <v>0</v>
      </c>
      <c r="AS4563">
        <v>0</v>
      </c>
      <c r="AT4563">
        <v>0</v>
      </c>
      <c r="AU4563">
        <v>0</v>
      </c>
      <c r="AV4563">
        <v>0</v>
      </c>
      <c r="AW4563">
        <v>0</v>
      </c>
      <c r="AX4563">
        <v>0</v>
      </c>
      <c r="AY4563">
        <v>10</v>
      </c>
      <c r="AZ4563">
        <v>25</v>
      </c>
      <c r="BA4563">
        <v>2009</v>
      </c>
    </row>
    <row r="4564" spans="1:53" x14ac:dyDescent="0.4">
      <c r="A4564">
        <v>4608</v>
      </c>
      <c r="B4564" s="1">
        <v>44568</v>
      </c>
      <c r="C4564">
        <v>1</v>
      </c>
      <c r="D4564" s="1">
        <v>44568.291666666664</v>
      </c>
      <c r="E4564" s="1">
        <v>44568.392361111109</v>
      </c>
      <c r="F4564">
        <v>0</v>
      </c>
      <c r="G4564">
        <v>0</v>
      </c>
      <c r="H4564">
        <v>0</v>
      </c>
      <c r="I4564">
        <v>0</v>
      </c>
      <c r="J4564">
        <v>0</v>
      </c>
      <c r="K4564">
        <v>0</v>
      </c>
      <c r="L4564">
        <v>0</v>
      </c>
      <c r="M4564">
        <v>0</v>
      </c>
      <c r="N4564">
        <v>0</v>
      </c>
      <c r="O4564">
        <v>0</v>
      </c>
      <c r="P4564">
        <v>0</v>
      </c>
      <c r="Q4564">
        <v>0</v>
      </c>
      <c r="R4564">
        <v>0</v>
      </c>
      <c r="S4564">
        <v>0</v>
      </c>
      <c r="T4564">
        <v>0</v>
      </c>
      <c r="U4564">
        <v>0</v>
      </c>
      <c r="V4564">
        <v>0</v>
      </c>
      <c r="W4564">
        <v>1</v>
      </c>
      <c r="X4564">
        <v>0</v>
      </c>
      <c r="Y4564">
        <v>26</v>
      </c>
      <c r="Z4564">
        <v>10</v>
      </c>
      <c r="AA4564">
        <v>120</v>
      </c>
      <c r="AB4564">
        <v>16</v>
      </c>
      <c r="AC4564">
        <v>97</v>
      </c>
      <c r="AD4564">
        <v>23</v>
      </c>
      <c r="AE4564">
        <v>115</v>
      </c>
      <c r="AF4564">
        <v>0</v>
      </c>
      <c r="AG4564">
        <v>50000</v>
      </c>
      <c r="AH4564">
        <v>50000</v>
      </c>
      <c r="AI4564">
        <v>0</v>
      </c>
      <c r="AJ4564">
        <v>0</v>
      </c>
      <c r="AK4564" t="s">
        <v>6</v>
      </c>
      <c r="AL4564">
        <v>0</v>
      </c>
      <c r="AM4564">
        <v>0</v>
      </c>
      <c r="AN4564">
        <v>0</v>
      </c>
      <c r="AO4564">
        <v>0</v>
      </c>
      <c r="AP4564">
        <v>0</v>
      </c>
      <c r="AQ4564">
        <v>0</v>
      </c>
      <c r="AR4564">
        <v>0</v>
      </c>
      <c r="AS4564">
        <v>0</v>
      </c>
      <c r="AT4564">
        <v>0</v>
      </c>
      <c r="AU4564">
        <v>0</v>
      </c>
      <c r="AV4564">
        <v>0</v>
      </c>
      <c r="AW4564">
        <v>0</v>
      </c>
      <c r="AX4564">
        <v>0</v>
      </c>
      <c r="AY4564">
        <v>0</v>
      </c>
      <c r="AZ4564">
        <v>0</v>
      </c>
      <c r="BA4564">
        <v>0</v>
      </c>
    </row>
    <row r="4565" spans="1:53" x14ac:dyDescent="0.4">
      <c r="A4565">
        <v>4609</v>
      </c>
      <c r="B4565" s="1">
        <v>44568</v>
      </c>
      <c r="C4565">
        <v>2</v>
      </c>
      <c r="D4565" s="1">
        <v>44568.392361111109</v>
      </c>
      <c r="E4565" s="1">
        <v>44568.751388888886</v>
      </c>
      <c r="F4565">
        <v>32070</v>
      </c>
      <c r="G4565">
        <v>1342</v>
      </c>
      <c r="H4565">
        <v>0</v>
      </c>
      <c r="I4565">
        <v>0</v>
      </c>
      <c r="J4565">
        <v>0</v>
      </c>
      <c r="K4565">
        <v>1600</v>
      </c>
      <c r="L4565">
        <v>0</v>
      </c>
      <c r="M4565">
        <v>3181</v>
      </c>
      <c r="N4565">
        <v>0</v>
      </c>
      <c r="O4565">
        <v>0</v>
      </c>
      <c r="P4565">
        <v>18500</v>
      </c>
      <c r="Q4565">
        <v>0</v>
      </c>
      <c r="R4565">
        <v>53512</v>
      </c>
      <c r="S4565">
        <v>0</v>
      </c>
      <c r="T4565">
        <v>0</v>
      </c>
      <c r="U4565">
        <v>0</v>
      </c>
      <c r="V4565">
        <v>0</v>
      </c>
      <c r="W4565">
        <v>6</v>
      </c>
      <c r="X4565">
        <v>0</v>
      </c>
      <c r="Y4565">
        <v>51</v>
      </c>
      <c r="Z4565">
        <v>12</v>
      </c>
      <c r="AA4565">
        <v>125</v>
      </c>
      <c r="AB4565">
        <v>22</v>
      </c>
      <c r="AC4565">
        <v>103</v>
      </c>
      <c r="AD4565">
        <v>22</v>
      </c>
      <c r="AE4565">
        <v>112</v>
      </c>
      <c r="AF4565">
        <v>1660</v>
      </c>
      <c r="AG4565">
        <v>103512</v>
      </c>
      <c r="AH4565">
        <v>50000</v>
      </c>
      <c r="AI4565">
        <v>0</v>
      </c>
      <c r="AJ4565">
        <v>116</v>
      </c>
      <c r="AK4565" t="s">
        <v>54</v>
      </c>
      <c r="AL4565">
        <v>0</v>
      </c>
      <c r="AM4565">
        <v>0</v>
      </c>
      <c r="AN4565">
        <v>0</v>
      </c>
      <c r="AO4565">
        <v>0</v>
      </c>
      <c r="AP4565">
        <v>0</v>
      </c>
      <c r="AQ4565">
        <v>0</v>
      </c>
      <c r="AR4565">
        <v>0</v>
      </c>
      <c r="AS4565">
        <v>0</v>
      </c>
      <c r="AT4565">
        <v>0</v>
      </c>
      <c r="AU4565">
        <v>0</v>
      </c>
      <c r="AV4565">
        <v>0</v>
      </c>
      <c r="AW4565">
        <v>0</v>
      </c>
      <c r="AX4565">
        <v>0</v>
      </c>
      <c r="AY4565">
        <v>44</v>
      </c>
      <c r="AZ4565">
        <v>82</v>
      </c>
      <c r="BA4565">
        <v>6550</v>
      </c>
    </row>
    <row r="4566" spans="1:53" x14ac:dyDescent="0.4">
      <c r="A4566">
        <v>4610</v>
      </c>
      <c r="B4566" s="1">
        <v>44569</v>
      </c>
      <c r="C4566">
        <v>1</v>
      </c>
      <c r="D4566" s="1">
        <v>44569.291666666664</v>
      </c>
      <c r="E4566" s="1">
        <v>44569.409722222219</v>
      </c>
      <c r="F4566">
        <v>0</v>
      </c>
      <c r="G4566">
        <v>0</v>
      </c>
      <c r="H4566">
        <v>0</v>
      </c>
      <c r="I4566">
        <v>0</v>
      </c>
      <c r="J4566">
        <v>0</v>
      </c>
      <c r="K4566">
        <v>0</v>
      </c>
      <c r="L4566">
        <v>0</v>
      </c>
      <c r="M4566">
        <v>0</v>
      </c>
      <c r="N4566">
        <v>0</v>
      </c>
      <c r="O4566">
        <v>0</v>
      </c>
      <c r="P4566">
        <v>0</v>
      </c>
      <c r="Q4566">
        <v>0</v>
      </c>
      <c r="R4566">
        <v>0</v>
      </c>
      <c r="S4566">
        <v>0</v>
      </c>
      <c r="T4566">
        <v>0</v>
      </c>
      <c r="U4566">
        <v>0</v>
      </c>
      <c r="V4566">
        <v>0</v>
      </c>
      <c r="W4566">
        <v>0</v>
      </c>
      <c r="X4566">
        <v>0</v>
      </c>
      <c r="Y4566">
        <v>31</v>
      </c>
      <c r="Z4566">
        <v>10</v>
      </c>
      <c r="AA4566">
        <v>118</v>
      </c>
      <c r="AB4566">
        <v>21</v>
      </c>
      <c r="AC4566">
        <v>93</v>
      </c>
      <c r="AD4566">
        <v>22</v>
      </c>
      <c r="AE4566">
        <v>110</v>
      </c>
      <c r="AF4566">
        <v>0</v>
      </c>
      <c r="AG4566">
        <v>50000</v>
      </c>
      <c r="AH4566">
        <v>50000</v>
      </c>
      <c r="AI4566">
        <v>0</v>
      </c>
      <c r="AJ4566">
        <v>0</v>
      </c>
      <c r="AK4566" t="s">
        <v>6</v>
      </c>
      <c r="AL4566">
        <v>0</v>
      </c>
      <c r="AM4566">
        <v>0</v>
      </c>
      <c r="AN4566">
        <v>0</v>
      </c>
      <c r="AO4566">
        <v>0</v>
      </c>
      <c r="AP4566">
        <v>0</v>
      </c>
      <c r="AQ4566">
        <v>0</v>
      </c>
      <c r="AR4566">
        <v>0</v>
      </c>
      <c r="AS4566">
        <v>0</v>
      </c>
      <c r="AT4566">
        <v>0</v>
      </c>
      <c r="AU4566">
        <v>0</v>
      </c>
      <c r="AV4566">
        <v>0</v>
      </c>
      <c r="AW4566">
        <v>0</v>
      </c>
      <c r="AX4566">
        <v>0</v>
      </c>
      <c r="AY4566">
        <v>0</v>
      </c>
      <c r="AZ4566">
        <v>0</v>
      </c>
      <c r="BA4566">
        <v>0</v>
      </c>
    </row>
    <row r="4567" spans="1:53" x14ac:dyDescent="0.4">
      <c r="A4567">
        <v>4611</v>
      </c>
      <c r="B4567" s="1">
        <v>44569</v>
      </c>
      <c r="C4567">
        <v>2</v>
      </c>
      <c r="D4567" s="1">
        <v>44569.409722222219</v>
      </c>
      <c r="E4567" s="1">
        <v>44569.748611111114</v>
      </c>
      <c r="F4567">
        <v>42520</v>
      </c>
      <c r="G4567">
        <v>4422</v>
      </c>
      <c r="H4567">
        <v>0</v>
      </c>
      <c r="I4567">
        <v>0</v>
      </c>
      <c r="J4567">
        <v>0</v>
      </c>
      <c r="K4567">
        <v>0</v>
      </c>
      <c r="L4567">
        <v>0</v>
      </c>
      <c r="M4567">
        <v>4267</v>
      </c>
      <c r="N4567">
        <v>0</v>
      </c>
      <c r="O4567">
        <v>0</v>
      </c>
      <c r="P4567">
        <v>15840</v>
      </c>
      <c r="Q4567">
        <v>0</v>
      </c>
      <c r="R4567">
        <v>62782</v>
      </c>
      <c r="S4567">
        <v>0</v>
      </c>
      <c r="T4567">
        <v>0</v>
      </c>
      <c r="U4567">
        <v>0</v>
      </c>
      <c r="V4567">
        <v>3</v>
      </c>
      <c r="W4567">
        <v>3</v>
      </c>
      <c r="X4567">
        <v>0</v>
      </c>
      <c r="Y4567">
        <v>47</v>
      </c>
      <c r="Z4567">
        <v>4</v>
      </c>
      <c r="AA4567">
        <v>111</v>
      </c>
      <c r="AB4567">
        <v>32</v>
      </c>
      <c r="AC4567">
        <v>116</v>
      </c>
      <c r="AD4567">
        <v>21</v>
      </c>
      <c r="AE4567">
        <v>117</v>
      </c>
      <c r="AF4567">
        <v>4500</v>
      </c>
      <c r="AG4567">
        <v>112582</v>
      </c>
      <c r="AH4567">
        <v>50000</v>
      </c>
      <c r="AI4567">
        <v>-200</v>
      </c>
      <c r="AJ4567">
        <v>119</v>
      </c>
      <c r="AK4567" t="s">
        <v>56</v>
      </c>
      <c r="AL4567">
        <v>0</v>
      </c>
      <c r="AM4567">
        <v>0</v>
      </c>
      <c r="AN4567">
        <v>0</v>
      </c>
      <c r="AO4567">
        <v>0</v>
      </c>
      <c r="AP4567">
        <v>0</v>
      </c>
      <c r="AQ4567">
        <v>0</v>
      </c>
      <c r="AR4567">
        <v>0</v>
      </c>
      <c r="AS4567">
        <v>0</v>
      </c>
      <c r="AT4567">
        <v>0</v>
      </c>
      <c r="AU4567">
        <v>0</v>
      </c>
      <c r="AV4567">
        <v>0</v>
      </c>
      <c r="AW4567">
        <v>0</v>
      </c>
      <c r="AX4567">
        <v>1188</v>
      </c>
      <c r="AY4567">
        <v>45</v>
      </c>
      <c r="AZ4567">
        <v>95</v>
      </c>
      <c r="BA4567">
        <v>7114</v>
      </c>
    </row>
    <row r="4568" spans="1:53" x14ac:dyDescent="0.4">
      <c r="A4568">
        <v>4612</v>
      </c>
      <c r="B4568" s="1">
        <v>44569</v>
      </c>
      <c r="C4568">
        <v>3</v>
      </c>
      <c r="D4568" s="1">
        <v>44569.748611111114</v>
      </c>
      <c r="E4568" s="1">
        <v>44570.031944444447</v>
      </c>
      <c r="F4568">
        <v>114800</v>
      </c>
      <c r="G4568">
        <v>5142</v>
      </c>
      <c r="H4568">
        <v>0</v>
      </c>
      <c r="I4568">
        <v>0</v>
      </c>
      <c r="J4568">
        <v>0</v>
      </c>
      <c r="K4568">
        <v>0</v>
      </c>
      <c r="L4568">
        <v>0</v>
      </c>
      <c r="M4568">
        <v>10903</v>
      </c>
      <c r="N4568">
        <v>0</v>
      </c>
      <c r="O4568">
        <v>0</v>
      </c>
      <c r="P4568">
        <v>28040</v>
      </c>
      <c r="Q4568">
        <v>0</v>
      </c>
      <c r="R4568">
        <v>147982</v>
      </c>
      <c r="S4568">
        <v>0</v>
      </c>
      <c r="T4568">
        <v>0</v>
      </c>
      <c r="U4568">
        <v>0</v>
      </c>
      <c r="V4568">
        <v>12</v>
      </c>
      <c r="W4568">
        <v>7</v>
      </c>
      <c r="X4568">
        <v>0</v>
      </c>
      <c r="Y4568">
        <v>79</v>
      </c>
      <c r="Z4568">
        <v>3</v>
      </c>
      <c r="AA4568">
        <v>92</v>
      </c>
      <c r="AB4568">
        <v>28</v>
      </c>
      <c r="AC4568">
        <v>97</v>
      </c>
      <c r="AD4568">
        <v>21</v>
      </c>
      <c r="AE4568">
        <v>109</v>
      </c>
      <c r="AF4568">
        <v>13480</v>
      </c>
      <c r="AG4568">
        <v>260764</v>
      </c>
      <c r="AH4568">
        <v>50000</v>
      </c>
      <c r="AI4568">
        <v>0</v>
      </c>
      <c r="AJ4568">
        <v>114</v>
      </c>
      <c r="AK4568" t="s">
        <v>53</v>
      </c>
      <c r="AL4568">
        <v>0</v>
      </c>
      <c r="AM4568">
        <v>0</v>
      </c>
      <c r="AN4568">
        <v>0</v>
      </c>
      <c r="AO4568">
        <v>0</v>
      </c>
      <c r="AP4568">
        <v>0</v>
      </c>
      <c r="AQ4568">
        <v>0</v>
      </c>
      <c r="AR4568">
        <v>0</v>
      </c>
      <c r="AS4568">
        <v>0</v>
      </c>
      <c r="AT4568">
        <v>0</v>
      </c>
      <c r="AU4568">
        <v>0</v>
      </c>
      <c r="AV4568">
        <v>0</v>
      </c>
      <c r="AW4568">
        <v>0</v>
      </c>
      <c r="AX4568">
        <v>814</v>
      </c>
      <c r="AY4568">
        <v>24</v>
      </c>
      <c r="AZ4568">
        <v>72</v>
      </c>
      <c r="BA4568">
        <v>3418</v>
      </c>
    </row>
    <row r="4569" spans="1:53" x14ac:dyDescent="0.4">
      <c r="A4569">
        <v>4613</v>
      </c>
      <c r="B4569" s="1">
        <v>44570</v>
      </c>
      <c r="C4569">
        <v>1</v>
      </c>
      <c r="D4569" s="1">
        <v>44570.291666666664</v>
      </c>
      <c r="E4569" s="1">
        <v>44570.407638888886</v>
      </c>
      <c r="F4569">
        <v>0</v>
      </c>
      <c r="G4569">
        <v>0</v>
      </c>
      <c r="H4569">
        <v>0</v>
      </c>
      <c r="I4569">
        <v>0</v>
      </c>
      <c r="J4569">
        <v>0</v>
      </c>
      <c r="K4569">
        <v>0</v>
      </c>
      <c r="L4569">
        <v>0</v>
      </c>
      <c r="M4569">
        <v>0</v>
      </c>
      <c r="N4569">
        <v>0</v>
      </c>
      <c r="O4569">
        <v>0</v>
      </c>
      <c r="P4569">
        <v>0</v>
      </c>
      <c r="Q4569">
        <v>0</v>
      </c>
      <c r="R4569">
        <v>0</v>
      </c>
      <c r="S4569">
        <v>0</v>
      </c>
      <c r="T4569">
        <v>0</v>
      </c>
      <c r="U4569">
        <v>0</v>
      </c>
      <c r="V4569">
        <v>0</v>
      </c>
      <c r="W4569">
        <v>1</v>
      </c>
      <c r="X4569">
        <v>0</v>
      </c>
      <c r="Y4569">
        <v>32</v>
      </c>
      <c r="Z4569">
        <v>3</v>
      </c>
      <c r="AA4569">
        <v>94</v>
      </c>
      <c r="AB4569">
        <v>20</v>
      </c>
      <c r="AC4569">
        <v>89</v>
      </c>
      <c r="AD4569">
        <v>20</v>
      </c>
      <c r="AE4569">
        <v>110</v>
      </c>
      <c r="AF4569">
        <v>0</v>
      </c>
      <c r="AG4569">
        <v>50000</v>
      </c>
      <c r="AH4569">
        <v>50000</v>
      </c>
      <c r="AI4569">
        <v>0</v>
      </c>
      <c r="AJ4569">
        <v>0</v>
      </c>
      <c r="AK4569" t="s">
        <v>6</v>
      </c>
      <c r="AL4569">
        <v>0</v>
      </c>
      <c r="AM4569">
        <v>0</v>
      </c>
      <c r="AN4569">
        <v>0</v>
      </c>
      <c r="AO4569">
        <v>0</v>
      </c>
      <c r="AP4569">
        <v>0</v>
      </c>
      <c r="AQ4569">
        <v>0</v>
      </c>
      <c r="AR4569">
        <v>0</v>
      </c>
      <c r="AS4569">
        <v>0</v>
      </c>
      <c r="AT4569">
        <v>0</v>
      </c>
      <c r="AU4569">
        <v>0</v>
      </c>
      <c r="AV4569">
        <v>0</v>
      </c>
      <c r="AW4569">
        <v>0</v>
      </c>
      <c r="AX4569">
        <v>0</v>
      </c>
      <c r="AY4569">
        <v>0</v>
      </c>
      <c r="AZ4569">
        <v>0</v>
      </c>
      <c r="BA4569">
        <v>0</v>
      </c>
    </row>
    <row r="4570" spans="1:53" x14ac:dyDescent="0.4">
      <c r="A4570">
        <v>4614</v>
      </c>
      <c r="B4570" s="1">
        <v>44570</v>
      </c>
      <c r="C4570">
        <v>2</v>
      </c>
      <c r="D4570" s="1">
        <v>44570.407638888886</v>
      </c>
      <c r="E4570" s="1">
        <v>44570.736111111109</v>
      </c>
      <c r="F4570">
        <v>33410</v>
      </c>
      <c r="G4570">
        <v>902</v>
      </c>
      <c r="H4570">
        <v>0</v>
      </c>
      <c r="I4570">
        <v>0</v>
      </c>
      <c r="J4570">
        <v>100</v>
      </c>
      <c r="K4570">
        <v>0</v>
      </c>
      <c r="L4570">
        <v>0</v>
      </c>
      <c r="M4570">
        <v>3108</v>
      </c>
      <c r="N4570">
        <v>0</v>
      </c>
      <c r="O4570">
        <v>0</v>
      </c>
      <c r="P4570">
        <v>21270</v>
      </c>
      <c r="Q4570">
        <v>0</v>
      </c>
      <c r="R4570">
        <v>55482</v>
      </c>
      <c r="S4570">
        <v>0</v>
      </c>
      <c r="T4570">
        <v>0</v>
      </c>
      <c r="U4570">
        <v>0</v>
      </c>
      <c r="V4570">
        <v>1</v>
      </c>
      <c r="W4570">
        <v>6</v>
      </c>
      <c r="X4570">
        <v>0</v>
      </c>
      <c r="Y4570">
        <v>47</v>
      </c>
      <c r="Z4570">
        <v>11</v>
      </c>
      <c r="AA4570">
        <v>71</v>
      </c>
      <c r="AB4570">
        <v>19</v>
      </c>
      <c r="AC4570">
        <v>126</v>
      </c>
      <c r="AD4570">
        <v>19</v>
      </c>
      <c r="AE4570">
        <v>107</v>
      </c>
      <c r="AF4570">
        <v>3470</v>
      </c>
      <c r="AG4570">
        <v>105482</v>
      </c>
      <c r="AH4570">
        <v>50000</v>
      </c>
      <c r="AI4570">
        <v>0</v>
      </c>
      <c r="AJ4570">
        <v>103</v>
      </c>
      <c r="AK4570" t="s">
        <v>7</v>
      </c>
      <c r="AL4570">
        <v>0</v>
      </c>
      <c r="AM4570">
        <v>0</v>
      </c>
      <c r="AN4570">
        <v>0</v>
      </c>
      <c r="AO4570">
        <v>0</v>
      </c>
      <c r="AP4570">
        <v>0</v>
      </c>
      <c r="AQ4570">
        <v>0</v>
      </c>
      <c r="AR4570">
        <v>0</v>
      </c>
      <c r="AS4570">
        <v>0</v>
      </c>
      <c r="AT4570">
        <v>0</v>
      </c>
      <c r="AU4570">
        <v>0</v>
      </c>
      <c r="AV4570">
        <v>0</v>
      </c>
      <c r="AW4570">
        <v>0</v>
      </c>
      <c r="AX4570">
        <v>-2190</v>
      </c>
      <c r="AY4570">
        <v>50</v>
      </c>
      <c r="AZ4570">
        <v>92</v>
      </c>
      <c r="BA4570">
        <v>6389</v>
      </c>
    </row>
    <row r="4571" spans="1:53" x14ac:dyDescent="0.4">
      <c r="A4571">
        <v>4615</v>
      </c>
      <c r="B4571" s="1">
        <v>44570</v>
      </c>
      <c r="C4571">
        <v>3</v>
      </c>
      <c r="D4571" s="1">
        <v>44570.736111111109</v>
      </c>
      <c r="E4571" s="1">
        <v>44571.077777777777</v>
      </c>
      <c r="F4571">
        <v>151970</v>
      </c>
      <c r="G4571">
        <v>3432</v>
      </c>
      <c r="H4571">
        <v>0</v>
      </c>
      <c r="I4571">
        <v>0</v>
      </c>
      <c r="J4571">
        <v>6975</v>
      </c>
      <c r="K4571">
        <v>4080</v>
      </c>
      <c r="L4571">
        <v>0</v>
      </c>
      <c r="M4571">
        <v>13864</v>
      </c>
      <c r="N4571">
        <v>0</v>
      </c>
      <c r="O4571">
        <v>0</v>
      </c>
      <c r="P4571">
        <v>115580</v>
      </c>
      <c r="Q4571">
        <v>0</v>
      </c>
      <c r="R4571">
        <v>268087</v>
      </c>
      <c r="S4571">
        <v>0</v>
      </c>
      <c r="T4571">
        <v>0</v>
      </c>
      <c r="U4571">
        <v>0</v>
      </c>
      <c r="V4571">
        <v>20</v>
      </c>
      <c r="W4571">
        <v>6</v>
      </c>
      <c r="X4571">
        <v>0</v>
      </c>
      <c r="Y4571">
        <v>80</v>
      </c>
      <c r="Z4571">
        <v>18</v>
      </c>
      <c r="AA4571">
        <v>92</v>
      </c>
      <c r="AB4571">
        <v>24</v>
      </c>
      <c r="AC4571">
        <v>168</v>
      </c>
      <c r="AD4571">
        <v>18</v>
      </c>
      <c r="AE4571">
        <v>109</v>
      </c>
      <c r="AF4571">
        <v>42290</v>
      </c>
      <c r="AG4571">
        <v>373569</v>
      </c>
      <c r="AH4571">
        <v>50000</v>
      </c>
      <c r="AI4571">
        <v>0</v>
      </c>
      <c r="AJ4571">
        <v>108</v>
      </c>
      <c r="AK4571" t="s">
        <v>3</v>
      </c>
      <c r="AL4571">
        <v>0</v>
      </c>
      <c r="AM4571">
        <v>0</v>
      </c>
      <c r="AN4571">
        <v>0</v>
      </c>
      <c r="AO4571">
        <v>0</v>
      </c>
      <c r="AP4571">
        <v>0</v>
      </c>
      <c r="AQ4571">
        <v>0</v>
      </c>
      <c r="AR4571">
        <v>0</v>
      </c>
      <c r="AS4571">
        <v>0</v>
      </c>
      <c r="AT4571">
        <v>0</v>
      </c>
      <c r="AU4571">
        <v>0</v>
      </c>
      <c r="AV4571">
        <v>0</v>
      </c>
      <c r="AW4571">
        <v>0</v>
      </c>
      <c r="AX4571">
        <v>2145</v>
      </c>
      <c r="AY4571">
        <v>41</v>
      </c>
      <c r="AZ4571">
        <v>172</v>
      </c>
      <c r="BA4571">
        <v>6914</v>
      </c>
    </row>
    <row r="4572" spans="1:53" x14ac:dyDescent="0.4">
      <c r="A4572">
        <v>4616</v>
      </c>
      <c r="B4572" s="1">
        <v>44571</v>
      </c>
      <c r="C4572">
        <v>1</v>
      </c>
      <c r="D4572" s="1">
        <v>44571.291666666664</v>
      </c>
      <c r="E4572" s="1">
        <v>44571.411111111112</v>
      </c>
      <c r="F4572">
        <v>0</v>
      </c>
      <c r="G4572">
        <v>0</v>
      </c>
      <c r="H4572">
        <v>0</v>
      </c>
      <c r="I4572">
        <v>0</v>
      </c>
      <c r="J4572">
        <v>0</v>
      </c>
      <c r="K4572">
        <v>0</v>
      </c>
      <c r="L4572">
        <v>0</v>
      </c>
      <c r="M4572">
        <v>0</v>
      </c>
      <c r="N4572">
        <v>0</v>
      </c>
      <c r="O4572">
        <v>0</v>
      </c>
      <c r="P4572">
        <v>0</v>
      </c>
      <c r="Q4572">
        <v>0</v>
      </c>
      <c r="R4572">
        <v>0</v>
      </c>
      <c r="S4572">
        <v>0</v>
      </c>
      <c r="T4572">
        <v>0</v>
      </c>
      <c r="U4572">
        <v>0</v>
      </c>
      <c r="V4572">
        <v>0</v>
      </c>
      <c r="W4572">
        <v>1</v>
      </c>
      <c r="X4572">
        <v>0</v>
      </c>
      <c r="Y4572">
        <v>25</v>
      </c>
      <c r="Z4572">
        <v>17</v>
      </c>
      <c r="AA4572">
        <v>89</v>
      </c>
      <c r="AB4572">
        <v>24</v>
      </c>
      <c r="AC4572">
        <v>120</v>
      </c>
      <c r="AD4572">
        <v>19</v>
      </c>
      <c r="AE4572">
        <v>105</v>
      </c>
      <c r="AF4572">
        <v>0</v>
      </c>
      <c r="AG4572">
        <v>50000</v>
      </c>
      <c r="AH4572">
        <v>50000</v>
      </c>
      <c r="AI4572">
        <v>0</v>
      </c>
      <c r="AJ4572">
        <v>0</v>
      </c>
      <c r="AK4572" t="s">
        <v>6</v>
      </c>
      <c r="AL4572">
        <v>0</v>
      </c>
      <c r="AM4572">
        <v>0</v>
      </c>
      <c r="AN4572">
        <v>0</v>
      </c>
      <c r="AO4572">
        <v>0</v>
      </c>
      <c r="AP4572">
        <v>0</v>
      </c>
      <c r="AQ4572">
        <v>0</v>
      </c>
      <c r="AR4572">
        <v>0</v>
      </c>
      <c r="AS4572">
        <v>0</v>
      </c>
      <c r="AT4572">
        <v>0</v>
      </c>
      <c r="AU4572">
        <v>0</v>
      </c>
      <c r="AV4572">
        <v>0</v>
      </c>
      <c r="AW4572">
        <v>0</v>
      </c>
      <c r="AX4572">
        <v>0</v>
      </c>
      <c r="AY4572">
        <v>0</v>
      </c>
      <c r="AZ4572">
        <v>0</v>
      </c>
      <c r="BA4572">
        <v>0</v>
      </c>
    </row>
    <row r="4573" spans="1:53" x14ac:dyDescent="0.4">
      <c r="A4573">
        <v>4617</v>
      </c>
      <c r="B4573" s="1">
        <v>44571</v>
      </c>
      <c r="C4573">
        <v>2</v>
      </c>
      <c r="D4573" s="1">
        <v>44571.411111111112</v>
      </c>
      <c r="E4573" s="1">
        <v>44571.732638888891</v>
      </c>
      <c r="F4573">
        <v>39540</v>
      </c>
      <c r="G4573">
        <v>1628</v>
      </c>
      <c r="H4573">
        <v>0</v>
      </c>
      <c r="I4573">
        <v>0</v>
      </c>
      <c r="J4573">
        <v>200</v>
      </c>
      <c r="K4573">
        <v>0</v>
      </c>
      <c r="L4573">
        <v>0</v>
      </c>
      <c r="M4573">
        <v>3723</v>
      </c>
      <c r="N4573">
        <v>0</v>
      </c>
      <c r="O4573">
        <v>0</v>
      </c>
      <c r="P4573">
        <v>16290</v>
      </c>
      <c r="Q4573">
        <v>0</v>
      </c>
      <c r="R4573">
        <v>57258</v>
      </c>
      <c r="S4573">
        <v>0</v>
      </c>
      <c r="T4573">
        <v>0</v>
      </c>
      <c r="U4573">
        <v>0</v>
      </c>
      <c r="V4573">
        <v>3</v>
      </c>
      <c r="W4573">
        <v>1</v>
      </c>
      <c r="X4573">
        <v>0</v>
      </c>
      <c r="Y4573">
        <v>38</v>
      </c>
      <c r="Z4573">
        <v>34</v>
      </c>
      <c r="AA4573">
        <v>105</v>
      </c>
      <c r="AB4573">
        <v>24</v>
      </c>
      <c r="AC4573">
        <v>149</v>
      </c>
      <c r="AD4573">
        <v>19</v>
      </c>
      <c r="AE4573">
        <v>112</v>
      </c>
      <c r="AF4573">
        <v>3861</v>
      </c>
      <c r="AG4573">
        <v>107258</v>
      </c>
      <c r="AH4573">
        <v>50000</v>
      </c>
      <c r="AI4573">
        <v>0</v>
      </c>
      <c r="AJ4573">
        <v>103</v>
      </c>
      <c r="AK4573" t="s">
        <v>7</v>
      </c>
      <c r="AL4573">
        <v>0</v>
      </c>
      <c r="AM4573">
        <v>0</v>
      </c>
      <c r="AN4573">
        <v>0</v>
      </c>
      <c r="AO4573">
        <v>0</v>
      </c>
      <c r="AP4573">
        <v>0</v>
      </c>
      <c r="AQ4573">
        <v>0</v>
      </c>
      <c r="AR4573">
        <v>0</v>
      </c>
      <c r="AS4573">
        <v>0</v>
      </c>
      <c r="AT4573">
        <v>0</v>
      </c>
      <c r="AU4573">
        <v>0</v>
      </c>
      <c r="AV4573">
        <v>0</v>
      </c>
      <c r="AW4573">
        <v>0</v>
      </c>
      <c r="AX4573">
        <v>0</v>
      </c>
      <c r="AY4573">
        <v>42</v>
      </c>
      <c r="AZ4573">
        <v>87</v>
      </c>
      <c r="BA4573">
        <v>7055</v>
      </c>
    </row>
    <row r="4574" spans="1:53" x14ac:dyDescent="0.4">
      <c r="A4574">
        <v>4618</v>
      </c>
      <c r="B4574" s="1">
        <v>44572</v>
      </c>
      <c r="C4574">
        <v>1</v>
      </c>
      <c r="D4574" s="1">
        <v>44572.291666666664</v>
      </c>
      <c r="E4574" s="1">
        <v>44572.449305555558</v>
      </c>
      <c r="F4574">
        <v>0</v>
      </c>
      <c r="G4574">
        <v>0</v>
      </c>
      <c r="H4574">
        <v>0</v>
      </c>
      <c r="I4574">
        <v>0</v>
      </c>
      <c r="J4574">
        <v>0</v>
      </c>
      <c r="K4574">
        <v>0</v>
      </c>
      <c r="L4574">
        <v>0</v>
      </c>
      <c r="M4574">
        <v>0</v>
      </c>
      <c r="N4574">
        <v>0</v>
      </c>
      <c r="O4574">
        <v>0</v>
      </c>
      <c r="P4574">
        <v>0</v>
      </c>
      <c r="Q4574">
        <v>0</v>
      </c>
      <c r="R4574">
        <v>0</v>
      </c>
      <c r="S4574">
        <v>0</v>
      </c>
      <c r="T4574">
        <v>0</v>
      </c>
      <c r="U4574">
        <v>0</v>
      </c>
      <c r="V4574">
        <v>0</v>
      </c>
      <c r="W4574">
        <v>1</v>
      </c>
      <c r="X4574">
        <v>0</v>
      </c>
      <c r="Y4574">
        <v>25</v>
      </c>
      <c r="Z4574">
        <v>12</v>
      </c>
      <c r="AA4574">
        <v>110</v>
      </c>
      <c r="AB4574">
        <v>26</v>
      </c>
      <c r="AC4574">
        <v>149</v>
      </c>
      <c r="AD4574">
        <v>19</v>
      </c>
      <c r="AE4574">
        <v>115</v>
      </c>
      <c r="AF4574">
        <v>0</v>
      </c>
      <c r="AG4574">
        <v>50000</v>
      </c>
      <c r="AH4574">
        <v>50000</v>
      </c>
      <c r="AI4574">
        <v>0</v>
      </c>
      <c r="AJ4574">
        <v>0</v>
      </c>
      <c r="AK4574" t="s">
        <v>6</v>
      </c>
      <c r="AL4574">
        <v>0</v>
      </c>
      <c r="AM4574">
        <v>0</v>
      </c>
      <c r="AN4574">
        <v>0</v>
      </c>
      <c r="AO4574">
        <v>0</v>
      </c>
      <c r="AP4574">
        <v>0</v>
      </c>
      <c r="AQ4574">
        <v>0</v>
      </c>
      <c r="AR4574">
        <v>0</v>
      </c>
      <c r="AS4574">
        <v>0</v>
      </c>
      <c r="AT4574">
        <v>0</v>
      </c>
      <c r="AU4574">
        <v>0</v>
      </c>
      <c r="AV4574">
        <v>0</v>
      </c>
      <c r="AW4574">
        <v>0</v>
      </c>
      <c r="AX4574">
        <v>0</v>
      </c>
      <c r="AY4574">
        <v>0</v>
      </c>
      <c r="AZ4574">
        <v>0</v>
      </c>
      <c r="BA4574">
        <v>0</v>
      </c>
    </row>
    <row r="4575" spans="1:53" x14ac:dyDescent="0.4">
      <c r="A4575">
        <v>4619</v>
      </c>
      <c r="B4575" s="1">
        <v>44573</v>
      </c>
      <c r="C4575">
        <v>1</v>
      </c>
      <c r="D4575" s="1">
        <v>44573.291666666664</v>
      </c>
      <c r="E4575" s="1">
        <v>44573.436805555553</v>
      </c>
      <c r="F4575">
        <v>0</v>
      </c>
      <c r="G4575">
        <v>0</v>
      </c>
      <c r="H4575">
        <v>0</v>
      </c>
      <c r="I4575">
        <v>0</v>
      </c>
      <c r="J4575">
        <v>0</v>
      </c>
      <c r="K4575">
        <v>0</v>
      </c>
      <c r="L4575">
        <v>0</v>
      </c>
      <c r="M4575">
        <v>0</v>
      </c>
      <c r="N4575">
        <v>0</v>
      </c>
      <c r="O4575">
        <v>0</v>
      </c>
      <c r="P4575">
        <v>0</v>
      </c>
      <c r="Q4575">
        <v>0</v>
      </c>
      <c r="R4575">
        <v>0</v>
      </c>
      <c r="S4575">
        <v>0</v>
      </c>
      <c r="T4575">
        <v>0</v>
      </c>
      <c r="U4575">
        <v>0</v>
      </c>
      <c r="V4575">
        <v>0</v>
      </c>
      <c r="W4575">
        <v>0</v>
      </c>
      <c r="X4575">
        <v>0</v>
      </c>
      <c r="Y4575">
        <v>30</v>
      </c>
      <c r="Z4575">
        <v>13</v>
      </c>
      <c r="AA4575">
        <v>111</v>
      </c>
      <c r="AB4575">
        <v>31</v>
      </c>
      <c r="AC4575">
        <v>67</v>
      </c>
      <c r="AD4575">
        <v>22</v>
      </c>
      <c r="AE4575">
        <v>70</v>
      </c>
      <c r="AF4575">
        <v>0</v>
      </c>
      <c r="AG4575">
        <v>50000</v>
      </c>
      <c r="AH4575">
        <v>50000</v>
      </c>
      <c r="AI4575">
        <v>0</v>
      </c>
      <c r="AJ4575">
        <v>0</v>
      </c>
      <c r="AK4575" t="s">
        <v>6</v>
      </c>
      <c r="AL4575">
        <v>0</v>
      </c>
      <c r="AM4575">
        <v>0</v>
      </c>
      <c r="AN4575">
        <v>0</v>
      </c>
      <c r="AO4575">
        <v>0</v>
      </c>
      <c r="AP4575">
        <v>0</v>
      </c>
      <c r="AQ4575">
        <v>0</v>
      </c>
      <c r="AR4575">
        <v>0</v>
      </c>
      <c r="AS4575">
        <v>0</v>
      </c>
      <c r="AT4575">
        <v>0</v>
      </c>
      <c r="AU4575">
        <v>0</v>
      </c>
      <c r="AV4575">
        <v>0</v>
      </c>
      <c r="AW4575">
        <v>0</v>
      </c>
      <c r="AX4575">
        <v>0</v>
      </c>
      <c r="AY4575">
        <v>0</v>
      </c>
      <c r="AZ4575">
        <v>0</v>
      </c>
      <c r="BA4575">
        <v>0</v>
      </c>
    </row>
    <row r="4576" spans="1:53" x14ac:dyDescent="0.4">
      <c r="A4576">
        <v>4620</v>
      </c>
      <c r="B4576" s="1">
        <v>44573</v>
      </c>
      <c r="C4576">
        <v>2</v>
      </c>
      <c r="D4576" s="1">
        <v>44573.436805555553</v>
      </c>
      <c r="E4576" s="1">
        <v>44573.75</v>
      </c>
      <c r="F4576">
        <v>14570</v>
      </c>
      <c r="G4576">
        <v>308</v>
      </c>
      <c r="H4576">
        <v>0</v>
      </c>
      <c r="I4576">
        <v>0</v>
      </c>
      <c r="J4576">
        <v>0</v>
      </c>
      <c r="K4576">
        <v>0</v>
      </c>
      <c r="L4576">
        <v>0</v>
      </c>
      <c r="M4576">
        <v>1351</v>
      </c>
      <c r="N4576">
        <v>0</v>
      </c>
      <c r="O4576">
        <v>0</v>
      </c>
      <c r="P4576">
        <v>7490</v>
      </c>
      <c r="Q4576">
        <v>0</v>
      </c>
      <c r="R4576">
        <v>22368</v>
      </c>
      <c r="S4576">
        <v>0</v>
      </c>
      <c r="T4576">
        <v>0</v>
      </c>
      <c r="U4576">
        <v>0</v>
      </c>
      <c r="V4576">
        <v>0</v>
      </c>
      <c r="W4576">
        <v>1</v>
      </c>
      <c r="X4576">
        <v>0</v>
      </c>
      <c r="Y4576">
        <v>42</v>
      </c>
      <c r="Z4576">
        <v>17</v>
      </c>
      <c r="AA4576">
        <v>126</v>
      </c>
      <c r="AB4576">
        <v>27</v>
      </c>
      <c r="AC4576">
        <v>70</v>
      </c>
      <c r="AD4576">
        <v>22</v>
      </c>
      <c r="AE4576">
        <v>70</v>
      </c>
      <c r="AF4576">
        <v>1438</v>
      </c>
      <c r="AG4576">
        <v>71768</v>
      </c>
      <c r="AH4576">
        <v>50000</v>
      </c>
      <c r="AI4576">
        <v>-600</v>
      </c>
      <c r="AJ4576">
        <v>116</v>
      </c>
      <c r="AK4576" t="s">
        <v>54</v>
      </c>
      <c r="AL4576">
        <v>0</v>
      </c>
      <c r="AM4576">
        <v>0</v>
      </c>
      <c r="AN4576">
        <v>0</v>
      </c>
      <c r="AO4576">
        <v>0</v>
      </c>
      <c r="AP4576">
        <v>0</v>
      </c>
      <c r="AQ4576">
        <v>0</v>
      </c>
      <c r="AR4576">
        <v>0</v>
      </c>
      <c r="AS4576">
        <v>0</v>
      </c>
      <c r="AT4576">
        <v>0</v>
      </c>
      <c r="AU4576">
        <v>0</v>
      </c>
      <c r="AV4576">
        <v>0</v>
      </c>
      <c r="AW4576">
        <v>0</v>
      </c>
      <c r="AX4576">
        <v>-1666</v>
      </c>
      <c r="AY4576">
        <v>25</v>
      </c>
      <c r="AZ4576">
        <v>36</v>
      </c>
      <c r="BA4576">
        <v>3632</v>
      </c>
    </row>
    <row r="4577" spans="1:53" x14ac:dyDescent="0.4">
      <c r="A4577">
        <v>4621</v>
      </c>
      <c r="B4577" s="1">
        <v>44573</v>
      </c>
      <c r="C4577">
        <v>3</v>
      </c>
      <c r="D4577" s="1">
        <v>44573.75</v>
      </c>
      <c r="E4577" s="1">
        <v>44574.124305555553</v>
      </c>
      <c r="F4577">
        <v>14460</v>
      </c>
      <c r="G4577">
        <v>2497</v>
      </c>
      <c r="H4577">
        <v>0</v>
      </c>
      <c r="I4577">
        <v>0</v>
      </c>
      <c r="J4577">
        <v>0</v>
      </c>
      <c r="K4577">
        <v>0</v>
      </c>
      <c r="L4577">
        <v>0</v>
      </c>
      <c r="M4577">
        <v>1540</v>
      </c>
      <c r="N4577">
        <v>0</v>
      </c>
      <c r="O4577">
        <v>0</v>
      </c>
      <c r="P4577">
        <v>-7490</v>
      </c>
      <c r="Q4577">
        <v>0</v>
      </c>
      <c r="R4577">
        <v>9467</v>
      </c>
      <c r="S4577">
        <v>0</v>
      </c>
      <c r="T4577">
        <v>0</v>
      </c>
      <c r="U4577">
        <v>0</v>
      </c>
      <c r="V4577">
        <v>0</v>
      </c>
      <c r="W4577">
        <v>2</v>
      </c>
      <c r="X4577">
        <v>0</v>
      </c>
      <c r="Y4577">
        <v>44</v>
      </c>
      <c r="Z4577">
        <v>20</v>
      </c>
      <c r="AA4577">
        <v>129</v>
      </c>
      <c r="AB4577">
        <v>28</v>
      </c>
      <c r="AC4577">
        <v>65</v>
      </c>
      <c r="AD4577">
        <v>23</v>
      </c>
      <c r="AE4577">
        <v>72</v>
      </c>
      <c r="AF4577">
        <v>2698</v>
      </c>
      <c r="AG4577">
        <v>81835</v>
      </c>
      <c r="AH4577">
        <v>50000</v>
      </c>
      <c r="AI4577">
        <v>0</v>
      </c>
      <c r="AJ4577">
        <v>117</v>
      </c>
      <c r="AK4577" t="s">
        <v>58</v>
      </c>
      <c r="AL4577">
        <v>0</v>
      </c>
      <c r="AM4577">
        <v>0</v>
      </c>
      <c r="AN4577">
        <v>0</v>
      </c>
      <c r="AO4577">
        <v>0</v>
      </c>
      <c r="AP4577">
        <v>0</v>
      </c>
      <c r="AQ4577">
        <v>0</v>
      </c>
      <c r="AR4577">
        <v>0</v>
      </c>
      <c r="AS4577">
        <v>0</v>
      </c>
      <c r="AT4577">
        <v>0</v>
      </c>
      <c r="AU4577">
        <v>0</v>
      </c>
      <c r="AV4577">
        <v>0</v>
      </c>
      <c r="AW4577">
        <v>0</v>
      </c>
      <c r="AX4577">
        <v>0</v>
      </c>
      <c r="AY4577">
        <v>5</v>
      </c>
      <c r="AZ4577">
        <v>7</v>
      </c>
      <c r="BA4577">
        <v>1311</v>
      </c>
    </row>
    <row r="4578" spans="1:53" x14ac:dyDescent="0.4">
      <c r="A4578">
        <v>4622</v>
      </c>
      <c r="B4578" s="1">
        <v>44574</v>
      </c>
      <c r="C4578">
        <v>1</v>
      </c>
      <c r="D4578" s="1">
        <v>44574.291666666664</v>
      </c>
      <c r="E4578" s="1">
        <v>44574.739583333336</v>
      </c>
      <c r="F4578">
        <v>5480</v>
      </c>
      <c r="G4578">
        <v>308</v>
      </c>
      <c r="H4578">
        <v>0</v>
      </c>
      <c r="I4578">
        <v>0</v>
      </c>
      <c r="J4578">
        <v>0</v>
      </c>
      <c r="K4578">
        <v>0</v>
      </c>
      <c r="L4578">
        <v>0</v>
      </c>
      <c r="M4578">
        <v>528</v>
      </c>
      <c r="N4578">
        <v>0</v>
      </c>
      <c r="O4578">
        <v>0</v>
      </c>
      <c r="P4578">
        <v>12920</v>
      </c>
      <c r="Q4578">
        <v>0</v>
      </c>
      <c r="R4578">
        <v>18708</v>
      </c>
      <c r="S4578">
        <v>0</v>
      </c>
      <c r="T4578">
        <v>0</v>
      </c>
      <c r="U4578">
        <v>0</v>
      </c>
      <c r="V4578">
        <v>0</v>
      </c>
      <c r="W4578">
        <v>3</v>
      </c>
      <c r="X4578">
        <v>0</v>
      </c>
      <c r="Y4578">
        <v>28</v>
      </c>
      <c r="Z4578">
        <v>11</v>
      </c>
      <c r="AA4578">
        <v>147</v>
      </c>
      <c r="AB4578">
        <v>31</v>
      </c>
      <c r="AC4578">
        <v>63</v>
      </c>
      <c r="AD4578">
        <v>24</v>
      </c>
      <c r="AE4578">
        <v>70</v>
      </c>
      <c r="AF4578">
        <v>3138</v>
      </c>
      <c r="AG4578">
        <v>68708</v>
      </c>
      <c r="AH4578">
        <v>50000</v>
      </c>
      <c r="AI4578">
        <v>0</v>
      </c>
      <c r="AJ4578">
        <v>119</v>
      </c>
      <c r="AK4578" t="s">
        <v>56</v>
      </c>
      <c r="AL4578">
        <v>0</v>
      </c>
      <c r="AM4578">
        <v>0</v>
      </c>
      <c r="AN4578">
        <v>0</v>
      </c>
      <c r="AO4578">
        <v>0</v>
      </c>
      <c r="AP4578">
        <v>0</v>
      </c>
      <c r="AQ4578">
        <v>0</v>
      </c>
      <c r="AR4578">
        <v>0</v>
      </c>
      <c r="AS4578">
        <v>0</v>
      </c>
      <c r="AT4578">
        <v>0</v>
      </c>
      <c r="AU4578">
        <v>0</v>
      </c>
      <c r="AV4578">
        <v>0</v>
      </c>
      <c r="AW4578">
        <v>0</v>
      </c>
      <c r="AX4578">
        <v>748</v>
      </c>
      <c r="AY4578">
        <v>20</v>
      </c>
      <c r="AZ4578">
        <v>31</v>
      </c>
      <c r="BA4578">
        <v>2170</v>
      </c>
    </row>
    <row r="4579" spans="1:53" x14ac:dyDescent="0.4">
      <c r="A4579">
        <v>4623</v>
      </c>
      <c r="B4579" s="1">
        <v>44574</v>
      </c>
      <c r="C4579">
        <v>2</v>
      </c>
      <c r="D4579" s="1">
        <v>44574.739583333336</v>
      </c>
      <c r="E4579" s="1">
        <v>44575.209027777775</v>
      </c>
      <c r="F4579">
        <v>30200</v>
      </c>
      <c r="G4579">
        <v>1573</v>
      </c>
      <c r="H4579">
        <v>0</v>
      </c>
      <c r="I4579">
        <v>0</v>
      </c>
      <c r="J4579">
        <v>0</v>
      </c>
      <c r="K4579">
        <v>0</v>
      </c>
      <c r="L4579">
        <v>0</v>
      </c>
      <c r="M4579">
        <v>2890</v>
      </c>
      <c r="N4579">
        <v>0</v>
      </c>
      <c r="O4579">
        <v>0</v>
      </c>
      <c r="P4579">
        <v>-1436</v>
      </c>
      <c r="Q4579">
        <v>0</v>
      </c>
      <c r="R4579">
        <v>30337</v>
      </c>
      <c r="S4579">
        <v>0</v>
      </c>
      <c r="T4579">
        <v>0</v>
      </c>
      <c r="U4579">
        <v>0</v>
      </c>
      <c r="V4579">
        <v>0</v>
      </c>
      <c r="W4579">
        <v>1</v>
      </c>
      <c r="X4579">
        <v>0</v>
      </c>
      <c r="Y4579">
        <v>23</v>
      </c>
      <c r="Z4579">
        <v>12</v>
      </c>
      <c r="AA4579">
        <v>134</v>
      </c>
      <c r="AB4579">
        <v>32</v>
      </c>
      <c r="AC4579">
        <v>82</v>
      </c>
      <c r="AD4579">
        <v>22</v>
      </c>
      <c r="AE4579">
        <v>70</v>
      </c>
      <c r="AF4579">
        <v>0</v>
      </c>
      <c r="AG4579">
        <v>50000</v>
      </c>
      <c r="AH4579">
        <v>0</v>
      </c>
      <c r="AI4579">
        <v>955</v>
      </c>
      <c r="AJ4579">
        <v>95</v>
      </c>
      <c r="AK4579" t="s">
        <v>21</v>
      </c>
      <c r="AL4579">
        <v>0</v>
      </c>
      <c r="AM4579">
        <v>0</v>
      </c>
      <c r="AN4579">
        <v>0</v>
      </c>
      <c r="AO4579">
        <v>0</v>
      </c>
      <c r="AP4579">
        <v>0</v>
      </c>
      <c r="AQ4579">
        <v>0</v>
      </c>
      <c r="AR4579">
        <v>0</v>
      </c>
      <c r="AS4579">
        <v>0</v>
      </c>
      <c r="AT4579">
        <v>0</v>
      </c>
      <c r="AU4579">
        <v>0</v>
      </c>
      <c r="AV4579">
        <v>0</v>
      </c>
      <c r="AW4579">
        <v>0</v>
      </c>
      <c r="AX4579">
        <v>0</v>
      </c>
      <c r="AY4579">
        <v>6</v>
      </c>
      <c r="AZ4579">
        <v>15</v>
      </c>
      <c r="BA4579">
        <v>1924</v>
      </c>
    </row>
    <row r="4580" spans="1:53" x14ac:dyDescent="0.4">
      <c r="A4580">
        <v>4624</v>
      </c>
      <c r="B4580" s="1">
        <v>44575</v>
      </c>
      <c r="C4580">
        <v>1</v>
      </c>
      <c r="D4580" s="1">
        <v>44575.291666666664</v>
      </c>
      <c r="E4580" s="1">
        <v>44575.4375</v>
      </c>
      <c r="F4580">
        <v>0</v>
      </c>
      <c r="G4580">
        <v>0</v>
      </c>
      <c r="H4580">
        <v>0</v>
      </c>
      <c r="I4580">
        <v>0</v>
      </c>
      <c r="J4580">
        <v>0</v>
      </c>
      <c r="K4580">
        <v>0</v>
      </c>
      <c r="L4580">
        <v>0</v>
      </c>
      <c r="M4580">
        <v>0</v>
      </c>
      <c r="N4580">
        <v>0</v>
      </c>
      <c r="O4580">
        <v>0</v>
      </c>
      <c r="P4580">
        <v>0</v>
      </c>
      <c r="Q4580">
        <v>0</v>
      </c>
      <c r="R4580">
        <v>0</v>
      </c>
      <c r="S4580">
        <v>0</v>
      </c>
      <c r="T4580">
        <v>0</v>
      </c>
      <c r="U4580">
        <v>0</v>
      </c>
      <c r="V4580">
        <v>0</v>
      </c>
      <c r="W4580">
        <v>1</v>
      </c>
      <c r="X4580">
        <v>0</v>
      </c>
      <c r="Y4580">
        <v>23</v>
      </c>
      <c r="Z4580">
        <v>12</v>
      </c>
      <c r="AA4580">
        <v>134</v>
      </c>
      <c r="AB4580">
        <v>32</v>
      </c>
      <c r="AC4580">
        <v>82</v>
      </c>
      <c r="AD4580">
        <v>22</v>
      </c>
      <c r="AE4580">
        <v>70</v>
      </c>
      <c r="AF4580">
        <v>0</v>
      </c>
      <c r="AG4580">
        <v>50000</v>
      </c>
      <c r="AH4580">
        <v>50000</v>
      </c>
      <c r="AI4580">
        <v>0</v>
      </c>
      <c r="AJ4580">
        <v>0</v>
      </c>
      <c r="AK4580" t="s">
        <v>6</v>
      </c>
      <c r="AL4580">
        <v>0</v>
      </c>
      <c r="AM4580">
        <v>0</v>
      </c>
      <c r="AN4580">
        <v>0</v>
      </c>
      <c r="AO4580">
        <v>0</v>
      </c>
      <c r="AP4580">
        <v>0</v>
      </c>
      <c r="AQ4580">
        <v>0</v>
      </c>
      <c r="AR4580">
        <v>0</v>
      </c>
      <c r="AS4580">
        <v>0</v>
      </c>
      <c r="AT4580">
        <v>0</v>
      </c>
      <c r="AU4580">
        <v>0</v>
      </c>
      <c r="AV4580">
        <v>0</v>
      </c>
      <c r="AW4580">
        <v>0</v>
      </c>
      <c r="AX4580">
        <v>0</v>
      </c>
      <c r="AY4580">
        <v>0</v>
      </c>
      <c r="AZ4580">
        <v>0</v>
      </c>
      <c r="BA4580">
        <v>0</v>
      </c>
    </row>
    <row r="4581" spans="1:53" x14ac:dyDescent="0.4">
      <c r="A4581">
        <v>4625</v>
      </c>
      <c r="B4581" s="1">
        <v>44575</v>
      </c>
      <c r="C4581">
        <v>2</v>
      </c>
      <c r="D4581" s="1">
        <v>44575.4375</v>
      </c>
      <c r="E4581" s="1">
        <v>44575.749305555553</v>
      </c>
      <c r="F4581">
        <v>12120</v>
      </c>
      <c r="G4581">
        <v>902</v>
      </c>
      <c r="H4581">
        <v>0</v>
      </c>
      <c r="I4581">
        <v>0</v>
      </c>
      <c r="J4581">
        <v>100</v>
      </c>
      <c r="K4581">
        <v>0</v>
      </c>
      <c r="L4581">
        <v>0</v>
      </c>
      <c r="M4581">
        <v>1174</v>
      </c>
      <c r="N4581">
        <v>0</v>
      </c>
      <c r="O4581">
        <v>0</v>
      </c>
      <c r="P4581">
        <v>12960</v>
      </c>
      <c r="Q4581">
        <v>0</v>
      </c>
      <c r="R4581">
        <v>25882</v>
      </c>
      <c r="S4581">
        <v>0</v>
      </c>
      <c r="T4581">
        <v>0</v>
      </c>
      <c r="U4581">
        <v>0</v>
      </c>
      <c r="V4581">
        <v>1</v>
      </c>
      <c r="W4581">
        <v>3</v>
      </c>
      <c r="X4581">
        <v>0</v>
      </c>
      <c r="Y4581">
        <v>28</v>
      </c>
      <c r="Z4581">
        <v>14</v>
      </c>
      <c r="AA4581">
        <v>123</v>
      </c>
      <c r="AB4581">
        <v>35</v>
      </c>
      <c r="AC4581">
        <v>104</v>
      </c>
      <c r="AD4581">
        <v>22</v>
      </c>
      <c r="AE4581">
        <v>72</v>
      </c>
      <c r="AF4581">
        <v>600</v>
      </c>
      <c r="AG4581">
        <v>75872</v>
      </c>
      <c r="AH4581">
        <v>50000</v>
      </c>
      <c r="AI4581">
        <v>-10</v>
      </c>
      <c r="AJ4581">
        <v>116</v>
      </c>
      <c r="AK4581" t="s">
        <v>54</v>
      </c>
      <c r="AL4581">
        <v>0</v>
      </c>
      <c r="AM4581">
        <v>0</v>
      </c>
      <c r="AN4581">
        <v>0</v>
      </c>
      <c r="AO4581">
        <v>0</v>
      </c>
      <c r="AP4581">
        <v>0</v>
      </c>
      <c r="AQ4581">
        <v>0</v>
      </c>
      <c r="AR4581">
        <v>0</v>
      </c>
      <c r="AS4581">
        <v>0</v>
      </c>
      <c r="AT4581">
        <v>0</v>
      </c>
      <c r="AU4581">
        <v>0</v>
      </c>
      <c r="AV4581">
        <v>0</v>
      </c>
      <c r="AW4581">
        <v>0</v>
      </c>
      <c r="AX4581">
        <v>308</v>
      </c>
      <c r="AY4581">
        <v>27</v>
      </c>
      <c r="AZ4581">
        <v>43</v>
      </c>
      <c r="BA4581">
        <v>3112</v>
      </c>
    </row>
    <row r="4582" spans="1:53" x14ac:dyDescent="0.4">
      <c r="A4582">
        <v>4626</v>
      </c>
      <c r="B4582" s="1">
        <v>44575</v>
      </c>
      <c r="C4582">
        <v>3</v>
      </c>
      <c r="D4582" s="1">
        <v>44575.749305555553</v>
      </c>
      <c r="E4582" s="1">
        <v>44575.97152777778</v>
      </c>
      <c r="F4582">
        <v>32660</v>
      </c>
      <c r="G4582">
        <v>308</v>
      </c>
      <c r="H4582">
        <v>0</v>
      </c>
      <c r="I4582">
        <v>0</v>
      </c>
      <c r="J4582">
        <v>0</v>
      </c>
      <c r="K4582">
        <v>0</v>
      </c>
      <c r="L4582">
        <v>0</v>
      </c>
      <c r="M4582">
        <v>2997</v>
      </c>
      <c r="N4582">
        <v>0</v>
      </c>
      <c r="O4582">
        <v>0</v>
      </c>
      <c r="P4582">
        <v>-12960</v>
      </c>
      <c r="Q4582">
        <v>0</v>
      </c>
      <c r="R4582">
        <v>20008</v>
      </c>
      <c r="S4582">
        <v>0</v>
      </c>
      <c r="T4582">
        <v>0</v>
      </c>
      <c r="U4582">
        <v>0</v>
      </c>
      <c r="V4582">
        <v>2</v>
      </c>
      <c r="W4582">
        <v>4</v>
      </c>
      <c r="X4582">
        <v>0</v>
      </c>
      <c r="Y4582">
        <v>30</v>
      </c>
      <c r="Z4582">
        <v>11</v>
      </c>
      <c r="AA4582">
        <v>134</v>
      </c>
      <c r="AB4582">
        <v>34</v>
      </c>
      <c r="AC4582">
        <v>95</v>
      </c>
      <c r="AD4582">
        <v>22</v>
      </c>
      <c r="AE4582">
        <v>70</v>
      </c>
      <c r="AF4582">
        <v>4160</v>
      </c>
      <c r="AG4582">
        <v>95890</v>
      </c>
      <c r="AH4582">
        <v>50000</v>
      </c>
      <c r="AI4582">
        <v>0</v>
      </c>
      <c r="AJ4582">
        <v>95</v>
      </c>
      <c r="AK4582" t="s">
        <v>21</v>
      </c>
      <c r="AL4582">
        <v>0</v>
      </c>
      <c r="AM4582">
        <v>0</v>
      </c>
      <c r="AN4582">
        <v>0</v>
      </c>
      <c r="AO4582">
        <v>0</v>
      </c>
      <c r="AP4582">
        <v>0</v>
      </c>
      <c r="AQ4582">
        <v>0</v>
      </c>
      <c r="AR4582">
        <v>0</v>
      </c>
      <c r="AS4582">
        <v>0</v>
      </c>
      <c r="AT4582">
        <v>0</v>
      </c>
      <c r="AU4582">
        <v>0</v>
      </c>
      <c r="AV4582">
        <v>0</v>
      </c>
      <c r="AW4582">
        <v>0</v>
      </c>
      <c r="AX4582">
        <v>20905</v>
      </c>
      <c r="AY4582">
        <v>13</v>
      </c>
      <c r="AZ4582">
        <v>40</v>
      </c>
      <c r="BA4582">
        <v>1874</v>
      </c>
    </row>
    <row r="4583" spans="1:53" x14ac:dyDescent="0.4">
      <c r="A4583">
        <v>4627</v>
      </c>
      <c r="B4583" s="1">
        <v>44575</v>
      </c>
      <c r="C4583">
        <v>4</v>
      </c>
      <c r="D4583" s="1">
        <v>44575.97152777778</v>
      </c>
      <c r="E4583" s="1">
        <v>44576.086805555555</v>
      </c>
      <c r="F4583">
        <v>34430</v>
      </c>
      <c r="G4583">
        <v>1353</v>
      </c>
      <c r="H4583">
        <v>0</v>
      </c>
      <c r="I4583">
        <v>0</v>
      </c>
      <c r="J4583">
        <v>0</v>
      </c>
      <c r="K4583">
        <v>0</v>
      </c>
      <c r="L4583">
        <v>0</v>
      </c>
      <c r="M4583">
        <v>3253</v>
      </c>
      <c r="N4583">
        <v>0</v>
      </c>
      <c r="O4583">
        <v>0</v>
      </c>
      <c r="P4583">
        <v>20690</v>
      </c>
      <c r="Q4583">
        <v>0</v>
      </c>
      <c r="R4583">
        <v>56473</v>
      </c>
      <c r="S4583">
        <v>0</v>
      </c>
      <c r="T4583">
        <v>0</v>
      </c>
      <c r="U4583">
        <v>0</v>
      </c>
      <c r="V4583">
        <v>5</v>
      </c>
      <c r="W4583">
        <v>4</v>
      </c>
      <c r="X4583">
        <v>0</v>
      </c>
      <c r="Y4583">
        <v>33</v>
      </c>
      <c r="Z4583">
        <v>10</v>
      </c>
      <c r="AA4583">
        <v>138</v>
      </c>
      <c r="AB4583">
        <v>36</v>
      </c>
      <c r="AC4583">
        <v>99</v>
      </c>
      <c r="AD4583">
        <v>22</v>
      </c>
      <c r="AE4583">
        <v>75</v>
      </c>
      <c r="AF4583">
        <v>27588</v>
      </c>
      <c r="AG4583">
        <v>152363</v>
      </c>
      <c r="AH4583">
        <v>50000</v>
      </c>
      <c r="AI4583">
        <v>0</v>
      </c>
      <c r="AJ4583">
        <v>70</v>
      </c>
      <c r="AK4583" t="s">
        <v>49</v>
      </c>
      <c r="AL4583">
        <v>0</v>
      </c>
      <c r="AM4583">
        <v>0</v>
      </c>
      <c r="AN4583">
        <v>0</v>
      </c>
      <c r="AO4583">
        <v>0</v>
      </c>
      <c r="AP4583">
        <v>0</v>
      </c>
      <c r="AQ4583">
        <v>0</v>
      </c>
      <c r="AR4583">
        <v>0</v>
      </c>
      <c r="AS4583">
        <v>0</v>
      </c>
      <c r="AT4583">
        <v>0</v>
      </c>
      <c r="AU4583">
        <v>0</v>
      </c>
      <c r="AV4583">
        <v>0</v>
      </c>
      <c r="AW4583">
        <v>0</v>
      </c>
      <c r="AX4583">
        <v>616</v>
      </c>
      <c r="AY4583">
        <v>2</v>
      </c>
      <c r="AZ4583">
        <v>9</v>
      </c>
      <c r="BA4583">
        <v>515</v>
      </c>
    </row>
    <row r="4584" spans="1:53" x14ac:dyDescent="0.4">
      <c r="A4584">
        <v>4628</v>
      </c>
      <c r="B4584" s="1">
        <v>44576</v>
      </c>
      <c r="C4584">
        <v>1</v>
      </c>
      <c r="D4584" s="1">
        <v>44576.291666666664</v>
      </c>
      <c r="E4584" s="1">
        <v>44576.407638888886</v>
      </c>
      <c r="F4584">
        <v>0</v>
      </c>
      <c r="G4584">
        <v>0</v>
      </c>
      <c r="H4584">
        <v>0</v>
      </c>
      <c r="I4584">
        <v>0</v>
      </c>
      <c r="J4584">
        <v>0</v>
      </c>
      <c r="K4584">
        <v>0</v>
      </c>
      <c r="L4584">
        <v>0</v>
      </c>
      <c r="M4584">
        <v>0</v>
      </c>
      <c r="N4584">
        <v>0</v>
      </c>
      <c r="O4584">
        <v>0</v>
      </c>
      <c r="P4584">
        <v>0</v>
      </c>
      <c r="Q4584">
        <v>0</v>
      </c>
      <c r="R4584">
        <v>0</v>
      </c>
      <c r="S4584">
        <v>0</v>
      </c>
      <c r="T4584">
        <v>0</v>
      </c>
      <c r="U4584">
        <v>0</v>
      </c>
      <c r="V4584">
        <v>0</v>
      </c>
      <c r="W4584">
        <v>0</v>
      </c>
      <c r="X4584">
        <v>0</v>
      </c>
      <c r="Y4584">
        <v>30</v>
      </c>
      <c r="Z4584">
        <v>10</v>
      </c>
      <c r="AA4584">
        <v>121</v>
      </c>
      <c r="AB4584">
        <v>35</v>
      </c>
      <c r="AC4584">
        <v>96</v>
      </c>
      <c r="AD4584">
        <v>23</v>
      </c>
      <c r="AE4584">
        <v>75</v>
      </c>
      <c r="AF4584">
        <v>0</v>
      </c>
      <c r="AG4584">
        <v>50000</v>
      </c>
      <c r="AH4584">
        <v>50000</v>
      </c>
      <c r="AI4584">
        <v>0</v>
      </c>
      <c r="AJ4584">
        <v>0</v>
      </c>
      <c r="AK4584" t="s">
        <v>6</v>
      </c>
      <c r="AL4584">
        <v>0</v>
      </c>
      <c r="AM4584">
        <v>0</v>
      </c>
      <c r="AN4584">
        <v>0</v>
      </c>
      <c r="AO4584">
        <v>0</v>
      </c>
      <c r="AP4584">
        <v>0</v>
      </c>
      <c r="AQ4584">
        <v>0</v>
      </c>
      <c r="AR4584">
        <v>0</v>
      </c>
      <c r="AS4584">
        <v>0</v>
      </c>
      <c r="AT4584">
        <v>0</v>
      </c>
      <c r="AU4584">
        <v>0</v>
      </c>
      <c r="AV4584">
        <v>0</v>
      </c>
      <c r="AW4584">
        <v>0</v>
      </c>
      <c r="AX4584">
        <v>0</v>
      </c>
      <c r="AY4584">
        <v>0</v>
      </c>
      <c r="AZ4584">
        <v>0</v>
      </c>
      <c r="BA4584">
        <v>0</v>
      </c>
    </row>
    <row r="4585" spans="1:53" x14ac:dyDescent="0.4">
      <c r="A4585">
        <v>4629</v>
      </c>
      <c r="B4585" s="1">
        <v>44576</v>
      </c>
      <c r="C4585">
        <v>2</v>
      </c>
      <c r="D4585" s="1">
        <v>44576.407638888886</v>
      </c>
      <c r="E4585" s="1">
        <v>44576.741666666669</v>
      </c>
      <c r="F4585">
        <v>30060</v>
      </c>
      <c r="G4585">
        <v>2244</v>
      </c>
      <c r="H4585">
        <v>0</v>
      </c>
      <c r="I4585">
        <v>0</v>
      </c>
      <c r="J4585">
        <v>0</v>
      </c>
      <c r="K4585">
        <v>0</v>
      </c>
      <c r="L4585">
        <v>0</v>
      </c>
      <c r="M4585">
        <v>2935</v>
      </c>
      <c r="N4585">
        <v>0</v>
      </c>
      <c r="O4585">
        <v>0</v>
      </c>
      <c r="P4585">
        <v>15170</v>
      </c>
      <c r="Q4585">
        <v>0</v>
      </c>
      <c r="R4585">
        <v>47474</v>
      </c>
      <c r="S4585">
        <v>0</v>
      </c>
      <c r="T4585">
        <v>0</v>
      </c>
      <c r="U4585">
        <v>0</v>
      </c>
      <c r="V4585">
        <v>4</v>
      </c>
      <c r="W4585">
        <v>0</v>
      </c>
      <c r="X4585">
        <v>0</v>
      </c>
      <c r="Y4585">
        <v>26</v>
      </c>
      <c r="Z4585">
        <v>16</v>
      </c>
      <c r="AA4585">
        <v>141</v>
      </c>
      <c r="AB4585">
        <v>30</v>
      </c>
      <c r="AC4585">
        <v>107</v>
      </c>
      <c r="AD4585">
        <v>23</v>
      </c>
      <c r="AE4585">
        <v>79</v>
      </c>
      <c r="AF4585">
        <v>6610</v>
      </c>
      <c r="AG4585">
        <v>97474</v>
      </c>
      <c r="AH4585">
        <v>50000</v>
      </c>
      <c r="AI4585">
        <v>0</v>
      </c>
      <c r="AJ4585">
        <v>118</v>
      </c>
      <c r="AK4585" t="s">
        <v>59</v>
      </c>
      <c r="AL4585">
        <v>0</v>
      </c>
      <c r="AM4585">
        <v>0</v>
      </c>
      <c r="AN4585">
        <v>0</v>
      </c>
      <c r="AO4585">
        <v>0</v>
      </c>
      <c r="AP4585">
        <v>0</v>
      </c>
      <c r="AQ4585">
        <v>0</v>
      </c>
      <c r="AR4585">
        <v>0</v>
      </c>
      <c r="AS4585">
        <v>0</v>
      </c>
      <c r="AT4585">
        <v>0</v>
      </c>
      <c r="AU4585">
        <v>0</v>
      </c>
      <c r="AV4585">
        <v>0</v>
      </c>
      <c r="AW4585">
        <v>0</v>
      </c>
      <c r="AX4585">
        <v>1034</v>
      </c>
      <c r="AY4585">
        <v>40</v>
      </c>
      <c r="AZ4585">
        <v>74</v>
      </c>
      <c r="BA4585">
        <v>5909</v>
      </c>
    </row>
    <row r="4586" spans="1:53" x14ac:dyDescent="0.4">
      <c r="A4586">
        <v>4630</v>
      </c>
      <c r="B4586" s="1">
        <v>44577</v>
      </c>
      <c r="C4586">
        <v>1</v>
      </c>
      <c r="D4586" s="1">
        <v>44577.291666666664</v>
      </c>
      <c r="E4586" s="1">
        <v>44577.409722222219</v>
      </c>
      <c r="F4586">
        <v>0</v>
      </c>
      <c r="G4586">
        <v>0</v>
      </c>
      <c r="H4586">
        <v>0</v>
      </c>
      <c r="I4586">
        <v>0</v>
      </c>
      <c r="J4586">
        <v>0</v>
      </c>
      <c r="K4586">
        <v>0</v>
      </c>
      <c r="L4586">
        <v>0</v>
      </c>
      <c r="M4586">
        <v>0</v>
      </c>
      <c r="N4586">
        <v>0</v>
      </c>
      <c r="O4586">
        <v>0</v>
      </c>
      <c r="P4586">
        <v>0</v>
      </c>
      <c r="Q4586">
        <v>0</v>
      </c>
      <c r="R4586">
        <v>0</v>
      </c>
      <c r="S4586">
        <v>0</v>
      </c>
      <c r="T4586">
        <v>0</v>
      </c>
      <c r="U4586">
        <v>0</v>
      </c>
      <c r="V4586">
        <v>0</v>
      </c>
      <c r="W4586">
        <v>1</v>
      </c>
      <c r="X4586">
        <v>0</v>
      </c>
      <c r="Y4586">
        <v>25</v>
      </c>
      <c r="Z4586">
        <v>10</v>
      </c>
      <c r="AA4586">
        <v>125</v>
      </c>
      <c r="AB4586">
        <v>28</v>
      </c>
      <c r="AC4586">
        <v>92</v>
      </c>
      <c r="AD4586">
        <v>21</v>
      </c>
      <c r="AE4586">
        <v>75</v>
      </c>
      <c r="AF4586">
        <v>0</v>
      </c>
      <c r="AG4586">
        <v>50000</v>
      </c>
      <c r="AH4586">
        <v>50000</v>
      </c>
      <c r="AI4586">
        <v>0</v>
      </c>
      <c r="AJ4586">
        <v>0</v>
      </c>
      <c r="AK4586" t="s">
        <v>6</v>
      </c>
      <c r="AL4586">
        <v>0</v>
      </c>
      <c r="AM4586">
        <v>0</v>
      </c>
      <c r="AN4586">
        <v>0</v>
      </c>
      <c r="AO4586">
        <v>0</v>
      </c>
      <c r="AP4586">
        <v>0</v>
      </c>
      <c r="AQ4586">
        <v>0</v>
      </c>
      <c r="AR4586">
        <v>0</v>
      </c>
      <c r="AS4586">
        <v>0</v>
      </c>
      <c r="AT4586">
        <v>0</v>
      </c>
      <c r="AU4586">
        <v>0</v>
      </c>
      <c r="AV4586">
        <v>0</v>
      </c>
      <c r="AW4586">
        <v>0</v>
      </c>
      <c r="AX4586">
        <v>0</v>
      </c>
      <c r="AY4586">
        <v>0</v>
      </c>
      <c r="AZ4586">
        <v>0</v>
      </c>
      <c r="BA4586">
        <v>0</v>
      </c>
    </row>
    <row r="4587" spans="1:53" x14ac:dyDescent="0.4">
      <c r="A4587">
        <v>4631</v>
      </c>
      <c r="B4587" s="1">
        <v>44577</v>
      </c>
      <c r="C4587">
        <v>2</v>
      </c>
      <c r="D4587" s="1">
        <v>44577.409722222219</v>
      </c>
      <c r="E4587" s="1">
        <v>44577.754861111112</v>
      </c>
      <c r="F4587">
        <v>44060</v>
      </c>
      <c r="G4587">
        <v>2354</v>
      </c>
      <c r="H4587">
        <v>0</v>
      </c>
      <c r="I4587">
        <v>0</v>
      </c>
      <c r="J4587">
        <v>0</v>
      </c>
      <c r="K4587">
        <v>0</v>
      </c>
      <c r="L4587">
        <v>0</v>
      </c>
      <c r="M4587">
        <v>4218</v>
      </c>
      <c r="N4587">
        <v>0</v>
      </c>
      <c r="O4587">
        <v>0</v>
      </c>
      <c r="P4587">
        <v>17960</v>
      </c>
      <c r="Q4587">
        <v>0</v>
      </c>
      <c r="R4587">
        <v>64374</v>
      </c>
      <c r="S4587">
        <v>0</v>
      </c>
      <c r="T4587">
        <v>0</v>
      </c>
      <c r="U4587">
        <v>0</v>
      </c>
      <c r="V4587">
        <v>3</v>
      </c>
      <c r="W4587">
        <v>2</v>
      </c>
      <c r="X4587">
        <v>0</v>
      </c>
      <c r="Y4587">
        <v>38</v>
      </c>
      <c r="Z4587">
        <v>27</v>
      </c>
      <c r="AA4587">
        <v>115</v>
      </c>
      <c r="AB4587">
        <v>30</v>
      </c>
      <c r="AC4587">
        <v>116</v>
      </c>
      <c r="AD4587">
        <v>19</v>
      </c>
      <c r="AE4587">
        <v>78</v>
      </c>
      <c r="AF4587">
        <v>8541</v>
      </c>
      <c r="AG4587">
        <v>114374</v>
      </c>
      <c r="AH4587">
        <v>50000</v>
      </c>
      <c r="AI4587">
        <v>0</v>
      </c>
      <c r="AJ4587">
        <v>104</v>
      </c>
      <c r="AK4587" t="s">
        <v>52</v>
      </c>
      <c r="AL4587">
        <v>0</v>
      </c>
      <c r="AM4587">
        <v>0</v>
      </c>
      <c r="AN4587">
        <v>0</v>
      </c>
      <c r="AO4587">
        <v>0</v>
      </c>
      <c r="AP4587">
        <v>0</v>
      </c>
      <c r="AQ4587">
        <v>0</v>
      </c>
      <c r="AR4587">
        <v>0</v>
      </c>
      <c r="AS4587">
        <v>0</v>
      </c>
      <c r="AT4587">
        <v>0</v>
      </c>
      <c r="AU4587">
        <v>0</v>
      </c>
      <c r="AV4587">
        <v>0</v>
      </c>
      <c r="AW4587">
        <v>0</v>
      </c>
      <c r="AX4587">
        <v>-618</v>
      </c>
      <c r="AY4587">
        <v>48</v>
      </c>
      <c r="AZ4587">
        <v>101</v>
      </c>
      <c r="BA4587">
        <v>7021</v>
      </c>
    </row>
    <row r="4588" spans="1:53" x14ac:dyDescent="0.4">
      <c r="A4588">
        <v>4632</v>
      </c>
      <c r="B4588" s="1">
        <v>44577</v>
      </c>
      <c r="C4588">
        <v>3</v>
      </c>
      <c r="D4588" s="1">
        <v>44577.754861111112</v>
      </c>
      <c r="E4588" s="1">
        <v>44578.017361111109</v>
      </c>
      <c r="F4588">
        <v>31960</v>
      </c>
      <c r="G4588">
        <v>2376</v>
      </c>
      <c r="H4588">
        <v>0</v>
      </c>
      <c r="I4588">
        <v>0</v>
      </c>
      <c r="J4588">
        <v>0</v>
      </c>
      <c r="K4588">
        <v>0</v>
      </c>
      <c r="L4588">
        <v>0</v>
      </c>
      <c r="M4588">
        <v>3119</v>
      </c>
      <c r="N4588">
        <v>0</v>
      </c>
      <c r="O4588">
        <v>0</v>
      </c>
      <c r="P4588">
        <v>-14660</v>
      </c>
      <c r="Q4588">
        <v>0</v>
      </c>
      <c r="R4588">
        <v>19676</v>
      </c>
      <c r="S4588">
        <v>0</v>
      </c>
      <c r="T4588">
        <v>0</v>
      </c>
      <c r="U4588">
        <v>0</v>
      </c>
      <c r="V4588">
        <v>3</v>
      </c>
      <c r="W4588">
        <v>6</v>
      </c>
      <c r="X4588">
        <v>0</v>
      </c>
      <c r="Y4588">
        <v>35</v>
      </c>
      <c r="Z4588">
        <v>25</v>
      </c>
      <c r="AA4588">
        <v>122</v>
      </c>
      <c r="AB4588">
        <v>26</v>
      </c>
      <c r="AC4588">
        <v>105</v>
      </c>
      <c r="AD4588">
        <v>18</v>
      </c>
      <c r="AE4588">
        <v>69</v>
      </c>
      <c r="AF4588">
        <v>11841</v>
      </c>
      <c r="AG4588">
        <v>134050</v>
      </c>
      <c r="AH4588">
        <v>50000</v>
      </c>
      <c r="AI4588">
        <v>0</v>
      </c>
      <c r="AJ4588">
        <v>104</v>
      </c>
      <c r="AK4588" t="s">
        <v>52</v>
      </c>
      <c r="AL4588">
        <v>0</v>
      </c>
      <c r="AM4588">
        <v>0</v>
      </c>
      <c r="AN4588">
        <v>0</v>
      </c>
      <c r="AO4588">
        <v>0</v>
      </c>
      <c r="AP4588">
        <v>0</v>
      </c>
      <c r="AQ4588">
        <v>0</v>
      </c>
      <c r="AR4588">
        <v>0</v>
      </c>
      <c r="AS4588">
        <v>0</v>
      </c>
      <c r="AT4588">
        <v>0</v>
      </c>
      <c r="AU4588">
        <v>0</v>
      </c>
      <c r="AV4588">
        <v>0</v>
      </c>
      <c r="AW4588">
        <v>0</v>
      </c>
      <c r="AX4588">
        <v>0</v>
      </c>
      <c r="AY4588">
        <v>7</v>
      </c>
      <c r="AZ4588">
        <v>18</v>
      </c>
      <c r="BA4588">
        <v>1849</v>
      </c>
    </row>
    <row r="4589" spans="1:53" x14ac:dyDescent="0.4">
      <c r="A4589">
        <v>4633</v>
      </c>
      <c r="B4589" s="1">
        <v>44578</v>
      </c>
      <c r="C4589">
        <v>1</v>
      </c>
      <c r="D4589" s="1">
        <v>44578.291666666664</v>
      </c>
      <c r="E4589" s="1">
        <v>44578.438194444447</v>
      </c>
      <c r="F4589">
        <v>0</v>
      </c>
      <c r="G4589">
        <v>0</v>
      </c>
      <c r="H4589">
        <v>0</v>
      </c>
      <c r="I4589">
        <v>0</v>
      </c>
      <c r="J4589">
        <v>0</v>
      </c>
      <c r="K4589">
        <v>0</v>
      </c>
      <c r="L4589">
        <v>0</v>
      </c>
      <c r="M4589">
        <v>0</v>
      </c>
      <c r="N4589">
        <v>0</v>
      </c>
      <c r="O4589">
        <v>0</v>
      </c>
      <c r="P4589">
        <v>0</v>
      </c>
      <c r="Q4589">
        <v>0</v>
      </c>
      <c r="R4589">
        <v>0</v>
      </c>
      <c r="S4589">
        <v>0</v>
      </c>
      <c r="T4589">
        <v>0</v>
      </c>
      <c r="U4589">
        <v>0</v>
      </c>
      <c r="V4589">
        <v>0</v>
      </c>
      <c r="W4589">
        <v>1</v>
      </c>
      <c r="X4589">
        <v>0</v>
      </c>
      <c r="Y4589">
        <v>25</v>
      </c>
      <c r="Z4589">
        <v>11</v>
      </c>
      <c r="AA4589">
        <v>120</v>
      </c>
      <c r="AB4589">
        <v>26</v>
      </c>
      <c r="AC4589">
        <v>105</v>
      </c>
      <c r="AD4589">
        <v>17</v>
      </c>
      <c r="AE4589">
        <v>65</v>
      </c>
      <c r="AF4589">
        <v>0</v>
      </c>
      <c r="AG4589">
        <v>50000</v>
      </c>
      <c r="AH4589">
        <v>50000</v>
      </c>
      <c r="AI4589">
        <v>0</v>
      </c>
      <c r="AJ4589">
        <v>0</v>
      </c>
      <c r="AK4589" t="s">
        <v>6</v>
      </c>
      <c r="AL4589">
        <v>0</v>
      </c>
      <c r="AM4589">
        <v>0</v>
      </c>
      <c r="AN4589">
        <v>0</v>
      </c>
      <c r="AO4589">
        <v>0</v>
      </c>
      <c r="AP4589">
        <v>0</v>
      </c>
      <c r="AQ4589">
        <v>0</v>
      </c>
      <c r="AR4589">
        <v>0</v>
      </c>
      <c r="AS4589">
        <v>0</v>
      </c>
      <c r="AT4589">
        <v>0</v>
      </c>
      <c r="AU4589">
        <v>0</v>
      </c>
      <c r="AV4589">
        <v>0</v>
      </c>
      <c r="AW4589">
        <v>0</v>
      </c>
      <c r="AX4589">
        <v>0</v>
      </c>
      <c r="AY4589">
        <v>0</v>
      </c>
      <c r="AZ4589">
        <v>0</v>
      </c>
      <c r="BA4589">
        <v>0</v>
      </c>
    </row>
    <row r="4590" spans="1:53" x14ac:dyDescent="0.4">
      <c r="A4590">
        <v>4634</v>
      </c>
      <c r="B4590" s="1">
        <v>44578</v>
      </c>
      <c r="C4590">
        <v>2</v>
      </c>
      <c r="D4590" s="1">
        <v>44578.438194444447</v>
      </c>
      <c r="E4590" s="1">
        <v>44578.753472222219</v>
      </c>
      <c r="F4590">
        <v>20255</v>
      </c>
      <c r="G4590">
        <v>3586</v>
      </c>
      <c r="H4590">
        <v>0</v>
      </c>
      <c r="I4590">
        <v>0</v>
      </c>
      <c r="J4590">
        <v>0</v>
      </c>
      <c r="K4590">
        <v>0</v>
      </c>
      <c r="L4590">
        <v>0</v>
      </c>
      <c r="M4590">
        <v>2167</v>
      </c>
      <c r="N4590">
        <v>0</v>
      </c>
      <c r="O4590">
        <v>0</v>
      </c>
      <c r="P4590">
        <v>10950</v>
      </c>
      <c r="Q4590">
        <v>0</v>
      </c>
      <c r="R4590">
        <v>34791</v>
      </c>
      <c r="S4590">
        <v>0</v>
      </c>
      <c r="T4590">
        <v>0</v>
      </c>
      <c r="U4590">
        <v>0</v>
      </c>
      <c r="V4590">
        <v>1</v>
      </c>
      <c r="W4590">
        <v>2</v>
      </c>
      <c r="X4590">
        <v>0</v>
      </c>
      <c r="Y4590">
        <v>43</v>
      </c>
      <c r="Z4590">
        <v>14</v>
      </c>
      <c r="AA4590">
        <v>112</v>
      </c>
      <c r="AB4590">
        <v>26</v>
      </c>
      <c r="AC4590">
        <v>128</v>
      </c>
      <c r="AD4590">
        <v>19</v>
      </c>
      <c r="AE4590">
        <v>78</v>
      </c>
      <c r="AF4590">
        <v>838</v>
      </c>
      <c r="AG4590">
        <v>84791</v>
      </c>
      <c r="AH4590">
        <v>50000</v>
      </c>
      <c r="AI4590">
        <v>0</v>
      </c>
      <c r="AJ4590">
        <v>102</v>
      </c>
      <c r="AK4590" t="s">
        <v>50</v>
      </c>
      <c r="AL4590">
        <v>0</v>
      </c>
      <c r="AM4590">
        <v>0</v>
      </c>
      <c r="AN4590">
        <v>0</v>
      </c>
      <c r="AO4590">
        <v>0</v>
      </c>
      <c r="AP4590">
        <v>0</v>
      </c>
      <c r="AQ4590">
        <v>0</v>
      </c>
      <c r="AR4590">
        <v>0</v>
      </c>
      <c r="AS4590">
        <v>0</v>
      </c>
      <c r="AT4590">
        <v>0</v>
      </c>
      <c r="AU4590">
        <v>0</v>
      </c>
      <c r="AV4590">
        <v>0</v>
      </c>
      <c r="AW4590">
        <v>0</v>
      </c>
      <c r="AX4590">
        <v>594</v>
      </c>
      <c r="AY4590">
        <v>33</v>
      </c>
      <c r="AZ4590">
        <v>50</v>
      </c>
      <c r="BA4590">
        <v>4819</v>
      </c>
    </row>
    <row r="4591" spans="1:53" x14ac:dyDescent="0.4">
      <c r="A4591">
        <v>4635</v>
      </c>
      <c r="B4591" s="1">
        <v>44578</v>
      </c>
      <c r="C4591">
        <v>3</v>
      </c>
      <c r="D4591" s="1">
        <v>44578.753472222219</v>
      </c>
      <c r="E4591" s="1">
        <v>44579.064583333333</v>
      </c>
      <c r="F4591">
        <v>16810</v>
      </c>
      <c r="G4591">
        <v>1034</v>
      </c>
      <c r="H4591">
        <v>0</v>
      </c>
      <c r="I4591">
        <v>0</v>
      </c>
      <c r="J4591">
        <v>0</v>
      </c>
      <c r="K4591">
        <v>0</v>
      </c>
      <c r="L4591">
        <v>0</v>
      </c>
      <c r="M4591">
        <v>1621</v>
      </c>
      <c r="N4591">
        <v>0</v>
      </c>
      <c r="O4591">
        <v>0</v>
      </c>
      <c r="P4591">
        <v>-6110</v>
      </c>
      <c r="Q4591">
        <v>0</v>
      </c>
      <c r="R4591">
        <v>11734</v>
      </c>
      <c r="S4591">
        <v>0</v>
      </c>
      <c r="T4591">
        <v>0</v>
      </c>
      <c r="U4591">
        <v>0</v>
      </c>
      <c r="V4591">
        <v>1</v>
      </c>
      <c r="W4591">
        <v>4</v>
      </c>
      <c r="X4591">
        <v>0</v>
      </c>
      <c r="Y4591">
        <v>44</v>
      </c>
      <c r="Z4591">
        <v>15</v>
      </c>
      <c r="AA4591">
        <v>113</v>
      </c>
      <c r="AB4591">
        <v>28</v>
      </c>
      <c r="AC4591">
        <v>132</v>
      </c>
      <c r="AD4591">
        <v>18</v>
      </c>
      <c r="AE4591">
        <v>77</v>
      </c>
      <c r="AF4591">
        <v>838</v>
      </c>
      <c r="AG4591">
        <v>96525</v>
      </c>
      <c r="AH4591">
        <v>50000</v>
      </c>
      <c r="AI4591">
        <v>0</v>
      </c>
      <c r="AJ4591">
        <v>108</v>
      </c>
      <c r="AK4591" t="s">
        <v>3</v>
      </c>
      <c r="AL4591">
        <v>0</v>
      </c>
      <c r="AM4591">
        <v>0</v>
      </c>
      <c r="AN4591">
        <v>0</v>
      </c>
      <c r="AO4591">
        <v>0</v>
      </c>
      <c r="AP4591">
        <v>0</v>
      </c>
      <c r="AQ4591">
        <v>0</v>
      </c>
      <c r="AR4591">
        <v>0</v>
      </c>
      <c r="AS4591">
        <v>0</v>
      </c>
      <c r="AT4591">
        <v>0</v>
      </c>
      <c r="AU4591">
        <v>0</v>
      </c>
      <c r="AV4591">
        <v>0</v>
      </c>
      <c r="AW4591">
        <v>0</v>
      </c>
      <c r="AX4591">
        <v>1694</v>
      </c>
      <c r="AY4591">
        <v>4</v>
      </c>
      <c r="AZ4591">
        <v>7</v>
      </c>
      <c r="BA4591">
        <v>1136</v>
      </c>
    </row>
    <row r="4592" spans="1:53" x14ac:dyDescent="0.4">
      <c r="A4592">
        <v>4636</v>
      </c>
      <c r="B4592" s="1">
        <v>44579</v>
      </c>
      <c r="C4592">
        <v>1</v>
      </c>
      <c r="D4592" s="1">
        <v>44579.291666666664</v>
      </c>
      <c r="E4592" s="1">
        <v>44579.443055555559</v>
      </c>
      <c r="F4592">
        <v>0</v>
      </c>
      <c r="G4592">
        <v>0</v>
      </c>
      <c r="H4592">
        <v>0</v>
      </c>
      <c r="I4592">
        <v>0</v>
      </c>
      <c r="J4592">
        <v>0</v>
      </c>
      <c r="K4592">
        <v>0</v>
      </c>
      <c r="L4592">
        <v>0</v>
      </c>
      <c r="M4592">
        <v>0</v>
      </c>
      <c r="N4592">
        <v>0</v>
      </c>
      <c r="O4592">
        <v>0</v>
      </c>
      <c r="P4592">
        <v>0</v>
      </c>
      <c r="Q4592">
        <v>0</v>
      </c>
      <c r="R4592">
        <v>0</v>
      </c>
      <c r="S4592">
        <v>0</v>
      </c>
      <c r="T4592">
        <v>0</v>
      </c>
      <c r="U4592">
        <v>0</v>
      </c>
      <c r="V4592">
        <v>0</v>
      </c>
      <c r="W4592">
        <v>1</v>
      </c>
      <c r="X4592">
        <v>0</v>
      </c>
      <c r="Y4592">
        <v>25</v>
      </c>
      <c r="Z4592">
        <v>11</v>
      </c>
      <c r="AA4592">
        <v>117</v>
      </c>
      <c r="AB4592">
        <v>28</v>
      </c>
      <c r="AC4592">
        <v>124</v>
      </c>
      <c r="AD4592">
        <v>17</v>
      </c>
      <c r="AE4592">
        <v>75</v>
      </c>
      <c r="AF4592">
        <v>0</v>
      </c>
      <c r="AG4592">
        <v>50000</v>
      </c>
      <c r="AH4592">
        <v>50000</v>
      </c>
      <c r="AI4592">
        <v>0</v>
      </c>
      <c r="AJ4592">
        <v>0</v>
      </c>
      <c r="AK4592" t="s">
        <v>6</v>
      </c>
      <c r="AL4592">
        <v>0</v>
      </c>
      <c r="AM4592">
        <v>0</v>
      </c>
      <c r="AN4592">
        <v>0</v>
      </c>
      <c r="AO4592">
        <v>0</v>
      </c>
      <c r="AP4592">
        <v>0</v>
      </c>
      <c r="AQ4592">
        <v>0</v>
      </c>
      <c r="AR4592">
        <v>0</v>
      </c>
      <c r="AS4592">
        <v>0</v>
      </c>
      <c r="AT4592">
        <v>0</v>
      </c>
      <c r="AU4592">
        <v>0</v>
      </c>
      <c r="AV4592">
        <v>0</v>
      </c>
      <c r="AW4592">
        <v>0</v>
      </c>
      <c r="AX4592">
        <v>0</v>
      </c>
      <c r="AY4592">
        <v>0</v>
      </c>
      <c r="AZ4592">
        <v>0</v>
      </c>
      <c r="BA4592">
        <v>0</v>
      </c>
    </row>
    <row r="4593" spans="1:53" x14ac:dyDescent="0.4">
      <c r="A4593">
        <v>4637</v>
      </c>
      <c r="B4593" s="1">
        <v>44579</v>
      </c>
      <c r="C4593">
        <v>2</v>
      </c>
      <c r="D4593" s="1">
        <v>44579.443055555559</v>
      </c>
      <c r="E4593" s="1">
        <v>44579.768750000003</v>
      </c>
      <c r="F4593">
        <v>15230</v>
      </c>
      <c r="G4593">
        <v>616</v>
      </c>
      <c r="H4593">
        <v>0</v>
      </c>
      <c r="I4593">
        <v>0</v>
      </c>
      <c r="J4593">
        <v>0</v>
      </c>
      <c r="K4593">
        <v>0</v>
      </c>
      <c r="L4593">
        <v>0</v>
      </c>
      <c r="M4593">
        <v>1444</v>
      </c>
      <c r="N4593">
        <v>0</v>
      </c>
      <c r="O4593">
        <v>0</v>
      </c>
      <c r="P4593">
        <v>16030</v>
      </c>
      <c r="Q4593">
        <v>0</v>
      </c>
      <c r="R4593">
        <v>31876</v>
      </c>
      <c r="S4593">
        <v>0</v>
      </c>
      <c r="T4593">
        <v>0</v>
      </c>
      <c r="U4593">
        <v>0</v>
      </c>
      <c r="V4593">
        <v>1</v>
      </c>
      <c r="W4593">
        <v>1</v>
      </c>
      <c r="X4593">
        <v>0</v>
      </c>
      <c r="Y4593">
        <v>43</v>
      </c>
      <c r="Z4593">
        <v>17</v>
      </c>
      <c r="AA4593">
        <v>101</v>
      </c>
      <c r="AB4593">
        <v>36</v>
      </c>
      <c r="AC4593">
        <v>142</v>
      </c>
      <c r="AD4593">
        <v>17</v>
      </c>
      <c r="AE4593">
        <v>73</v>
      </c>
      <c r="AF4593">
        <v>1898</v>
      </c>
      <c r="AG4593">
        <v>81876</v>
      </c>
      <c r="AH4593">
        <v>50000</v>
      </c>
      <c r="AI4593">
        <v>0</v>
      </c>
      <c r="AJ4593">
        <v>104</v>
      </c>
      <c r="AK4593" t="s">
        <v>52</v>
      </c>
      <c r="AL4593">
        <v>0</v>
      </c>
      <c r="AM4593">
        <v>0</v>
      </c>
      <c r="AN4593">
        <v>0</v>
      </c>
      <c r="AO4593">
        <v>0</v>
      </c>
      <c r="AP4593">
        <v>0</v>
      </c>
      <c r="AQ4593">
        <v>0</v>
      </c>
      <c r="AR4593">
        <v>0</v>
      </c>
      <c r="AS4593">
        <v>0</v>
      </c>
      <c r="AT4593">
        <v>0</v>
      </c>
      <c r="AU4593">
        <v>0</v>
      </c>
      <c r="AV4593">
        <v>0</v>
      </c>
      <c r="AW4593">
        <v>0</v>
      </c>
      <c r="AX4593">
        <v>1162</v>
      </c>
      <c r="AY4593">
        <v>29</v>
      </c>
      <c r="AZ4593">
        <v>53</v>
      </c>
      <c r="BA4593">
        <v>3696</v>
      </c>
    </row>
    <row r="4594" spans="1:53" x14ac:dyDescent="0.4">
      <c r="A4594">
        <v>4638</v>
      </c>
      <c r="B4594" s="1">
        <v>44580</v>
      </c>
      <c r="C4594">
        <v>1</v>
      </c>
      <c r="D4594" s="1">
        <v>44580.291666666664</v>
      </c>
      <c r="E4594" s="1">
        <v>44580.740972222222</v>
      </c>
      <c r="F4594">
        <v>14050</v>
      </c>
      <c r="G4594">
        <v>440</v>
      </c>
      <c r="H4594">
        <v>0</v>
      </c>
      <c r="I4594">
        <v>0</v>
      </c>
      <c r="J4594">
        <v>0</v>
      </c>
      <c r="K4594">
        <v>0</v>
      </c>
      <c r="L4594">
        <v>0</v>
      </c>
      <c r="M4594">
        <v>1320</v>
      </c>
      <c r="N4594">
        <v>0</v>
      </c>
      <c r="O4594">
        <v>0</v>
      </c>
      <c r="P4594">
        <v>15350</v>
      </c>
      <c r="Q4594">
        <v>0</v>
      </c>
      <c r="R4594">
        <v>29840</v>
      </c>
      <c r="S4594">
        <v>0</v>
      </c>
      <c r="T4594">
        <v>0</v>
      </c>
      <c r="U4594">
        <v>0</v>
      </c>
      <c r="V4594">
        <v>2</v>
      </c>
      <c r="W4594">
        <v>1</v>
      </c>
      <c r="X4594">
        <v>0</v>
      </c>
      <c r="Y4594">
        <v>33</v>
      </c>
      <c r="Z4594">
        <v>16</v>
      </c>
      <c r="AA4594">
        <v>95</v>
      </c>
      <c r="AB4594">
        <v>43</v>
      </c>
      <c r="AC4594">
        <v>143</v>
      </c>
      <c r="AD4594">
        <v>18</v>
      </c>
      <c r="AE4594">
        <v>70</v>
      </c>
      <c r="AF4594">
        <v>600</v>
      </c>
      <c r="AG4594">
        <v>79840</v>
      </c>
      <c r="AH4594">
        <v>50000</v>
      </c>
      <c r="AI4594">
        <v>0</v>
      </c>
      <c r="AJ4594">
        <v>119</v>
      </c>
      <c r="AK4594" t="s">
        <v>56</v>
      </c>
      <c r="AL4594">
        <v>0</v>
      </c>
      <c r="AM4594">
        <v>0</v>
      </c>
      <c r="AN4594">
        <v>0</v>
      </c>
      <c r="AO4594">
        <v>0</v>
      </c>
      <c r="AP4594">
        <v>0</v>
      </c>
      <c r="AQ4594">
        <v>0</v>
      </c>
      <c r="AR4594">
        <v>0</v>
      </c>
      <c r="AS4594">
        <v>0</v>
      </c>
      <c r="AT4594">
        <v>0</v>
      </c>
      <c r="AU4594">
        <v>0</v>
      </c>
      <c r="AV4594">
        <v>0</v>
      </c>
      <c r="AW4594">
        <v>0</v>
      </c>
      <c r="AX4594">
        <v>-1660</v>
      </c>
      <c r="AY4594">
        <v>31</v>
      </c>
      <c r="AZ4594">
        <v>49</v>
      </c>
      <c r="BA4594">
        <v>3668</v>
      </c>
    </row>
    <row r="4595" spans="1:53" x14ac:dyDescent="0.4">
      <c r="A4595">
        <v>4639</v>
      </c>
      <c r="B4595" s="1">
        <v>44580</v>
      </c>
      <c r="C4595">
        <v>2</v>
      </c>
      <c r="D4595" s="1">
        <v>44580.740972222222</v>
      </c>
      <c r="E4595" s="1">
        <v>44580.79583333333</v>
      </c>
      <c r="F4595">
        <v>3600</v>
      </c>
      <c r="G4595">
        <v>0</v>
      </c>
      <c r="H4595">
        <v>0</v>
      </c>
      <c r="I4595">
        <v>0</v>
      </c>
      <c r="J4595">
        <v>100</v>
      </c>
      <c r="K4595">
        <v>0</v>
      </c>
      <c r="L4595">
        <v>0</v>
      </c>
      <c r="M4595">
        <v>318</v>
      </c>
      <c r="N4595">
        <v>0</v>
      </c>
      <c r="O4595">
        <v>0</v>
      </c>
      <c r="P4595">
        <v>-3500</v>
      </c>
      <c r="Q4595">
        <v>0</v>
      </c>
      <c r="R4595">
        <v>0</v>
      </c>
      <c r="S4595">
        <v>0</v>
      </c>
      <c r="T4595">
        <v>0</v>
      </c>
      <c r="U4595">
        <v>0</v>
      </c>
      <c r="V4595">
        <v>2</v>
      </c>
      <c r="W4595">
        <v>1</v>
      </c>
      <c r="X4595">
        <v>0</v>
      </c>
      <c r="Y4595">
        <v>33</v>
      </c>
      <c r="Z4595">
        <v>16</v>
      </c>
      <c r="AA4595">
        <v>95</v>
      </c>
      <c r="AB4595">
        <v>43</v>
      </c>
      <c r="AC4595">
        <v>143</v>
      </c>
      <c r="AD4595">
        <v>18</v>
      </c>
      <c r="AE4595">
        <v>70</v>
      </c>
      <c r="AF4595">
        <v>600</v>
      </c>
      <c r="AG4595">
        <v>79840</v>
      </c>
      <c r="AH4595">
        <v>50000</v>
      </c>
      <c r="AI4595">
        <v>0</v>
      </c>
      <c r="AJ4595">
        <v>108</v>
      </c>
      <c r="AK4595" t="s">
        <v>3</v>
      </c>
      <c r="AL4595">
        <v>0</v>
      </c>
      <c r="AM4595">
        <v>0</v>
      </c>
      <c r="AN4595">
        <v>0</v>
      </c>
      <c r="AO4595">
        <v>0</v>
      </c>
      <c r="AP4595">
        <v>0</v>
      </c>
      <c r="AQ4595">
        <v>0</v>
      </c>
      <c r="AR4595">
        <v>0</v>
      </c>
      <c r="AS4595">
        <v>0</v>
      </c>
      <c r="AT4595">
        <v>0</v>
      </c>
      <c r="AU4595">
        <v>0</v>
      </c>
      <c r="AV4595">
        <v>0</v>
      </c>
      <c r="AW4595">
        <v>0</v>
      </c>
      <c r="AX4595">
        <v>0</v>
      </c>
      <c r="AY4595">
        <v>0</v>
      </c>
      <c r="AZ4595">
        <v>0</v>
      </c>
      <c r="BA4595">
        <v>1075</v>
      </c>
    </row>
    <row r="4596" spans="1:53" x14ac:dyDescent="0.4">
      <c r="A4596">
        <v>4640</v>
      </c>
      <c r="B4596" s="1">
        <v>44581</v>
      </c>
      <c r="C4596">
        <v>1</v>
      </c>
      <c r="D4596" s="1">
        <v>44581.291666666664</v>
      </c>
      <c r="E4596" s="1">
        <v>44581.447916666664</v>
      </c>
      <c r="F4596">
        <v>0</v>
      </c>
      <c r="G4596">
        <v>0</v>
      </c>
      <c r="H4596">
        <v>0</v>
      </c>
      <c r="I4596">
        <v>0</v>
      </c>
      <c r="J4596">
        <v>0</v>
      </c>
      <c r="K4596">
        <v>0</v>
      </c>
      <c r="L4596">
        <v>0</v>
      </c>
      <c r="M4596">
        <v>0</v>
      </c>
      <c r="N4596">
        <v>0</v>
      </c>
      <c r="O4596">
        <v>0</v>
      </c>
      <c r="P4596">
        <v>0</v>
      </c>
      <c r="Q4596">
        <v>0</v>
      </c>
      <c r="R4596">
        <v>0</v>
      </c>
      <c r="S4596">
        <v>0</v>
      </c>
      <c r="T4596">
        <v>0</v>
      </c>
      <c r="U4596">
        <v>0</v>
      </c>
      <c r="V4596">
        <v>0</v>
      </c>
      <c r="W4596">
        <v>1</v>
      </c>
      <c r="X4596">
        <v>0</v>
      </c>
      <c r="Y4596">
        <v>25</v>
      </c>
      <c r="Z4596">
        <v>16</v>
      </c>
      <c r="AA4596">
        <v>90</v>
      </c>
      <c r="AB4596">
        <v>39</v>
      </c>
      <c r="AC4596">
        <v>89</v>
      </c>
      <c r="AD4596">
        <v>18</v>
      </c>
      <c r="AE4596">
        <v>70</v>
      </c>
      <c r="AF4596">
        <v>0</v>
      </c>
      <c r="AG4596">
        <v>50000</v>
      </c>
      <c r="AH4596">
        <v>50000</v>
      </c>
      <c r="AI4596">
        <v>0</v>
      </c>
      <c r="AJ4596">
        <v>0</v>
      </c>
      <c r="AK4596" t="s">
        <v>6</v>
      </c>
      <c r="AL4596">
        <v>0</v>
      </c>
      <c r="AM4596">
        <v>0</v>
      </c>
      <c r="AN4596">
        <v>0</v>
      </c>
      <c r="AO4596">
        <v>0</v>
      </c>
      <c r="AP4596">
        <v>0</v>
      </c>
      <c r="AQ4596">
        <v>0</v>
      </c>
      <c r="AR4596">
        <v>0</v>
      </c>
      <c r="AS4596">
        <v>0</v>
      </c>
      <c r="AT4596">
        <v>0</v>
      </c>
      <c r="AU4596">
        <v>0</v>
      </c>
      <c r="AV4596">
        <v>0</v>
      </c>
      <c r="AW4596">
        <v>0</v>
      </c>
      <c r="AX4596">
        <v>0</v>
      </c>
      <c r="AY4596">
        <v>0</v>
      </c>
      <c r="AZ4596">
        <v>0</v>
      </c>
      <c r="BA4596">
        <v>0</v>
      </c>
    </row>
    <row r="4597" spans="1:53" x14ac:dyDescent="0.4">
      <c r="A4597">
        <v>4641</v>
      </c>
      <c r="B4597" s="1">
        <v>44581</v>
      </c>
      <c r="C4597">
        <v>2</v>
      </c>
      <c r="D4597" s="1">
        <v>44581.447916666664</v>
      </c>
      <c r="E4597" s="1">
        <v>44581.772916666669</v>
      </c>
      <c r="F4597">
        <v>16820</v>
      </c>
      <c r="G4597">
        <v>462</v>
      </c>
      <c r="H4597">
        <v>0</v>
      </c>
      <c r="I4597">
        <v>0</v>
      </c>
      <c r="J4597">
        <v>100</v>
      </c>
      <c r="K4597">
        <v>0</v>
      </c>
      <c r="L4597">
        <v>0</v>
      </c>
      <c r="M4597">
        <v>1563</v>
      </c>
      <c r="N4597">
        <v>0</v>
      </c>
      <c r="O4597">
        <v>0</v>
      </c>
      <c r="P4597">
        <v>5410</v>
      </c>
      <c r="Q4597">
        <v>0</v>
      </c>
      <c r="R4597">
        <v>22592</v>
      </c>
      <c r="S4597">
        <v>0</v>
      </c>
      <c r="T4597">
        <v>0</v>
      </c>
      <c r="U4597">
        <v>0</v>
      </c>
      <c r="V4597">
        <v>0</v>
      </c>
      <c r="W4597">
        <v>1</v>
      </c>
      <c r="X4597">
        <v>0</v>
      </c>
      <c r="Y4597">
        <v>43</v>
      </c>
      <c r="Z4597">
        <v>25</v>
      </c>
      <c r="AA4597">
        <v>75</v>
      </c>
      <c r="AB4597">
        <v>33</v>
      </c>
      <c r="AC4597">
        <v>88</v>
      </c>
      <c r="AD4597">
        <v>19</v>
      </c>
      <c r="AE4597">
        <v>73</v>
      </c>
      <c r="AF4597">
        <v>1144</v>
      </c>
      <c r="AG4597">
        <v>71842</v>
      </c>
      <c r="AH4597">
        <v>50000</v>
      </c>
      <c r="AI4597">
        <v>-750</v>
      </c>
      <c r="AJ4597">
        <v>114</v>
      </c>
      <c r="AK4597" t="s">
        <v>53</v>
      </c>
      <c r="AL4597">
        <v>0</v>
      </c>
      <c r="AM4597">
        <v>0</v>
      </c>
      <c r="AN4597">
        <v>0</v>
      </c>
      <c r="AO4597">
        <v>0</v>
      </c>
      <c r="AP4597">
        <v>0</v>
      </c>
      <c r="AQ4597">
        <v>0</v>
      </c>
      <c r="AR4597">
        <v>0</v>
      </c>
      <c r="AS4597">
        <v>0</v>
      </c>
      <c r="AT4597">
        <v>0</v>
      </c>
      <c r="AU4597">
        <v>0</v>
      </c>
      <c r="AV4597">
        <v>0</v>
      </c>
      <c r="AW4597">
        <v>0</v>
      </c>
      <c r="AX4597">
        <v>352</v>
      </c>
      <c r="AY4597">
        <v>21</v>
      </c>
      <c r="AZ4597">
        <v>36</v>
      </c>
      <c r="BA4597">
        <v>2865</v>
      </c>
    </row>
    <row r="4598" spans="1:53" x14ac:dyDescent="0.4">
      <c r="A4598">
        <v>4642</v>
      </c>
      <c r="B4598" s="1">
        <v>44582</v>
      </c>
      <c r="C4598">
        <v>1</v>
      </c>
      <c r="D4598" s="1">
        <v>44582.291666666664</v>
      </c>
      <c r="E4598" s="1">
        <v>44582.438194444447</v>
      </c>
      <c r="F4598">
        <v>0</v>
      </c>
      <c r="G4598">
        <v>0</v>
      </c>
      <c r="H4598">
        <v>0</v>
      </c>
      <c r="I4598">
        <v>0</v>
      </c>
      <c r="J4598">
        <v>0</v>
      </c>
      <c r="K4598">
        <v>0</v>
      </c>
      <c r="L4598">
        <v>0</v>
      </c>
      <c r="M4598">
        <v>0</v>
      </c>
      <c r="N4598">
        <v>0</v>
      </c>
      <c r="O4598">
        <v>0</v>
      </c>
      <c r="P4598">
        <v>0</v>
      </c>
      <c r="Q4598">
        <v>0</v>
      </c>
      <c r="R4598">
        <v>0</v>
      </c>
      <c r="S4598">
        <v>0</v>
      </c>
      <c r="T4598">
        <v>0</v>
      </c>
      <c r="U4598">
        <v>0</v>
      </c>
      <c r="V4598">
        <v>0</v>
      </c>
      <c r="W4598">
        <v>0</v>
      </c>
      <c r="X4598">
        <v>0</v>
      </c>
      <c r="Y4598">
        <v>34</v>
      </c>
      <c r="Z4598">
        <v>13</v>
      </c>
      <c r="AA4598">
        <v>69</v>
      </c>
      <c r="AB4598">
        <v>32</v>
      </c>
      <c r="AC4598">
        <v>84</v>
      </c>
      <c r="AD4598">
        <v>18</v>
      </c>
      <c r="AE4598">
        <v>70</v>
      </c>
      <c r="AF4598">
        <v>0</v>
      </c>
      <c r="AG4598">
        <v>50000</v>
      </c>
      <c r="AH4598">
        <v>50000</v>
      </c>
      <c r="AI4598">
        <v>0</v>
      </c>
      <c r="AJ4598">
        <v>0</v>
      </c>
      <c r="AK4598" t="s">
        <v>6</v>
      </c>
      <c r="AL4598">
        <v>0</v>
      </c>
      <c r="AM4598">
        <v>0</v>
      </c>
      <c r="AN4598">
        <v>0</v>
      </c>
      <c r="AO4598">
        <v>0</v>
      </c>
      <c r="AP4598">
        <v>0</v>
      </c>
      <c r="AQ4598">
        <v>0</v>
      </c>
      <c r="AR4598">
        <v>0</v>
      </c>
      <c r="AS4598">
        <v>0</v>
      </c>
      <c r="AT4598">
        <v>0</v>
      </c>
      <c r="AU4598">
        <v>0</v>
      </c>
      <c r="AV4598">
        <v>0</v>
      </c>
      <c r="AW4598">
        <v>0</v>
      </c>
      <c r="AX4598">
        <v>0</v>
      </c>
      <c r="AY4598">
        <v>0</v>
      </c>
      <c r="AZ4598">
        <v>0</v>
      </c>
      <c r="BA4598">
        <v>0</v>
      </c>
    </row>
    <row r="4599" spans="1:53" x14ac:dyDescent="0.4">
      <c r="A4599">
        <v>4643</v>
      </c>
      <c r="B4599" s="1">
        <v>44582</v>
      </c>
      <c r="C4599">
        <v>2</v>
      </c>
      <c r="D4599" s="1">
        <v>44582.438194444447</v>
      </c>
      <c r="E4599" s="1">
        <v>44582.748611111114</v>
      </c>
      <c r="F4599">
        <v>21030</v>
      </c>
      <c r="G4599">
        <v>880</v>
      </c>
      <c r="H4599">
        <v>0</v>
      </c>
      <c r="I4599">
        <v>0</v>
      </c>
      <c r="J4599">
        <v>240</v>
      </c>
      <c r="K4599">
        <v>0</v>
      </c>
      <c r="L4599">
        <v>0</v>
      </c>
      <c r="M4599">
        <v>1970</v>
      </c>
      <c r="N4599">
        <v>0</v>
      </c>
      <c r="O4599">
        <v>0</v>
      </c>
      <c r="P4599">
        <v>15710</v>
      </c>
      <c r="Q4599">
        <v>0</v>
      </c>
      <c r="R4599">
        <v>37380</v>
      </c>
      <c r="S4599">
        <v>0</v>
      </c>
      <c r="T4599">
        <v>0</v>
      </c>
      <c r="U4599">
        <v>0</v>
      </c>
      <c r="V4599">
        <v>2</v>
      </c>
      <c r="W4599">
        <v>0</v>
      </c>
      <c r="X4599">
        <v>0</v>
      </c>
      <c r="Y4599">
        <v>49</v>
      </c>
      <c r="Z4599">
        <v>14</v>
      </c>
      <c r="AA4599">
        <v>62</v>
      </c>
      <c r="AB4599">
        <v>34</v>
      </c>
      <c r="AC4599">
        <v>106</v>
      </c>
      <c r="AD4599">
        <v>18</v>
      </c>
      <c r="AE4599">
        <v>70</v>
      </c>
      <c r="AF4599">
        <v>2260</v>
      </c>
      <c r="AG4599">
        <v>87380</v>
      </c>
      <c r="AH4599">
        <v>50000</v>
      </c>
      <c r="AI4599">
        <v>0</v>
      </c>
      <c r="AJ4599">
        <v>114</v>
      </c>
      <c r="AK4599" t="s">
        <v>53</v>
      </c>
      <c r="AL4599">
        <v>0</v>
      </c>
      <c r="AM4599">
        <v>0</v>
      </c>
      <c r="AN4599">
        <v>0</v>
      </c>
      <c r="AO4599">
        <v>0</v>
      </c>
      <c r="AP4599">
        <v>0</v>
      </c>
      <c r="AQ4599">
        <v>0</v>
      </c>
      <c r="AR4599">
        <v>0</v>
      </c>
      <c r="AS4599">
        <v>0</v>
      </c>
      <c r="AT4599">
        <v>0</v>
      </c>
      <c r="AU4599">
        <v>0</v>
      </c>
      <c r="AV4599">
        <v>0</v>
      </c>
      <c r="AW4599">
        <v>0</v>
      </c>
      <c r="AX4599">
        <v>-620</v>
      </c>
      <c r="AY4599">
        <v>36</v>
      </c>
      <c r="AZ4599">
        <v>62</v>
      </c>
      <c r="BA4599">
        <v>4729</v>
      </c>
    </row>
    <row r="4600" spans="1:53" x14ac:dyDescent="0.4">
      <c r="A4600">
        <v>4644</v>
      </c>
      <c r="B4600" s="1">
        <v>44583</v>
      </c>
      <c r="C4600">
        <v>1</v>
      </c>
      <c r="D4600" s="1">
        <v>44583.291666666664</v>
      </c>
      <c r="E4600" s="1">
        <v>44583.406944444447</v>
      </c>
      <c r="F4600">
        <v>0</v>
      </c>
      <c r="G4600">
        <v>0</v>
      </c>
      <c r="H4600">
        <v>0</v>
      </c>
      <c r="I4600">
        <v>0</v>
      </c>
      <c r="J4600">
        <v>0</v>
      </c>
      <c r="K4600">
        <v>0</v>
      </c>
      <c r="L4600">
        <v>0</v>
      </c>
      <c r="M4600">
        <v>0</v>
      </c>
      <c r="N4600">
        <v>0</v>
      </c>
      <c r="O4600">
        <v>0</v>
      </c>
      <c r="P4600">
        <v>0</v>
      </c>
      <c r="Q4600">
        <v>0</v>
      </c>
      <c r="R4600">
        <v>0</v>
      </c>
      <c r="S4600">
        <v>0</v>
      </c>
      <c r="T4600">
        <v>0</v>
      </c>
      <c r="U4600">
        <v>0</v>
      </c>
      <c r="V4600">
        <v>0</v>
      </c>
      <c r="W4600">
        <v>1</v>
      </c>
      <c r="X4600">
        <v>0</v>
      </c>
      <c r="Y4600">
        <v>29</v>
      </c>
      <c r="Z4600">
        <v>14</v>
      </c>
      <c r="AA4600">
        <v>65</v>
      </c>
      <c r="AB4600">
        <v>29</v>
      </c>
      <c r="AC4600">
        <v>89</v>
      </c>
      <c r="AD4600">
        <v>18</v>
      </c>
      <c r="AE4600">
        <v>70</v>
      </c>
      <c r="AF4600">
        <v>0</v>
      </c>
      <c r="AG4600">
        <v>50000</v>
      </c>
      <c r="AH4600">
        <v>50000</v>
      </c>
      <c r="AI4600">
        <v>0</v>
      </c>
      <c r="AJ4600">
        <v>0</v>
      </c>
      <c r="AK4600" t="s">
        <v>6</v>
      </c>
      <c r="AL4600">
        <v>0</v>
      </c>
      <c r="AM4600">
        <v>0</v>
      </c>
      <c r="AN4600">
        <v>0</v>
      </c>
      <c r="AO4600">
        <v>0</v>
      </c>
      <c r="AP4600">
        <v>0</v>
      </c>
      <c r="AQ4600">
        <v>0</v>
      </c>
      <c r="AR4600">
        <v>0</v>
      </c>
      <c r="AS4600">
        <v>0</v>
      </c>
      <c r="AT4600">
        <v>0</v>
      </c>
      <c r="AU4600">
        <v>0</v>
      </c>
      <c r="AV4600">
        <v>0</v>
      </c>
      <c r="AW4600">
        <v>0</v>
      </c>
      <c r="AX4600">
        <v>0</v>
      </c>
      <c r="AY4600">
        <v>0</v>
      </c>
      <c r="AZ4600">
        <v>0</v>
      </c>
      <c r="BA4600">
        <v>0</v>
      </c>
    </row>
    <row r="4601" spans="1:53" x14ac:dyDescent="0.4">
      <c r="A4601">
        <v>4645</v>
      </c>
      <c r="B4601" s="1">
        <v>44583</v>
      </c>
      <c r="C4601">
        <v>2</v>
      </c>
      <c r="D4601" s="1">
        <v>44583.406944444447</v>
      </c>
      <c r="E4601" s="1">
        <v>44583.769444444442</v>
      </c>
      <c r="F4601">
        <v>39690</v>
      </c>
      <c r="G4601">
        <v>7348</v>
      </c>
      <c r="H4601">
        <v>0</v>
      </c>
      <c r="I4601">
        <v>0</v>
      </c>
      <c r="J4601">
        <v>0</v>
      </c>
      <c r="K4601">
        <v>200</v>
      </c>
      <c r="L4601">
        <v>0</v>
      </c>
      <c r="M4601">
        <v>4291</v>
      </c>
      <c r="N4601">
        <v>0</v>
      </c>
      <c r="O4601">
        <v>0</v>
      </c>
      <c r="P4601">
        <v>9360</v>
      </c>
      <c r="Q4601">
        <v>0</v>
      </c>
      <c r="R4601">
        <v>56598</v>
      </c>
      <c r="S4601">
        <v>0</v>
      </c>
      <c r="T4601">
        <v>0</v>
      </c>
      <c r="U4601">
        <v>0</v>
      </c>
      <c r="V4601">
        <v>2</v>
      </c>
      <c r="W4601">
        <v>1</v>
      </c>
      <c r="X4601">
        <v>0</v>
      </c>
      <c r="Y4601">
        <v>57</v>
      </c>
      <c r="Z4601">
        <v>25</v>
      </c>
      <c r="AA4601">
        <v>75</v>
      </c>
      <c r="AB4601">
        <v>38</v>
      </c>
      <c r="AC4601">
        <v>134</v>
      </c>
      <c r="AD4601">
        <v>18</v>
      </c>
      <c r="AE4601">
        <v>68</v>
      </c>
      <c r="AF4601">
        <v>1200</v>
      </c>
      <c r="AG4601">
        <v>106598</v>
      </c>
      <c r="AH4601">
        <v>50000</v>
      </c>
      <c r="AI4601">
        <v>0</v>
      </c>
      <c r="AJ4601">
        <v>108</v>
      </c>
      <c r="AK4601" t="s">
        <v>3</v>
      </c>
      <c r="AL4601">
        <v>0</v>
      </c>
      <c r="AM4601">
        <v>0</v>
      </c>
      <c r="AN4601">
        <v>0</v>
      </c>
      <c r="AO4601">
        <v>0</v>
      </c>
      <c r="AP4601">
        <v>0</v>
      </c>
      <c r="AQ4601">
        <v>0</v>
      </c>
      <c r="AR4601">
        <v>0</v>
      </c>
      <c r="AS4601">
        <v>0</v>
      </c>
      <c r="AT4601">
        <v>0</v>
      </c>
      <c r="AU4601">
        <v>0</v>
      </c>
      <c r="AV4601">
        <v>0</v>
      </c>
      <c r="AW4601">
        <v>0</v>
      </c>
      <c r="AX4601">
        <v>1174</v>
      </c>
      <c r="AY4601">
        <v>48</v>
      </c>
      <c r="AZ4601">
        <v>82</v>
      </c>
      <c r="BA4601">
        <v>7201</v>
      </c>
    </row>
    <row r="4602" spans="1:53" x14ac:dyDescent="0.4">
      <c r="A4602">
        <v>4646</v>
      </c>
      <c r="B4602" s="1">
        <v>44584</v>
      </c>
      <c r="C4602">
        <v>1</v>
      </c>
      <c r="D4602" s="1">
        <v>44584.291666666664</v>
      </c>
      <c r="E4602" s="1">
        <v>44584.40902777778</v>
      </c>
      <c r="F4602">
        <v>0</v>
      </c>
      <c r="G4602">
        <v>0</v>
      </c>
      <c r="H4602">
        <v>0</v>
      </c>
      <c r="I4602">
        <v>0</v>
      </c>
      <c r="J4602">
        <v>0</v>
      </c>
      <c r="K4602">
        <v>0</v>
      </c>
      <c r="L4602">
        <v>0</v>
      </c>
      <c r="M4602">
        <v>0</v>
      </c>
      <c r="N4602">
        <v>0</v>
      </c>
      <c r="O4602">
        <v>0</v>
      </c>
      <c r="P4602">
        <v>0</v>
      </c>
      <c r="Q4602">
        <v>0</v>
      </c>
      <c r="R4602">
        <v>0</v>
      </c>
      <c r="S4602">
        <v>0</v>
      </c>
      <c r="T4602">
        <v>0</v>
      </c>
      <c r="U4602">
        <v>0</v>
      </c>
      <c r="V4602">
        <v>0</v>
      </c>
      <c r="W4602">
        <v>1</v>
      </c>
      <c r="X4602">
        <v>0</v>
      </c>
      <c r="Y4602">
        <v>30</v>
      </c>
      <c r="Z4602">
        <v>10</v>
      </c>
      <c r="AA4602">
        <v>73</v>
      </c>
      <c r="AB4602">
        <v>37</v>
      </c>
      <c r="AC4602">
        <v>70</v>
      </c>
      <c r="AD4602">
        <v>17</v>
      </c>
      <c r="AE4602">
        <v>65</v>
      </c>
      <c r="AF4602">
        <v>0</v>
      </c>
      <c r="AG4602">
        <v>50000</v>
      </c>
      <c r="AH4602">
        <v>50000</v>
      </c>
      <c r="AI4602">
        <v>0</v>
      </c>
      <c r="AJ4602">
        <v>0</v>
      </c>
      <c r="AK4602" t="s">
        <v>6</v>
      </c>
      <c r="AL4602">
        <v>0</v>
      </c>
      <c r="AM4602">
        <v>0</v>
      </c>
      <c r="AN4602">
        <v>0</v>
      </c>
      <c r="AO4602">
        <v>0</v>
      </c>
      <c r="AP4602">
        <v>0</v>
      </c>
      <c r="AQ4602">
        <v>0</v>
      </c>
      <c r="AR4602">
        <v>0</v>
      </c>
      <c r="AS4602">
        <v>0</v>
      </c>
      <c r="AT4602">
        <v>0</v>
      </c>
      <c r="AU4602">
        <v>0</v>
      </c>
      <c r="AV4602">
        <v>0</v>
      </c>
      <c r="AW4602">
        <v>0</v>
      </c>
      <c r="AX4602">
        <v>0</v>
      </c>
      <c r="AY4602">
        <v>0</v>
      </c>
      <c r="AZ4602">
        <v>0</v>
      </c>
      <c r="BA4602">
        <v>0</v>
      </c>
    </row>
    <row r="4603" spans="1:53" x14ac:dyDescent="0.4">
      <c r="A4603">
        <v>4647</v>
      </c>
      <c r="B4603" s="1">
        <v>44584</v>
      </c>
      <c r="C4603">
        <v>2</v>
      </c>
      <c r="D4603" s="1">
        <v>44584.40902777778</v>
      </c>
      <c r="E4603" s="1">
        <v>44584.756249999999</v>
      </c>
      <c r="F4603">
        <v>46320</v>
      </c>
      <c r="G4603">
        <v>1936</v>
      </c>
      <c r="H4603">
        <v>0</v>
      </c>
      <c r="I4603">
        <v>0</v>
      </c>
      <c r="J4603">
        <v>100</v>
      </c>
      <c r="K4603">
        <v>0</v>
      </c>
      <c r="L4603">
        <v>0</v>
      </c>
      <c r="M4603">
        <v>4375</v>
      </c>
      <c r="N4603">
        <v>0</v>
      </c>
      <c r="O4603">
        <v>0</v>
      </c>
      <c r="P4603">
        <v>22380</v>
      </c>
      <c r="Q4603">
        <v>0</v>
      </c>
      <c r="R4603">
        <v>70536</v>
      </c>
      <c r="S4603">
        <v>0</v>
      </c>
      <c r="T4603">
        <v>0</v>
      </c>
      <c r="U4603">
        <v>0</v>
      </c>
      <c r="V4603">
        <v>3</v>
      </c>
      <c r="W4603">
        <v>1</v>
      </c>
      <c r="X4603">
        <v>0</v>
      </c>
      <c r="Y4603">
        <v>68</v>
      </c>
      <c r="Z4603">
        <v>13</v>
      </c>
      <c r="AA4603">
        <v>73</v>
      </c>
      <c r="AB4603">
        <v>42</v>
      </c>
      <c r="AC4603">
        <v>95</v>
      </c>
      <c r="AD4603">
        <v>18</v>
      </c>
      <c r="AE4603">
        <v>66</v>
      </c>
      <c r="AF4603">
        <v>530</v>
      </c>
      <c r="AG4603">
        <v>120536</v>
      </c>
      <c r="AH4603">
        <v>50000</v>
      </c>
      <c r="AI4603">
        <v>0</v>
      </c>
      <c r="AJ4603">
        <v>103</v>
      </c>
      <c r="AK4603" t="s">
        <v>7</v>
      </c>
      <c r="AL4603">
        <v>0</v>
      </c>
      <c r="AM4603">
        <v>0</v>
      </c>
      <c r="AN4603">
        <v>0</v>
      </c>
      <c r="AO4603">
        <v>0</v>
      </c>
      <c r="AP4603">
        <v>0</v>
      </c>
      <c r="AQ4603">
        <v>0</v>
      </c>
      <c r="AR4603">
        <v>0</v>
      </c>
      <c r="AS4603">
        <v>0</v>
      </c>
      <c r="AT4603">
        <v>0</v>
      </c>
      <c r="AU4603">
        <v>0</v>
      </c>
      <c r="AV4603">
        <v>0</v>
      </c>
      <c r="AW4603">
        <v>0</v>
      </c>
      <c r="AX4603">
        <v>1342</v>
      </c>
      <c r="AY4603">
        <v>50</v>
      </c>
      <c r="AZ4603">
        <v>112</v>
      </c>
      <c r="BA4603">
        <v>7249</v>
      </c>
    </row>
    <row r="4604" spans="1:53" x14ac:dyDescent="0.4">
      <c r="A4604">
        <v>4648</v>
      </c>
      <c r="B4604" s="1">
        <v>44586</v>
      </c>
      <c r="C4604">
        <v>1</v>
      </c>
      <c r="D4604" s="1">
        <v>44586.291666666664</v>
      </c>
      <c r="E4604" s="1">
        <v>44586.44027777778</v>
      </c>
      <c r="F4604">
        <v>0</v>
      </c>
      <c r="G4604">
        <v>0</v>
      </c>
      <c r="H4604">
        <v>0</v>
      </c>
      <c r="I4604">
        <v>0</v>
      </c>
      <c r="J4604">
        <v>0</v>
      </c>
      <c r="K4604">
        <v>0</v>
      </c>
      <c r="L4604">
        <v>0</v>
      </c>
      <c r="M4604">
        <v>0</v>
      </c>
      <c r="N4604">
        <v>0</v>
      </c>
      <c r="O4604">
        <v>0</v>
      </c>
      <c r="P4604">
        <v>0</v>
      </c>
      <c r="Q4604">
        <v>0</v>
      </c>
      <c r="R4604">
        <v>0</v>
      </c>
      <c r="S4604">
        <v>0</v>
      </c>
      <c r="T4604">
        <v>0</v>
      </c>
      <c r="U4604">
        <v>0</v>
      </c>
      <c r="V4604">
        <v>0</v>
      </c>
      <c r="W4604">
        <v>1</v>
      </c>
      <c r="X4604">
        <v>0</v>
      </c>
      <c r="Y4604">
        <v>25</v>
      </c>
      <c r="Z4604">
        <v>11</v>
      </c>
      <c r="AA4604">
        <v>111</v>
      </c>
      <c r="AB4604">
        <v>52</v>
      </c>
      <c r="AC4604">
        <v>65</v>
      </c>
      <c r="AD4604">
        <v>16</v>
      </c>
      <c r="AE4604">
        <v>70</v>
      </c>
      <c r="AF4604">
        <v>0</v>
      </c>
      <c r="AG4604">
        <v>50000</v>
      </c>
      <c r="AH4604">
        <v>50000</v>
      </c>
      <c r="AI4604">
        <v>0</v>
      </c>
      <c r="AJ4604">
        <v>0</v>
      </c>
      <c r="AK4604" t="s">
        <v>6</v>
      </c>
      <c r="AL4604">
        <v>0</v>
      </c>
      <c r="AM4604">
        <v>0</v>
      </c>
      <c r="AN4604">
        <v>0</v>
      </c>
      <c r="AO4604">
        <v>0</v>
      </c>
      <c r="AP4604">
        <v>0</v>
      </c>
      <c r="AQ4604">
        <v>0</v>
      </c>
      <c r="AR4604">
        <v>0</v>
      </c>
      <c r="AS4604">
        <v>0</v>
      </c>
      <c r="AT4604">
        <v>0</v>
      </c>
      <c r="AU4604">
        <v>0</v>
      </c>
      <c r="AV4604">
        <v>0</v>
      </c>
      <c r="AW4604">
        <v>0</v>
      </c>
      <c r="AX4604">
        <v>0</v>
      </c>
      <c r="AY4604">
        <v>0</v>
      </c>
      <c r="AZ4604">
        <v>0</v>
      </c>
      <c r="BA4604">
        <v>0</v>
      </c>
    </row>
    <row r="4605" spans="1:53" x14ac:dyDescent="0.4">
      <c r="A4605">
        <v>4649</v>
      </c>
      <c r="B4605" s="1">
        <v>44586</v>
      </c>
      <c r="C4605">
        <v>2</v>
      </c>
      <c r="D4605" s="1">
        <v>44586.44027777778</v>
      </c>
      <c r="E4605" s="1">
        <v>44586.732638888891</v>
      </c>
      <c r="F4605">
        <v>17230</v>
      </c>
      <c r="G4605">
        <v>2200</v>
      </c>
      <c r="H4605">
        <v>0</v>
      </c>
      <c r="I4605">
        <v>0</v>
      </c>
      <c r="J4605">
        <v>0</v>
      </c>
      <c r="K4605">
        <v>0</v>
      </c>
      <c r="L4605">
        <v>0</v>
      </c>
      <c r="M4605">
        <v>1764</v>
      </c>
      <c r="N4605">
        <v>0</v>
      </c>
      <c r="O4605">
        <v>0</v>
      </c>
      <c r="P4605">
        <v>14490</v>
      </c>
      <c r="Q4605">
        <v>0</v>
      </c>
      <c r="R4605">
        <v>33920</v>
      </c>
      <c r="S4605">
        <v>0</v>
      </c>
      <c r="T4605">
        <v>0</v>
      </c>
      <c r="U4605">
        <v>0</v>
      </c>
      <c r="V4605">
        <v>1</v>
      </c>
      <c r="W4605">
        <v>1</v>
      </c>
      <c r="X4605">
        <v>0</v>
      </c>
      <c r="Y4605">
        <v>43</v>
      </c>
      <c r="Z4605">
        <v>20</v>
      </c>
      <c r="AA4605">
        <v>99</v>
      </c>
      <c r="AB4605">
        <v>55</v>
      </c>
      <c r="AC4605">
        <v>72</v>
      </c>
      <c r="AD4605">
        <v>18</v>
      </c>
      <c r="AE4605">
        <v>72</v>
      </c>
      <c r="AF4605">
        <v>2388</v>
      </c>
      <c r="AG4605">
        <v>83920</v>
      </c>
      <c r="AH4605">
        <v>50000</v>
      </c>
      <c r="AI4605">
        <v>0</v>
      </c>
      <c r="AJ4605">
        <v>116</v>
      </c>
      <c r="AK4605" t="s">
        <v>54</v>
      </c>
      <c r="AL4605">
        <v>0</v>
      </c>
      <c r="AM4605">
        <v>0</v>
      </c>
      <c r="AN4605">
        <v>0</v>
      </c>
      <c r="AO4605">
        <v>0</v>
      </c>
      <c r="AP4605">
        <v>0</v>
      </c>
      <c r="AQ4605">
        <v>0</v>
      </c>
      <c r="AR4605">
        <v>0</v>
      </c>
      <c r="AS4605">
        <v>0</v>
      </c>
      <c r="AT4605">
        <v>0</v>
      </c>
      <c r="AU4605">
        <v>0</v>
      </c>
      <c r="AV4605">
        <v>0</v>
      </c>
      <c r="AW4605">
        <v>0</v>
      </c>
      <c r="AX4605">
        <v>-766</v>
      </c>
      <c r="AY4605">
        <v>28</v>
      </c>
      <c r="AZ4605">
        <v>47</v>
      </c>
      <c r="BA4605">
        <v>4553</v>
      </c>
    </row>
    <row r="4606" spans="1:53" x14ac:dyDescent="0.4">
      <c r="A4606">
        <v>4650</v>
      </c>
      <c r="B4606" s="1">
        <v>44587</v>
      </c>
      <c r="C4606">
        <v>1</v>
      </c>
      <c r="D4606" s="1">
        <v>44587.291666666664</v>
      </c>
      <c r="E4606" s="1">
        <v>44587.440972222219</v>
      </c>
      <c r="F4606">
        <v>0</v>
      </c>
      <c r="G4606">
        <v>0</v>
      </c>
      <c r="H4606">
        <v>0</v>
      </c>
      <c r="I4606">
        <v>0</v>
      </c>
      <c r="J4606">
        <v>0</v>
      </c>
      <c r="K4606">
        <v>0</v>
      </c>
      <c r="L4606">
        <v>0</v>
      </c>
      <c r="M4606">
        <v>0</v>
      </c>
      <c r="N4606">
        <v>0</v>
      </c>
      <c r="O4606">
        <v>0</v>
      </c>
      <c r="P4606">
        <v>0</v>
      </c>
      <c r="Q4606">
        <v>0</v>
      </c>
      <c r="R4606">
        <v>0</v>
      </c>
      <c r="S4606">
        <v>0</v>
      </c>
      <c r="T4606">
        <v>0</v>
      </c>
      <c r="U4606">
        <v>0</v>
      </c>
      <c r="V4606">
        <v>0</v>
      </c>
      <c r="W4606">
        <v>1</v>
      </c>
      <c r="X4606">
        <v>0</v>
      </c>
      <c r="Y4606">
        <v>25</v>
      </c>
      <c r="Z4606">
        <v>13</v>
      </c>
      <c r="AA4606">
        <v>101</v>
      </c>
      <c r="AB4606">
        <v>51</v>
      </c>
      <c r="AC4606">
        <v>69</v>
      </c>
      <c r="AD4606">
        <v>17</v>
      </c>
      <c r="AE4606">
        <v>75</v>
      </c>
      <c r="AF4606">
        <v>0</v>
      </c>
      <c r="AG4606">
        <v>50000</v>
      </c>
      <c r="AH4606">
        <v>50000</v>
      </c>
      <c r="AI4606">
        <v>0</v>
      </c>
      <c r="AJ4606">
        <v>0</v>
      </c>
      <c r="AK4606" t="s">
        <v>6</v>
      </c>
      <c r="AL4606">
        <v>0</v>
      </c>
      <c r="AM4606">
        <v>0</v>
      </c>
      <c r="AN4606">
        <v>0</v>
      </c>
      <c r="AO4606">
        <v>0</v>
      </c>
      <c r="AP4606">
        <v>0</v>
      </c>
      <c r="AQ4606">
        <v>0</v>
      </c>
      <c r="AR4606">
        <v>0</v>
      </c>
      <c r="AS4606">
        <v>0</v>
      </c>
      <c r="AT4606">
        <v>0</v>
      </c>
      <c r="AU4606">
        <v>0</v>
      </c>
      <c r="AV4606">
        <v>0</v>
      </c>
      <c r="AW4606">
        <v>0</v>
      </c>
      <c r="AX4606">
        <v>0</v>
      </c>
      <c r="AY4606">
        <v>0</v>
      </c>
      <c r="AZ4606">
        <v>0</v>
      </c>
      <c r="BA4606">
        <v>0</v>
      </c>
    </row>
    <row r="4607" spans="1:53" x14ac:dyDescent="0.4">
      <c r="A4607">
        <v>4651</v>
      </c>
      <c r="B4607" s="1">
        <v>44587</v>
      </c>
      <c r="C4607">
        <v>2</v>
      </c>
      <c r="D4607" s="1">
        <v>44587.440972222219</v>
      </c>
      <c r="E4607" s="1">
        <v>44587.751388888886</v>
      </c>
      <c r="F4607">
        <v>16080</v>
      </c>
      <c r="G4607">
        <v>0</v>
      </c>
      <c r="H4607">
        <v>0</v>
      </c>
      <c r="I4607">
        <v>0</v>
      </c>
      <c r="J4607">
        <v>0</v>
      </c>
      <c r="K4607">
        <v>0</v>
      </c>
      <c r="L4607">
        <v>0</v>
      </c>
      <c r="M4607">
        <v>1462</v>
      </c>
      <c r="N4607">
        <v>0</v>
      </c>
      <c r="O4607">
        <v>0</v>
      </c>
      <c r="P4607">
        <v>10160</v>
      </c>
      <c r="Q4607">
        <v>0</v>
      </c>
      <c r="R4607">
        <v>26240</v>
      </c>
      <c r="S4607">
        <v>0</v>
      </c>
      <c r="T4607">
        <v>0</v>
      </c>
      <c r="U4607">
        <v>0</v>
      </c>
      <c r="V4607">
        <v>1</v>
      </c>
      <c r="W4607">
        <v>1</v>
      </c>
      <c r="X4607">
        <v>0</v>
      </c>
      <c r="Y4607">
        <v>34</v>
      </c>
      <c r="Z4607">
        <v>28</v>
      </c>
      <c r="AA4607">
        <v>99</v>
      </c>
      <c r="AB4607">
        <v>48</v>
      </c>
      <c r="AC4607">
        <v>78</v>
      </c>
      <c r="AD4607">
        <v>17</v>
      </c>
      <c r="AE4607">
        <v>75</v>
      </c>
      <c r="AF4607">
        <v>0</v>
      </c>
      <c r="AG4607">
        <v>76240</v>
      </c>
      <c r="AH4607">
        <v>50000</v>
      </c>
      <c r="AI4607">
        <v>0</v>
      </c>
      <c r="AJ4607">
        <v>114</v>
      </c>
      <c r="AK4607" t="s">
        <v>53</v>
      </c>
      <c r="AL4607">
        <v>0</v>
      </c>
      <c r="AM4607">
        <v>0</v>
      </c>
      <c r="AN4607">
        <v>0</v>
      </c>
      <c r="AO4607">
        <v>0</v>
      </c>
      <c r="AP4607">
        <v>0</v>
      </c>
      <c r="AQ4607">
        <v>0</v>
      </c>
      <c r="AR4607">
        <v>0</v>
      </c>
      <c r="AS4607">
        <v>0</v>
      </c>
      <c r="AT4607">
        <v>0</v>
      </c>
      <c r="AU4607">
        <v>0</v>
      </c>
      <c r="AV4607">
        <v>0</v>
      </c>
      <c r="AW4607">
        <v>0</v>
      </c>
      <c r="AX4607">
        <v>-2342</v>
      </c>
      <c r="AY4607">
        <v>28</v>
      </c>
      <c r="AZ4607">
        <v>43</v>
      </c>
      <c r="BA4607">
        <v>4041</v>
      </c>
    </row>
    <row r="4608" spans="1:53" x14ac:dyDescent="0.4">
      <c r="A4608">
        <v>4652</v>
      </c>
      <c r="B4608" s="1">
        <v>44588</v>
      </c>
      <c r="C4608">
        <v>1</v>
      </c>
      <c r="D4608" s="1">
        <v>44588.291666666664</v>
      </c>
      <c r="E4608" s="1">
        <v>44588.752083333333</v>
      </c>
      <c r="F4608">
        <v>16190</v>
      </c>
      <c r="G4608">
        <v>1496</v>
      </c>
      <c r="H4608">
        <v>0</v>
      </c>
      <c r="I4608">
        <v>0</v>
      </c>
      <c r="J4608">
        <v>0</v>
      </c>
      <c r="K4608">
        <v>0</v>
      </c>
      <c r="L4608">
        <v>0</v>
      </c>
      <c r="M4608">
        <v>1608</v>
      </c>
      <c r="N4608">
        <v>0</v>
      </c>
      <c r="O4608">
        <v>0</v>
      </c>
      <c r="P4608">
        <v>10140</v>
      </c>
      <c r="Q4608">
        <v>0</v>
      </c>
      <c r="R4608">
        <v>27826</v>
      </c>
      <c r="S4608">
        <v>0</v>
      </c>
      <c r="T4608">
        <v>0</v>
      </c>
      <c r="U4608">
        <v>0</v>
      </c>
      <c r="V4608">
        <v>1</v>
      </c>
      <c r="W4608">
        <v>0</v>
      </c>
      <c r="X4608">
        <v>0</v>
      </c>
      <c r="Y4608">
        <v>47</v>
      </c>
      <c r="Z4608">
        <v>16</v>
      </c>
      <c r="AA4608">
        <v>106</v>
      </c>
      <c r="AB4608">
        <v>42</v>
      </c>
      <c r="AC4608">
        <v>98</v>
      </c>
      <c r="AD4608">
        <v>15</v>
      </c>
      <c r="AE4608">
        <v>71</v>
      </c>
      <c r="AF4608">
        <v>0</v>
      </c>
      <c r="AG4608">
        <v>78826</v>
      </c>
      <c r="AH4608">
        <v>50000</v>
      </c>
      <c r="AI4608">
        <v>1000</v>
      </c>
      <c r="AJ4608">
        <v>114</v>
      </c>
      <c r="AK4608" t="s">
        <v>53</v>
      </c>
      <c r="AL4608">
        <v>0</v>
      </c>
      <c r="AM4608">
        <v>0</v>
      </c>
      <c r="AN4608">
        <v>0</v>
      </c>
      <c r="AO4608">
        <v>0</v>
      </c>
      <c r="AP4608">
        <v>0</v>
      </c>
      <c r="AQ4608">
        <v>0</v>
      </c>
      <c r="AR4608">
        <v>0</v>
      </c>
      <c r="AS4608">
        <v>0</v>
      </c>
      <c r="AT4608">
        <v>0</v>
      </c>
      <c r="AU4608">
        <v>0</v>
      </c>
      <c r="AV4608">
        <v>0</v>
      </c>
      <c r="AW4608">
        <v>0</v>
      </c>
      <c r="AX4608">
        <v>0</v>
      </c>
      <c r="AY4608">
        <v>29</v>
      </c>
      <c r="AZ4608">
        <v>45</v>
      </c>
      <c r="BA4608">
        <v>3926</v>
      </c>
    </row>
    <row r="4609" spans="1:53" x14ac:dyDescent="0.4">
      <c r="A4609">
        <v>4653</v>
      </c>
      <c r="B4609" s="1">
        <v>44589</v>
      </c>
      <c r="C4609">
        <v>1</v>
      </c>
      <c r="D4609" s="1">
        <v>44589.291666666664</v>
      </c>
      <c r="E4609" s="1">
        <v>44589.44027777778</v>
      </c>
      <c r="F4609">
        <v>0</v>
      </c>
      <c r="G4609">
        <v>0</v>
      </c>
      <c r="H4609">
        <v>0</v>
      </c>
      <c r="I4609">
        <v>0</v>
      </c>
      <c r="J4609">
        <v>0</v>
      </c>
      <c r="K4609">
        <v>0</v>
      </c>
      <c r="L4609">
        <v>0</v>
      </c>
      <c r="M4609">
        <v>0</v>
      </c>
      <c r="N4609">
        <v>0</v>
      </c>
      <c r="O4609">
        <v>0</v>
      </c>
      <c r="P4609">
        <v>0</v>
      </c>
      <c r="Q4609">
        <v>0</v>
      </c>
      <c r="R4609">
        <v>0</v>
      </c>
      <c r="S4609">
        <v>0</v>
      </c>
      <c r="T4609">
        <v>0</v>
      </c>
      <c r="U4609">
        <v>0</v>
      </c>
      <c r="V4609">
        <v>0</v>
      </c>
      <c r="W4609">
        <v>0</v>
      </c>
      <c r="X4609">
        <v>0</v>
      </c>
      <c r="Y4609">
        <v>30</v>
      </c>
      <c r="Z4609">
        <v>16</v>
      </c>
      <c r="AA4609">
        <v>88</v>
      </c>
      <c r="AB4609">
        <v>42</v>
      </c>
      <c r="AC4609">
        <v>96</v>
      </c>
      <c r="AD4609">
        <v>15</v>
      </c>
      <c r="AE4609">
        <v>65</v>
      </c>
      <c r="AF4609">
        <v>0</v>
      </c>
      <c r="AG4609">
        <v>50000</v>
      </c>
      <c r="AH4609">
        <v>50000</v>
      </c>
      <c r="AI4609">
        <v>0</v>
      </c>
      <c r="AJ4609">
        <v>0</v>
      </c>
      <c r="AK4609" t="s">
        <v>6</v>
      </c>
      <c r="AL4609">
        <v>0</v>
      </c>
      <c r="AM4609">
        <v>0</v>
      </c>
      <c r="AN4609">
        <v>0</v>
      </c>
      <c r="AO4609">
        <v>0</v>
      </c>
      <c r="AP4609">
        <v>0</v>
      </c>
      <c r="AQ4609">
        <v>0</v>
      </c>
      <c r="AR4609">
        <v>0</v>
      </c>
      <c r="AS4609">
        <v>0</v>
      </c>
      <c r="AT4609">
        <v>0</v>
      </c>
      <c r="AU4609">
        <v>0</v>
      </c>
      <c r="AV4609">
        <v>0</v>
      </c>
      <c r="AW4609">
        <v>0</v>
      </c>
      <c r="AX4609">
        <v>0</v>
      </c>
      <c r="AY4609">
        <v>0</v>
      </c>
      <c r="AZ4609">
        <v>0</v>
      </c>
      <c r="BA4609">
        <v>0</v>
      </c>
    </row>
    <row r="4610" spans="1:53" x14ac:dyDescent="0.4">
      <c r="A4610">
        <v>4654</v>
      </c>
      <c r="B4610" s="1">
        <v>44589</v>
      </c>
      <c r="C4610">
        <v>2</v>
      </c>
      <c r="D4610" s="1">
        <v>44589.44027777778</v>
      </c>
      <c r="E4610" s="1">
        <v>44589.76666666667</v>
      </c>
      <c r="F4610">
        <v>22200</v>
      </c>
      <c r="G4610">
        <v>594</v>
      </c>
      <c r="H4610">
        <v>0</v>
      </c>
      <c r="I4610">
        <v>0</v>
      </c>
      <c r="J4610">
        <v>0</v>
      </c>
      <c r="K4610">
        <v>0</v>
      </c>
      <c r="L4610">
        <v>0</v>
      </c>
      <c r="M4610">
        <v>2071</v>
      </c>
      <c r="N4610">
        <v>0</v>
      </c>
      <c r="O4610">
        <v>0</v>
      </c>
      <c r="P4610">
        <v>6430</v>
      </c>
      <c r="Q4610">
        <v>0</v>
      </c>
      <c r="R4610">
        <v>29224</v>
      </c>
      <c r="S4610">
        <v>0</v>
      </c>
      <c r="T4610">
        <v>0</v>
      </c>
      <c r="U4610">
        <v>0</v>
      </c>
      <c r="V4610">
        <v>0</v>
      </c>
      <c r="W4610">
        <v>0</v>
      </c>
      <c r="X4610">
        <v>0</v>
      </c>
      <c r="Y4610">
        <v>57</v>
      </c>
      <c r="Z4610">
        <v>17</v>
      </c>
      <c r="AA4610">
        <v>90</v>
      </c>
      <c r="AB4610">
        <v>49</v>
      </c>
      <c r="AC4610">
        <v>94</v>
      </c>
      <c r="AD4610">
        <v>14</v>
      </c>
      <c r="AE4610">
        <v>64</v>
      </c>
      <c r="AF4610">
        <v>1200</v>
      </c>
      <c r="AG4610">
        <v>79224</v>
      </c>
      <c r="AH4610">
        <v>50000</v>
      </c>
      <c r="AI4610">
        <v>0</v>
      </c>
      <c r="AJ4610">
        <v>115</v>
      </c>
      <c r="AK4610" t="s">
        <v>55</v>
      </c>
      <c r="AL4610">
        <v>0</v>
      </c>
      <c r="AM4610">
        <v>0</v>
      </c>
      <c r="AN4610">
        <v>0</v>
      </c>
      <c r="AO4610">
        <v>0</v>
      </c>
      <c r="AP4610">
        <v>0</v>
      </c>
      <c r="AQ4610">
        <v>0</v>
      </c>
      <c r="AR4610">
        <v>0</v>
      </c>
      <c r="AS4610">
        <v>0</v>
      </c>
      <c r="AT4610">
        <v>0</v>
      </c>
      <c r="AU4610">
        <v>0</v>
      </c>
      <c r="AV4610">
        <v>0</v>
      </c>
      <c r="AW4610">
        <v>0</v>
      </c>
      <c r="AX4610">
        <v>0</v>
      </c>
      <c r="AY4610">
        <v>28</v>
      </c>
      <c r="AZ4610">
        <v>49</v>
      </c>
      <c r="BA4610">
        <v>4026</v>
      </c>
    </row>
    <row r="4611" spans="1:53" x14ac:dyDescent="0.4">
      <c r="A4611">
        <v>4655</v>
      </c>
      <c r="B4611" s="1">
        <v>44589</v>
      </c>
      <c r="C4611">
        <v>3</v>
      </c>
      <c r="D4611" s="1">
        <v>44589.76666666667</v>
      </c>
      <c r="E4611" s="1">
        <v>44589.988194444442</v>
      </c>
      <c r="F4611">
        <v>21970</v>
      </c>
      <c r="G4611">
        <v>1089</v>
      </c>
      <c r="H4611">
        <v>0</v>
      </c>
      <c r="I4611">
        <v>0</v>
      </c>
      <c r="J4611">
        <v>0</v>
      </c>
      <c r="K4611">
        <v>0</v>
      </c>
      <c r="L4611">
        <v>0</v>
      </c>
      <c r="M4611">
        <v>2097</v>
      </c>
      <c r="N4611">
        <v>0</v>
      </c>
      <c r="O4611">
        <v>0</v>
      </c>
      <c r="P4611">
        <v>-6430</v>
      </c>
      <c r="Q4611">
        <v>0</v>
      </c>
      <c r="R4611">
        <v>16629</v>
      </c>
      <c r="S4611">
        <v>0</v>
      </c>
      <c r="T4611">
        <v>0</v>
      </c>
      <c r="U4611">
        <v>0</v>
      </c>
      <c r="V4611">
        <v>1</v>
      </c>
      <c r="W4611">
        <v>0</v>
      </c>
      <c r="X4611">
        <v>0</v>
      </c>
      <c r="Y4611">
        <v>53</v>
      </c>
      <c r="Z4611">
        <v>15</v>
      </c>
      <c r="AA4611">
        <v>94</v>
      </c>
      <c r="AB4611">
        <v>46</v>
      </c>
      <c r="AC4611">
        <v>95</v>
      </c>
      <c r="AD4611">
        <v>14</v>
      </c>
      <c r="AE4611">
        <v>64</v>
      </c>
      <c r="AF4611">
        <v>12569</v>
      </c>
      <c r="AG4611">
        <v>95853</v>
      </c>
      <c r="AH4611">
        <v>50000</v>
      </c>
      <c r="AI4611">
        <v>0</v>
      </c>
      <c r="AJ4611">
        <v>115</v>
      </c>
      <c r="AK4611" t="s">
        <v>55</v>
      </c>
      <c r="AL4611">
        <v>0</v>
      </c>
      <c r="AM4611">
        <v>0</v>
      </c>
      <c r="AN4611">
        <v>0</v>
      </c>
      <c r="AO4611">
        <v>0</v>
      </c>
      <c r="AP4611">
        <v>0</v>
      </c>
      <c r="AQ4611">
        <v>0</v>
      </c>
      <c r="AR4611">
        <v>0</v>
      </c>
      <c r="AS4611">
        <v>0</v>
      </c>
      <c r="AT4611">
        <v>0</v>
      </c>
      <c r="AU4611">
        <v>0</v>
      </c>
      <c r="AV4611">
        <v>0</v>
      </c>
      <c r="AW4611">
        <v>0</v>
      </c>
      <c r="AX4611">
        <v>0</v>
      </c>
      <c r="AY4611">
        <v>5</v>
      </c>
      <c r="AZ4611">
        <v>9</v>
      </c>
      <c r="BA4611">
        <v>922</v>
      </c>
    </row>
    <row r="4612" spans="1:53" x14ac:dyDescent="0.4">
      <c r="A4612">
        <v>4656</v>
      </c>
      <c r="B4612" s="1">
        <v>44590</v>
      </c>
      <c r="C4612">
        <v>1</v>
      </c>
      <c r="D4612" s="1">
        <v>44590.291666666664</v>
      </c>
      <c r="E4612" s="1">
        <v>44590.410416666666</v>
      </c>
      <c r="F4612">
        <v>0</v>
      </c>
      <c r="G4612">
        <v>0</v>
      </c>
      <c r="H4612">
        <v>0</v>
      </c>
      <c r="I4612">
        <v>0</v>
      </c>
      <c r="J4612">
        <v>0</v>
      </c>
      <c r="K4612">
        <v>0</v>
      </c>
      <c r="L4612">
        <v>0</v>
      </c>
      <c r="M4612">
        <v>0</v>
      </c>
      <c r="N4612">
        <v>0</v>
      </c>
      <c r="O4612">
        <v>0</v>
      </c>
      <c r="P4612">
        <v>0</v>
      </c>
      <c r="Q4612">
        <v>0</v>
      </c>
      <c r="R4612">
        <v>0</v>
      </c>
      <c r="S4612">
        <v>0</v>
      </c>
      <c r="T4612">
        <v>0</v>
      </c>
      <c r="U4612">
        <v>0</v>
      </c>
      <c r="V4612">
        <v>0</v>
      </c>
      <c r="W4612">
        <v>0</v>
      </c>
      <c r="X4612">
        <v>0</v>
      </c>
      <c r="Y4612">
        <v>30</v>
      </c>
      <c r="Z4612">
        <v>15</v>
      </c>
      <c r="AA4612">
        <v>94</v>
      </c>
      <c r="AB4612">
        <v>41</v>
      </c>
      <c r="AC4612">
        <v>92</v>
      </c>
      <c r="AD4612">
        <v>14</v>
      </c>
      <c r="AE4612">
        <v>60</v>
      </c>
      <c r="AF4612">
        <v>0</v>
      </c>
      <c r="AG4612">
        <v>50000</v>
      </c>
      <c r="AH4612">
        <v>50000</v>
      </c>
      <c r="AI4612">
        <v>0</v>
      </c>
      <c r="AJ4612">
        <v>0</v>
      </c>
      <c r="AK4612" t="s">
        <v>6</v>
      </c>
      <c r="AL4612">
        <v>0</v>
      </c>
      <c r="AM4612">
        <v>0</v>
      </c>
      <c r="AN4612">
        <v>0</v>
      </c>
      <c r="AO4612">
        <v>0</v>
      </c>
      <c r="AP4612">
        <v>0</v>
      </c>
      <c r="AQ4612">
        <v>0</v>
      </c>
      <c r="AR4612">
        <v>0</v>
      </c>
      <c r="AS4612">
        <v>0</v>
      </c>
      <c r="AT4612">
        <v>0</v>
      </c>
      <c r="AU4612">
        <v>0</v>
      </c>
      <c r="AV4612">
        <v>0</v>
      </c>
      <c r="AW4612">
        <v>0</v>
      </c>
      <c r="AX4612">
        <v>0</v>
      </c>
      <c r="AY4612">
        <v>0</v>
      </c>
      <c r="AZ4612">
        <v>0</v>
      </c>
      <c r="BA4612">
        <v>0</v>
      </c>
    </row>
    <row r="4613" spans="1:53" x14ac:dyDescent="0.4">
      <c r="A4613">
        <v>4657</v>
      </c>
      <c r="B4613" s="1">
        <v>44590</v>
      </c>
      <c r="C4613">
        <v>2</v>
      </c>
      <c r="D4613" s="1">
        <v>44590.410416666666</v>
      </c>
      <c r="E4613" s="1">
        <v>44590.731249999997</v>
      </c>
      <c r="F4613">
        <v>30890</v>
      </c>
      <c r="G4613">
        <v>2937</v>
      </c>
      <c r="H4613">
        <v>30</v>
      </c>
      <c r="I4613">
        <v>0</v>
      </c>
      <c r="J4613">
        <v>0</v>
      </c>
      <c r="K4613">
        <v>0</v>
      </c>
      <c r="L4613">
        <v>0</v>
      </c>
      <c r="M4613">
        <v>3076</v>
      </c>
      <c r="N4613">
        <v>0</v>
      </c>
      <c r="O4613">
        <v>0</v>
      </c>
      <c r="P4613">
        <v>11580</v>
      </c>
      <c r="Q4613">
        <v>0</v>
      </c>
      <c r="R4613">
        <v>45437</v>
      </c>
      <c r="S4613">
        <v>0</v>
      </c>
      <c r="T4613">
        <v>0</v>
      </c>
      <c r="U4613">
        <v>0</v>
      </c>
      <c r="V4613">
        <v>0</v>
      </c>
      <c r="W4613">
        <v>2</v>
      </c>
      <c r="X4613">
        <v>0</v>
      </c>
      <c r="Y4613">
        <v>60</v>
      </c>
      <c r="Z4613">
        <v>30</v>
      </c>
      <c r="AA4613">
        <v>79</v>
      </c>
      <c r="AB4613">
        <v>29</v>
      </c>
      <c r="AC4613">
        <v>96</v>
      </c>
      <c r="AD4613">
        <v>14</v>
      </c>
      <c r="AE4613">
        <v>57</v>
      </c>
      <c r="AF4613">
        <v>0</v>
      </c>
      <c r="AG4613">
        <v>95437</v>
      </c>
      <c r="AH4613">
        <v>50000</v>
      </c>
      <c r="AI4613">
        <v>0</v>
      </c>
      <c r="AJ4613">
        <v>103</v>
      </c>
      <c r="AK4613" t="s">
        <v>7</v>
      </c>
      <c r="AL4613">
        <v>0</v>
      </c>
      <c r="AM4613">
        <v>0</v>
      </c>
      <c r="AN4613">
        <v>0</v>
      </c>
      <c r="AO4613">
        <v>0</v>
      </c>
      <c r="AP4613">
        <v>0</v>
      </c>
      <c r="AQ4613">
        <v>0</v>
      </c>
      <c r="AR4613">
        <v>0</v>
      </c>
      <c r="AS4613">
        <v>0</v>
      </c>
      <c r="AT4613">
        <v>0</v>
      </c>
      <c r="AU4613">
        <v>0</v>
      </c>
      <c r="AV4613">
        <v>0</v>
      </c>
      <c r="AW4613">
        <v>0</v>
      </c>
      <c r="AX4613">
        <v>0</v>
      </c>
      <c r="AY4613">
        <v>37</v>
      </c>
      <c r="AZ4613">
        <v>70</v>
      </c>
      <c r="BA4613">
        <v>5633</v>
      </c>
    </row>
    <row r="4614" spans="1:53" x14ac:dyDescent="0.4">
      <c r="A4614">
        <v>4658</v>
      </c>
      <c r="B4614" s="1">
        <v>44590</v>
      </c>
      <c r="C4614">
        <v>3</v>
      </c>
      <c r="D4614" s="1">
        <v>44590.731249999997</v>
      </c>
      <c r="E4614" s="1">
        <v>44590.963194444441</v>
      </c>
      <c r="F4614">
        <v>28350</v>
      </c>
      <c r="G4614">
        <v>0</v>
      </c>
      <c r="H4614">
        <v>0</v>
      </c>
      <c r="I4614">
        <v>0</v>
      </c>
      <c r="J4614">
        <v>0</v>
      </c>
      <c r="K4614">
        <v>0</v>
      </c>
      <c r="L4614">
        <v>0</v>
      </c>
      <c r="M4614">
        <v>2579</v>
      </c>
      <c r="N4614">
        <v>0</v>
      </c>
      <c r="O4614">
        <v>0</v>
      </c>
      <c r="P4614">
        <v>9720</v>
      </c>
      <c r="Q4614">
        <v>0</v>
      </c>
      <c r="R4614">
        <v>38070</v>
      </c>
      <c r="S4614">
        <v>0</v>
      </c>
      <c r="T4614">
        <v>0</v>
      </c>
      <c r="U4614">
        <v>0</v>
      </c>
      <c r="V4614">
        <v>3</v>
      </c>
      <c r="W4614">
        <v>0</v>
      </c>
      <c r="X4614">
        <v>0</v>
      </c>
      <c r="Y4614">
        <v>73</v>
      </c>
      <c r="Z4614">
        <v>27</v>
      </c>
      <c r="AA4614">
        <v>73</v>
      </c>
      <c r="AB4614">
        <v>30</v>
      </c>
      <c r="AC4614">
        <v>97</v>
      </c>
      <c r="AD4614">
        <v>14</v>
      </c>
      <c r="AE4614">
        <v>57</v>
      </c>
      <c r="AF4614">
        <v>6210</v>
      </c>
      <c r="AG4614">
        <v>132607</v>
      </c>
      <c r="AH4614">
        <v>50000</v>
      </c>
      <c r="AI4614">
        <v>-900</v>
      </c>
      <c r="AJ4614">
        <v>108</v>
      </c>
      <c r="AK4614" t="s">
        <v>3</v>
      </c>
      <c r="AL4614">
        <v>0</v>
      </c>
      <c r="AM4614">
        <v>0</v>
      </c>
      <c r="AN4614">
        <v>0</v>
      </c>
      <c r="AO4614">
        <v>0</v>
      </c>
      <c r="AP4614">
        <v>0</v>
      </c>
      <c r="AQ4614">
        <v>0</v>
      </c>
      <c r="AR4614">
        <v>0</v>
      </c>
      <c r="AS4614">
        <v>0</v>
      </c>
      <c r="AT4614">
        <v>0</v>
      </c>
      <c r="AU4614">
        <v>0</v>
      </c>
      <c r="AV4614">
        <v>0</v>
      </c>
      <c r="AW4614">
        <v>0</v>
      </c>
      <c r="AX4614">
        <v>-2465</v>
      </c>
      <c r="AY4614">
        <v>9</v>
      </c>
      <c r="AZ4614">
        <v>26</v>
      </c>
      <c r="BA4614">
        <v>1597</v>
      </c>
    </row>
    <row r="4615" spans="1:53" x14ac:dyDescent="0.4">
      <c r="A4615">
        <v>4659</v>
      </c>
      <c r="B4615" s="1">
        <v>44590</v>
      </c>
      <c r="C4615">
        <v>4</v>
      </c>
      <c r="D4615" s="1">
        <v>44590.963194444441</v>
      </c>
      <c r="E4615" s="1">
        <v>44590.964583333334</v>
      </c>
      <c r="F4615">
        <v>0</v>
      </c>
      <c r="G4615">
        <v>0</v>
      </c>
      <c r="H4615">
        <v>0</v>
      </c>
      <c r="I4615">
        <v>0</v>
      </c>
      <c r="J4615">
        <v>0</v>
      </c>
      <c r="K4615">
        <v>0</v>
      </c>
      <c r="L4615">
        <v>0</v>
      </c>
      <c r="M4615">
        <v>0</v>
      </c>
      <c r="N4615">
        <v>0</v>
      </c>
      <c r="O4615">
        <v>0</v>
      </c>
      <c r="P4615">
        <v>0</v>
      </c>
      <c r="Q4615">
        <v>0</v>
      </c>
      <c r="R4615">
        <v>0</v>
      </c>
      <c r="S4615">
        <v>0</v>
      </c>
      <c r="T4615">
        <v>0</v>
      </c>
      <c r="U4615">
        <v>0</v>
      </c>
      <c r="V4615">
        <v>3</v>
      </c>
      <c r="W4615">
        <v>0</v>
      </c>
      <c r="X4615">
        <v>0</v>
      </c>
      <c r="Y4615">
        <v>73</v>
      </c>
      <c r="Z4615">
        <v>28</v>
      </c>
      <c r="AA4615">
        <v>72</v>
      </c>
      <c r="AB4615">
        <v>30</v>
      </c>
      <c r="AC4615">
        <v>97</v>
      </c>
      <c r="AD4615">
        <v>14</v>
      </c>
      <c r="AE4615">
        <v>57</v>
      </c>
      <c r="AF4615">
        <v>6210</v>
      </c>
      <c r="AG4615">
        <v>133007</v>
      </c>
      <c r="AH4615">
        <v>50000</v>
      </c>
      <c r="AI4615">
        <v>-500</v>
      </c>
      <c r="AJ4615">
        <v>108</v>
      </c>
      <c r="AK4615" t="s">
        <v>3</v>
      </c>
      <c r="AL4615">
        <v>0</v>
      </c>
      <c r="AM4615">
        <v>0</v>
      </c>
      <c r="AN4615">
        <v>0</v>
      </c>
      <c r="AO4615">
        <v>0</v>
      </c>
      <c r="AP4615">
        <v>0</v>
      </c>
      <c r="AQ4615">
        <v>0</v>
      </c>
      <c r="AR4615">
        <v>0</v>
      </c>
      <c r="AS4615">
        <v>0</v>
      </c>
      <c r="AT4615">
        <v>0</v>
      </c>
      <c r="AU4615">
        <v>0</v>
      </c>
      <c r="AV4615">
        <v>0</v>
      </c>
      <c r="AW4615">
        <v>0</v>
      </c>
      <c r="AX4615">
        <v>-2465</v>
      </c>
      <c r="AY4615">
        <v>0</v>
      </c>
      <c r="AZ4615">
        <v>0</v>
      </c>
      <c r="BA4615">
        <v>10</v>
      </c>
    </row>
    <row r="4616" spans="1:53" x14ac:dyDescent="0.4">
      <c r="A4616">
        <v>4660</v>
      </c>
      <c r="B4616" s="1">
        <v>44590</v>
      </c>
      <c r="C4616">
        <v>5</v>
      </c>
      <c r="D4616" s="1">
        <v>44590.964583333334</v>
      </c>
      <c r="E4616" s="1">
        <v>44590.96875</v>
      </c>
      <c r="F4616">
        <v>2880</v>
      </c>
      <c r="G4616">
        <v>0</v>
      </c>
      <c r="H4616">
        <v>0</v>
      </c>
      <c r="I4616">
        <v>0</v>
      </c>
      <c r="J4616">
        <v>0</v>
      </c>
      <c r="K4616">
        <v>0</v>
      </c>
      <c r="L4616">
        <v>0</v>
      </c>
      <c r="M4616">
        <v>262</v>
      </c>
      <c r="N4616">
        <v>0</v>
      </c>
      <c r="O4616">
        <v>0</v>
      </c>
      <c r="P4616">
        <v>0</v>
      </c>
      <c r="Q4616">
        <v>0</v>
      </c>
      <c r="R4616">
        <v>2880</v>
      </c>
      <c r="S4616">
        <v>0</v>
      </c>
      <c r="T4616">
        <v>0</v>
      </c>
      <c r="U4616">
        <v>0</v>
      </c>
      <c r="V4616">
        <v>3</v>
      </c>
      <c r="W4616">
        <v>0</v>
      </c>
      <c r="X4616">
        <v>0</v>
      </c>
      <c r="Y4616">
        <v>76</v>
      </c>
      <c r="Z4616">
        <v>29</v>
      </c>
      <c r="AA4616">
        <v>71</v>
      </c>
      <c r="AB4616">
        <v>30</v>
      </c>
      <c r="AC4616">
        <v>95</v>
      </c>
      <c r="AD4616">
        <v>14</v>
      </c>
      <c r="AE4616">
        <v>57</v>
      </c>
      <c r="AF4616">
        <v>6210</v>
      </c>
      <c r="AG4616">
        <v>136387</v>
      </c>
      <c r="AH4616">
        <v>50000</v>
      </c>
      <c r="AI4616">
        <v>0</v>
      </c>
      <c r="AJ4616">
        <v>108</v>
      </c>
      <c r="AK4616" t="s">
        <v>3</v>
      </c>
      <c r="AL4616">
        <v>0</v>
      </c>
      <c r="AM4616">
        <v>0</v>
      </c>
      <c r="AN4616">
        <v>0</v>
      </c>
      <c r="AO4616">
        <v>0</v>
      </c>
      <c r="AP4616">
        <v>0</v>
      </c>
      <c r="AQ4616">
        <v>0</v>
      </c>
      <c r="AR4616">
        <v>0</v>
      </c>
      <c r="AS4616">
        <v>0</v>
      </c>
      <c r="AT4616">
        <v>0</v>
      </c>
      <c r="AU4616">
        <v>0</v>
      </c>
      <c r="AV4616">
        <v>0</v>
      </c>
      <c r="AW4616">
        <v>0</v>
      </c>
      <c r="AX4616">
        <v>12555</v>
      </c>
      <c r="AY4616">
        <v>0</v>
      </c>
      <c r="AZ4616">
        <v>0</v>
      </c>
      <c r="BA4616">
        <v>25</v>
      </c>
    </row>
    <row r="4617" spans="1:53" x14ac:dyDescent="0.4">
      <c r="A4617">
        <v>4661</v>
      </c>
      <c r="B4617" s="1">
        <v>44591</v>
      </c>
      <c r="C4617">
        <v>1</v>
      </c>
      <c r="D4617" s="1">
        <v>44591.291666666664</v>
      </c>
      <c r="E4617" s="1">
        <v>44591.419444444444</v>
      </c>
      <c r="F4617">
        <v>0</v>
      </c>
      <c r="G4617">
        <v>0</v>
      </c>
      <c r="H4617">
        <v>0</v>
      </c>
      <c r="I4617">
        <v>0</v>
      </c>
      <c r="J4617">
        <v>0</v>
      </c>
      <c r="K4617">
        <v>0</v>
      </c>
      <c r="L4617">
        <v>0</v>
      </c>
      <c r="M4617">
        <v>0</v>
      </c>
      <c r="N4617">
        <v>0</v>
      </c>
      <c r="O4617">
        <v>0</v>
      </c>
      <c r="P4617">
        <v>1200</v>
      </c>
      <c r="Q4617">
        <v>0</v>
      </c>
      <c r="R4617">
        <v>1200</v>
      </c>
      <c r="S4617">
        <v>0</v>
      </c>
      <c r="T4617">
        <v>0</v>
      </c>
      <c r="U4617">
        <v>0</v>
      </c>
      <c r="V4617">
        <v>0</v>
      </c>
      <c r="W4617">
        <v>0</v>
      </c>
      <c r="X4617">
        <v>0</v>
      </c>
      <c r="Y4617">
        <v>35</v>
      </c>
      <c r="Z4617">
        <v>14</v>
      </c>
      <c r="AA4617">
        <v>69</v>
      </c>
      <c r="AB4617">
        <v>30</v>
      </c>
      <c r="AC4617">
        <v>67</v>
      </c>
      <c r="AD4617">
        <v>14</v>
      </c>
      <c r="AE4617">
        <v>60</v>
      </c>
      <c r="AF4617">
        <v>0</v>
      </c>
      <c r="AG4617">
        <v>51200</v>
      </c>
      <c r="AH4617">
        <v>50000</v>
      </c>
      <c r="AI4617">
        <v>0</v>
      </c>
      <c r="AJ4617">
        <v>115</v>
      </c>
      <c r="AK4617" t="s">
        <v>55</v>
      </c>
      <c r="AL4617">
        <v>0</v>
      </c>
      <c r="AM4617">
        <v>0</v>
      </c>
      <c r="AN4617">
        <v>0</v>
      </c>
      <c r="AO4617">
        <v>0</v>
      </c>
      <c r="AP4617">
        <v>0</v>
      </c>
      <c r="AQ4617">
        <v>0</v>
      </c>
      <c r="AR4617">
        <v>0</v>
      </c>
      <c r="AS4617">
        <v>0</v>
      </c>
      <c r="AT4617">
        <v>0</v>
      </c>
      <c r="AU4617">
        <v>0</v>
      </c>
      <c r="AV4617">
        <v>0</v>
      </c>
      <c r="AW4617">
        <v>0</v>
      </c>
      <c r="AX4617">
        <v>-1200</v>
      </c>
      <c r="AY4617">
        <v>1</v>
      </c>
      <c r="AZ4617">
        <v>2</v>
      </c>
      <c r="BA4617">
        <v>3</v>
      </c>
    </row>
    <row r="4618" spans="1:53" x14ac:dyDescent="0.4">
      <c r="A4618">
        <v>4662</v>
      </c>
      <c r="B4618" s="1">
        <v>44591</v>
      </c>
      <c r="C4618">
        <v>2</v>
      </c>
      <c r="D4618" s="1">
        <v>44591.419444444444</v>
      </c>
      <c r="E4618" s="1">
        <v>44591.759027777778</v>
      </c>
      <c r="F4618">
        <v>36830</v>
      </c>
      <c r="G4618">
        <v>902</v>
      </c>
      <c r="H4618">
        <v>0</v>
      </c>
      <c r="I4618">
        <v>0</v>
      </c>
      <c r="J4618">
        <v>0</v>
      </c>
      <c r="K4618">
        <v>0</v>
      </c>
      <c r="L4618">
        <v>0</v>
      </c>
      <c r="M4618">
        <v>3428</v>
      </c>
      <c r="N4618">
        <v>0</v>
      </c>
      <c r="O4618">
        <v>0</v>
      </c>
      <c r="P4618">
        <v>10280</v>
      </c>
      <c r="Q4618">
        <v>0</v>
      </c>
      <c r="R4618">
        <v>48012</v>
      </c>
      <c r="S4618">
        <v>0</v>
      </c>
      <c r="T4618">
        <v>0</v>
      </c>
      <c r="U4618">
        <v>0</v>
      </c>
      <c r="V4618">
        <v>2</v>
      </c>
      <c r="W4618">
        <v>2</v>
      </c>
      <c r="X4618">
        <v>0</v>
      </c>
      <c r="Y4618">
        <v>44</v>
      </c>
      <c r="Z4618">
        <v>19</v>
      </c>
      <c r="AA4618">
        <v>102</v>
      </c>
      <c r="AB4618">
        <v>34</v>
      </c>
      <c r="AC4618">
        <v>103</v>
      </c>
      <c r="AD4618">
        <v>14</v>
      </c>
      <c r="AE4618">
        <v>62</v>
      </c>
      <c r="AF4618">
        <v>2650</v>
      </c>
      <c r="AG4618">
        <v>99212</v>
      </c>
      <c r="AH4618">
        <v>50000</v>
      </c>
      <c r="AI4618">
        <v>0</v>
      </c>
      <c r="AJ4618">
        <v>114</v>
      </c>
      <c r="AK4618" t="s">
        <v>53</v>
      </c>
      <c r="AL4618">
        <v>0</v>
      </c>
      <c r="AM4618">
        <v>0</v>
      </c>
      <c r="AN4618">
        <v>0</v>
      </c>
      <c r="AO4618">
        <v>0</v>
      </c>
      <c r="AP4618">
        <v>0</v>
      </c>
      <c r="AQ4618">
        <v>0</v>
      </c>
      <c r="AR4618">
        <v>0</v>
      </c>
      <c r="AS4618">
        <v>0</v>
      </c>
      <c r="AT4618">
        <v>0</v>
      </c>
      <c r="AU4618">
        <v>0</v>
      </c>
      <c r="AV4618">
        <v>0</v>
      </c>
      <c r="AW4618">
        <v>0</v>
      </c>
      <c r="AX4618">
        <v>308</v>
      </c>
      <c r="AY4618">
        <v>39</v>
      </c>
      <c r="AZ4618">
        <v>80</v>
      </c>
      <c r="BA4618">
        <v>6056</v>
      </c>
    </row>
    <row r="4619" spans="1:53" x14ac:dyDescent="0.4">
      <c r="A4619">
        <v>4663</v>
      </c>
      <c r="B4619" s="1">
        <v>44592</v>
      </c>
      <c r="C4619">
        <v>1</v>
      </c>
      <c r="D4619" s="1">
        <v>44592.291666666664</v>
      </c>
      <c r="E4619" s="1">
        <v>44592.750694444447</v>
      </c>
      <c r="F4619">
        <v>28220</v>
      </c>
      <c r="G4619">
        <v>902</v>
      </c>
      <c r="H4619">
        <v>0</v>
      </c>
      <c r="I4619">
        <v>0</v>
      </c>
      <c r="J4619">
        <v>100</v>
      </c>
      <c r="K4619">
        <v>0</v>
      </c>
      <c r="L4619">
        <v>0</v>
      </c>
      <c r="M4619">
        <v>2634</v>
      </c>
      <c r="N4619">
        <v>0</v>
      </c>
      <c r="O4619">
        <v>0</v>
      </c>
      <c r="P4619">
        <v>11230</v>
      </c>
      <c r="Q4619">
        <v>0</v>
      </c>
      <c r="R4619">
        <v>40252</v>
      </c>
      <c r="S4619">
        <v>0</v>
      </c>
      <c r="T4619">
        <v>0</v>
      </c>
      <c r="U4619">
        <v>0</v>
      </c>
      <c r="V4619">
        <v>3</v>
      </c>
      <c r="W4619">
        <v>1</v>
      </c>
      <c r="X4619">
        <v>0</v>
      </c>
      <c r="Y4619">
        <v>36</v>
      </c>
      <c r="Z4619">
        <v>11</v>
      </c>
      <c r="AA4619">
        <v>98</v>
      </c>
      <c r="AB4619">
        <v>29</v>
      </c>
      <c r="AC4619">
        <v>140</v>
      </c>
      <c r="AD4619">
        <v>17</v>
      </c>
      <c r="AE4619">
        <v>67</v>
      </c>
      <c r="AF4619">
        <v>950</v>
      </c>
      <c r="AG4619">
        <v>91252</v>
      </c>
      <c r="AH4619">
        <v>50000</v>
      </c>
      <c r="AI4619">
        <v>1000</v>
      </c>
      <c r="AJ4619">
        <v>118</v>
      </c>
      <c r="AK4619" t="s">
        <v>59</v>
      </c>
      <c r="AL4619">
        <v>0</v>
      </c>
      <c r="AM4619">
        <v>0</v>
      </c>
      <c r="AN4619">
        <v>0</v>
      </c>
      <c r="AO4619">
        <v>0</v>
      </c>
      <c r="AP4619">
        <v>0</v>
      </c>
      <c r="AQ4619">
        <v>0</v>
      </c>
      <c r="AR4619">
        <v>0</v>
      </c>
      <c r="AS4619">
        <v>0</v>
      </c>
      <c r="AT4619">
        <v>0</v>
      </c>
      <c r="AU4619">
        <v>0</v>
      </c>
      <c r="AV4619">
        <v>0</v>
      </c>
      <c r="AW4619">
        <v>0</v>
      </c>
      <c r="AX4619">
        <v>1034</v>
      </c>
      <c r="AY4619">
        <v>41</v>
      </c>
      <c r="AZ4619">
        <v>66</v>
      </c>
      <c r="BA4619">
        <v>5724</v>
      </c>
    </row>
    <row r="4620" spans="1:53" x14ac:dyDescent="0.4">
      <c r="A4620">
        <v>4664</v>
      </c>
      <c r="B4620" s="1">
        <v>44593</v>
      </c>
      <c r="C4620">
        <v>1</v>
      </c>
      <c r="D4620" s="1">
        <v>44593.291666666664</v>
      </c>
      <c r="E4620" s="1">
        <v>44593.443055555559</v>
      </c>
      <c r="F4620">
        <v>0</v>
      </c>
      <c r="G4620">
        <v>0</v>
      </c>
      <c r="H4620">
        <v>0</v>
      </c>
      <c r="I4620">
        <v>0</v>
      </c>
      <c r="J4620">
        <v>0</v>
      </c>
      <c r="K4620">
        <v>0</v>
      </c>
      <c r="L4620">
        <v>0</v>
      </c>
      <c r="M4620">
        <v>0</v>
      </c>
      <c r="N4620">
        <v>0</v>
      </c>
      <c r="O4620">
        <v>0</v>
      </c>
      <c r="P4620">
        <v>0</v>
      </c>
      <c r="Q4620">
        <v>0</v>
      </c>
      <c r="R4620">
        <v>0</v>
      </c>
      <c r="S4620">
        <v>0</v>
      </c>
      <c r="T4620">
        <v>0</v>
      </c>
      <c r="U4620">
        <v>0</v>
      </c>
      <c r="V4620">
        <v>0</v>
      </c>
      <c r="W4620">
        <v>1</v>
      </c>
      <c r="X4620">
        <v>0</v>
      </c>
      <c r="Y4620">
        <v>27</v>
      </c>
      <c r="Z4620">
        <v>11</v>
      </c>
      <c r="AA4620">
        <v>100</v>
      </c>
      <c r="AB4620">
        <v>29</v>
      </c>
      <c r="AC4620">
        <v>89</v>
      </c>
      <c r="AD4620">
        <v>18</v>
      </c>
      <c r="AE4620">
        <v>70</v>
      </c>
      <c r="AF4620">
        <v>0</v>
      </c>
      <c r="AG4620">
        <v>50000</v>
      </c>
      <c r="AH4620">
        <v>50000</v>
      </c>
      <c r="AI4620">
        <v>0</v>
      </c>
      <c r="AJ4620">
        <v>0</v>
      </c>
      <c r="AK4620" t="s">
        <v>6</v>
      </c>
      <c r="AL4620">
        <v>0</v>
      </c>
      <c r="AM4620">
        <v>0</v>
      </c>
      <c r="AN4620">
        <v>0</v>
      </c>
      <c r="AO4620">
        <v>0</v>
      </c>
      <c r="AP4620">
        <v>0</v>
      </c>
      <c r="AQ4620">
        <v>0</v>
      </c>
      <c r="AR4620">
        <v>0</v>
      </c>
      <c r="AS4620">
        <v>0</v>
      </c>
      <c r="AT4620">
        <v>0</v>
      </c>
      <c r="AU4620">
        <v>0</v>
      </c>
      <c r="AV4620">
        <v>0</v>
      </c>
      <c r="AW4620">
        <v>0</v>
      </c>
      <c r="AX4620">
        <v>0</v>
      </c>
      <c r="AY4620">
        <v>0</v>
      </c>
      <c r="AZ4620">
        <v>0</v>
      </c>
      <c r="BA4620">
        <v>0</v>
      </c>
    </row>
    <row r="4621" spans="1:53" x14ac:dyDescent="0.4">
      <c r="A4621">
        <v>4665</v>
      </c>
      <c r="B4621" s="1">
        <v>44593</v>
      </c>
      <c r="C4621">
        <v>2</v>
      </c>
      <c r="D4621" s="1">
        <v>44593.443055555559</v>
      </c>
      <c r="E4621" s="1">
        <v>44593.740277777775</v>
      </c>
      <c r="F4621">
        <v>19480</v>
      </c>
      <c r="G4621">
        <v>0</v>
      </c>
      <c r="H4621">
        <v>220</v>
      </c>
      <c r="I4621">
        <v>0</v>
      </c>
      <c r="J4621">
        <v>100</v>
      </c>
      <c r="K4621">
        <v>0</v>
      </c>
      <c r="L4621">
        <v>0</v>
      </c>
      <c r="M4621">
        <v>1782</v>
      </c>
      <c r="N4621">
        <v>0</v>
      </c>
      <c r="O4621">
        <v>0</v>
      </c>
      <c r="P4621">
        <v>2440</v>
      </c>
      <c r="Q4621">
        <v>0</v>
      </c>
      <c r="R4621">
        <v>22040</v>
      </c>
      <c r="S4621">
        <v>0</v>
      </c>
      <c r="T4621">
        <v>0</v>
      </c>
      <c r="U4621">
        <v>0</v>
      </c>
      <c r="V4621">
        <v>0</v>
      </c>
      <c r="W4621">
        <v>2</v>
      </c>
      <c r="X4621">
        <v>0</v>
      </c>
      <c r="Y4621">
        <v>39</v>
      </c>
      <c r="Z4621">
        <v>19</v>
      </c>
      <c r="AA4621">
        <v>110</v>
      </c>
      <c r="AB4621">
        <v>29</v>
      </c>
      <c r="AC4621">
        <v>93</v>
      </c>
      <c r="AD4621">
        <v>18</v>
      </c>
      <c r="AE4621">
        <v>70</v>
      </c>
      <c r="AF4621">
        <v>0</v>
      </c>
      <c r="AG4621">
        <v>72040</v>
      </c>
      <c r="AH4621">
        <v>50000</v>
      </c>
      <c r="AI4621">
        <v>0</v>
      </c>
      <c r="AJ4621">
        <v>114</v>
      </c>
      <c r="AK4621" t="s">
        <v>53</v>
      </c>
      <c r="AL4621">
        <v>0</v>
      </c>
      <c r="AM4621">
        <v>0</v>
      </c>
      <c r="AN4621">
        <v>0</v>
      </c>
      <c r="AO4621">
        <v>0</v>
      </c>
      <c r="AP4621">
        <v>0</v>
      </c>
      <c r="AQ4621">
        <v>0</v>
      </c>
      <c r="AR4621">
        <v>0</v>
      </c>
      <c r="AS4621">
        <v>0</v>
      </c>
      <c r="AT4621">
        <v>0</v>
      </c>
      <c r="AU4621">
        <v>0</v>
      </c>
      <c r="AV4621">
        <v>0</v>
      </c>
      <c r="AW4621">
        <v>0</v>
      </c>
      <c r="AX4621">
        <v>-530</v>
      </c>
      <c r="AY4621">
        <v>24</v>
      </c>
      <c r="AZ4621">
        <v>35</v>
      </c>
      <c r="BA4621">
        <v>4108</v>
      </c>
    </row>
    <row r="4622" spans="1:53" x14ac:dyDescent="0.4">
      <c r="A4622">
        <v>4666</v>
      </c>
      <c r="B4622" s="1">
        <v>44594</v>
      </c>
      <c r="C4622">
        <v>1</v>
      </c>
      <c r="D4622" s="1">
        <v>44594.291666666664</v>
      </c>
      <c r="E4622" s="1">
        <v>44594.439583333333</v>
      </c>
      <c r="F4622">
        <v>0</v>
      </c>
      <c r="G4622">
        <v>0</v>
      </c>
      <c r="H4622">
        <v>0</v>
      </c>
      <c r="I4622">
        <v>0</v>
      </c>
      <c r="J4622">
        <v>0</v>
      </c>
      <c r="K4622">
        <v>0</v>
      </c>
      <c r="L4622">
        <v>0</v>
      </c>
      <c r="M4622">
        <v>0</v>
      </c>
      <c r="N4622">
        <v>0</v>
      </c>
      <c r="O4622">
        <v>0</v>
      </c>
      <c r="P4622">
        <v>0</v>
      </c>
      <c r="Q4622">
        <v>0</v>
      </c>
      <c r="R4622">
        <v>0</v>
      </c>
      <c r="S4622">
        <v>0</v>
      </c>
      <c r="T4622">
        <v>0</v>
      </c>
      <c r="U4622">
        <v>0</v>
      </c>
      <c r="V4622">
        <v>0</v>
      </c>
      <c r="W4622">
        <v>1</v>
      </c>
      <c r="X4622">
        <v>0</v>
      </c>
      <c r="Y4622">
        <v>25</v>
      </c>
      <c r="Z4622">
        <v>13</v>
      </c>
      <c r="AA4622">
        <v>110</v>
      </c>
      <c r="AB4622">
        <v>29</v>
      </c>
      <c r="AC4622">
        <v>89</v>
      </c>
      <c r="AD4622">
        <v>18</v>
      </c>
      <c r="AE4622">
        <v>70</v>
      </c>
      <c r="AF4622">
        <v>0</v>
      </c>
      <c r="AG4622">
        <v>50000</v>
      </c>
      <c r="AH4622">
        <v>50000</v>
      </c>
      <c r="AI4622">
        <v>0</v>
      </c>
      <c r="AJ4622">
        <v>0</v>
      </c>
      <c r="AK4622" t="s">
        <v>6</v>
      </c>
      <c r="AL4622">
        <v>0</v>
      </c>
      <c r="AM4622">
        <v>0</v>
      </c>
      <c r="AN4622">
        <v>0</v>
      </c>
      <c r="AO4622">
        <v>0</v>
      </c>
      <c r="AP4622">
        <v>0</v>
      </c>
      <c r="AQ4622">
        <v>0</v>
      </c>
      <c r="AR4622">
        <v>0</v>
      </c>
      <c r="AS4622">
        <v>0</v>
      </c>
      <c r="AT4622">
        <v>0</v>
      </c>
      <c r="AU4622">
        <v>0</v>
      </c>
      <c r="AV4622">
        <v>0</v>
      </c>
      <c r="AW4622">
        <v>0</v>
      </c>
      <c r="AX4622">
        <v>0</v>
      </c>
      <c r="AY4622">
        <v>0</v>
      </c>
      <c r="AZ4622">
        <v>0</v>
      </c>
      <c r="BA4622">
        <v>0</v>
      </c>
    </row>
    <row r="4623" spans="1:53" x14ac:dyDescent="0.4">
      <c r="A4623">
        <v>4667</v>
      </c>
      <c r="B4623" s="1">
        <v>44594</v>
      </c>
      <c r="C4623">
        <v>2</v>
      </c>
      <c r="D4623" s="1">
        <v>44594.439583333333</v>
      </c>
      <c r="E4623" s="1">
        <v>44594.75</v>
      </c>
      <c r="F4623">
        <v>15110</v>
      </c>
      <c r="G4623">
        <v>1034</v>
      </c>
      <c r="H4623">
        <v>0</v>
      </c>
      <c r="I4623">
        <v>0</v>
      </c>
      <c r="J4623">
        <v>100</v>
      </c>
      <c r="K4623">
        <v>0</v>
      </c>
      <c r="L4623">
        <v>0</v>
      </c>
      <c r="M4623">
        <v>1459</v>
      </c>
      <c r="N4623">
        <v>0</v>
      </c>
      <c r="O4623">
        <v>0</v>
      </c>
      <c r="P4623">
        <v>7300</v>
      </c>
      <c r="Q4623">
        <v>0</v>
      </c>
      <c r="R4623">
        <v>23344</v>
      </c>
      <c r="S4623">
        <v>0</v>
      </c>
      <c r="T4623">
        <v>0</v>
      </c>
      <c r="U4623">
        <v>0</v>
      </c>
      <c r="V4623">
        <v>0</v>
      </c>
      <c r="W4623">
        <v>1</v>
      </c>
      <c r="X4623">
        <v>0</v>
      </c>
      <c r="Y4623">
        <v>49</v>
      </c>
      <c r="Z4623">
        <v>12</v>
      </c>
      <c r="AA4623">
        <v>107</v>
      </c>
      <c r="AB4623">
        <v>31</v>
      </c>
      <c r="AC4623">
        <v>93</v>
      </c>
      <c r="AD4623">
        <v>18</v>
      </c>
      <c r="AE4623">
        <v>74</v>
      </c>
      <c r="AF4623">
        <v>0</v>
      </c>
      <c r="AG4623">
        <v>73344</v>
      </c>
      <c r="AH4623">
        <v>50000</v>
      </c>
      <c r="AI4623">
        <v>0</v>
      </c>
      <c r="AJ4623">
        <v>103</v>
      </c>
      <c r="AK4623" t="s">
        <v>7</v>
      </c>
      <c r="AL4623">
        <v>0</v>
      </c>
      <c r="AM4623">
        <v>0</v>
      </c>
      <c r="AN4623">
        <v>0</v>
      </c>
      <c r="AO4623">
        <v>0</v>
      </c>
      <c r="AP4623">
        <v>0</v>
      </c>
      <c r="AQ4623">
        <v>0</v>
      </c>
      <c r="AR4623">
        <v>0</v>
      </c>
      <c r="AS4623">
        <v>0</v>
      </c>
      <c r="AT4623">
        <v>0</v>
      </c>
      <c r="AU4623">
        <v>0</v>
      </c>
      <c r="AV4623">
        <v>0</v>
      </c>
      <c r="AW4623">
        <v>0</v>
      </c>
      <c r="AX4623">
        <v>594</v>
      </c>
      <c r="AY4623">
        <v>23</v>
      </c>
      <c r="AZ4623">
        <v>37</v>
      </c>
      <c r="BA4623">
        <v>3585</v>
      </c>
    </row>
    <row r="4624" spans="1:53" x14ac:dyDescent="0.4">
      <c r="A4624">
        <v>4668</v>
      </c>
      <c r="B4624" s="1">
        <v>44596</v>
      </c>
      <c r="C4624">
        <v>1</v>
      </c>
      <c r="D4624" s="1">
        <v>44596.291666666664</v>
      </c>
      <c r="E4624" s="1">
        <v>44596.441666666666</v>
      </c>
      <c r="F4624">
        <v>0</v>
      </c>
      <c r="G4624">
        <v>0</v>
      </c>
      <c r="H4624">
        <v>0</v>
      </c>
      <c r="I4624">
        <v>0</v>
      </c>
      <c r="J4624">
        <v>0</v>
      </c>
      <c r="K4624">
        <v>0</v>
      </c>
      <c r="L4624">
        <v>0</v>
      </c>
      <c r="M4624">
        <v>0</v>
      </c>
      <c r="N4624">
        <v>0</v>
      </c>
      <c r="O4624">
        <v>0</v>
      </c>
      <c r="P4624">
        <v>0</v>
      </c>
      <c r="Q4624">
        <v>0</v>
      </c>
      <c r="R4624">
        <v>0</v>
      </c>
      <c r="S4624">
        <v>0</v>
      </c>
      <c r="T4624">
        <v>0</v>
      </c>
      <c r="U4624">
        <v>0</v>
      </c>
      <c r="V4624">
        <v>0</v>
      </c>
      <c r="W4624">
        <v>1</v>
      </c>
      <c r="X4624">
        <v>0</v>
      </c>
      <c r="Y4624">
        <v>28</v>
      </c>
      <c r="Z4624">
        <v>11</v>
      </c>
      <c r="AA4624">
        <v>90</v>
      </c>
      <c r="AB4624">
        <v>27</v>
      </c>
      <c r="AC4624">
        <v>99</v>
      </c>
      <c r="AD4624">
        <v>18</v>
      </c>
      <c r="AE4624">
        <v>70</v>
      </c>
      <c r="AF4624">
        <v>0</v>
      </c>
      <c r="AG4624">
        <v>50000</v>
      </c>
      <c r="AH4624">
        <v>50000</v>
      </c>
      <c r="AI4624">
        <v>0</v>
      </c>
      <c r="AJ4624">
        <v>0</v>
      </c>
      <c r="AK4624" t="s">
        <v>6</v>
      </c>
      <c r="AL4624">
        <v>0</v>
      </c>
      <c r="AM4624">
        <v>0</v>
      </c>
      <c r="AN4624">
        <v>0</v>
      </c>
      <c r="AO4624">
        <v>0</v>
      </c>
      <c r="AP4624">
        <v>0</v>
      </c>
      <c r="AQ4624">
        <v>0</v>
      </c>
      <c r="AR4624">
        <v>0</v>
      </c>
      <c r="AS4624">
        <v>0</v>
      </c>
      <c r="AT4624">
        <v>0</v>
      </c>
      <c r="AU4624">
        <v>0</v>
      </c>
      <c r="AV4624">
        <v>0</v>
      </c>
      <c r="AW4624">
        <v>0</v>
      </c>
      <c r="AX4624">
        <v>0</v>
      </c>
      <c r="AY4624">
        <v>0</v>
      </c>
      <c r="AZ4624">
        <v>0</v>
      </c>
      <c r="BA4624">
        <v>0</v>
      </c>
    </row>
    <row r="4625" spans="1:53" x14ac:dyDescent="0.4">
      <c r="A4625">
        <v>4669</v>
      </c>
      <c r="B4625" s="1">
        <v>44596</v>
      </c>
      <c r="C4625">
        <v>2</v>
      </c>
      <c r="D4625" s="1">
        <v>44596.441666666666</v>
      </c>
      <c r="E4625" s="1">
        <v>44596.761111111111</v>
      </c>
      <c r="F4625">
        <v>20140</v>
      </c>
      <c r="G4625">
        <v>1342</v>
      </c>
      <c r="H4625">
        <v>0</v>
      </c>
      <c r="I4625">
        <v>0</v>
      </c>
      <c r="J4625">
        <v>100</v>
      </c>
      <c r="K4625">
        <v>0</v>
      </c>
      <c r="L4625">
        <v>0</v>
      </c>
      <c r="M4625">
        <v>1943</v>
      </c>
      <c r="N4625">
        <v>0</v>
      </c>
      <c r="O4625">
        <v>0</v>
      </c>
      <c r="P4625">
        <v>7460</v>
      </c>
      <c r="Q4625">
        <v>0</v>
      </c>
      <c r="R4625">
        <v>28842</v>
      </c>
      <c r="S4625">
        <v>0</v>
      </c>
      <c r="T4625">
        <v>0</v>
      </c>
      <c r="U4625">
        <v>0</v>
      </c>
      <c r="V4625">
        <v>1</v>
      </c>
      <c r="W4625">
        <v>2</v>
      </c>
      <c r="X4625">
        <v>0</v>
      </c>
      <c r="Y4625">
        <v>40</v>
      </c>
      <c r="Z4625">
        <v>12</v>
      </c>
      <c r="AA4625">
        <v>88</v>
      </c>
      <c r="AB4625">
        <v>27</v>
      </c>
      <c r="AC4625">
        <v>115</v>
      </c>
      <c r="AD4625">
        <v>21</v>
      </c>
      <c r="AE4625">
        <v>69</v>
      </c>
      <c r="AF4625">
        <v>1368</v>
      </c>
      <c r="AG4625">
        <v>78842</v>
      </c>
      <c r="AH4625">
        <v>50000</v>
      </c>
      <c r="AI4625">
        <v>0</v>
      </c>
      <c r="AJ4625">
        <v>102</v>
      </c>
      <c r="AK4625" t="s">
        <v>50</v>
      </c>
      <c r="AL4625">
        <v>0</v>
      </c>
      <c r="AM4625">
        <v>0</v>
      </c>
      <c r="AN4625">
        <v>0</v>
      </c>
      <c r="AO4625">
        <v>0</v>
      </c>
      <c r="AP4625">
        <v>0</v>
      </c>
      <c r="AQ4625">
        <v>0</v>
      </c>
      <c r="AR4625">
        <v>0</v>
      </c>
      <c r="AS4625">
        <v>0</v>
      </c>
      <c r="AT4625">
        <v>0</v>
      </c>
      <c r="AU4625">
        <v>0</v>
      </c>
      <c r="AV4625">
        <v>0</v>
      </c>
      <c r="AW4625">
        <v>0</v>
      </c>
      <c r="AX4625">
        <v>880</v>
      </c>
      <c r="AY4625">
        <v>32</v>
      </c>
      <c r="AZ4625">
        <v>47</v>
      </c>
      <c r="BA4625">
        <v>4599</v>
      </c>
    </row>
    <row r="4626" spans="1:53" x14ac:dyDescent="0.4">
      <c r="A4626">
        <v>4670</v>
      </c>
      <c r="B4626" s="1">
        <v>44597</v>
      </c>
      <c r="C4626">
        <v>1</v>
      </c>
      <c r="D4626" s="1">
        <v>44597.291666666664</v>
      </c>
      <c r="E4626" s="1">
        <v>44597.40625</v>
      </c>
      <c r="F4626">
        <v>0</v>
      </c>
      <c r="G4626">
        <v>0</v>
      </c>
      <c r="H4626">
        <v>0</v>
      </c>
      <c r="I4626">
        <v>0</v>
      </c>
      <c r="J4626">
        <v>0</v>
      </c>
      <c r="K4626">
        <v>0</v>
      </c>
      <c r="L4626">
        <v>0</v>
      </c>
      <c r="M4626">
        <v>0</v>
      </c>
      <c r="N4626">
        <v>0</v>
      </c>
      <c r="O4626">
        <v>0</v>
      </c>
      <c r="P4626">
        <v>0</v>
      </c>
      <c r="Q4626">
        <v>0</v>
      </c>
      <c r="R4626">
        <v>0</v>
      </c>
      <c r="S4626">
        <v>0</v>
      </c>
      <c r="T4626">
        <v>0</v>
      </c>
      <c r="U4626">
        <v>0</v>
      </c>
      <c r="V4626">
        <v>0</v>
      </c>
      <c r="W4626">
        <v>1</v>
      </c>
      <c r="X4626">
        <v>0</v>
      </c>
      <c r="Y4626">
        <v>26</v>
      </c>
      <c r="Z4626">
        <v>13</v>
      </c>
      <c r="AA4626">
        <v>100</v>
      </c>
      <c r="AB4626">
        <v>23</v>
      </c>
      <c r="AC4626">
        <v>118</v>
      </c>
      <c r="AD4626">
        <v>21</v>
      </c>
      <c r="AE4626">
        <v>65</v>
      </c>
      <c r="AF4626">
        <v>0</v>
      </c>
      <c r="AG4626">
        <v>50000</v>
      </c>
      <c r="AH4626">
        <v>50000</v>
      </c>
      <c r="AI4626">
        <v>0</v>
      </c>
      <c r="AJ4626">
        <v>0</v>
      </c>
      <c r="AK4626" t="s">
        <v>6</v>
      </c>
      <c r="AL4626">
        <v>0</v>
      </c>
      <c r="AM4626">
        <v>0</v>
      </c>
      <c r="AN4626">
        <v>0</v>
      </c>
      <c r="AO4626">
        <v>0</v>
      </c>
      <c r="AP4626">
        <v>0</v>
      </c>
      <c r="AQ4626">
        <v>0</v>
      </c>
      <c r="AR4626">
        <v>0</v>
      </c>
      <c r="AS4626">
        <v>0</v>
      </c>
      <c r="AT4626">
        <v>0</v>
      </c>
      <c r="AU4626">
        <v>0</v>
      </c>
      <c r="AV4626">
        <v>0</v>
      </c>
      <c r="AW4626">
        <v>0</v>
      </c>
      <c r="AX4626">
        <v>0</v>
      </c>
      <c r="AY4626">
        <v>0</v>
      </c>
      <c r="AZ4626">
        <v>0</v>
      </c>
      <c r="BA4626">
        <v>0</v>
      </c>
    </row>
    <row r="4627" spans="1:53" x14ac:dyDescent="0.4">
      <c r="A4627">
        <v>4671</v>
      </c>
      <c r="B4627" s="1">
        <v>44597</v>
      </c>
      <c r="C4627">
        <v>2</v>
      </c>
      <c r="D4627" s="1">
        <v>44597.40625</v>
      </c>
      <c r="E4627" s="1">
        <v>44597.744444444441</v>
      </c>
      <c r="F4627">
        <v>26370</v>
      </c>
      <c r="G4627">
        <v>5346</v>
      </c>
      <c r="H4627">
        <v>0</v>
      </c>
      <c r="I4627">
        <v>0</v>
      </c>
      <c r="J4627">
        <v>0</v>
      </c>
      <c r="K4627">
        <v>0</v>
      </c>
      <c r="L4627">
        <v>0</v>
      </c>
      <c r="M4627">
        <v>2882</v>
      </c>
      <c r="N4627">
        <v>0</v>
      </c>
      <c r="O4627">
        <v>0</v>
      </c>
      <c r="P4627">
        <v>15710</v>
      </c>
      <c r="Q4627">
        <v>0</v>
      </c>
      <c r="R4627">
        <v>47426</v>
      </c>
      <c r="S4627">
        <v>0</v>
      </c>
      <c r="T4627">
        <v>0</v>
      </c>
      <c r="U4627">
        <v>0</v>
      </c>
      <c r="V4627">
        <v>1</v>
      </c>
      <c r="W4627">
        <v>2</v>
      </c>
      <c r="X4627">
        <v>0</v>
      </c>
      <c r="Y4627">
        <v>55</v>
      </c>
      <c r="Z4627">
        <v>17</v>
      </c>
      <c r="AA4627">
        <v>105</v>
      </c>
      <c r="AB4627">
        <v>26</v>
      </c>
      <c r="AC4627">
        <v>136</v>
      </c>
      <c r="AD4627">
        <v>19</v>
      </c>
      <c r="AE4627">
        <v>71</v>
      </c>
      <c r="AF4627">
        <v>600</v>
      </c>
      <c r="AG4627">
        <v>97426</v>
      </c>
      <c r="AH4627">
        <v>50000</v>
      </c>
      <c r="AI4627">
        <v>0</v>
      </c>
      <c r="AJ4627">
        <v>103</v>
      </c>
      <c r="AK4627" t="s">
        <v>7</v>
      </c>
      <c r="AL4627">
        <v>0</v>
      </c>
      <c r="AM4627">
        <v>0</v>
      </c>
      <c r="AN4627">
        <v>0</v>
      </c>
      <c r="AO4627">
        <v>0</v>
      </c>
      <c r="AP4627">
        <v>0</v>
      </c>
      <c r="AQ4627">
        <v>0</v>
      </c>
      <c r="AR4627">
        <v>0</v>
      </c>
      <c r="AS4627">
        <v>0</v>
      </c>
      <c r="AT4627">
        <v>0</v>
      </c>
      <c r="AU4627">
        <v>0</v>
      </c>
      <c r="AV4627">
        <v>0</v>
      </c>
      <c r="AW4627">
        <v>0</v>
      </c>
      <c r="AX4627">
        <v>1642</v>
      </c>
      <c r="AY4627">
        <v>38</v>
      </c>
      <c r="AZ4627">
        <v>68</v>
      </c>
      <c r="BA4627">
        <v>5512</v>
      </c>
    </row>
    <row r="4628" spans="1:53" x14ac:dyDescent="0.4">
      <c r="A4628">
        <v>4672</v>
      </c>
      <c r="B4628" s="1">
        <v>44597</v>
      </c>
      <c r="C4628">
        <v>3</v>
      </c>
      <c r="D4628" s="1">
        <v>44597.744444444441</v>
      </c>
      <c r="E4628" s="1">
        <v>44598.111111111109</v>
      </c>
      <c r="F4628">
        <v>68710</v>
      </c>
      <c r="G4628">
        <v>4246</v>
      </c>
      <c r="H4628">
        <v>0</v>
      </c>
      <c r="I4628">
        <v>0</v>
      </c>
      <c r="J4628">
        <v>0</v>
      </c>
      <c r="K4628">
        <v>4120</v>
      </c>
      <c r="L4628">
        <v>0</v>
      </c>
      <c r="M4628">
        <v>7008</v>
      </c>
      <c r="N4628">
        <v>0</v>
      </c>
      <c r="O4628">
        <v>0</v>
      </c>
      <c r="P4628">
        <v>-990</v>
      </c>
      <c r="Q4628">
        <v>0</v>
      </c>
      <c r="R4628">
        <v>76086</v>
      </c>
      <c r="S4628">
        <v>0</v>
      </c>
      <c r="T4628">
        <v>0</v>
      </c>
      <c r="U4628">
        <v>0</v>
      </c>
      <c r="V4628">
        <v>7</v>
      </c>
      <c r="W4628">
        <v>1</v>
      </c>
      <c r="X4628">
        <v>0</v>
      </c>
      <c r="Y4628">
        <v>67</v>
      </c>
      <c r="Z4628">
        <v>20</v>
      </c>
      <c r="AA4628">
        <v>90</v>
      </c>
      <c r="AB4628">
        <v>27</v>
      </c>
      <c r="AC4628">
        <v>133</v>
      </c>
      <c r="AD4628">
        <v>20</v>
      </c>
      <c r="AE4628">
        <v>72</v>
      </c>
      <c r="AF4628">
        <v>9660</v>
      </c>
      <c r="AG4628">
        <v>173512</v>
      </c>
      <c r="AH4628">
        <v>50000</v>
      </c>
      <c r="AI4628">
        <v>0</v>
      </c>
      <c r="AJ4628">
        <v>108</v>
      </c>
      <c r="AK4628" t="s">
        <v>3</v>
      </c>
      <c r="AL4628">
        <v>0</v>
      </c>
      <c r="AM4628">
        <v>0</v>
      </c>
      <c r="AN4628">
        <v>0</v>
      </c>
      <c r="AO4628">
        <v>0</v>
      </c>
      <c r="AP4628">
        <v>0</v>
      </c>
      <c r="AQ4628">
        <v>0</v>
      </c>
      <c r="AR4628">
        <v>0</v>
      </c>
      <c r="AS4628">
        <v>0</v>
      </c>
      <c r="AT4628">
        <v>0</v>
      </c>
      <c r="AU4628">
        <v>0</v>
      </c>
      <c r="AV4628">
        <v>0</v>
      </c>
      <c r="AW4628">
        <v>0</v>
      </c>
      <c r="AX4628">
        <v>308</v>
      </c>
      <c r="AY4628">
        <v>16</v>
      </c>
      <c r="AZ4628">
        <v>37</v>
      </c>
      <c r="BA4628">
        <v>3445</v>
      </c>
    </row>
    <row r="4629" spans="1:53" x14ac:dyDescent="0.4">
      <c r="A4629">
        <v>4673</v>
      </c>
      <c r="B4629" s="1">
        <v>44598</v>
      </c>
      <c r="C4629">
        <v>1</v>
      </c>
      <c r="D4629" s="1">
        <v>44598.291666666664</v>
      </c>
      <c r="E4629" s="1">
        <v>44598.415277777778</v>
      </c>
      <c r="F4629">
        <v>0</v>
      </c>
      <c r="G4629">
        <v>0</v>
      </c>
      <c r="H4629">
        <v>0</v>
      </c>
      <c r="I4629">
        <v>0</v>
      </c>
      <c r="J4629">
        <v>0</v>
      </c>
      <c r="K4629">
        <v>0</v>
      </c>
      <c r="L4629">
        <v>0</v>
      </c>
      <c r="M4629">
        <v>0</v>
      </c>
      <c r="N4629">
        <v>0</v>
      </c>
      <c r="O4629">
        <v>0</v>
      </c>
      <c r="P4629">
        <v>0</v>
      </c>
      <c r="Q4629">
        <v>0</v>
      </c>
      <c r="R4629">
        <v>0</v>
      </c>
      <c r="S4629">
        <v>0</v>
      </c>
      <c r="T4629">
        <v>0</v>
      </c>
      <c r="U4629">
        <v>0</v>
      </c>
      <c r="V4629">
        <v>0</v>
      </c>
      <c r="W4629">
        <v>1</v>
      </c>
      <c r="X4629">
        <v>0</v>
      </c>
      <c r="Y4629">
        <v>26</v>
      </c>
      <c r="Z4629">
        <v>15</v>
      </c>
      <c r="AA4629">
        <v>94</v>
      </c>
      <c r="AB4629">
        <v>22</v>
      </c>
      <c r="AC4629">
        <v>83</v>
      </c>
      <c r="AD4629">
        <v>20</v>
      </c>
      <c r="AE4629">
        <v>70</v>
      </c>
      <c r="AF4629">
        <v>0</v>
      </c>
      <c r="AG4629">
        <v>50000</v>
      </c>
      <c r="AH4629">
        <v>50000</v>
      </c>
      <c r="AI4629">
        <v>0</v>
      </c>
      <c r="AJ4629">
        <v>0</v>
      </c>
      <c r="AK4629" t="s">
        <v>6</v>
      </c>
      <c r="AL4629">
        <v>0</v>
      </c>
      <c r="AM4629">
        <v>0</v>
      </c>
      <c r="AN4629">
        <v>0</v>
      </c>
      <c r="AO4629">
        <v>0</v>
      </c>
      <c r="AP4629">
        <v>0</v>
      </c>
      <c r="AQ4629">
        <v>0</v>
      </c>
      <c r="AR4629">
        <v>0</v>
      </c>
      <c r="AS4629">
        <v>0</v>
      </c>
      <c r="AT4629">
        <v>0</v>
      </c>
      <c r="AU4629">
        <v>0</v>
      </c>
      <c r="AV4629">
        <v>0</v>
      </c>
      <c r="AW4629">
        <v>0</v>
      </c>
      <c r="AX4629">
        <v>0</v>
      </c>
      <c r="AY4629">
        <v>0</v>
      </c>
      <c r="AZ4629">
        <v>0</v>
      </c>
      <c r="BA4629">
        <v>0</v>
      </c>
    </row>
    <row r="4630" spans="1:53" x14ac:dyDescent="0.4">
      <c r="A4630">
        <v>4674</v>
      </c>
      <c r="B4630" s="1">
        <v>44599</v>
      </c>
      <c r="C4630">
        <v>1</v>
      </c>
      <c r="D4630" s="1">
        <v>44599.291666666664</v>
      </c>
      <c r="E4630" s="1">
        <v>44599.460416666669</v>
      </c>
      <c r="F4630">
        <v>0</v>
      </c>
      <c r="G4630">
        <v>0</v>
      </c>
      <c r="H4630">
        <v>0</v>
      </c>
      <c r="I4630">
        <v>0</v>
      </c>
      <c r="J4630">
        <v>0</v>
      </c>
      <c r="K4630">
        <v>0</v>
      </c>
      <c r="L4630">
        <v>0</v>
      </c>
      <c r="M4630">
        <v>0</v>
      </c>
      <c r="N4630">
        <v>0</v>
      </c>
      <c r="O4630">
        <v>0</v>
      </c>
      <c r="P4630">
        <v>0</v>
      </c>
      <c r="Q4630">
        <v>0</v>
      </c>
      <c r="R4630">
        <v>0</v>
      </c>
      <c r="S4630">
        <v>0</v>
      </c>
      <c r="T4630">
        <v>0</v>
      </c>
      <c r="U4630">
        <v>0</v>
      </c>
      <c r="V4630">
        <v>0</v>
      </c>
      <c r="W4630">
        <v>1</v>
      </c>
      <c r="X4630">
        <v>0</v>
      </c>
      <c r="Y4630">
        <v>24</v>
      </c>
      <c r="Z4630">
        <v>13</v>
      </c>
      <c r="AA4630">
        <v>124</v>
      </c>
      <c r="AB4630">
        <v>23</v>
      </c>
      <c r="AC4630">
        <v>81</v>
      </c>
      <c r="AD4630">
        <v>16</v>
      </c>
      <c r="AE4630">
        <v>60</v>
      </c>
      <c r="AF4630">
        <v>0</v>
      </c>
      <c r="AG4630">
        <v>50000</v>
      </c>
      <c r="AH4630">
        <v>50000</v>
      </c>
      <c r="AI4630">
        <v>0</v>
      </c>
      <c r="AJ4630">
        <v>0</v>
      </c>
      <c r="AK4630" t="s">
        <v>6</v>
      </c>
      <c r="AL4630">
        <v>0</v>
      </c>
      <c r="AM4630">
        <v>0</v>
      </c>
      <c r="AN4630">
        <v>0</v>
      </c>
      <c r="AO4630">
        <v>0</v>
      </c>
      <c r="AP4630">
        <v>0</v>
      </c>
      <c r="AQ4630">
        <v>0</v>
      </c>
      <c r="AR4630">
        <v>0</v>
      </c>
      <c r="AS4630">
        <v>0</v>
      </c>
      <c r="AT4630">
        <v>0</v>
      </c>
      <c r="AU4630">
        <v>0</v>
      </c>
      <c r="AV4630">
        <v>0</v>
      </c>
      <c r="AW4630">
        <v>0</v>
      </c>
      <c r="AX4630">
        <v>0</v>
      </c>
      <c r="AY4630">
        <v>0</v>
      </c>
      <c r="AZ4630">
        <v>0</v>
      </c>
      <c r="BA4630">
        <v>0</v>
      </c>
    </row>
    <row r="4631" spans="1:53" x14ac:dyDescent="0.4">
      <c r="A4631">
        <v>4675</v>
      </c>
      <c r="B4631" s="1">
        <v>44599</v>
      </c>
      <c r="C4631">
        <v>2</v>
      </c>
      <c r="D4631" s="1">
        <v>44599.460416666669</v>
      </c>
      <c r="E4631" s="1">
        <v>44599.760416666664</v>
      </c>
      <c r="F4631">
        <v>20670</v>
      </c>
      <c r="G4631">
        <v>1342</v>
      </c>
      <c r="H4631">
        <v>0</v>
      </c>
      <c r="I4631">
        <v>0</v>
      </c>
      <c r="J4631">
        <v>0</v>
      </c>
      <c r="K4631">
        <v>0</v>
      </c>
      <c r="L4631">
        <v>0</v>
      </c>
      <c r="M4631">
        <v>2002</v>
      </c>
      <c r="N4631">
        <v>0</v>
      </c>
      <c r="O4631">
        <v>0</v>
      </c>
      <c r="P4631">
        <v>6320</v>
      </c>
      <c r="Q4631">
        <v>0</v>
      </c>
      <c r="R4631">
        <v>28332</v>
      </c>
      <c r="S4631">
        <v>0</v>
      </c>
      <c r="T4631">
        <v>0</v>
      </c>
      <c r="U4631">
        <v>0</v>
      </c>
      <c r="V4631">
        <v>1</v>
      </c>
      <c r="W4631">
        <v>0</v>
      </c>
      <c r="X4631">
        <v>0</v>
      </c>
      <c r="Y4631">
        <v>40</v>
      </c>
      <c r="Z4631">
        <v>22</v>
      </c>
      <c r="AA4631">
        <v>137</v>
      </c>
      <c r="AB4631">
        <v>27</v>
      </c>
      <c r="AC4631">
        <v>101</v>
      </c>
      <c r="AD4631">
        <v>15</v>
      </c>
      <c r="AE4631">
        <v>67</v>
      </c>
      <c r="AF4631">
        <v>1130</v>
      </c>
      <c r="AG4631">
        <v>78332</v>
      </c>
      <c r="AH4631">
        <v>50000</v>
      </c>
      <c r="AI4631">
        <v>0</v>
      </c>
      <c r="AJ4631">
        <v>102</v>
      </c>
      <c r="AK4631" t="s">
        <v>50</v>
      </c>
      <c r="AL4631">
        <v>0</v>
      </c>
      <c r="AM4631">
        <v>0</v>
      </c>
      <c r="AN4631">
        <v>0</v>
      </c>
      <c r="AO4631">
        <v>0</v>
      </c>
      <c r="AP4631">
        <v>0</v>
      </c>
      <c r="AQ4631">
        <v>0</v>
      </c>
      <c r="AR4631">
        <v>0</v>
      </c>
      <c r="AS4631">
        <v>0</v>
      </c>
      <c r="AT4631">
        <v>0</v>
      </c>
      <c r="AU4631">
        <v>0</v>
      </c>
      <c r="AV4631">
        <v>0</v>
      </c>
      <c r="AW4631">
        <v>0</v>
      </c>
      <c r="AX4631">
        <v>594</v>
      </c>
      <c r="AY4631">
        <v>27</v>
      </c>
      <c r="AZ4631">
        <v>45</v>
      </c>
      <c r="BA4631">
        <v>3869</v>
      </c>
    </row>
    <row r="4632" spans="1:53" x14ac:dyDescent="0.4">
      <c r="A4632">
        <v>4676</v>
      </c>
      <c r="B4632" s="1">
        <v>44600</v>
      </c>
      <c r="C4632">
        <v>1</v>
      </c>
      <c r="D4632" s="1">
        <v>44600.291666666664</v>
      </c>
      <c r="E4632" s="1">
        <v>44600.439583333333</v>
      </c>
      <c r="F4632">
        <v>0</v>
      </c>
      <c r="G4632">
        <v>0</v>
      </c>
      <c r="H4632">
        <v>0</v>
      </c>
      <c r="I4632">
        <v>0</v>
      </c>
      <c r="J4632">
        <v>0</v>
      </c>
      <c r="K4632">
        <v>0</v>
      </c>
      <c r="L4632">
        <v>0</v>
      </c>
      <c r="M4632">
        <v>0</v>
      </c>
      <c r="N4632">
        <v>0</v>
      </c>
      <c r="O4632">
        <v>0</v>
      </c>
      <c r="P4632">
        <v>0</v>
      </c>
      <c r="Q4632">
        <v>0</v>
      </c>
      <c r="R4632">
        <v>0</v>
      </c>
      <c r="S4632">
        <v>0</v>
      </c>
      <c r="T4632">
        <v>0</v>
      </c>
      <c r="U4632">
        <v>0</v>
      </c>
      <c r="V4632">
        <v>0</v>
      </c>
      <c r="W4632">
        <v>1</v>
      </c>
      <c r="X4632">
        <v>0</v>
      </c>
      <c r="Y4632">
        <v>25</v>
      </c>
      <c r="Z4632">
        <v>11</v>
      </c>
      <c r="AA4632">
        <v>125</v>
      </c>
      <c r="AB4632">
        <v>27</v>
      </c>
      <c r="AC4632">
        <v>51</v>
      </c>
      <c r="AD4632">
        <v>14</v>
      </c>
      <c r="AE4632">
        <v>70</v>
      </c>
      <c r="AF4632">
        <v>0</v>
      </c>
      <c r="AG4632">
        <v>50000</v>
      </c>
      <c r="AH4632">
        <v>50000</v>
      </c>
      <c r="AI4632">
        <v>0</v>
      </c>
      <c r="AJ4632">
        <v>0</v>
      </c>
      <c r="AK4632" t="s">
        <v>6</v>
      </c>
      <c r="AL4632">
        <v>0</v>
      </c>
      <c r="AM4632">
        <v>0</v>
      </c>
      <c r="AN4632">
        <v>0</v>
      </c>
      <c r="AO4632">
        <v>0</v>
      </c>
      <c r="AP4632">
        <v>0</v>
      </c>
      <c r="AQ4632">
        <v>0</v>
      </c>
      <c r="AR4632">
        <v>0</v>
      </c>
      <c r="AS4632">
        <v>0</v>
      </c>
      <c r="AT4632">
        <v>0</v>
      </c>
      <c r="AU4632">
        <v>0</v>
      </c>
      <c r="AV4632">
        <v>0</v>
      </c>
      <c r="AW4632">
        <v>0</v>
      </c>
      <c r="AX4632">
        <v>0</v>
      </c>
      <c r="AY4632">
        <v>0</v>
      </c>
      <c r="AZ4632">
        <v>0</v>
      </c>
      <c r="BA4632">
        <v>0</v>
      </c>
    </row>
    <row r="4633" spans="1:53" x14ac:dyDescent="0.4">
      <c r="A4633">
        <v>4677</v>
      </c>
      <c r="B4633" s="1">
        <v>44600</v>
      </c>
      <c r="C4633">
        <v>2</v>
      </c>
      <c r="D4633" s="1">
        <v>44600.439583333333</v>
      </c>
      <c r="E4633" s="1">
        <v>44600.750694444447</v>
      </c>
      <c r="F4633">
        <v>14800</v>
      </c>
      <c r="G4633">
        <v>1650</v>
      </c>
      <c r="H4633">
        <v>0</v>
      </c>
      <c r="I4633">
        <v>0</v>
      </c>
      <c r="J4633">
        <v>0</v>
      </c>
      <c r="K4633">
        <v>0</v>
      </c>
      <c r="L4633">
        <v>0</v>
      </c>
      <c r="M4633">
        <v>1496</v>
      </c>
      <c r="N4633">
        <v>0</v>
      </c>
      <c r="O4633">
        <v>0</v>
      </c>
      <c r="P4633">
        <v>13830</v>
      </c>
      <c r="Q4633">
        <v>0</v>
      </c>
      <c r="R4633">
        <v>30280</v>
      </c>
      <c r="S4633">
        <v>0</v>
      </c>
      <c r="T4633">
        <v>0</v>
      </c>
      <c r="U4633">
        <v>0</v>
      </c>
      <c r="V4633">
        <v>2</v>
      </c>
      <c r="W4633">
        <v>2</v>
      </c>
      <c r="X4633">
        <v>0</v>
      </c>
      <c r="Y4633">
        <v>29</v>
      </c>
      <c r="Z4633">
        <v>15</v>
      </c>
      <c r="AA4633">
        <v>109</v>
      </c>
      <c r="AB4633">
        <v>29</v>
      </c>
      <c r="AC4633">
        <v>34</v>
      </c>
      <c r="AD4633">
        <v>16</v>
      </c>
      <c r="AE4633">
        <v>60</v>
      </c>
      <c r="AF4633">
        <v>950</v>
      </c>
      <c r="AG4633">
        <v>80280</v>
      </c>
      <c r="AH4633">
        <v>50000</v>
      </c>
      <c r="AI4633">
        <v>0</v>
      </c>
      <c r="AJ4633">
        <v>116</v>
      </c>
      <c r="AK4633" t="s">
        <v>54</v>
      </c>
      <c r="AL4633">
        <v>0</v>
      </c>
      <c r="AM4633">
        <v>0</v>
      </c>
      <c r="AN4633">
        <v>0</v>
      </c>
      <c r="AO4633">
        <v>0</v>
      </c>
      <c r="AP4633">
        <v>0</v>
      </c>
      <c r="AQ4633">
        <v>0</v>
      </c>
      <c r="AR4633">
        <v>0</v>
      </c>
      <c r="AS4633">
        <v>0</v>
      </c>
      <c r="AT4633">
        <v>0</v>
      </c>
      <c r="AU4633">
        <v>0</v>
      </c>
      <c r="AV4633">
        <v>0</v>
      </c>
      <c r="AW4633">
        <v>0</v>
      </c>
      <c r="AX4633">
        <v>308</v>
      </c>
      <c r="AY4633">
        <v>28</v>
      </c>
      <c r="AZ4633">
        <v>47</v>
      </c>
      <c r="BA4633">
        <v>3715</v>
      </c>
    </row>
    <row r="4634" spans="1:53" x14ac:dyDescent="0.4">
      <c r="A4634">
        <v>4678</v>
      </c>
      <c r="B4634" s="1">
        <v>44601</v>
      </c>
      <c r="C4634">
        <v>1</v>
      </c>
      <c r="D4634" s="1">
        <v>44601.291666666664</v>
      </c>
      <c r="E4634" s="1">
        <v>44601.740972222222</v>
      </c>
      <c r="F4634">
        <v>14530</v>
      </c>
      <c r="G4634">
        <v>0</v>
      </c>
      <c r="H4634">
        <v>0</v>
      </c>
      <c r="I4634">
        <v>0</v>
      </c>
      <c r="J4634">
        <v>0</v>
      </c>
      <c r="K4634">
        <v>0</v>
      </c>
      <c r="L4634">
        <v>0</v>
      </c>
      <c r="M4634">
        <v>1321</v>
      </c>
      <c r="N4634">
        <v>0</v>
      </c>
      <c r="O4634">
        <v>0</v>
      </c>
      <c r="P4634">
        <v>11140</v>
      </c>
      <c r="Q4634">
        <v>0</v>
      </c>
      <c r="R4634">
        <v>25670</v>
      </c>
      <c r="S4634">
        <v>0</v>
      </c>
      <c r="T4634">
        <v>0</v>
      </c>
      <c r="U4634">
        <v>0</v>
      </c>
      <c r="V4634">
        <v>0</v>
      </c>
      <c r="W4634">
        <v>2</v>
      </c>
      <c r="X4634">
        <v>0</v>
      </c>
      <c r="Y4634">
        <v>43</v>
      </c>
      <c r="Z4634">
        <v>16</v>
      </c>
      <c r="AA4634">
        <v>112</v>
      </c>
      <c r="AB4634">
        <v>30</v>
      </c>
      <c r="AC4634">
        <v>33</v>
      </c>
      <c r="AD4634">
        <v>16</v>
      </c>
      <c r="AE4634">
        <v>60</v>
      </c>
      <c r="AF4634">
        <v>1500</v>
      </c>
      <c r="AG4634">
        <v>75670</v>
      </c>
      <c r="AH4634">
        <v>50000</v>
      </c>
      <c r="AI4634">
        <v>0</v>
      </c>
      <c r="AJ4634">
        <v>119</v>
      </c>
      <c r="AK4634" t="s">
        <v>56</v>
      </c>
      <c r="AL4634">
        <v>0</v>
      </c>
      <c r="AM4634">
        <v>0</v>
      </c>
      <c r="AN4634">
        <v>0</v>
      </c>
      <c r="AO4634">
        <v>0</v>
      </c>
      <c r="AP4634">
        <v>0</v>
      </c>
      <c r="AQ4634">
        <v>0</v>
      </c>
      <c r="AR4634">
        <v>0</v>
      </c>
      <c r="AS4634">
        <v>0</v>
      </c>
      <c r="AT4634">
        <v>0</v>
      </c>
      <c r="AU4634">
        <v>0</v>
      </c>
      <c r="AV4634">
        <v>0</v>
      </c>
      <c r="AW4634">
        <v>0</v>
      </c>
      <c r="AX4634">
        <v>594</v>
      </c>
      <c r="AY4634">
        <v>26</v>
      </c>
      <c r="AZ4634">
        <v>43</v>
      </c>
      <c r="BA4634">
        <v>3917</v>
      </c>
    </row>
    <row r="4635" spans="1:53" x14ac:dyDescent="0.4">
      <c r="A4635">
        <v>4679</v>
      </c>
      <c r="B4635" s="1">
        <v>44602</v>
      </c>
      <c r="C4635">
        <v>1</v>
      </c>
      <c r="D4635" s="1">
        <v>44602.291666666664</v>
      </c>
      <c r="E4635" s="1">
        <v>44602.438194444447</v>
      </c>
      <c r="F4635">
        <v>0</v>
      </c>
      <c r="G4635">
        <v>0</v>
      </c>
      <c r="H4635">
        <v>0</v>
      </c>
      <c r="I4635">
        <v>0</v>
      </c>
      <c r="J4635">
        <v>0</v>
      </c>
      <c r="K4635">
        <v>0</v>
      </c>
      <c r="L4635">
        <v>0</v>
      </c>
      <c r="M4635">
        <v>0</v>
      </c>
      <c r="N4635">
        <v>0</v>
      </c>
      <c r="O4635">
        <v>0</v>
      </c>
      <c r="P4635">
        <v>0</v>
      </c>
      <c r="Q4635">
        <v>0</v>
      </c>
      <c r="R4635">
        <v>0</v>
      </c>
      <c r="S4635">
        <v>0</v>
      </c>
      <c r="T4635">
        <v>0</v>
      </c>
      <c r="U4635">
        <v>0</v>
      </c>
      <c r="V4635">
        <v>0</v>
      </c>
      <c r="W4635">
        <v>1</v>
      </c>
      <c r="X4635">
        <v>0</v>
      </c>
      <c r="Y4635">
        <v>25</v>
      </c>
      <c r="Z4635">
        <v>13</v>
      </c>
      <c r="AA4635">
        <v>115</v>
      </c>
      <c r="AB4635">
        <v>30</v>
      </c>
      <c r="AC4635">
        <v>36</v>
      </c>
      <c r="AD4635">
        <v>16</v>
      </c>
      <c r="AE4635">
        <v>60</v>
      </c>
      <c r="AF4635">
        <v>0</v>
      </c>
      <c r="AG4635">
        <v>50000</v>
      </c>
      <c r="AH4635">
        <v>50000</v>
      </c>
      <c r="AI4635">
        <v>0</v>
      </c>
      <c r="AJ4635">
        <v>0</v>
      </c>
      <c r="AK4635" t="s">
        <v>6</v>
      </c>
      <c r="AL4635">
        <v>0</v>
      </c>
      <c r="AM4635">
        <v>0</v>
      </c>
      <c r="AN4635">
        <v>0</v>
      </c>
      <c r="AO4635">
        <v>0</v>
      </c>
      <c r="AP4635">
        <v>0</v>
      </c>
      <c r="AQ4635">
        <v>0</v>
      </c>
      <c r="AR4635">
        <v>0</v>
      </c>
      <c r="AS4635">
        <v>0</v>
      </c>
      <c r="AT4635">
        <v>0</v>
      </c>
      <c r="AU4635">
        <v>0</v>
      </c>
      <c r="AV4635">
        <v>0</v>
      </c>
      <c r="AW4635">
        <v>0</v>
      </c>
      <c r="AX4635">
        <v>0</v>
      </c>
      <c r="AY4635">
        <v>0</v>
      </c>
      <c r="AZ4635">
        <v>0</v>
      </c>
      <c r="BA4635">
        <v>0</v>
      </c>
    </row>
    <row r="4636" spans="1:53" x14ac:dyDescent="0.4">
      <c r="A4636">
        <v>4680</v>
      </c>
      <c r="B4636" s="1">
        <v>44602</v>
      </c>
      <c r="C4636">
        <v>2</v>
      </c>
      <c r="D4636" s="1">
        <v>44602.438194444447</v>
      </c>
      <c r="E4636" s="1">
        <v>44602.750694444447</v>
      </c>
      <c r="F4636">
        <v>20230</v>
      </c>
      <c r="G4636">
        <v>748</v>
      </c>
      <c r="H4636">
        <v>0</v>
      </c>
      <c r="I4636">
        <v>0</v>
      </c>
      <c r="J4636">
        <v>0</v>
      </c>
      <c r="K4636">
        <v>600</v>
      </c>
      <c r="L4636">
        <v>0</v>
      </c>
      <c r="M4636">
        <v>1961</v>
      </c>
      <c r="N4636">
        <v>0</v>
      </c>
      <c r="O4636">
        <v>0</v>
      </c>
      <c r="P4636">
        <v>19930</v>
      </c>
      <c r="Q4636">
        <v>0</v>
      </c>
      <c r="R4636">
        <v>41508</v>
      </c>
      <c r="S4636">
        <v>0</v>
      </c>
      <c r="T4636">
        <v>0</v>
      </c>
      <c r="U4636">
        <v>0</v>
      </c>
      <c r="V4636">
        <v>6</v>
      </c>
      <c r="W4636">
        <v>0</v>
      </c>
      <c r="X4636">
        <v>0</v>
      </c>
      <c r="Y4636">
        <v>10</v>
      </c>
      <c r="Z4636">
        <v>17</v>
      </c>
      <c r="AA4636">
        <v>93</v>
      </c>
      <c r="AB4636">
        <v>42</v>
      </c>
      <c r="AC4636">
        <v>63</v>
      </c>
      <c r="AD4636">
        <v>16</v>
      </c>
      <c r="AE4636">
        <v>60</v>
      </c>
      <c r="AF4636">
        <v>838</v>
      </c>
      <c r="AG4636">
        <v>91508</v>
      </c>
      <c r="AH4636">
        <v>50000</v>
      </c>
      <c r="AI4636">
        <v>0</v>
      </c>
      <c r="AJ4636">
        <v>116</v>
      </c>
      <c r="AK4636" t="s">
        <v>54</v>
      </c>
      <c r="AL4636">
        <v>0</v>
      </c>
      <c r="AM4636">
        <v>0</v>
      </c>
      <c r="AN4636">
        <v>0</v>
      </c>
      <c r="AO4636">
        <v>0</v>
      </c>
      <c r="AP4636">
        <v>0</v>
      </c>
      <c r="AQ4636">
        <v>0</v>
      </c>
      <c r="AR4636">
        <v>0</v>
      </c>
      <c r="AS4636">
        <v>0</v>
      </c>
      <c r="AT4636">
        <v>0</v>
      </c>
      <c r="AU4636">
        <v>0</v>
      </c>
      <c r="AV4636">
        <v>0</v>
      </c>
      <c r="AW4636">
        <v>0</v>
      </c>
      <c r="AX4636">
        <v>594</v>
      </c>
      <c r="AY4636">
        <v>34</v>
      </c>
      <c r="AZ4636">
        <v>66</v>
      </c>
      <c r="BA4636">
        <v>4827</v>
      </c>
    </row>
    <row r="4637" spans="1:53" x14ac:dyDescent="0.4">
      <c r="A4637">
        <v>4681</v>
      </c>
      <c r="B4637" s="1">
        <v>44603</v>
      </c>
      <c r="C4637">
        <v>1</v>
      </c>
      <c r="D4637" s="1">
        <v>44603.291666666664</v>
      </c>
      <c r="E4637" s="1">
        <v>44603.394444444442</v>
      </c>
      <c r="F4637">
        <v>0</v>
      </c>
      <c r="G4637">
        <v>0</v>
      </c>
      <c r="H4637">
        <v>0</v>
      </c>
      <c r="I4637">
        <v>0</v>
      </c>
      <c r="J4637">
        <v>0</v>
      </c>
      <c r="K4637">
        <v>0</v>
      </c>
      <c r="L4637">
        <v>0</v>
      </c>
      <c r="M4637">
        <v>0</v>
      </c>
      <c r="N4637">
        <v>0</v>
      </c>
      <c r="O4637">
        <v>0</v>
      </c>
      <c r="P4637">
        <v>0</v>
      </c>
      <c r="Q4637">
        <v>0</v>
      </c>
      <c r="R4637">
        <v>0</v>
      </c>
      <c r="S4637">
        <v>0</v>
      </c>
      <c r="T4637">
        <v>0</v>
      </c>
      <c r="U4637">
        <v>0</v>
      </c>
      <c r="V4637">
        <v>2</v>
      </c>
      <c r="W4637">
        <v>1</v>
      </c>
      <c r="X4637">
        <v>0</v>
      </c>
      <c r="Y4637">
        <v>6</v>
      </c>
      <c r="Z4637">
        <v>15</v>
      </c>
      <c r="AA4637">
        <v>89</v>
      </c>
      <c r="AB4637">
        <v>37</v>
      </c>
      <c r="AC4637">
        <v>62</v>
      </c>
      <c r="AD4637">
        <v>15</v>
      </c>
      <c r="AE4637">
        <v>55</v>
      </c>
      <c r="AF4637">
        <v>0</v>
      </c>
      <c r="AG4637">
        <v>50000</v>
      </c>
      <c r="AH4637">
        <v>0</v>
      </c>
      <c r="AI4637">
        <v>50000</v>
      </c>
      <c r="AJ4637">
        <v>0</v>
      </c>
      <c r="AK4637" t="s">
        <v>6</v>
      </c>
      <c r="AL4637">
        <v>0</v>
      </c>
      <c r="AM4637">
        <v>0</v>
      </c>
      <c r="AN4637">
        <v>0</v>
      </c>
      <c r="AO4637">
        <v>0</v>
      </c>
      <c r="AP4637">
        <v>0</v>
      </c>
      <c r="AQ4637">
        <v>0</v>
      </c>
      <c r="AR4637">
        <v>0</v>
      </c>
      <c r="AS4637">
        <v>0</v>
      </c>
      <c r="AT4637">
        <v>0</v>
      </c>
      <c r="AU4637">
        <v>0</v>
      </c>
      <c r="AV4637">
        <v>0</v>
      </c>
      <c r="AW4637">
        <v>0</v>
      </c>
      <c r="AX4637">
        <v>0</v>
      </c>
      <c r="AY4637">
        <v>0</v>
      </c>
      <c r="AZ4637">
        <v>0</v>
      </c>
      <c r="BA4637">
        <v>0</v>
      </c>
    </row>
    <row r="4638" spans="1:53" x14ac:dyDescent="0.4">
      <c r="A4638">
        <v>4682</v>
      </c>
      <c r="B4638" s="1">
        <v>44603</v>
      </c>
      <c r="C4638">
        <v>2</v>
      </c>
      <c r="D4638" s="1">
        <v>44603.394444444442</v>
      </c>
      <c r="E4638" s="1">
        <v>44603.396527777775</v>
      </c>
      <c r="F4638">
        <v>0</v>
      </c>
      <c r="G4638">
        <v>0</v>
      </c>
      <c r="H4638">
        <v>0</v>
      </c>
      <c r="I4638">
        <v>0</v>
      </c>
      <c r="J4638">
        <v>0</v>
      </c>
      <c r="K4638">
        <v>0</v>
      </c>
      <c r="L4638">
        <v>0</v>
      </c>
      <c r="M4638">
        <v>0</v>
      </c>
      <c r="N4638">
        <v>0</v>
      </c>
      <c r="O4638">
        <v>0</v>
      </c>
      <c r="P4638">
        <v>0</v>
      </c>
      <c r="Q4638">
        <v>0</v>
      </c>
      <c r="R4638">
        <v>0</v>
      </c>
      <c r="S4638">
        <v>0</v>
      </c>
      <c r="T4638">
        <v>0</v>
      </c>
      <c r="U4638">
        <v>0</v>
      </c>
      <c r="V4638">
        <v>2</v>
      </c>
      <c r="W4638">
        <v>1</v>
      </c>
      <c r="X4638">
        <v>0</v>
      </c>
      <c r="Y4638">
        <v>6</v>
      </c>
      <c r="Z4638">
        <v>15</v>
      </c>
      <c r="AA4638">
        <v>89</v>
      </c>
      <c r="AB4638">
        <v>37</v>
      </c>
      <c r="AC4638">
        <v>62</v>
      </c>
      <c r="AD4638">
        <v>15</v>
      </c>
      <c r="AE4638">
        <v>55</v>
      </c>
      <c r="AF4638">
        <v>0</v>
      </c>
      <c r="AG4638">
        <v>50000</v>
      </c>
      <c r="AH4638">
        <v>50000</v>
      </c>
      <c r="AI4638">
        <v>0</v>
      </c>
      <c r="AJ4638">
        <v>0</v>
      </c>
      <c r="AK4638" t="s">
        <v>6</v>
      </c>
      <c r="AL4638">
        <v>0</v>
      </c>
      <c r="AM4638">
        <v>0</v>
      </c>
      <c r="AN4638">
        <v>0</v>
      </c>
      <c r="AO4638">
        <v>0</v>
      </c>
      <c r="AP4638">
        <v>0</v>
      </c>
      <c r="AQ4638">
        <v>0</v>
      </c>
      <c r="AR4638">
        <v>0</v>
      </c>
      <c r="AS4638">
        <v>0</v>
      </c>
      <c r="AT4638">
        <v>0</v>
      </c>
      <c r="AU4638">
        <v>0</v>
      </c>
      <c r="AV4638">
        <v>0</v>
      </c>
      <c r="AW4638">
        <v>0</v>
      </c>
      <c r="AX4638">
        <v>0</v>
      </c>
      <c r="AY4638">
        <v>0</v>
      </c>
      <c r="AZ4638">
        <v>0</v>
      </c>
      <c r="BA4638">
        <v>0</v>
      </c>
    </row>
    <row r="4639" spans="1:53" x14ac:dyDescent="0.4">
      <c r="A4639">
        <v>4683</v>
      </c>
      <c r="B4639" s="1">
        <v>44604</v>
      </c>
      <c r="C4639">
        <v>1</v>
      </c>
      <c r="D4639" s="1">
        <v>44604.291666666664</v>
      </c>
      <c r="E4639" s="1">
        <v>44604.409722222219</v>
      </c>
      <c r="F4639">
        <v>0</v>
      </c>
      <c r="G4639">
        <v>0</v>
      </c>
      <c r="H4639">
        <v>0</v>
      </c>
      <c r="I4639">
        <v>0</v>
      </c>
      <c r="J4639">
        <v>0</v>
      </c>
      <c r="K4639">
        <v>0</v>
      </c>
      <c r="L4639">
        <v>0</v>
      </c>
      <c r="M4639">
        <v>0</v>
      </c>
      <c r="N4639">
        <v>0</v>
      </c>
      <c r="O4639">
        <v>0</v>
      </c>
      <c r="P4639">
        <v>0</v>
      </c>
      <c r="Q4639">
        <v>0</v>
      </c>
      <c r="R4639">
        <v>0</v>
      </c>
      <c r="S4639">
        <v>0</v>
      </c>
      <c r="T4639">
        <v>0</v>
      </c>
      <c r="U4639">
        <v>0</v>
      </c>
      <c r="V4639">
        <v>0</v>
      </c>
      <c r="W4639">
        <v>0</v>
      </c>
      <c r="X4639">
        <v>0</v>
      </c>
      <c r="Y4639">
        <v>30</v>
      </c>
      <c r="Z4639">
        <v>14</v>
      </c>
      <c r="AA4639">
        <v>100</v>
      </c>
      <c r="AB4639">
        <v>43</v>
      </c>
      <c r="AC4639">
        <v>72</v>
      </c>
      <c r="AD4639">
        <v>15</v>
      </c>
      <c r="AE4639">
        <v>55</v>
      </c>
      <c r="AF4639">
        <v>0</v>
      </c>
      <c r="AG4639">
        <v>50000</v>
      </c>
      <c r="AH4639">
        <v>50000</v>
      </c>
      <c r="AI4639">
        <v>0</v>
      </c>
      <c r="AJ4639">
        <v>0</v>
      </c>
      <c r="AK4639" t="s">
        <v>6</v>
      </c>
      <c r="AL4639">
        <v>0</v>
      </c>
      <c r="AM4639">
        <v>0</v>
      </c>
      <c r="AN4639">
        <v>0</v>
      </c>
      <c r="AO4639">
        <v>0</v>
      </c>
      <c r="AP4639">
        <v>0</v>
      </c>
      <c r="AQ4639">
        <v>0</v>
      </c>
      <c r="AR4639">
        <v>0</v>
      </c>
      <c r="AS4639">
        <v>0</v>
      </c>
      <c r="AT4639">
        <v>0</v>
      </c>
      <c r="AU4639">
        <v>0</v>
      </c>
      <c r="AV4639">
        <v>0</v>
      </c>
      <c r="AW4639">
        <v>0</v>
      </c>
      <c r="AX4639">
        <v>0</v>
      </c>
      <c r="AY4639">
        <v>0</v>
      </c>
      <c r="AZ4639">
        <v>0</v>
      </c>
      <c r="BA4639">
        <v>0</v>
      </c>
    </row>
    <row r="4640" spans="1:53" x14ac:dyDescent="0.4">
      <c r="A4640">
        <v>4684</v>
      </c>
      <c r="B4640" s="1">
        <v>44604</v>
      </c>
      <c r="C4640">
        <v>2</v>
      </c>
      <c r="D4640" s="1">
        <v>44604.409722222219</v>
      </c>
      <c r="E4640" s="1">
        <v>44604.743055555555</v>
      </c>
      <c r="F4640">
        <v>20265</v>
      </c>
      <c r="G4640">
        <v>1782</v>
      </c>
      <c r="H4640">
        <v>0</v>
      </c>
      <c r="I4640">
        <v>0</v>
      </c>
      <c r="J4640">
        <v>100</v>
      </c>
      <c r="K4640">
        <v>0</v>
      </c>
      <c r="L4640">
        <v>0</v>
      </c>
      <c r="M4640">
        <v>1993</v>
      </c>
      <c r="N4640">
        <v>0</v>
      </c>
      <c r="O4640">
        <v>0</v>
      </c>
      <c r="P4640">
        <v>14270</v>
      </c>
      <c r="Q4640">
        <v>0</v>
      </c>
      <c r="R4640">
        <v>36217</v>
      </c>
      <c r="S4640">
        <v>0</v>
      </c>
      <c r="T4640">
        <v>0</v>
      </c>
      <c r="U4640">
        <v>0</v>
      </c>
      <c r="V4640">
        <v>1</v>
      </c>
      <c r="W4640">
        <v>1</v>
      </c>
      <c r="X4640">
        <v>0</v>
      </c>
      <c r="Y4640">
        <v>46</v>
      </c>
      <c r="Z4640">
        <v>22</v>
      </c>
      <c r="AA4640">
        <v>105</v>
      </c>
      <c r="AB4640">
        <v>45</v>
      </c>
      <c r="AC4640">
        <v>80</v>
      </c>
      <c r="AD4640">
        <v>16</v>
      </c>
      <c r="AE4640">
        <v>57</v>
      </c>
      <c r="AF4640">
        <v>530</v>
      </c>
      <c r="AG4640">
        <v>86217</v>
      </c>
      <c r="AH4640">
        <v>50000</v>
      </c>
      <c r="AI4640">
        <v>0</v>
      </c>
      <c r="AJ4640">
        <v>103</v>
      </c>
      <c r="AK4640" t="s">
        <v>7</v>
      </c>
      <c r="AL4640">
        <v>0</v>
      </c>
      <c r="AM4640">
        <v>0</v>
      </c>
      <c r="AN4640">
        <v>0</v>
      </c>
      <c r="AO4640">
        <v>0</v>
      </c>
      <c r="AP4640">
        <v>0</v>
      </c>
      <c r="AQ4640">
        <v>0</v>
      </c>
      <c r="AR4640">
        <v>0</v>
      </c>
      <c r="AS4640">
        <v>0</v>
      </c>
      <c r="AT4640">
        <v>0</v>
      </c>
      <c r="AU4640">
        <v>0</v>
      </c>
      <c r="AV4640">
        <v>0</v>
      </c>
      <c r="AW4640">
        <v>0</v>
      </c>
      <c r="AX4640">
        <v>736</v>
      </c>
      <c r="AY4640">
        <v>30</v>
      </c>
      <c r="AZ4640">
        <v>56</v>
      </c>
      <c r="BA4640">
        <v>4292</v>
      </c>
    </row>
    <row r="4641" spans="1:53" x14ac:dyDescent="0.4">
      <c r="A4641">
        <v>4685</v>
      </c>
      <c r="B4641" s="1">
        <v>44604</v>
      </c>
      <c r="C4641">
        <v>3</v>
      </c>
      <c r="D4641" s="1">
        <v>44604.743055555555</v>
      </c>
      <c r="E4641" s="1">
        <v>44604.964583333334</v>
      </c>
      <c r="F4641">
        <v>34960</v>
      </c>
      <c r="G4641">
        <v>1936</v>
      </c>
      <c r="H4641">
        <v>0</v>
      </c>
      <c r="I4641">
        <v>0</v>
      </c>
      <c r="J4641">
        <v>0</v>
      </c>
      <c r="K4641">
        <v>0</v>
      </c>
      <c r="L4641">
        <v>0</v>
      </c>
      <c r="M4641">
        <v>3355</v>
      </c>
      <c r="N4641">
        <v>0</v>
      </c>
      <c r="O4641">
        <v>0</v>
      </c>
      <c r="P4641">
        <v>-14270</v>
      </c>
      <c r="Q4641">
        <v>0</v>
      </c>
      <c r="R4641">
        <v>22626</v>
      </c>
      <c r="S4641">
        <v>0</v>
      </c>
      <c r="T4641">
        <v>0</v>
      </c>
      <c r="U4641">
        <v>0</v>
      </c>
      <c r="V4641">
        <v>1</v>
      </c>
      <c r="W4641">
        <v>0</v>
      </c>
      <c r="X4641">
        <v>0</v>
      </c>
      <c r="Y4641">
        <v>43</v>
      </c>
      <c r="Z4641">
        <v>24</v>
      </c>
      <c r="AA4641">
        <v>97</v>
      </c>
      <c r="AB4641">
        <v>45</v>
      </c>
      <c r="AC4641">
        <v>83</v>
      </c>
      <c r="AD4641">
        <v>17</v>
      </c>
      <c r="AE4641">
        <v>64</v>
      </c>
      <c r="AF4641">
        <v>30914</v>
      </c>
      <c r="AG4641">
        <v>108843</v>
      </c>
      <c r="AH4641">
        <v>50000</v>
      </c>
      <c r="AI4641">
        <v>0</v>
      </c>
      <c r="AJ4641">
        <v>108</v>
      </c>
      <c r="AK4641" t="s">
        <v>3</v>
      </c>
      <c r="AL4641">
        <v>0</v>
      </c>
      <c r="AM4641">
        <v>0</v>
      </c>
      <c r="AN4641">
        <v>0</v>
      </c>
      <c r="AO4641">
        <v>0</v>
      </c>
      <c r="AP4641">
        <v>0</v>
      </c>
      <c r="AQ4641">
        <v>0</v>
      </c>
      <c r="AR4641">
        <v>0</v>
      </c>
      <c r="AS4641">
        <v>0</v>
      </c>
      <c r="AT4641">
        <v>0</v>
      </c>
      <c r="AU4641">
        <v>0</v>
      </c>
      <c r="AV4641">
        <v>0</v>
      </c>
      <c r="AW4641">
        <v>0</v>
      </c>
      <c r="AX4641">
        <v>2880</v>
      </c>
      <c r="AY4641">
        <v>7</v>
      </c>
      <c r="AZ4641">
        <v>15</v>
      </c>
      <c r="BA4641">
        <v>1796</v>
      </c>
    </row>
    <row r="4642" spans="1:53" x14ac:dyDescent="0.4">
      <c r="A4642">
        <v>4686</v>
      </c>
      <c r="B4642" s="1">
        <v>44605</v>
      </c>
      <c r="C4642">
        <v>1</v>
      </c>
      <c r="D4642" s="1">
        <v>44605.291666666664</v>
      </c>
      <c r="E4642" s="1">
        <v>44605.407638888886</v>
      </c>
      <c r="F4642">
        <v>0</v>
      </c>
      <c r="G4642">
        <v>0</v>
      </c>
      <c r="H4642">
        <v>0</v>
      </c>
      <c r="I4642">
        <v>0</v>
      </c>
      <c r="J4642">
        <v>0</v>
      </c>
      <c r="K4642">
        <v>0</v>
      </c>
      <c r="L4642">
        <v>0</v>
      </c>
      <c r="M4642">
        <v>0</v>
      </c>
      <c r="N4642">
        <v>0</v>
      </c>
      <c r="O4642">
        <v>0</v>
      </c>
      <c r="P4642">
        <v>0</v>
      </c>
      <c r="Q4642">
        <v>0</v>
      </c>
      <c r="R4642">
        <v>0</v>
      </c>
      <c r="S4642">
        <v>0</v>
      </c>
      <c r="T4642">
        <v>0</v>
      </c>
      <c r="U4642">
        <v>0</v>
      </c>
      <c r="V4642">
        <v>0</v>
      </c>
      <c r="W4642">
        <v>1</v>
      </c>
      <c r="X4642">
        <v>0</v>
      </c>
      <c r="Y4642">
        <v>25</v>
      </c>
      <c r="Z4642">
        <v>15</v>
      </c>
      <c r="AA4642">
        <v>97</v>
      </c>
      <c r="AB4642">
        <v>37</v>
      </c>
      <c r="AC4642">
        <v>81</v>
      </c>
      <c r="AD4642">
        <v>16</v>
      </c>
      <c r="AE4642">
        <v>60</v>
      </c>
      <c r="AF4642">
        <v>0</v>
      </c>
      <c r="AG4642">
        <v>50000</v>
      </c>
      <c r="AH4642">
        <v>50000</v>
      </c>
      <c r="AI4642">
        <v>0</v>
      </c>
      <c r="AJ4642">
        <v>0</v>
      </c>
      <c r="AK4642" t="s">
        <v>6</v>
      </c>
      <c r="AL4642">
        <v>0</v>
      </c>
      <c r="AM4642">
        <v>0</v>
      </c>
      <c r="AN4642">
        <v>0</v>
      </c>
      <c r="AO4642">
        <v>0</v>
      </c>
      <c r="AP4642">
        <v>0</v>
      </c>
      <c r="AQ4642">
        <v>0</v>
      </c>
      <c r="AR4642">
        <v>0</v>
      </c>
      <c r="AS4642">
        <v>0</v>
      </c>
      <c r="AT4642">
        <v>0</v>
      </c>
      <c r="AU4642">
        <v>0</v>
      </c>
      <c r="AV4642">
        <v>0</v>
      </c>
      <c r="AW4642">
        <v>0</v>
      </c>
      <c r="AX4642">
        <v>0</v>
      </c>
      <c r="AY4642">
        <v>0</v>
      </c>
      <c r="AZ4642">
        <v>0</v>
      </c>
      <c r="BA4642">
        <v>0</v>
      </c>
    </row>
    <row r="4643" spans="1:53" x14ac:dyDescent="0.4">
      <c r="A4643">
        <v>4687</v>
      </c>
      <c r="B4643" s="1">
        <v>44605</v>
      </c>
      <c r="C4643">
        <v>2</v>
      </c>
      <c r="D4643" s="1">
        <v>44605.407638888886</v>
      </c>
      <c r="E4643" s="1">
        <v>44605.737500000003</v>
      </c>
      <c r="F4643">
        <v>31410</v>
      </c>
      <c r="G4643">
        <v>1892</v>
      </c>
      <c r="H4643">
        <v>0</v>
      </c>
      <c r="I4643">
        <v>0</v>
      </c>
      <c r="J4643">
        <v>100</v>
      </c>
      <c r="K4643">
        <v>0</v>
      </c>
      <c r="L4643">
        <v>0</v>
      </c>
      <c r="M4643">
        <v>3018</v>
      </c>
      <c r="N4643">
        <v>0</v>
      </c>
      <c r="O4643">
        <v>0</v>
      </c>
      <c r="P4643">
        <v>9570</v>
      </c>
      <c r="Q4643">
        <v>0</v>
      </c>
      <c r="R4643">
        <v>42772</v>
      </c>
      <c r="S4643">
        <v>0</v>
      </c>
      <c r="T4643">
        <v>0</v>
      </c>
      <c r="U4643">
        <v>0</v>
      </c>
      <c r="V4643">
        <v>1</v>
      </c>
      <c r="W4643">
        <v>2</v>
      </c>
      <c r="X4643">
        <v>0</v>
      </c>
      <c r="Y4643">
        <v>52</v>
      </c>
      <c r="Z4643">
        <v>15</v>
      </c>
      <c r="AA4643">
        <v>87</v>
      </c>
      <c r="AB4643">
        <v>42</v>
      </c>
      <c r="AC4643">
        <v>98</v>
      </c>
      <c r="AD4643">
        <v>16</v>
      </c>
      <c r="AE4643">
        <v>62</v>
      </c>
      <c r="AF4643">
        <v>1350</v>
      </c>
      <c r="AG4643">
        <v>92772</v>
      </c>
      <c r="AH4643">
        <v>50000</v>
      </c>
      <c r="AI4643">
        <v>0</v>
      </c>
      <c r="AJ4643">
        <v>103</v>
      </c>
      <c r="AK4643" t="s">
        <v>7</v>
      </c>
      <c r="AL4643">
        <v>0</v>
      </c>
      <c r="AM4643">
        <v>0</v>
      </c>
      <c r="AN4643">
        <v>0</v>
      </c>
      <c r="AO4643">
        <v>0</v>
      </c>
      <c r="AP4643">
        <v>0</v>
      </c>
      <c r="AQ4643">
        <v>0</v>
      </c>
      <c r="AR4643">
        <v>0</v>
      </c>
      <c r="AS4643">
        <v>0</v>
      </c>
      <c r="AT4643">
        <v>0</v>
      </c>
      <c r="AU4643">
        <v>0</v>
      </c>
      <c r="AV4643">
        <v>0</v>
      </c>
      <c r="AW4643">
        <v>0</v>
      </c>
      <c r="AX4643">
        <v>440</v>
      </c>
      <c r="AY4643">
        <v>33</v>
      </c>
      <c r="AZ4643">
        <v>68</v>
      </c>
      <c r="BA4643">
        <v>4838</v>
      </c>
    </row>
    <row r="4644" spans="1:53" x14ac:dyDescent="0.4">
      <c r="A4644">
        <v>4688</v>
      </c>
      <c r="B4644" s="1">
        <v>44606</v>
      </c>
      <c r="C4644">
        <v>1</v>
      </c>
      <c r="D4644" s="1">
        <v>44606.291666666664</v>
      </c>
      <c r="E4644" s="1">
        <v>44606.440972222219</v>
      </c>
      <c r="F4644">
        <v>0</v>
      </c>
      <c r="G4644">
        <v>0</v>
      </c>
      <c r="H4644">
        <v>0</v>
      </c>
      <c r="I4644">
        <v>0</v>
      </c>
      <c r="J4644">
        <v>0</v>
      </c>
      <c r="K4644">
        <v>0</v>
      </c>
      <c r="L4644">
        <v>0</v>
      </c>
      <c r="M4644">
        <v>0</v>
      </c>
      <c r="N4644">
        <v>0</v>
      </c>
      <c r="O4644">
        <v>0</v>
      </c>
      <c r="P4644">
        <v>0</v>
      </c>
      <c r="Q4644">
        <v>0</v>
      </c>
      <c r="R4644">
        <v>0</v>
      </c>
      <c r="S4644">
        <v>0</v>
      </c>
      <c r="T4644">
        <v>0</v>
      </c>
      <c r="U4644">
        <v>0</v>
      </c>
      <c r="V4644">
        <v>0</v>
      </c>
      <c r="W4644">
        <v>1</v>
      </c>
      <c r="X4644">
        <v>0</v>
      </c>
      <c r="Y4644">
        <v>26</v>
      </c>
      <c r="Z4644">
        <v>13</v>
      </c>
      <c r="AA4644">
        <v>93</v>
      </c>
      <c r="AB4644">
        <v>44</v>
      </c>
      <c r="AC4644">
        <v>86</v>
      </c>
      <c r="AD4644">
        <v>16</v>
      </c>
      <c r="AE4644">
        <v>60</v>
      </c>
      <c r="AF4644">
        <v>0</v>
      </c>
      <c r="AG4644">
        <v>50000</v>
      </c>
      <c r="AH4644">
        <v>50000</v>
      </c>
      <c r="AI4644">
        <v>0</v>
      </c>
      <c r="AJ4644">
        <v>0</v>
      </c>
      <c r="AK4644" t="s">
        <v>6</v>
      </c>
      <c r="AL4644">
        <v>0</v>
      </c>
      <c r="AM4644">
        <v>0</v>
      </c>
      <c r="AN4644">
        <v>0</v>
      </c>
      <c r="AO4644">
        <v>0</v>
      </c>
      <c r="AP4644">
        <v>0</v>
      </c>
      <c r="AQ4644">
        <v>0</v>
      </c>
      <c r="AR4644">
        <v>0</v>
      </c>
      <c r="AS4644">
        <v>0</v>
      </c>
      <c r="AT4644">
        <v>0</v>
      </c>
      <c r="AU4644">
        <v>0</v>
      </c>
      <c r="AV4644">
        <v>0</v>
      </c>
      <c r="AW4644">
        <v>0</v>
      </c>
      <c r="AX4644">
        <v>0</v>
      </c>
      <c r="AY4644">
        <v>0</v>
      </c>
      <c r="AZ4644">
        <v>0</v>
      </c>
      <c r="BA4644">
        <v>0</v>
      </c>
    </row>
    <row r="4645" spans="1:53" x14ac:dyDescent="0.4">
      <c r="A4645">
        <v>4689</v>
      </c>
      <c r="B4645" s="1">
        <v>44607</v>
      </c>
      <c r="C4645">
        <v>1</v>
      </c>
      <c r="D4645" s="1">
        <v>44607.291666666664</v>
      </c>
      <c r="E4645" s="1">
        <v>44607.439583333333</v>
      </c>
      <c r="F4645">
        <v>0</v>
      </c>
      <c r="G4645">
        <v>0</v>
      </c>
      <c r="H4645">
        <v>0</v>
      </c>
      <c r="I4645">
        <v>0</v>
      </c>
      <c r="J4645">
        <v>0</v>
      </c>
      <c r="K4645">
        <v>0</v>
      </c>
      <c r="L4645">
        <v>0</v>
      </c>
      <c r="M4645">
        <v>0</v>
      </c>
      <c r="N4645">
        <v>0</v>
      </c>
      <c r="O4645">
        <v>0</v>
      </c>
      <c r="P4645">
        <v>0</v>
      </c>
      <c r="Q4645">
        <v>0</v>
      </c>
      <c r="R4645">
        <v>0</v>
      </c>
      <c r="S4645">
        <v>0</v>
      </c>
      <c r="T4645">
        <v>0</v>
      </c>
      <c r="U4645">
        <v>0</v>
      </c>
      <c r="V4645">
        <v>0</v>
      </c>
      <c r="W4645">
        <v>1</v>
      </c>
      <c r="X4645">
        <v>0</v>
      </c>
      <c r="Y4645">
        <v>25</v>
      </c>
      <c r="Z4645">
        <v>19</v>
      </c>
      <c r="AA4645">
        <v>74</v>
      </c>
      <c r="AB4645">
        <v>43</v>
      </c>
      <c r="AC4645">
        <v>81</v>
      </c>
      <c r="AD4645">
        <v>16</v>
      </c>
      <c r="AE4645">
        <v>60</v>
      </c>
      <c r="AF4645">
        <v>0</v>
      </c>
      <c r="AG4645">
        <v>50000</v>
      </c>
      <c r="AH4645">
        <v>50000</v>
      </c>
      <c r="AI4645">
        <v>0</v>
      </c>
      <c r="AJ4645">
        <v>0</v>
      </c>
      <c r="AK4645" t="s">
        <v>6</v>
      </c>
      <c r="AL4645">
        <v>0</v>
      </c>
      <c r="AM4645">
        <v>0</v>
      </c>
      <c r="AN4645">
        <v>0</v>
      </c>
      <c r="AO4645">
        <v>0</v>
      </c>
      <c r="AP4645">
        <v>0</v>
      </c>
      <c r="AQ4645">
        <v>0</v>
      </c>
      <c r="AR4645">
        <v>0</v>
      </c>
      <c r="AS4645">
        <v>0</v>
      </c>
      <c r="AT4645">
        <v>0</v>
      </c>
      <c r="AU4645">
        <v>0</v>
      </c>
      <c r="AV4645">
        <v>0</v>
      </c>
      <c r="AW4645">
        <v>0</v>
      </c>
      <c r="AX4645">
        <v>0</v>
      </c>
      <c r="AY4645">
        <v>0</v>
      </c>
      <c r="AZ4645">
        <v>0</v>
      </c>
      <c r="BA4645">
        <v>0</v>
      </c>
    </row>
    <row r="4646" spans="1:53" x14ac:dyDescent="0.4">
      <c r="A4646">
        <v>4690</v>
      </c>
      <c r="B4646" s="1">
        <v>44607</v>
      </c>
      <c r="C4646">
        <v>2</v>
      </c>
      <c r="D4646" s="1">
        <v>44607.439583333333</v>
      </c>
      <c r="E4646" s="1">
        <v>44607.755555555559</v>
      </c>
      <c r="F4646">
        <v>16460</v>
      </c>
      <c r="G4646">
        <v>0</v>
      </c>
      <c r="H4646">
        <v>0</v>
      </c>
      <c r="I4646">
        <v>0</v>
      </c>
      <c r="J4646">
        <v>0</v>
      </c>
      <c r="K4646">
        <v>0</v>
      </c>
      <c r="L4646">
        <v>0</v>
      </c>
      <c r="M4646">
        <v>1497</v>
      </c>
      <c r="N4646">
        <v>0</v>
      </c>
      <c r="O4646">
        <v>0</v>
      </c>
      <c r="P4646">
        <v>9990</v>
      </c>
      <c r="Q4646">
        <v>0</v>
      </c>
      <c r="R4646">
        <v>26450</v>
      </c>
      <c r="S4646">
        <v>0</v>
      </c>
      <c r="T4646">
        <v>0</v>
      </c>
      <c r="U4646">
        <v>0</v>
      </c>
      <c r="V4646">
        <v>0</v>
      </c>
      <c r="W4646">
        <v>1</v>
      </c>
      <c r="X4646">
        <v>0</v>
      </c>
      <c r="Y4646">
        <v>42</v>
      </c>
      <c r="Z4646">
        <v>34</v>
      </c>
      <c r="AA4646">
        <v>94</v>
      </c>
      <c r="AB4646">
        <v>43</v>
      </c>
      <c r="AC4646">
        <v>76</v>
      </c>
      <c r="AD4646">
        <v>16</v>
      </c>
      <c r="AE4646">
        <v>60</v>
      </c>
      <c r="AF4646">
        <v>0</v>
      </c>
      <c r="AG4646">
        <v>76450</v>
      </c>
      <c r="AH4646">
        <v>50000</v>
      </c>
      <c r="AI4646">
        <v>0</v>
      </c>
      <c r="AJ4646">
        <v>102</v>
      </c>
      <c r="AK4646" t="s">
        <v>50</v>
      </c>
      <c r="AL4646">
        <v>0</v>
      </c>
      <c r="AM4646">
        <v>0</v>
      </c>
      <c r="AN4646">
        <v>0</v>
      </c>
      <c r="AO4646">
        <v>0</v>
      </c>
      <c r="AP4646">
        <v>0</v>
      </c>
      <c r="AQ4646">
        <v>0</v>
      </c>
      <c r="AR4646">
        <v>0</v>
      </c>
      <c r="AS4646">
        <v>0</v>
      </c>
      <c r="AT4646">
        <v>0</v>
      </c>
      <c r="AU4646">
        <v>0</v>
      </c>
      <c r="AV4646">
        <v>0</v>
      </c>
      <c r="AW4646">
        <v>0</v>
      </c>
      <c r="AX4646">
        <v>2046</v>
      </c>
      <c r="AY4646">
        <v>27</v>
      </c>
      <c r="AZ4646">
        <v>44</v>
      </c>
      <c r="BA4646">
        <v>4097</v>
      </c>
    </row>
    <row r="4647" spans="1:53" x14ac:dyDescent="0.4">
      <c r="A4647">
        <v>4691</v>
      </c>
      <c r="B4647" s="1">
        <v>44609</v>
      </c>
      <c r="C4647">
        <v>1</v>
      </c>
      <c r="D4647" s="1">
        <v>44609.291666666664</v>
      </c>
      <c r="E4647" s="1">
        <v>44609.443749999999</v>
      </c>
      <c r="F4647">
        <v>0</v>
      </c>
      <c r="G4647">
        <v>0</v>
      </c>
      <c r="H4647">
        <v>0</v>
      </c>
      <c r="I4647">
        <v>0</v>
      </c>
      <c r="J4647">
        <v>0</v>
      </c>
      <c r="K4647">
        <v>0</v>
      </c>
      <c r="L4647">
        <v>0</v>
      </c>
      <c r="M4647">
        <v>0</v>
      </c>
      <c r="N4647">
        <v>0</v>
      </c>
      <c r="O4647">
        <v>0</v>
      </c>
      <c r="P4647">
        <v>0</v>
      </c>
      <c r="Q4647">
        <v>0</v>
      </c>
      <c r="R4647">
        <v>0</v>
      </c>
      <c r="S4647">
        <v>0</v>
      </c>
      <c r="T4647">
        <v>0</v>
      </c>
      <c r="U4647">
        <v>0</v>
      </c>
      <c r="V4647">
        <v>0</v>
      </c>
      <c r="W4647">
        <v>0</v>
      </c>
      <c r="X4647">
        <v>0</v>
      </c>
      <c r="Y4647">
        <v>27</v>
      </c>
      <c r="Z4647">
        <v>23</v>
      </c>
      <c r="AA4647">
        <v>90</v>
      </c>
      <c r="AB4647">
        <v>32</v>
      </c>
      <c r="AC4647">
        <v>76</v>
      </c>
      <c r="AD4647">
        <v>15</v>
      </c>
      <c r="AE4647">
        <v>65</v>
      </c>
      <c r="AF4647">
        <v>0</v>
      </c>
      <c r="AG4647">
        <v>50000</v>
      </c>
      <c r="AH4647">
        <v>50000</v>
      </c>
      <c r="AI4647">
        <v>0</v>
      </c>
      <c r="AJ4647">
        <v>0</v>
      </c>
      <c r="AK4647" t="s">
        <v>6</v>
      </c>
      <c r="AL4647">
        <v>0</v>
      </c>
      <c r="AM4647">
        <v>0</v>
      </c>
      <c r="AN4647">
        <v>0</v>
      </c>
      <c r="AO4647">
        <v>0</v>
      </c>
      <c r="AP4647">
        <v>0</v>
      </c>
      <c r="AQ4647">
        <v>0</v>
      </c>
      <c r="AR4647">
        <v>0</v>
      </c>
      <c r="AS4647">
        <v>0</v>
      </c>
      <c r="AT4647">
        <v>0</v>
      </c>
      <c r="AU4647">
        <v>0</v>
      </c>
      <c r="AV4647">
        <v>0</v>
      </c>
      <c r="AW4647">
        <v>0</v>
      </c>
      <c r="AX4647">
        <v>0</v>
      </c>
      <c r="AY4647">
        <v>0</v>
      </c>
      <c r="AZ4647">
        <v>0</v>
      </c>
      <c r="BA4647">
        <v>0</v>
      </c>
    </row>
    <row r="4648" spans="1:53" x14ac:dyDescent="0.4">
      <c r="A4648">
        <v>4692</v>
      </c>
      <c r="B4648" s="1">
        <v>44609</v>
      </c>
      <c r="C4648">
        <v>2</v>
      </c>
      <c r="D4648" s="1">
        <v>44609.443749999999</v>
      </c>
      <c r="E4648" s="1">
        <v>44609.729166666664</v>
      </c>
      <c r="F4648">
        <v>14540</v>
      </c>
      <c r="G4648">
        <v>616</v>
      </c>
      <c r="H4648">
        <v>0</v>
      </c>
      <c r="I4648">
        <v>0</v>
      </c>
      <c r="J4648">
        <v>0</v>
      </c>
      <c r="K4648">
        <v>0</v>
      </c>
      <c r="L4648">
        <v>0</v>
      </c>
      <c r="M4648">
        <v>1377</v>
      </c>
      <c r="N4648">
        <v>0</v>
      </c>
      <c r="O4648">
        <v>0</v>
      </c>
      <c r="P4648">
        <v>9470</v>
      </c>
      <c r="Q4648">
        <v>0</v>
      </c>
      <c r="R4648">
        <v>24626</v>
      </c>
      <c r="S4648">
        <v>0</v>
      </c>
      <c r="T4648">
        <v>0</v>
      </c>
      <c r="U4648">
        <v>0</v>
      </c>
      <c r="V4648">
        <v>0</v>
      </c>
      <c r="W4648">
        <v>1</v>
      </c>
      <c r="X4648">
        <v>0</v>
      </c>
      <c r="Y4648">
        <v>47</v>
      </c>
      <c r="Z4648">
        <v>19</v>
      </c>
      <c r="AA4648">
        <v>105</v>
      </c>
      <c r="AB4648">
        <v>34</v>
      </c>
      <c r="AC4648">
        <v>79</v>
      </c>
      <c r="AD4648">
        <v>15</v>
      </c>
      <c r="AE4648">
        <v>61</v>
      </c>
      <c r="AF4648">
        <v>0</v>
      </c>
      <c r="AG4648">
        <v>74626</v>
      </c>
      <c r="AH4648">
        <v>50000</v>
      </c>
      <c r="AI4648">
        <v>0</v>
      </c>
      <c r="AJ4648">
        <v>116</v>
      </c>
      <c r="AK4648" t="s">
        <v>54</v>
      </c>
      <c r="AL4648">
        <v>0</v>
      </c>
      <c r="AM4648">
        <v>0</v>
      </c>
      <c r="AN4648">
        <v>0</v>
      </c>
      <c r="AO4648">
        <v>0</v>
      </c>
      <c r="AP4648">
        <v>0</v>
      </c>
      <c r="AQ4648">
        <v>0</v>
      </c>
      <c r="AR4648">
        <v>0</v>
      </c>
      <c r="AS4648">
        <v>0</v>
      </c>
      <c r="AT4648">
        <v>0</v>
      </c>
      <c r="AU4648">
        <v>0</v>
      </c>
      <c r="AV4648">
        <v>0</v>
      </c>
      <c r="AW4648">
        <v>0</v>
      </c>
      <c r="AX4648">
        <v>0</v>
      </c>
      <c r="AY4648">
        <v>24</v>
      </c>
      <c r="AZ4648">
        <v>38</v>
      </c>
      <c r="BA4648">
        <v>3683</v>
      </c>
    </row>
    <row r="4649" spans="1:53" x14ac:dyDescent="0.4">
      <c r="A4649">
        <v>4693</v>
      </c>
      <c r="B4649" s="1">
        <v>44610</v>
      </c>
      <c r="C4649">
        <v>1</v>
      </c>
      <c r="D4649" s="1">
        <v>44610.291666666664</v>
      </c>
      <c r="E4649" s="1">
        <v>44610.441666666666</v>
      </c>
      <c r="F4649">
        <v>0</v>
      </c>
      <c r="G4649">
        <v>0</v>
      </c>
      <c r="H4649">
        <v>0</v>
      </c>
      <c r="I4649">
        <v>0</v>
      </c>
      <c r="J4649">
        <v>0</v>
      </c>
      <c r="K4649">
        <v>0</v>
      </c>
      <c r="L4649">
        <v>0</v>
      </c>
      <c r="M4649">
        <v>0</v>
      </c>
      <c r="N4649">
        <v>0</v>
      </c>
      <c r="O4649">
        <v>0</v>
      </c>
      <c r="P4649">
        <v>0</v>
      </c>
      <c r="Q4649">
        <v>0</v>
      </c>
      <c r="R4649">
        <v>0</v>
      </c>
      <c r="S4649">
        <v>0</v>
      </c>
      <c r="T4649">
        <v>0</v>
      </c>
      <c r="U4649">
        <v>0</v>
      </c>
      <c r="V4649">
        <v>0</v>
      </c>
      <c r="W4649">
        <v>1</v>
      </c>
      <c r="X4649">
        <v>0</v>
      </c>
      <c r="Y4649">
        <v>25</v>
      </c>
      <c r="Z4649">
        <v>15</v>
      </c>
      <c r="AA4649">
        <v>102</v>
      </c>
      <c r="AB4649">
        <v>29</v>
      </c>
      <c r="AC4649">
        <v>72</v>
      </c>
      <c r="AD4649">
        <v>14</v>
      </c>
      <c r="AE4649">
        <v>60</v>
      </c>
      <c r="AF4649">
        <v>0</v>
      </c>
      <c r="AG4649">
        <v>50000</v>
      </c>
      <c r="AH4649">
        <v>50000</v>
      </c>
      <c r="AI4649">
        <v>0</v>
      </c>
      <c r="AJ4649">
        <v>0</v>
      </c>
      <c r="AK4649" t="s">
        <v>6</v>
      </c>
      <c r="AL4649">
        <v>0</v>
      </c>
      <c r="AM4649">
        <v>0</v>
      </c>
      <c r="AN4649">
        <v>0</v>
      </c>
      <c r="AO4649">
        <v>0</v>
      </c>
      <c r="AP4649">
        <v>0</v>
      </c>
      <c r="AQ4649">
        <v>0</v>
      </c>
      <c r="AR4649">
        <v>0</v>
      </c>
      <c r="AS4649">
        <v>0</v>
      </c>
      <c r="AT4649">
        <v>0</v>
      </c>
      <c r="AU4649">
        <v>0</v>
      </c>
      <c r="AV4649">
        <v>0</v>
      </c>
      <c r="AW4649">
        <v>0</v>
      </c>
      <c r="AX4649">
        <v>0</v>
      </c>
      <c r="AY4649">
        <v>0</v>
      </c>
      <c r="AZ4649">
        <v>0</v>
      </c>
      <c r="BA4649">
        <v>0</v>
      </c>
    </row>
    <row r="4650" spans="1:53" x14ac:dyDescent="0.4">
      <c r="A4650">
        <v>4694</v>
      </c>
      <c r="B4650" s="1">
        <v>44610</v>
      </c>
      <c r="C4650">
        <v>2</v>
      </c>
      <c r="D4650" s="1">
        <v>44610.441666666666</v>
      </c>
      <c r="E4650" s="1">
        <v>44610.761111111111</v>
      </c>
      <c r="F4650">
        <v>34570</v>
      </c>
      <c r="G4650">
        <v>1188</v>
      </c>
      <c r="H4650">
        <v>0</v>
      </c>
      <c r="I4650">
        <v>0</v>
      </c>
      <c r="J4650">
        <v>0</v>
      </c>
      <c r="K4650">
        <v>0</v>
      </c>
      <c r="L4650">
        <v>0</v>
      </c>
      <c r="M4650">
        <v>3249</v>
      </c>
      <c r="N4650">
        <v>0</v>
      </c>
      <c r="O4650">
        <v>0</v>
      </c>
      <c r="P4650">
        <v>12840</v>
      </c>
      <c r="Q4650">
        <v>0</v>
      </c>
      <c r="R4650">
        <v>48598</v>
      </c>
      <c r="S4650">
        <v>0</v>
      </c>
      <c r="T4650">
        <v>0</v>
      </c>
      <c r="U4650">
        <v>0</v>
      </c>
      <c r="V4650">
        <v>2</v>
      </c>
      <c r="W4650">
        <v>0</v>
      </c>
      <c r="X4650">
        <v>0</v>
      </c>
      <c r="Y4650">
        <v>57</v>
      </c>
      <c r="Z4650">
        <v>18</v>
      </c>
      <c r="AA4650">
        <v>76</v>
      </c>
      <c r="AB4650">
        <v>26</v>
      </c>
      <c r="AC4650">
        <v>89</v>
      </c>
      <c r="AD4650">
        <v>16</v>
      </c>
      <c r="AE4650">
        <v>58</v>
      </c>
      <c r="AF4650">
        <v>2670</v>
      </c>
      <c r="AG4650">
        <v>98598</v>
      </c>
      <c r="AH4650">
        <v>50000</v>
      </c>
      <c r="AI4650">
        <v>0</v>
      </c>
      <c r="AJ4650">
        <v>95</v>
      </c>
      <c r="AK4650" t="s">
        <v>21</v>
      </c>
      <c r="AL4650">
        <v>0</v>
      </c>
      <c r="AM4650">
        <v>0</v>
      </c>
      <c r="AN4650">
        <v>0</v>
      </c>
      <c r="AO4650">
        <v>0</v>
      </c>
      <c r="AP4650">
        <v>0</v>
      </c>
      <c r="AQ4650">
        <v>0</v>
      </c>
      <c r="AR4650">
        <v>0</v>
      </c>
      <c r="AS4650">
        <v>0</v>
      </c>
      <c r="AT4650">
        <v>0</v>
      </c>
      <c r="AU4650">
        <v>0</v>
      </c>
      <c r="AV4650">
        <v>0</v>
      </c>
      <c r="AW4650">
        <v>0</v>
      </c>
      <c r="AX4650">
        <v>-688</v>
      </c>
      <c r="AY4650">
        <v>40</v>
      </c>
      <c r="AZ4650">
        <v>73</v>
      </c>
      <c r="BA4650">
        <v>6233</v>
      </c>
    </row>
    <row r="4651" spans="1:53" x14ac:dyDescent="0.4">
      <c r="A4651">
        <v>4695</v>
      </c>
      <c r="B4651" s="1">
        <v>44611</v>
      </c>
      <c r="C4651">
        <v>1</v>
      </c>
      <c r="D4651" s="1">
        <v>44611.291666666664</v>
      </c>
      <c r="E4651" s="1">
        <v>44611.745833333334</v>
      </c>
      <c r="F4651">
        <v>25860</v>
      </c>
      <c r="G4651">
        <v>1518</v>
      </c>
      <c r="H4651">
        <v>0</v>
      </c>
      <c r="I4651">
        <v>0</v>
      </c>
      <c r="J4651">
        <v>0</v>
      </c>
      <c r="K4651">
        <v>0</v>
      </c>
      <c r="L4651">
        <v>0</v>
      </c>
      <c r="M4651">
        <v>2490</v>
      </c>
      <c r="N4651">
        <v>0</v>
      </c>
      <c r="O4651">
        <v>0</v>
      </c>
      <c r="P4651">
        <v>14810</v>
      </c>
      <c r="Q4651">
        <v>0</v>
      </c>
      <c r="R4651">
        <v>42188</v>
      </c>
      <c r="S4651">
        <v>0</v>
      </c>
      <c r="T4651">
        <v>0</v>
      </c>
      <c r="U4651">
        <v>0</v>
      </c>
      <c r="V4651">
        <v>1</v>
      </c>
      <c r="W4651">
        <v>4</v>
      </c>
      <c r="X4651">
        <v>0</v>
      </c>
      <c r="Y4651">
        <v>39</v>
      </c>
      <c r="Z4651">
        <v>23</v>
      </c>
      <c r="AA4651">
        <v>59</v>
      </c>
      <c r="AB4651">
        <v>31</v>
      </c>
      <c r="AC4651">
        <v>109</v>
      </c>
      <c r="AD4651">
        <v>16</v>
      </c>
      <c r="AE4651">
        <v>68</v>
      </c>
      <c r="AF4651">
        <v>3000</v>
      </c>
      <c r="AG4651">
        <v>92188</v>
      </c>
      <c r="AH4651">
        <v>50000</v>
      </c>
      <c r="AI4651">
        <v>0</v>
      </c>
      <c r="AJ4651">
        <v>117</v>
      </c>
      <c r="AK4651" t="s">
        <v>58</v>
      </c>
      <c r="AL4651">
        <v>0</v>
      </c>
      <c r="AM4651">
        <v>0</v>
      </c>
      <c r="AN4651">
        <v>0</v>
      </c>
      <c r="AO4651">
        <v>0</v>
      </c>
      <c r="AP4651">
        <v>0</v>
      </c>
      <c r="AQ4651">
        <v>0</v>
      </c>
      <c r="AR4651">
        <v>0</v>
      </c>
      <c r="AS4651">
        <v>0</v>
      </c>
      <c r="AT4651">
        <v>0</v>
      </c>
      <c r="AU4651">
        <v>0</v>
      </c>
      <c r="AV4651">
        <v>0</v>
      </c>
      <c r="AW4651">
        <v>0</v>
      </c>
      <c r="AX4651">
        <v>5364</v>
      </c>
      <c r="AY4651">
        <v>35</v>
      </c>
      <c r="AZ4651">
        <v>66</v>
      </c>
      <c r="BA4651">
        <v>5326</v>
      </c>
    </row>
    <row r="4652" spans="1:53" x14ac:dyDescent="0.4">
      <c r="A4652">
        <v>4696</v>
      </c>
      <c r="B4652" s="1">
        <v>44611</v>
      </c>
      <c r="C4652">
        <v>2</v>
      </c>
      <c r="D4652" s="1">
        <v>44611.745833333334</v>
      </c>
      <c r="E4652" s="1">
        <v>44611.947916666664</v>
      </c>
      <c r="F4652">
        <v>32420</v>
      </c>
      <c r="G4652">
        <v>6424</v>
      </c>
      <c r="H4652">
        <v>0</v>
      </c>
      <c r="I4652">
        <v>0</v>
      </c>
      <c r="J4652">
        <v>0</v>
      </c>
      <c r="K4652">
        <v>600</v>
      </c>
      <c r="L4652">
        <v>0</v>
      </c>
      <c r="M4652">
        <v>3586</v>
      </c>
      <c r="N4652">
        <v>0</v>
      </c>
      <c r="O4652">
        <v>0</v>
      </c>
      <c r="P4652">
        <v>-14810</v>
      </c>
      <c r="Q4652">
        <v>0</v>
      </c>
      <c r="R4652">
        <v>24634</v>
      </c>
      <c r="S4652">
        <v>0</v>
      </c>
      <c r="T4652">
        <v>0</v>
      </c>
      <c r="U4652">
        <v>0</v>
      </c>
      <c r="V4652">
        <v>2</v>
      </c>
      <c r="W4652">
        <v>4</v>
      </c>
      <c r="X4652">
        <v>0</v>
      </c>
      <c r="Y4652">
        <v>36</v>
      </c>
      <c r="Z4652">
        <v>23</v>
      </c>
      <c r="AA4652">
        <v>56</v>
      </c>
      <c r="AB4652">
        <v>31</v>
      </c>
      <c r="AC4652">
        <v>110</v>
      </c>
      <c r="AD4652">
        <v>17</v>
      </c>
      <c r="AE4652">
        <v>75</v>
      </c>
      <c r="AF4652">
        <v>20912</v>
      </c>
      <c r="AG4652">
        <v>116822</v>
      </c>
      <c r="AH4652">
        <v>50000</v>
      </c>
      <c r="AI4652">
        <v>0</v>
      </c>
      <c r="AJ4652">
        <v>108</v>
      </c>
      <c r="AK4652" t="s">
        <v>3</v>
      </c>
      <c r="AL4652">
        <v>0</v>
      </c>
      <c r="AM4652">
        <v>0</v>
      </c>
      <c r="AN4652">
        <v>0</v>
      </c>
      <c r="AO4652">
        <v>0</v>
      </c>
      <c r="AP4652">
        <v>0</v>
      </c>
      <c r="AQ4652">
        <v>0</v>
      </c>
      <c r="AR4652">
        <v>0</v>
      </c>
      <c r="AS4652">
        <v>0</v>
      </c>
      <c r="AT4652">
        <v>0</v>
      </c>
      <c r="AU4652">
        <v>0</v>
      </c>
      <c r="AV4652">
        <v>0</v>
      </c>
      <c r="AW4652">
        <v>0</v>
      </c>
      <c r="AX4652">
        <v>3240</v>
      </c>
      <c r="AY4652">
        <v>4</v>
      </c>
      <c r="AZ4652">
        <v>14</v>
      </c>
      <c r="BA4652">
        <v>1194</v>
      </c>
    </row>
    <row r="4653" spans="1:53" x14ac:dyDescent="0.4">
      <c r="A4653">
        <v>4697</v>
      </c>
      <c r="B4653" s="1">
        <v>44612</v>
      </c>
      <c r="C4653">
        <v>1</v>
      </c>
      <c r="D4653" s="1">
        <v>44612.291666666664</v>
      </c>
      <c r="E4653" s="1">
        <v>44612.40625</v>
      </c>
      <c r="F4653">
        <v>0</v>
      </c>
      <c r="G4653">
        <v>0</v>
      </c>
      <c r="H4653">
        <v>0</v>
      </c>
      <c r="I4653">
        <v>0</v>
      </c>
      <c r="J4653">
        <v>0</v>
      </c>
      <c r="K4653">
        <v>0</v>
      </c>
      <c r="L4653">
        <v>0</v>
      </c>
      <c r="M4653">
        <v>0</v>
      </c>
      <c r="N4653">
        <v>0</v>
      </c>
      <c r="O4653">
        <v>0</v>
      </c>
      <c r="P4653">
        <v>0</v>
      </c>
      <c r="Q4653">
        <v>0</v>
      </c>
      <c r="R4653">
        <v>0</v>
      </c>
      <c r="S4653">
        <v>0</v>
      </c>
      <c r="T4653">
        <v>0</v>
      </c>
      <c r="U4653">
        <v>0</v>
      </c>
      <c r="V4653">
        <v>0</v>
      </c>
      <c r="W4653">
        <v>1</v>
      </c>
      <c r="X4653">
        <v>0</v>
      </c>
      <c r="Y4653">
        <v>27</v>
      </c>
      <c r="Z4653">
        <v>18</v>
      </c>
      <c r="AA4653">
        <v>67</v>
      </c>
      <c r="AB4653">
        <v>28</v>
      </c>
      <c r="AC4653">
        <v>74</v>
      </c>
      <c r="AD4653">
        <v>17</v>
      </c>
      <c r="AE4653">
        <v>75</v>
      </c>
      <c r="AF4653">
        <v>0</v>
      </c>
      <c r="AG4653">
        <v>50000</v>
      </c>
      <c r="AH4653">
        <v>50000</v>
      </c>
      <c r="AI4653">
        <v>0</v>
      </c>
      <c r="AJ4653">
        <v>0</v>
      </c>
      <c r="AK4653" t="s">
        <v>6</v>
      </c>
      <c r="AL4653">
        <v>0</v>
      </c>
      <c r="AM4653">
        <v>0</v>
      </c>
      <c r="AN4653">
        <v>0</v>
      </c>
      <c r="AO4653">
        <v>0</v>
      </c>
      <c r="AP4653">
        <v>0</v>
      </c>
      <c r="AQ4653">
        <v>0</v>
      </c>
      <c r="AR4653">
        <v>0</v>
      </c>
      <c r="AS4653">
        <v>0</v>
      </c>
      <c r="AT4653">
        <v>0</v>
      </c>
      <c r="AU4653">
        <v>0</v>
      </c>
      <c r="AV4653">
        <v>0</v>
      </c>
      <c r="AW4653">
        <v>0</v>
      </c>
      <c r="AX4653">
        <v>0</v>
      </c>
      <c r="AY4653">
        <v>0</v>
      </c>
      <c r="AZ4653">
        <v>0</v>
      </c>
      <c r="BA4653">
        <v>0</v>
      </c>
    </row>
    <row r="4654" spans="1:53" x14ac:dyDescent="0.4">
      <c r="A4654">
        <v>4698</v>
      </c>
      <c r="B4654" s="1">
        <v>44612</v>
      </c>
      <c r="C4654">
        <v>2</v>
      </c>
      <c r="D4654" s="1">
        <v>44612.40625</v>
      </c>
      <c r="E4654" s="1">
        <v>44612.751388888886</v>
      </c>
      <c r="F4654">
        <v>40875</v>
      </c>
      <c r="G4654">
        <v>2640</v>
      </c>
      <c r="H4654">
        <v>0</v>
      </c>
      <c r="I4654">
        <v>0</v>
      </c>
      <c r="J4654">
        <v>0</v>
      </c>
      <c r="K4654">
        <v>0</v>
      </c>
      <c r="L4654">
        <v>0</v>
      </c>
      <c r="M4654">
        <v>3950</v>
      </c>
      <c r="N4654">
        <v>0</v>
      </c>
      <c r="O4654">
        <v>0</v>
      </c>
      <c r="P4654">
        <v>9480</v>
      </c>
      <c r="Q4654">
        <v>0</v>
      </c>
      <c r="R4654">
        <v>52995</v>
      </c>
      <c r="S4654">
        <v>0</v>
      </c>
      <c r="T4654">
        <v>0</v>
      </c>
      <c r="U4654">
        <v>0</v>
      </c>
      <c r="V4654">
        <v>0</v>
      </c>
      <c r="W4654">
        <v>0</v>
      </c>
      <c r="X4654">
        <v>0</v>
      </c>
      <c r="Y4654">
        <v>57</v>
      </c>
      <c r="Z4654">
        <v>29</v>
      </c>
      <c r="AA4654">
        <v>128</v>
      </c>
      <c r="AB4654">
        <v>36</v>
      </c>
      <c r="AC4654">
        <v>87</v>
      </c>
      <c r="AD4654">
        <v>16</v>
      </c>
      <c r="AE4654">
        <v>72</v>
      </c>
      <c r="AF4654">
        <v>15873</v>
      </c>
      <c r="AG4654">
        <v>102995</v>
      </c>
      <c r="AH4654">
        <v>50000</v>
      </c>
      <c r="AI4654">
        <v>0</v>
      </c>
      <c r="AJ4654">
        <v>108</v>
      </c>
      <c r="AK4654" t="s">
        <v>3</v>
      </c>
      <c r="AL4654">
        <v>0</v>
      </c>
      <c r="AM4654">
        <v>0</v>
      </c>
      <c r="AN4654">
        <v>0</v>
      </c>
      <c r="AO4654">
        <v>0</v>
      </c>
      <c r="AP4654">
        <v>0</v>
      </c>
      <c r="AQ4654">
        <v>0</v>
      </c>
      <c r="AR4654">
        <v>0</v>
      </c>
      <c r="AS4654">
        <v>0</v>
      </c>
      <c r="AT4654">
        <v>0</v>
      </c>
      <c r="AU4654">
        <v>0</v>
      </c>
      <c r="AV4654">
        <v>0</v>
      </c>
      <c r="AW4654">
        <v>0</v>
      </c>
      <c r="AX4654">
        <v>-1060</v>
      </c>
      <c r="AY4654">
        <v>40</v>
      </c>
      <c r="AZ4654">
        <v>81</v>
      </c>
      <c r="BA4654">
        <v>6276</v>
      </c>
    </row>
    <row r="4655" spans="1:53" x14ac:dyDescent="0.4">
      <c r="A4655">
        <v>4699</v>
      </c>
      <c r="B4655" s="1">
        <v>44613</v>
      </c>
      <c r="C4655">
        <v>1</v>
      </c>
      <c r="D4655" s="1">
        <v>44613.291666666664</v>
      </c>
      <c r="E4655" s="1">
        <v>44613.450694444444</v>
      </c>
      <c r="F4655">
        <v>0</v>
      </c>
      <c r="G4655">
        <v>0</v>
      </c>
      <c r="H4655">
        <v>0</v>
      </c>
      <c r="I4655">
        <v>0</v>
      </c>
      <c r="J4655">
        <v>0</v>
      </c>
      <c r="K4655">
        <v>0</v>
      </c>
      <c r="L4655">
        <v>0</v>
      </c>
      <c r="M4655">
        <v>0</v>
      </c>
      <c r="N4655">
        <v>0</v>
      </c>
      <c r="O4655">
        <v>0</v>
      </c>
      <c r="P4655">
        <v>0</v>
      </c>
      <c r="Q4655">
        <v>0</v>
      </c>
      <c r="R4655">
        <v>0</v>
      </c>
      <c r="S4655">
        <v>0</v>
      </c>
      <c r="T4655">
        <v>0</v>
      </c>
      <c r="U4655">
        <v>0</v>
      </c>
      <c r="V4655">
        <v>0</v>
      </c>
      <c r="W4655">
        <v>0</v>
      </c>
      <c r="X4655">
        <v>0</v>
      </c>
      <c r="Y4655">
        <v>28</v>
      </c>
      <c r="Z4655">
        <v>14</v>
      </c>
      <c r="AA4655">
        <v>123</v>
      </c>
      <c r="AB4655">
        <v>35</v>
      </c>
      <c r="AC4655">
        <v>80</v>
      </c>
      <c r="AD4655">
        <v>16</v>
      </c>
      <c r="AE4655">
        <v>70</v>
      </c>
      <c r="AF4655">
        <v>0</v>
      </c>
      <c r="AG4655">
        <v>50000</v>
      </c>
      <c r="AH4655">
        <v>50000</v>
      </c>
      <c r="AI4655">
        <v>0</v>
      </c>
      <c r="AJ4655">
        <v>0</v>
      </c>
      <c r="AK4655" t="s">
        <v>6</v>
      </c>
      <c r="AL4655">
        <v>0</v>
      </c>
      <c r="AM4655">
        <v>0</v>
      </c>
      <c r="AN4655">
        <v>0</v>
      </c>
      <c r="AO4655">
        <v>0</v>
      </c>
      <c r="AP4655">
        <v>0</v>
      </c>
      <c r="AQ4655">
        <v>0</v>
      </c>
      <c r="AR4655">
        <v>0</v>
      </c>
      <c r="AS4655">
        <v>0</v>
      </c>
      <c r="AT4655">
        <v>0</v>
      </c>
      <c r="AU4655">
        <v>0</v>
      </c>
      <c r="AV4655">
        <v>0</v>
      </c>
      <c r="AW4655">
        <v>0</v>
      </c>
      <c r="AX4655">
        <v>0</v>
      </c>
      <c r="AY4655">
        <v>0</v>
      </c>
      <c r="AZ4655">
        <v>0</v>
      </c>
      <c r="BA4655">
        <v>0</v>
      </c>
    </row>
    <row r="4656" spans="1:53" x14ac:dyDescent="0.4">
      <c r="A4656">
        <v>4700</v>
      </c>
      <c r="B4656" s="1">
        <v>44613</v>
      </c>
      <c r="C4656">
        <v>2</v>
      </c>
      <c r="D4656" s="1">
        <v>44613.450694444444</v>
      </c>
      <c r="E4656" s="1">
        <v>44613.746527777781</v>
      </c>
      <c r="F4656">
        <v>26980</v>
      </c>
      <c r="G4656">
        <v>594</v>
      </c>
      <c r="H4656">
        <v>0</v>
      </c>
      <c r="I4656">
        <v>0</v>
      </c>
      <c r="J4656">
        <v>0</v>
      </c>
      <c r="K4656">
        <v>0</v>
      </c>
      <c r="L4656">
        <v>0</v>
      </c>
      <c r="M4656">
        <v>2506</v>
      </c>
      <c r="N4656">
        <v>0</v>
      </c>
      <c r="O4656">
        <v>0</v>
      </c>
      <c r="P4656">
        <v>9520</v>
      </c>
      <c r="Q4656">
        <v>0</v>
      </c>
      <c r="R4656">
        <v>37094</v>
      </c>
      <c r="S4656">
        <v>0</v>
      </c>
      <c r="T4656">
        <v>0</v>
      </c>
      <c r="U4656">
        <v>0</v>
      </c>
      <c r="V4656">
        <v>0</v>
      </c>
      <c r="W4656">
        <v>1</v>
      </c>
      <c r="X4656">
        <v>0</v>
      </c>
      <c r="Y4656">
        <v>52</v>
      </c>
      <c r="Z4656">
        <v>25</v>
      </c>
      <c r="AA4656">
        <v>142</v>
      </c>
      <c r="AB4656">
        <v>42</v>
      </c>
      <c r="AC4656">
        <v>113</v>
      </c>
      <c r="AD4656">
        <v>18</v>
      </c>
      <c r="AE4656">
        <v>74</v>
      </c>
      <c r="AF4656">
        <v>0</v>
      </c>
      <c r="AG4656">
        <v>87094</v>
      </c>
      <c r="AH4656">
        <v>50000</v>
      </c>
      <c r="AI4656">
        <v>0</v>
      </c>
      <c r="AJ4656">
        <v>103</v>
      </c>
      <c r="AK4656" t="s">
        <v>7</v>
      </c>
      <c r="AL4656">
        <v>0</v>
      </c>
      <c r="AM4656">
        <v>0</v>
      </c>
      <c r="AN4656">
        <v>0</v>
      </c>
      <c r="AO4656">
        <v>0</v>
      </c>
      <c r="AP4656">
        <v>0</v>
      </c>
      <c r="AQ4656">
        <v>0</v>
      </c>
      <c r="AR4656">
        <v>0</v>
      </c>
      <c r="AS4656">
        <v>0</v>
      </c>
      <c r="AT4656">
        <v>0</v>
      </c>
      <c r="AU4656">
        <v>0</v>
      </c>
      <c r="AV4656">
        <v>0</v>
      </c>
      <c r="AW4656">
        <v>0</v>
      </c>
      <c r="AX4656">
        <v>440</v>
      </c>
      <c r="AY4656">
        <v>34</v>
      </c>
      <c r="AZ4656">
        <v>59</v>
      </c>
      <c r="BA4656">
        <v>5441</v>
      </c>
    </row>
    <row r="4657" spans="1:53" x14ac:dyDescent="0.4">
      <c r="A4657">
        <v>4701</v>
      </c>
      <c r="B4657" s="1">
        <v>44614</v>
      </c>
      <c r="C4657">
        <v>1</v>
      </c>
      <c r="D4657" s="1">
        <v>44614.291666666664</v>
      </c>
      <c r="E4657" s="1">
        <v>44614.44027777778</v>
      </c>
      <c r="F4657">
        <v>0</v>
      </c>
      <c r="G4657">
        <v>0</v>
      </c>
      <c r="H4657">
        <v>0</v>
      </c>
      <c r="I4657">
        <v>0</v>
      </c>
      <c r="J4657">
        <v>0</v>
      </c>
      <c r="K4657">
        <v>0</v>
      </c>
      <c r="L4657">
        <v>0</v>
      </c>
      <c r="M4657">
        <v>0</v>
      </c>
      <c r="N4657">
        <v>0</v>
      </c>
      <c r="O4657">
        <v>0</v>
      </c>
      <c r="P4657">
        <v>0</v>
      </c>
      <c r="Q4657">
        <v>0</v>
      </c>
      <c r="R4657">
        <v>0</v>
      </c>
      <c r="S4657">
        <v>0</v>
      </c>
      <c r="T4657">
        <v>0</v>
      </c>
      <c r="U4657">
        <v>0</v>
      </c>
      <c r="V4657">
        <v>0</v>
      </c>
      <c r="W4657">
        <v>1</v>
      </c>
      <c r="X4657">
        <v>0</v>
      </c>
      <c r="Y4657">
        <v>25</v>
      </c>
      <c r="Z4657">
        <v>14</v>
      </c>
      <c r="AA4657">
        <v>101</v>
      </c>
      <c r="AB4657">
        <v>42</v>
      </c>
      <c r="AC4657">
        <v>64</v>
      </c>
      <c r="AD4657">
        <v>18</v>
      </c>
      <c r="AE4657">
        <v>70</v>
      </c>
      <c r="AF4657">
        <v>0</v>
      </c>
      <c r="AG4657">
        <v>50000</v>
      </c>
      <c r="AH4657">
        <v>50000</v>
      </c>
      <c r="AI4657">
        <v>0</v>
      </c>
      <c r="AJ4657">
        <v>0</v>
      </c>
      <c r="AK4657" t="s">
        <v>6</v>
      </c>
      <c r="AL4657">
        <v>0</v>
      </c>
      <c r="AM4657">
        <v>0</v>
      </c>
      <c r="AN4657">
        <v>0</v>
      </c>
      <c r="AO4657">
        <v>0</v>
      </c>
      <c r="AP4657">
        <v>0</v>
      </c>
      <c r="AQ4657">
        <v>0</v>
      </c>
      <c r="AR4657">
        <v>0</v>
      </c>
      <c r="AS4657">
        <v>0</v>
      </c>
      <c r="AT4657">
        <v>0</v>
      </c>
      <c r="AU4657">
        <v>0</v>
      </c>
      <c r="AV4657">
        <v>0</v>
      </c>
      <c r="AW4657">
        <v>0</v>
      </c>
      <c r="AX4657">
        <v>0</v>
      </c>
      <c r="AY4657">
        <v>0</v>
      </c>
      <c r="AZ4657">
        <v>0</v>
      </c>
      <c r="BA4657">
        <v>0</v>
      </c>
    </row>
    <row r="4658" spans="1:53" x14ac:dyDescent="0.4">
      <c r="A4658">
        <v>4702</v>
      </c>
      <c r="B4658" s="1">
        <v>44614</v>
      </c>
      <c r="C4658">
        <v>2</v>
      </c>
      <c r="D4658" s="1">
        <v>44614.44027777778</v>
      </c>
      <c r="E4658" s="1">
        <v>44614.740277777775</v>
      </c>
      <c r="F4658">
        <v>26050</v>
      </c>
      <c r="G4658">
        <v>1936</v>
      </c>
      <c r="H4658">
        <v>220</v>
      </c>
      <c r="I4658">
        <v>0</v>
      </c>
      <c r="J4658">
        <v>0</v>
      </c>
      <c r="K4658">
        <v>0</v>
      </c>
      <c r="L4658">
        <v>0</v>
      </c>
      <c r="M4658">
        <v>2561</v>
      </c>
      <c r="N4658">
        <v>0</v>
      </c>
      <c r="O4658">
        <v>0</v>
      </c>
      <c r="P4658">
        <v>15640</v>
      </c>
      <c r="Q4658">
        <v>0</v>
      </c>
      <c r="R4658">
        <v>43846</v>
      </c>
      <c r="S4658">
        <v>0</v>
      </c>
      <c r="T4658">
        <v>0</v>
      </c>
      <c r="U4658">
        <v>0</v>
      </c>
      <c r="V4658">
        <v>0</v>
      </c>
      <c r="W4658">
        <v>6</v>
      </c>
      <c r="X4658">
        <v>0</v>
      </c>
      <c r="Y4658">
        <v>41</v>
      </c>
      <c r="Z4658">
        <v>12</v>
      </c>
      <c r="AA4658">
        <v>78</v>
      </c>
      <c r="AB4658">
        <v>42</v>
      </c>
      <c r="AC4658">
        <v>80</v>
      </c>
      <c r="AD4658">
        <v>17</v>
      </c>
      <c r="AE4658">
        <v>71</v>
      </c>
      <c r="AF4658">
        <v>5990</v>
      </c>
      <c r="AG4658">
        <v>93846</v>
      </c>
      <c r="AH4658">
        <v>50000</v>
      </c>
      <c r="AI4658">
        <v>0</v>
      </c>
      <c r="AJ4658">
        <v>116</v>
      </c>
      <c r="AK4658" t="s">
        <v>54</v>
      </c>
      <c r="AL4658">
        <v>0</v>
      </c>
      <c r="AM4658">
        <v>0</v>
      </c>
      <c r="AN4658">
        <v>0</v>
      </c>
      <c r="AO4658">
        <v>0</v>
      </c>
      <c r="AP4658">
        <v>0</v>
      </c>
      <c r="AQ4658">
        <v>0</v>
      </c>
      <c r="AR4658">
        <v>0</v>
      </c>
      <c r="AS4658">
        <v>0</v>
      </c>
      <c r="AT4658">
        <v>0</v>
      </c>
      <c r="AU4658">
        <v>0</v>
      </c>
      <c r="AV4658">
        <v>0</v>
      </c>
      <c r="AW4658">
        <v>0</v>
      </c>
      <c r="AX4658">
        <v>-1590</v>
      </c>
      <c r="AY4658">
        <v>35</v>
      </c>
      <c r="AZ4658">
        <v>65</v>
      </c>
      <c r="BA4658">
        <v>5546</v>
      </c>
    </row>
    <row r="4659" spans="1:53" x14ac:dyDescent="0.4">
      <c r="A4659">
        <v>4703</v>
      </c>
      <c r="B4659" s="1">
        <v>44615</v>
      </c>
      <c r="C4659">
        <v>1</v>
      </c>
      <c r="D4659" s="1">
        <v>44615.291666666664</v>
      </c>
      <c r="E4659" s="1">
        <v>44615.408333333333</v>
      </c>
      <c r="F4659">
        <v>0</v>
      </c>
      <c r="G4659">
        <v>0</v>
      </c>
      <c r="H4659">
        <v>0</v>
      </c>
      <c r="I4659">
        <v>0</v>
      </c>
      <c r="J4659">
        <v>0</v>
      </c>
      <c r="K4659">
        <v>0</v>
      </c>
      <c r="L4659">
        <v>0</v>
      </c>
      <c r="M4659">
        <v>0</v>
      </c>
      <c r="N4659">
        <v>0</v>
      </c>
      <c r="O4659">
        <v>0</v>
      </c>
      <c r="P4659">
        <v>0</v>
      </c>
      <c r="Q4659">
        <v>0</v>
      </c>
      <c r="R4659">
        <v>0</v>
      </c>
      <c r="S4659">
        <v>0</v>
      </c>
      <c r="T4659">
        <v>0</v>
      </c>
      <c r="U4659">
        <v>0</v>
      </c>
      <c r="V4659">
        <v>0</v>
      </c>
      <c r="W4659">
        <v>1</v>
      </c>
      <c r="X4659">
        <v>0</v>
      </c>
      <c r="Y4659">
        <v>29</v>
      </c>
      <c r="Z4659">
        <v>11</v>
      </c>
      <c r="AA4659">
        <v>78</v>
      </c>
      <c r="AB4659">
        <v>36</v>
      </c>
      <c r="AC4659">
        <v>75</v>
      </c>
      <c r="AD4659">
        <v>16</v>
      </c>
      <c r="AE4659">
        <v>70</v>
      </c>
      <c r="AF4659">
        <v>0</v>
      </c>
      <c r="AG4659">
        <v>50000</v>
      </c>
      <c r="AH4659">
        <v>50000</v>
      </c>
      <c r="AI4659">
        <v>0</v>
      </c>
      <c r="AJ4659">
        <v>0</v>
      </c>
      <c r="AK4659" t="s">
        <v>6</v>
      </c>
      <c r="AL4659">
        <v>0</v>
      </c>
      <c r="AM4659">
        <v>0</v>
      </c>
      <c r="AN4659">
        <v>0</v>
      </c>
      <c r="AO4659">
        <v>0</v>
      </c>
      <c r="AP4659">
        <v>0</v>
      </c>
      <c r="AQ4659">
        <v>0</v>
      </c>
      <c r="AR4659">
        <v>0</v>
      </c>
      <c r="AS4659">
        <v>0</v>
      </c>
      <c r="AT4659">
        <v>0</v>
      </c>
      <c r="AU4659">
        <v>0</v>
      </c>
      <c r="AV4659">
        <v>0</v>
      </c>
      <c r="AW4659">
        <v>0</v>
      </c>
      <c r="AX4659">
        <v>0</v>
      </c>
      <c r="AY4659">
        <v>0</v>
      </c>
      <c r="AZ4659">
        <v>0</v>
      </c>
      <c r="BA4659">
        <v>0</v>
      </c>
    </row>
    <row r="4660" spans="1:53" x14ac:dyDescent="0.4">
      <c r="A4660">
        <v>4704</v>
      </c>
      <c r="B4660" s="1">
        <v>44615</v>
      </c>
      <c r="C4660">
        <v>2</v>
      </c>
      <c r="D4660" s="1">
        <v>44615.408333333333</v>
      </c>
      <c r="E4660" s="1">
        <v>44615.742361111108</v>
      </c>
      <c r="F4660">
        <v>37070</v>
      </c>
      <c r="G4660">
        <v>2970</v>
      </c>
      <c r="H4660">
        <v>0</v>
      </c>
      <c r="I4660">
        <v>0</v>
      </c>
      <c r="J4660">
        <v>0</v>
      </c>
      <c r="K4660">
        <v>0</v>
      </c>
      <c r="L4660">
        <v>0</v>
      </c>
      <c r="M4660">
        <v>3639</v>
      </c>
      <c r="N4660">
        <v>0</v>
      </c>
      <c r="O4660">
        <v>0</v>
      </c>
      <c r="P4660">
        <v>17440</v>
      </c>
      <c r="Q4660">
        <v>0</v>
      </c>
      <c r="R4660">
        <v>57480</v>
      </c>
      <c r="S4660">
        <v>0</v>
      </c>
      <c r="T4660">
        <v>0</v>
      </c>
      <c r="U4660">
        <v>0</v>
      </c>
      <c r="V4660">
        <v>4</v>
      </c>
      <c r="W4660">
        <v>2</v>
      </c>
      <c r="X4660">
        <v>0</v>
      </c>
      <c r="Y4660">
        <v>35</v>
      </c>
      <c r="Z4660">
        <v>24</v>
      </c>
      <c r="AA4660">
        <v>62</v>
      </c>
      <c r="AB4660">
        <v>43</v>
      </c>
      <c r="AC4660">
        <v>85</v>
      </c>
      <c r="AD4660">
        <v>15</v>
      </c>
      <c r="AE4660">
        <v>75</v>
      </c>
      <c r="AF4660">
        <v>1130</v>
      </c>
      <c r="AG4660">
        <v>107480</v>
      </c>
      <c r="AH4660">
        <v>50000</v>
      </c>
      <c r="AI4660">
        <v>0</v>
      </c>
      <c r="AJ4660">
        <v>103</v>
      </c>
      <c r="AK4660" t="s">
        <v>7</v>
      </c>
      <c r="AL4660">
        <v>0</v>
      </c>
      <c r="AM4660">
        <v>0</v>
      </c>
      <c r="AN4660">
        <v>0</v>
      </c>
      <c r="AO4660">
        <v>0</v>
      </c>
      <c r="AP4660">
        <v>0</v>
      </c>
      <c r="AQ4660">
        <v>0</v>
      </c>
      <c r="AR4660">
        <v>0</v>
      </c>
      <c r="AS4660">
        <v>0</v>
      </c>
      <c r="AT4660">
        <v>0</v>
      </c>
      <c r="AU4660">
        <v>0</v>
      </c>
      <c r="AV4660">
        <v>0</v>
      </c>
      <c r="AW4660">
        <v>0</v>
      </c>
      <c r="AX4660">
        <v>-26</v>
      </c>
      <c r="AY4660">
        <v>43</v>
      </c>
      <c r="AZ4660">
        <v>91</v>
      </c>
      <c r="BA4660">
        <v>6383</v>
      </c>
    </row>
    <row r="4661" spans="1:53" x14ac:dyDescent="0.4">
      <c r="A4661">
        <v>4705</v>
      </c>
      <c r="B4661" s="1">
        <v>44616</v>
      </c>
      <c r="C4661">
        <v>1</v>
      </c>
      <c r="D4661" s="1">
        <v>44616.291666666664</v>
      </c>
      <c r="E4661" s="1">
        <v>44616.443055555559</v>
      </c>
      <c r="F4661">
        <v>0</v>
      </c>
      <c r="G4661">
        <v>0</v>
      </c>
      <c r="H4661">
        <v>0</v>
      </c>
      <c r="I4661">
        <v>0</v>
      </c>
      <c r="J4661">
        <v>0</v>
      </c>
      <c r="K4661">
        <v>0</v>
      </c>
      <c r="L4661">
        <v>0</v>
      </c>
      <c r="M4661">
        <v>0</v>
      </c>
      <c r="N4661">
        <v>0</v>
      </c>
      <c r="O4661">
        <v>0</v>
      </c>
      <c r="P4661">
        <v>0</v>
      </c>
      <c r="Q4661">
        <v>0</v>
      </c>
      <c r="R4661">
        <v>0</v>
      </c>
      <c r="S4661">
        <v>0</v>
      </c>
      <c r="T4661">
        <v>0</v>
      </c>
      <c r="U4661">
        <v>0</v>
      </c>
      <c r="V4661">
        <v>0</v>
      </c>
      <c r="W4661">
        <v>1</v>
      </c>
      <c r="X4661">
        <v>0</v>
      </c>
      <c r="Y4661">
        <v>28</v>
      </c>
      <c r="Z4661">
        <v>17</v>
      </c>
      <c r="AA4661">
        <v>58</v>
      </c>
      <c r="AB4661">
        <v>36</v>
      </c>
      <c r="AC4661">
        <v>76</v>
      </c>
      <c r="AD4661">
        <v>14</v>
      </c>
      <c r="AE4661">
        <v>70</v>
      </c>
      <c r="AF4661">
        <v>0</v>
      </c>
      <c r="AG4661">
        <v>50000</v>
      </c>
      <c r="AH4661">
        <v>50000</v>
      </c>
      <c r="AI4661">
        <v>0</v>
      </c>
      <c r="AJ4661">
        <v>0</v>
      </c>
      <c r="AK4661" t="s">
        <v>6</v>
      </c>
      <c r="AL4661">
        <v>0</v>
      </c>
      <c r="AM4661">
        <v>0</v>
      </c>
      <c r="AN4661">
        <v>0</v>
      </c>
      <c r="AO4661">
        <v>0</v>
      </c>
      <c r="AP4661">
        <v>0</v>
      </c>
      <c r="AQ4661">
        <v>0</v>
      </c>
      <c r="AR4661">
        <v>0</v>
      </c>
      <c r="AS4661">
        <v>0</v>
      </c>
      <c r="AT4661">
        <v>0</v>
      </c>
      <c r="AU4661">
        <v>0</v>
      </c>
      <c r="AV4661">
        <v>0</v>
      </c>
      <c r="AW4661">
        <v>0</v>
      </c>
      <c r="AX4661">
        <v>0</v>
      </c>
      <c r="AY4661">
        <v>0</v>
      </c>
      <c r="AZ4661">
        <v>0</v>
      </c>
      <c r="BA4661">
        <v>0</v>
      </c>
    </row>
    <row r="4662" spans="1:53" x14ac:dyDescent="0.4">
      <c r="A4662">
        <v>4706</v>
      </c>
      <c r="B4662" s="1">
        <v>44616</v>
      </c>
      <c r="C4662">
        <v>2</v>
      </c>
      <c r="D4662" s="1">
        <v>44616.443055555559</v>
      </c>
      <c r="E4662" s="1">
        <v>44616.760416666664</v>
      </c>
      <c r="F4662">
        <v>30900</v>
      </c>
      <c r="G4662">
        <v>1804</v>
      </c>
      <c r="H4662">
        <v>0</v>
      </c>
      <c r="I4662">
        <v>0</v>
      </c>
      <c r="J4662">
        <v>0</v>
      </c>
      <c r="K4662">
        <v>0</v>
      </c>
      <c r="L4662">
        <v>0</v>
      </c>
      <c r="M4662">
        <v>2971</v>
      </c>
      <c r="N4662">
        <v>0</v>
      </c>
      <c r="O4662">
        <v>0</v>
      </c>
      <c r="P4662">
        <v>20520</v>
      </c>
      <c r="Q4662">
        <v>0</v>
      </c>
      <c r="R4662">
        <v>53224</v>
      </c>
      <c r="S4662">
        <v>0</v>
      </c>
      <c r="T4662">
        <v>0</v>
      </c>
      <c r="U4662">
        <v>0</v>
      </c>
      <c r="V4662">
        <v>3</v>
      </c>
      <c r="W4662">
        <v>1</v>
      </c>
      <c r="X4662">
        <v>0</v>
      </c>
      <c r="Y4662">
        <v>38</v>
      </c>
      <c r="Z4662">
        <v>26</v>
      </c>
      <c r="AA4662">
        <v>112</v>
      </c>
      <c r="AB4662">
        <v>43</v>
      </c>
      <c r="AC4662">
        <v>124</v>
      </c>
      <c r="AD4662">
        <v>14</v>
      </c>
      <c r="AE4662">
        <v>66</v>
      </c>
      <c r="AF4662">
        <v>2498</v>
      </c>
      <c r="AG4662">
        <v>103224</v>
      </c>
      <c r="AH4662">
        <v>50000</v>
      </c>
      <c r="AI4662">
        <v>0</v>
      </c>
      <c r="AJ4662">
        <v>102</v>
      </c>
      <c r="AK4662" t="s">
        <v>50</v>
      </c>
      <c r="AL4662">
        <v>0</v>
      </c>
      <c r="AM4662">
        <v>0</v>
      </c>
      <c r="AN4662">
        <v>0</v>
      </c>
      <c r="AO4662">
        <v>0</v>
      </c>
      <c r="AP4662">
        <v>0</v>
      </c>
      <c r="AQ4662">
        <v>0</v>
      </c>
      <c r="AR4662">
        <v>0</v>
      </c>
      <c r="AS4662">
        <v>0</v>
      </c>
      <c r="AT4662">
        <v>0</v>
      </c>
      <c r="AU4662">
        <v>0</v>
      </c>
      <c r="AV4662">
        <v>0</v>
      </c>
      <c r="AW4662">
        <v>0</v>
      </c>
      <c r="AX4662">
        <v>0</v>
      </c>
      <c r="AY4662">
        <v>44</v>
      </c>
      <c r="AZ4662">
        <v>83</v>
      </c>
      <c r="BA4662">
        <v>6685</v>
      </c>
    </row>
    <row r="4663" spans="1:53" x14ac:dyDescent="0.4">
      <c r="A4663">
        <v>4707</v>
      </c>
      <c r="B4663" s="1">
        <v>44617</v>
      </c>
      <c r="C4663">
        <v>1</v>
      </c>
      <c r="D4663" s="1">
        <v>44617.291666666664</v>
      </c>
      <c r="E4663" s="1">
        <v>44617.745138888888</v>
      </c>
      <c r="F4663">
        <v>20170</v>
      </c>
      <c r="G4663">
        <v>1364</v>
      </c>
      <c r="H4663">
        <v>220</v>
      </c>
      <c r="I4663">
        <v>0</v>
      </c>
      <c r="J4663">
        <v>100</v>
      </c>
      <c r="K4663">
        <v>0</v>
      </c>
      <c r="L4663">
        <v>0</v>
      </c>
      <c r="M4663">
        <v>1967</v>
      </c>
      <c r="N4663">
        <v>0</v>
      </c>
      <c r="O4663">
        <v>0</v>
      </c>
      <c r="P4663">
        <v>20874</v>
      </c>
      <c r="Q4663">
        <v>0</v>
      </c>
      <c r="R4663">
        <v>42528</v>
      </c>
      <c r="S4663">
        <v>0</v>
      </c>
      <c r="T4663">
        <v>0</v>
      </c>
      <c r="U4663">
        <v>0</v>
      </c>
      <c r="V4663">
        <v>2</v>
      </c>
      <c r="W4663">
        <v>2</v>
      </c>
      <c r="X4663">
        <v>0</v>
      </c>
      <c r="Y4663">
        <v>39</v>
      </c>
      <c r="Z4663">
        <v>20</v>
      </c>
      <c r="AA4663">
        <v>57</v>
      </c>
      <c r="AB4663">
        <v>36</v>
      </c>
      <c r="AC4663">
        <v>140</v>
      </c>
      <c r="AD4663">
        <v>13</v>
      </c>
      <c r="AE4663">
        <v>63</v>
      </c>
      <c r="AF4663">
        <v>4500</v>
      </c>
      <c r="AG4663">
        <v>92528</v>
      </c>
      <c r="AH4663">
        <v>50000</v>
      </c>
      <c r="AI4663">
        <v>0</v>
      </c>
      <c r="AJ4663">
        <v>119</v>
      </c>
      <c r="AK4663" t="s">
        <v>56</v>
      </c>
      <c r="AL4663">
        <v>0</v>
      </c>
      <c r="AM4663">
        <v>0</v>
      </c>
      <c r="AN4663">
        <v>0</v>
      </c>
      <c r="AO4663">
        <v>0</v>
      </c>
      <c r="AP4663">
        <v>0</v>
      </c>
      <c r="AQ4663">
        <v>0</v>
      </c>
      <c r="AR4663">
        <v>0</v>
      </c>
      <c r="AS4663">
        <v>0</v>
      </c>
      <c r="AT4663">
        <v>0</v>
      </c>
      <c r="AU4663">
        <v>0</v>
      </c>
      <c r="AV4663">
        <v>0</v>
      </c>
      <c r="AW4663">
        <v>0</v>
      </c>
      <c r="AX4663">
        <v>-1290</v>
      </c>
      <c r="AY4663">
        <v>40</v>
      </c>
      <c r="AZ4663">
        <v>68</v>
      </c>
      <c r="BA4663">
        <v>5478</v>
      </c>
    </row>
    <row r="4664" spans="1:53" x14ac:dyDescent="0.4">
      <c r="A4664">
        <v>4708</v>
      </c>
      <c r="B4664" s="1">
        <v>44618</v>
      </c>
      <c r="C4664">
        <v>1</v>
      </c>
      <c r="D4664" s="1">
        <v>44618.291666666664</v>
      </c>
      <c r="E4664" s="1">
        <v>44618.411111111112</v>
      </c>
      <c r="F4664">
        <v>0</v>
      </c>
      <c r="G4664">
        <v>0</v>
      </c>
      <c r="H4664">
        <v>0</v>
      </c>
      <c r="I4664">
        <v>0</v>
      </c>
      <c r="J4664">
        <v>0</v>
      </c>
      <c r="K4664">
        <v>0</v>
      </c>
      <c r="L4664">
        <v>0</v>
      </c>
      <c r="M4664">
        <v>0</v>
      </c>
      <c r="N4664">
        <v>0</v>
      </c>
      <c r="O4664">
        <v>0</v>
      </c>
      <c r="P4664">
        <v>0</v>
      </c>
      <c r="Q4664">
        <v>0</v>
      </c>
      <c r="R4664">
        <v>0</v>
      </c>
      <c r="S4664">
        <v>0</v>
      </c>
      <c r="T4664">
        <v>0</v>
      </c>
      <c r="U4664">
        <v>0</v>
      </c>
      <c r="V4664">
        <v>0</v>
      </c>
      <c r="W4664">
        <v>1</v>
      </c>
      <c r="X4664">
        <v>0</v>
      </c>
      <c r="Y4664">
        <v>28</v>
      </c>
      <c r="Z4664">
        <v>16</v>
      </c>
      <c r="AA4664">
        <v>60</v>
      </c>
      <c r="AB4664">
        <v>36</v>
      </c>
      <c r="AC4664">
        <v>108</v>
      </c>
      <c r="AD4664">
        <v>12</v>
      </c>
      <c r="AE4664">
        <v>60</v>
      </c>
      <c r="AF4664">
        <v>0</v>
      </c>
      <c r="AG4664">
        <v>50000</v>
      </c>
      <c r="AH4664">
        <v>50000</v>
      </c>
      <c r="AI4664">
        <v>0</v>
      </c>
      <c r="AJ4664">
        <v>0</v>
      </c>
      <c r="AK4664" t="s">
        <v>6</v>
      </c>
      <c r="AL4664">
        <v>0</v>
      </c>
      <c r="AM4664">
        <v>0</v>
      </c>
      <c r="AN4664">
        <v>0</v>
      </c>
      <c r="AO4664">
        <v>0</v>
      </c>
      <c r="AP4664">
        <v>0</v>
      </c>
      <c r="AQ4664">
        <v>0</v>
      </c>
      <c r="AR4664">
        <v>0</v>
      </c>
      <c r="AS4664">
        <v>0</v>
      </c>
      <c r="AT4664">
        <v>0</v>
      </c>
      <c r="AU4664">
        <v>0</v>
      </c>
      <c r="AV4664">
        <v>0</v>
      </c>
      <c r="AW4664">
        <v>0</v>
      </c>
      <c r="AX4664">
        <v>0</v>
      </c>
      <c r="AY4664">
        <v>0</v>
      </c>
      <c r="AZ4664">
        <v>0</v>
      </c>
      <c r="BA4664">
        <v>0</v>
      </c>
    </row>
    <row r="4665" spans="1:53" x14ac:dyDescent="0.4">
      <c r="A4665">
        <v>4709</v>
      </c>
      <c r="B4665" s="1">
        <v>44618</v>
      </c>
      <c r="C4665">
        <v>2</v>
      </c>
      <c r="D4665" s="1">
        <v>44618.411111111112</v>
      </c>
      <c r="E4665" s="1">
        <v>44618.745833333334</v>
      </c>
      <c r="F4665">
        <v>36330</v>
      </c>
      <c r="G4665">
        <v>2684</v>
      </c>
      <c r="H4665">
        <v>0</v>
      </c>
      <c r="I4665">
        <v>0</v>
      </c>
      <c r="J4665">
        <v>0</v>
      </c>
      <c r="K4665">
        <v>0</v>
      </c>
      <c r="L4665">
        <v>0</v>
      </c>
      <c r="M4665">
        <v>3544</v>
      </c>
      <c r="N4665">
        <v>0</v>
      </c>
      <c r="O4665">
        <v>0</v>
      </c>
      <c r="P4665">
        <v>17380</v>
      </c>
      <c r="Q4665">
        <v>0</v>
      </c>
      <c r="R4665">
        <v>56394</v>
      </c>
      <c r="S4665">
        <v>0</v>
      </c>
      <c r="T4665">
        <v>0</v>
      </c>
      <c r="U4665">
        <v>0</v>
      </c>
      <c r="V4665">
        <v>1</v>
      </c>
      <c r="W4665">
        <v>4</v>
      </c>
      <c r="X4665">
        <v>0</v>
      </c>
      <c r="Y4665">
        <v>60</v>
      </c>
      <c r="Z4665">
        <v>22</v>
      </c>
      <c r="AA4665">
        <v>9</v>
      </c>
      <c r="AB4665">
        <v>37</v>
      </c>
      <c r="AC4665">
        <v>113</v>
      </c>
      <c r="AD4665">
        <v>14</v>
      </c>
      <c r="AE4665">
        <v>76</v>
      </c>
      <c r="AF4665">
        <v>1368</v>
      </c>
      <c r="AG4665">
        <v>106394</v>
      </c>
      <c r="AH4665">
        <v>50000</v>
      </c>
      <c r="AI4665">
        <v>0</v>
      </c>
      <c r="AJ4665">
        <v>118</v>
      </c>
      <c r="AK4665" t="s">
        <v>59</v>
      </c>
      <c r="AL4665">
        <v>0</v>
      </c>
      <c r="AM4665">
        <v>0</v>
      </c>
      <c r="AN4665">
        <v>0</v>
      </c>
      <c r="AO4665">
        <v>0</v>
      </c>
      <c r="AP4665">
        <v>0</v>
      </c>
      <c r="AQ4665">
        <v>0</v>
      </c>
      <c r="AR4665">
        <v>0</v>
      </c>
      <c r="AS4665">
        <v>0</v>
      </c>
      <c r="AT4665">
        <v>0</v>
      </c>
      <c r="AU4665">
        <v>0</v>
      </c>
      <c r="AV4665">
        <v>0</v>
      </c>
      <c r="AW4665">
        <v>0</v>
      </c>
      <c r="AX4665">
        <v>-752</v>
      </c>
      <c r="AY4665">
        <v>46</v>
      </c>
      <c r="AZ4665">
        <v>87</v>
      </c>
      <c r="BA4665">
        <v>6897</v>
      </c>
    </row>
    <row r="4666" spans="1:53" x14ac:dyDescent="0.4">
      <c r="A4666">
        <v>4710</v>
      </c>
      <c r="B4666" s="1">
        <v>44619</v>
      </c>
      <c r="C4666">
        <v>1</v>
      </c>
      <c r="D4666" s="1">
        <v>44619.291666666664</v>
      </c>
      <c r="E4666" s="1">
        <v>44619.410416666666</v>
      </c>
      <c r="F4666">
        <v>0</v>
      </c>
      <c r="G4666">
        <v>0</v>
      </c>
      <c r="H4666">
        <v>0</v>
      </c>
      <c r="I4666">
        <v>0</v>
      </c>
      <c r="J4666">
        <v>0</v>
      </c>
      <c r="K4666">
        <v>0</v>
      </c>
      <c r="L4666">
        <v>0</v>
      </c>
      <c r="M4666">
        <v>0</v>
      </c>
      <c r="N4666">
        <v>0</v>
      </c>
      <c r="O4666">
        <v>0</v>
      </c>
      <c r="P4666">
        <v>0</v>
      </c>
      <c r="Q4666">
        <v>0</v>
      </c>
      <c r="R4666">
        <v>0</v>
      </c>
      <c r="S4666">
        <v>0</v>
      </c>
      <c r="T4666">
        <v>0</v>
      </c>
      <c r="U4666">
        <v>0</v>
      </c>
      <c r="V4666">
        <v>0</v>
      </c>
      <c r="W4666">
        <v>1</v>
      </c>
      <c r="X4666">
        <v>0</v>
      </c>
      <c r="Y4666">
        <v>31</v>
      </c>
      <c r="Z4666">
        <v>16</v>
      </c>
      <c r="AA4666">
        <v>33</v>
      </c>
      <c r="AB4666">
        <v>30</v>
      </c>
      <c r="AC4666">
        <v>107</v>
      </c>
      <c r="AD4666">
        <v>14</v>
      </c>
      <c r="AE4666">
        <v>60</v>
      </c>
      <c r="AF4666">
        <v>0</v>
      </c>
      <c r="AG4666">
        <v>50000</v>
      </c>
      <c r="AH4666">
        <v>50000</v>
      </c>
      <c r="AI4666">
        <v>0</v>
      </c>
      <c r="AJ4666">
        <v>0</v>
      </c>
      <c r="AK4666" t="s">
        <v>6</v>
      </c>
      <c r="AL4666">
        <v>0</v>
      </c>
      <c r="AM4666">
        <v>0</v>
      </c>
      <c r="AN4666">
        <v>0</v>
      </c>
      <c r="AO4666">
        <v>0</v>
      </c>
      <c r="AP4666">
        <v>0</v>
      </c>
      <c r="AQ4666">
        <v>0</v>
      </c>
      <c r="AR4666">
        <v>0</v>
      </c>
      <c r="AS4666">
        <v>0</v>
      </c>
      <c r="AT4666">
        <v>0</v>
      </c>
      <c r="AU4666">
        <v>0</v>
      </c>
      <c r="AV4666">
        <v>0</v>
      </c>
      <c r="AW4666">
        <v>0</v>
      </c>
      <c r="AX4666">
        <v>0</v>
      </c>
      <c r="AY4666">
        <v>0</v>
      </c>
      <c r="AZ4666">
        <v>0</v>
      </c>
      <c r="BA4666">
        <v>0</v>
      </c>
    </row>
    <row r="4667" spans="1:53" x14ac:dyDescent="0.4">
      <c r="A4667">
        <v>4711</v>
      </c>
      <c r="B4667" s="1">
        <v>44619</v>
      </c>
      <c r="C4667">
        <v>2</v>
      </c>
      <c r="D4667" s="1">
        <v>44619.410416666666</v>
      </c>
      <c r="E4667" s="1">
        <v>44619.743055555555</v>
      </c>
      <c r="F4667">
        <v>42260</v>
      </c>
      <c r="G4667">
        <v>2090</v>
      </c>
      <c r="H4667">
        <v>0</v>
      </c>
      <c r="I4667">
        <v>0</v>
      </c>
      <c r="J4667">
        <v>100</v>
      </c>
      <c r="K4667">
        <v>0</v>
      </c>
      <c r="L4667">
        <v>0</v>
      </c>
      <c r="M4667">
        <v>4020</v>
      </c>
      <c r="N4667">
        <v>0</v>
      </c>
      <c r="O4667">
        <v>0</v>
      </c>
      <c r="P4667">
        <v>19470</v>
      </c>
      <c r="Q4667">
        <v>0</v>
      </c>
      <c r="R4667">
        <v>63720</v>
      </c>
      <c r="S4667">
        <v>0</v>
      </c>
      <c r="T4667">
        <v>0</v>
      </c>
      <c r="U4667">
        <v>0</v>
      </c>
      <c r="V4667">
        <v>2</v>
      </c>
      <c r="W4667">
        <v>3</v>
      </c>
      <c r="X4667">
        <v>0</v>
      </c>
      <c r="Y4667">
        <v>53</v>
      </c>
      <c r="Z4667">
        <v>29</v>
      </c>
      <c r="AA4667">
        <v>47</v>
      </c>
      <c r="AB4667">
        <v>42</v>
      </c>
      <c r="AC4667">
        <v>136</v>
      </c>
      <c r="AD4667">
        <v>14</v>
      </c>
      <c r="AE4667">
        <v>60</v>
      </c>
      <c r="AF4667">
        <v>2930</v>
      </c>
      <c r="AG4667">
        <v>113720</v>
      </c>
      <c r="AH4667">
        <v>50000</v>
      </c>
      <c r="AI4667">
        <v>0</v>
      </c>
      <c r="AJ4667">
        <v>103</v>
      </c>
      <c r="AK4667" t="s">
        <v>7</v>
      </c>
      <c r="AL4667">
        <v>0</v>
      </c>
      <c r="AM4667">
        <v>0</v>
      </c>
      <c r="AN4667">
        <v>0</v>
      </c>
      <c r="AO4667">
        <v>0</v>
      </c>
      <c r="AP4667">
        <v>0</v>
      </c>
      <c r="AQ4667">
        <v>0</v>
      </c>
      <c r="AR4667">
        <v>0</v>
      </c>
      <c r="AS4667">
        <v>0</v>
      </c>
      <c r="AT4667">
        <v>0</v>
      </c>
      <c r="AU4667">
        <v>0</v>
      </c>
      <c r="AV4667">
        <v>0</v>
      </c>
      <c r="AW4667">
        <v>0</v>
      </c>
      <c r="AX4667">
        <v>-1240</v>
      </c>
      <c r="AY4667">
        <v>46</v>
      </c>
      <c r="AZ4667">
        <v>98</v>
      </c>
      <c r="BA4667">
        <v>7209</v>
      </c>
    </row>
    <row r="4668" spans="1:53" x14ac:dyDescent="0.4">
      <c r="A4668">
        <v>4712</v>
      </c>
      <c r="B4668" s="1">
        <v>44620</v>
      </c>
      <c r="C4668">
        <v>1</v>
      </c>
      <c r="D4668" s="1">
        <v>44620.291666666664</v>
      </c>
      <c r="E4668" s="1">
        <v>44620.445833333331</v>
      </c>
      <c r="F4668">
        <v>0</v>
      </c>
      <c r="G4668">
        <v>0</v>
      </c>
      <c r="H4668">
        <v>0</v>
      </c>
      <c r="I4668">
        <v>0</v>
      </c>
      <c r="J4668">
        <v>0</v>
      </c>
      <c r="K4668">
        <v>0</v>
      </c>
      <c r="L4668">
        <v>0</v>
      </c>
      <c r="M4668">
        <v>0</v>
      </c>
      <c r="N4668">
        <v>0</v>
      </c>
      <c r="O4668">
        <v>0</v>
      </c>
      <c r="P4668">
        <v>0</v>
      </c>
      <c r="Q4668">
        <v>0</v>
      </c>
      <c r="R4668">
        <v>0</v>
      </c>
      <c r="S4668">
        <v>0</v>
      </c>
      <c r="T4668">
        <v>0</v>
      </c>
      <c r="U4668">
        <v>0</v>
      </c>
      <c r="V4668">
        <v>0</v>
      </c>
      <c r="W4668">
        <v>1</v>
      </c>
      <c r="X4668">
        <v>0</v>
      </c>
      <c r="Y4668">
        <v>30</v>
      </c>
      <c r="Z4668">
        <v>14</v>
      </c>
      <c r="AA4668">
        <v>45</v>
      </c>
      <c r="AB4668">
        <v>43</v>
      </c>
      <c r="AC4668">
        <v>122</v>
      </c>
      <c r="AD4668">
        <v>14</v>
      </c>
      <c r="AE4668">
        <v>60</v>
      </c>
      <c r="AF4668">
        <v>0</v>
      </c>
      <c r="AG4668">
        <v>50000</v>
      </c>
      <c r="AH4668">
        <v>50000</v>
      </c>
      <c r="AI4668">
        <v>0</v>
      </c>
      <c r="AJ4668">
        <v>0</v>
      </c>
      <c r="AK4668" t="s">
        <v>6</v>
      </c>
      <c r="AL4668">
        <v>0</v>
      </c>
      <c r="AM4668">
        <v>0</v>
      </c>
      <c r="AN4668">
        <v>0</v>
      </c>
      <c r="AO4668">
        <v>0</v>
      </c>
      <c r="AP4668">
        <v>0</v>
      </c>
      <c r="AQ4668">
        <v>0</v>
      </c>
      <c r="AR4668">
        <v>0</v>
      </c>
      <c r="AS4668">
        <v>0</v>
      </c>
      <c r="AT4668">
        <v>0</v>
      </c>
      <c r="AU4668">
        <v>0</v>
      </c>
      <c r="AV4668">
        <v>0</v>
      </c>
      <c r="AW4668">
        <v>0</v>
      </c>
      <c r="AX4668">
        <v>0</v>
      </c>
      <c r="AY4668">
        <v>0</v>
      </c>
      <c r="AZ4668">
        <v>0</v>
      </c>
      <c r="BA4668">
        <v>0</v>
      </c>
    </row>
    <row r="4669" spans="1:53" x14ac:dyDescent="0.4">
      <c r="A4669">
        <v>4713</v>
      </c>
      <c r="B4669" s="1">
        <v>44620</v>
      </c>
      <c r="C4669">
        <v>2</v>
      </c>
      <c r="D4669" s="1">
        <v>44620.445833333331</v>
      </c>
      <c r="E4669" s="1">
        <v>44620.749305555553</v>
      </c>
      <c r="F4669">
        <v>27170</v>
      </c>
      <c r="G4669">
        <v>1188</v>
      </c>
      <c r="H4669">
        <v>0</v>
      </c>
      <c r="I4669">
        <v>0</v>
      </c>
      <c r="J4669">
        <v>0</v>
      </c>
      <c r="K4669">
        <v>0</v>
      </c>
      <c r="L4669">
        <v>0</v>
      </c>
      <c r="M4669">
        <v>2578</v>
      </c>
      <c r="N4669">
        <v>0</v>
      </c>
      <c r="O4669">
        <v>0</v>
      </c>
      <c r="P4669">
        <v>20590</v>
      </c>
      <c r="Q4669">
        <v>0</v>
      </c>
      <c r="R4669">
        <v>48948</v>
      </c>
      <c r="S4669">
        <v>0</v>
      </c>
      <c r="T4669">
        <v>0</v>
      </c>
      <c r="U4669">
        <v>0</v>
      </c>
      <c r="V4669">
        <v>1</v>
      </c>
      <c r="W4669">
        <v>2</v>
      </c>
      <c r="X4669">
        <v>0</v>
      </c>
      <c r="Y4669">
        <v>56</v>
      </c>
      <c r="Z4669">
        <v>31</v>
      </c>
      <c r="AA4669">
        <v>29</v>
      </c>
      <c r="AB4669">
        <v>50</v>
      </c>
      <c r="AC4669">
        <v>139</v>
      </c>
      <c r="AD4669">
        <v>13</v>
      </c>
      <c r="AE4669">
        <v>63</v>
      </c>
      <c r="AF4669">
        <v>530</v>
      </c>
      <c r="AG4669">
        <v>98948</v>
      </c>
      <c r="AH4669">
        <v>50000</v>
      </c>
      <c r="AI4669">
        <v>0</v>
      </c>
      <c r="AJ4669">
        <v>103</v>
      </c>
      <c r="AK4669" t="s">
        <v>7</v>
      </c>
      <c r="AL4669">
        <v>0</v>
      </c>
      <c r="AM4669">
        <v>0</v>
      </c>
      <c r="AN4669">
        <v>0</v>
      </c>
      <c r="AO4669">
        <v>0</v>
      </c>
      <c r="AP4669">
        <v>0</v>
      </c>
      <c r="AQ4669">
        <v>0</v>
      </c>
      <c r="AR4669">
        <v>0</v>
      </c>
      <c r="AS4669">
        <v>0</v>
      </c>
      <c r="AT4669">
        <v>0</v>
      </c>
      <c r="AU4669">
        <v>0</v>
      </c>
      <c r="AV4669">
        <v>0</v>
      </c>
      <c r="AW4669">
        <v>0</v>
      </c>
      <c r="AX4669">
        <v>0</v>
      </c>
      <c r="AY4669">
        <v>42</v>
      </c>
      <c r="AZ4669">
        <v>76</v>
      </c>
      <c r="BA4669">
        <v>6801</v>
      </c>
    </row>
    <row r="4670" spans="1:53" x14ac:dyDescent="0.4">
      <c r="A4670">
        <v>4714</v>
      </c>
      <c r="B4670" s="1">
        <v>44621</v>
      </c>
      <c r="C4670">
        <v>1</v>
      </c>
      <c r="D4670" s="1">
        <v>44621.291666666664</v>
      </c>
      <c r="E4670" s="1">
        <v>44621.443749999999</v>
      </c>
      <c r="F4670">
        <v>0</v>
      </c>
      <c r="G4670">
        <v>0</v>
      </c>
      <c r="H4670">
        <v>0</v>
      </c>
      <c r="I4670">
        <v>0</v>
      </c>
      <c r="J4670">
        <v>0</v>
      </c>
      <c r="K4670">
        <v>0</v>
      </c>
      <c r="L4670">
        <v>0</v>
      </c>
      <c r="M4670">
        <v>0</v>
      </c>
      <c r="N4670">
        <v>0</v>
      </c>
      <c r="O4670">
        <v>0</v>
      </c>
      <c r="P4670">
        <v>0</v>
      </c>
      <c r="Q4670">
        <v>0</v>
      </c>
      <c r="R4670">
        <v>0</v>
      </c>
      <c r="S4670">
        <v>0</v>
      </c>
      <c r="T4670">
        <v>0</v>
      </c>
      <c r="U4670">
        <v>0</v>
      </c>
      <c r="V4670">
        <v>0</v>
      </c>
      <c r="W4670">
        <v>1</v>
      </c>
      <c r="X4670">
        <v>0</v>
      </c>
      <c r="Y4670">
        <v>30</v>
      </c>
      <c r="Z4670">
        <v>15</v>
      </c>
      <c r="AA4670">
        <v>44</v>
      </c>
      <c r="AB4670">
        <v>41</v>
      </c>
      <c r="AC4670">
        <v>92</v>
      </c>
      <c r="AD4670">
        <v>13</v>
      </c>
      <c r="AE4670">
        <v>65</v>
      </c>
      <c r="AF4670">
        <v>0</v>
      </c>
      <c r="AG4670">
        <v>50000</v>
      </c>
      <c r="AH4670">
        <v>50000</v>
      </c>
      <c r="AI4670">
        <v>0</v>
      </c>
      <c r="AJ4670">
        <v>0</v>
      </c>
      <c r="AK4670" t="s">
        <v>6</v>
      </c>
      <c r="AL4670">
        <v>0</v>
      </c>
      <c r="AM4670">
        <v>0</v>
      </c>
      <c r="AN4670">
        <v>0</v>
      </c>
      <c r="AO4670">
        <v>0</v>
      </c>
      <c r="AP4670">
        <v>0</v>
      </c>
      <c r="AQ4670">
        <v>0</v>
      </c>
      <c r="AR4670">
        <v>0</v>
      </c>
      <c r="AS4670">
        <v>0</v>
      </c>
      <c r="AT4670">
        <v>0</v>
      </c>
      <c r="AU4670">
        <v>0</v>
      </c>
      <c r="AV4670">
        <v>0</v>
      </c>
      <c r="AW4670">
        <v>0</v>
      </c>
      <c r="AX4670">
        <v>0</v>
      </c>
      <c r="AY4670">
        <v>0</v>
      </c>
      <c r="AZ4670">
        <v>0</v>
      </c>
      <c r="BA4670">
        <v>0</v>
      </c>
    </row>
    <row r="4671" spans="1:53" x14ac:dyDescent="0.4">
      <c r="A4671">
        <v>4715</v>
      </c>
      <c r="B4671" s="1">
        <v>44622</v>
      </c>
      <c r="C4671">
        <v>1</v>
      </c>
      <c r="D4671" s="1">
        <v>44622.291666666664</v>
      </c>
      <c r="E4671" s="1">
        <v>44622.442361111112</v>
      </c>
      <c r="F4671">
        <v>0</v>
      </c>
      <c r="G4671">
        <v>0</v>
      </c>
      <c r="H4671">
        <v>0</v>
      </c>
      <c r="I4671">
        <v>0</v>
      </c>
      <c r="J4671">
        <v>0</v>
      </c>
      <c r="K4671">
        <v>0</v>
      </c>
      <c r="L4671">
        <v>0</v>
      </c>
      <c r="M4671">
        <v>0</v>
      </c>
      <c r="N4671">
        <v>0</v>
      </c>
      <c r="O4671">
        <v>0</v>
      </c>
      <c r="P4671">
        <v>0</v>
      </c>
      <c r="Q4671">
        <v>0</v>
      </c>
      <c r="R4671">
        <v>0</v>
      </c>
      <c r="S4671">
        <v>0</v>
      </c>
      <c r="T4671">
        <v>0</v>
      </c>
      <c r="U4671">
        <v>0</v>
      </c>
      <c r="V4671">
        <v>0</v>
      </c>
      <c r="W4671">
        <v>1</v>
      </c>
      <c r="X4671">
        <v>0</v>
      </c>
      <c r="Y4671">
        <v>26</v>
      </c>
      <c r="Z4671">
        <v>23</v>
      </c>
      <c r="AA4671">
        <v>45</v>
      </c>
      <c r="AB4671">
        <v>41</v>
      </c>
      <c r="AC4671">
        <v>82</v>
      </c>
      <c r="AD4671">
        <v>13</v>
      </c>
      <c r="AE4671">
        <v>65</v>
      </c>
      <c r="AF4671">
        <v>0</v>
      </c>
      <c r="AG4671">
        <v>50000</v>
      </c>
      <c r="AH4671">
        <v>50000</v>
      </c>
      <c r="AI4671">
        <v>0</v>
      </c>
      <c r="AJ4671">
        <v>0</v>
      </c>
      <c r="AK4671" t="s">
        <v>6</v>
      </c>
      <c r="AL4671">
        <v>0</v>
      </c>
      <c r="AM4671">
        <v>0</v>
      </c>
      <c r="AN4671">
        <v>0</v>
      </c>
      <c r="AO4671">
        <v>0</v>
      </c>
      <c r="AP4671">
        <v>0</v>
      </c>
      <c r="AQ4671">
        <v>0</v>
      </c>
      <c r="AR4671">
        <v>0</v>
      </c>
      <c r="AS4671">
        <v>0</v>
      </c>
      <c r="AT4671">
        <v>0</v>
      </c>
      <c r="AU4671">
        <v>0</v>
      </c>
      <c r="AV4671">
        <v>0</v>
      </c>
      <c r="AW4671">
        <v>0</v>
      </c>
      <c r="AX4671">
        <v>0</v>
      </c>
      <c r="AY4671">
        <v>0</v>
      </c>
      <c r="AZ4671">
        <v>0</v>
      </c>
      <c r="BA4671">
        <v>0</v>
      </c>
    </row>
    <row r="4672" spans="1:53" x14ac:dyDescent="0.4">
      <c r="A4672">
        <v>4716</v>
      </c>
      <c r="B4672" s="1">
        <v>44622</v>
      </c>
      <c r="C4672">
        <v>2</v>
      </c>
      <c r="D4672" s="1">
        <v>44622.442361111112</v>
      </c>
      <c r="E4672" s="1">
        <v>44622.750694444447</v>
      </c>
      <c r="F4672">
        <v>28100</v>
      </c>
      <c r="G4672">
        <v>440</v>
      </c>
      <c r="H4672">
        <v>0</v>
      </c>
      <c r="I4672">
        <v>0</v>
      </c>
      <c r="J4672">
        <v>170</v>
      </c>
      <c r="K4672">
        <v>0</v>
      </c>
      <c r="L4672">
        <v>0</v>
      </c>
      <c r="M4672">
        <v>2580</v>
      </c>
      <c r="N4672">
        <v>0</v>
      </c>
      <c r="O4672">
        <v>0</v>
      </c>
      <c r="P4672">
        <v>17800</v>
      </c>
      <c r="Q4672">
        <v>0</v>
      </c>
      <c r="R4672">
        <v>46170</v>
      </c>
      <c r="S4672">
        <v>0</v>
      </c>
      <c r="T4672">
        <v>0</v>
      </c>
      <c r="U4672">
        <v>0</v>
      </c>
      <c r="V4672">
        <v>0</v>
      </c>
      <c r="W4672">
        <v>4</v>
      </c>
      <c r="X4672">
        <v>0</v>
      </c>
      <c r="Y4672">
        <v>52</v>
      </c>
      <c r="Z4672">
        <v>29</v>
      </c>
      <c r="AA4672">
        <v>57</v>
      </c>
      <c r="AB4672">
        <v>45</v>
      </c>
      <c r="AC4672">
        <v>105</v>
      </c>
      <c r="AD4672">
        <v>15</v>
      </c>
      <c r="AE4672">
        <v>65</v>
      </c>
      <c r="AF4672">
        <v>530</v>
      </c>
      <c r="AG4672">
        <v>96170</v>
      </c>
      <c r="AH4672">
        <v>50000</v>
      </c>
      <c r="AI4672">
        <v>0</v>
      </c>
      <c r="AJ4672">
        <v>116</v>
      </c>
      <c r="AK4672" t="s">
        <v>54</v>
      </c>
      <c r="AL4672">
        <v>0</v>
      </c>
      <c r="AM4672">
        <v>0</v>
      </c>
      <c r="AN4672">
        <v>0</v>
      </c>
      <c r="AO4672">
        <v>0</v>
      </c>
      <c r="AP4672">
        <v>0</v>
      </c>
      <c r="AQ4672">
        <v>0</v>
      </c>
      <c r="AR4672">
        <v>0</v>
      </c>
      <c r="AS4672">
        <v>0</v>
      </c>
      <c r="AT4672">
        <v>0</v>
      </c>
      <c r="AU4672">
        <v>0</v>
      </c>
      <c r="AV4672">
        <v>0</v>
      </c>
      <c r="AW4672">
        <v>0</v>
      </c>
      <c r="AX4672">
        <v>1628</v>
      </c>
      <c r="AY4672">
        <v>43</v>
      </c>
      <c r="AZ4672">
        <v>75</v>
      </c>
      <c r="BA4672">
        <v>6025</v>
      </c>
    </row>
    <row r="4673" spans="1:53" x14ac:dyDescent="0.4">
      <c r="A4673">
        <v>4717</v>
      </c>
      <c r="B4673" s="1">
        <v>44623</v>
      </c>
      <c r="C4673">
        <v>1</v>
      </c>
      <c r="D4673" s="1">
        <v>44623.291666666664</v>
      </c>
      <c r="E4673" s="1">
        <v>44623.45</v>
      </c>
      <c r="F4673">
        <v>0</v>
      </c>
      <c r="G4673">
        <v>0</v>
      </c>
      <c r="H4673">
        <v>0</v>
      </c>
      <c r="I4673">
        <v>0</v>
      </c>
      <c r="J4673">
        <v>0</v>
      </c>
      <c r="K4673">
        <v>0</v>
      </c>
      <c r="L4673">
        <v>0</v>
      </c>
      <c r="M4673">
        <v>0</v>
      </c>
      <c r="N4673">
        <v>0</v>
      </c>
      <c r="O4673">
        <v>0</v>
      </c>
      <c r="P4673">
        <v>0</v>
      </c>
      <c r="Q4673">
        <v>0</v>
      </c>
      <c r="R4673">
        <v>0</v>
      </c>
      <c r="S4673">
        <v>0</v>
      </c>
      <c r="T4673">
        <v>0</v>
      </c>
      <c r="U4673">
        <v>0</v>
      </c>
      <c r="V4673">
        <v>0</v>
      </c>
      <c r="W4673">
        <v>1</v>
      </c>
      <c r="X4673">
        <v>0</v>
      </c>
      <c r="Y4673">
        <v>25</v>
      </c>
      <c r="Z4673">
        <v>17</v>
      </c>
      <c r="AA4673">
        <v>83</v>
      </c>
      <c r="AB4673">
        <v>41</v>
      </c>
      <c r="AC4673">
        <v>103</v>
      </c>
      <c r="AD4673">
        <v>12</v>
      </c>
      <c r="AE4673">
        <v>60</v>
      </c>
      <c r="AF4673">
        <v>0</v>
      </c>
      <c r="AG4673">
        <v>50000</v>
      </c>
      <c r="AH4673">
        <v>50000</v>
      </c>
      <c r="AI4673">
        <v>0</v>
      </c>
      <c r="AJ4673">
        <v>0</v>
      </c>
      <c r="AK4673" t="s">
        <v>6</v>
      </c>
      <c r="AL4673">
        <v>0</v>
      </c>
      <c r="AM4673">
        <v>0</v>
      </c>
      <c r="AN4673">
        <v>0</v>
      </c>
      <c r="AO4673">
        <v>0</v>
      </c>
      <c r="AP4673">
        <v>0</v>
      </c>
      <c r="AQ4673">
        <v>0</v>
      </c>
      <c r="AR4673">
        <v>0</v>
      </c>
      <c r="AS4673">
        <v>0</v>
      </c>
      <c r="AT4673">
        <v>0</v>
      </c>
      <c r="AU4673">
        <v>0</v>
      </c>
      <c r="AV4673">
        <v>0</v>
      </c>
      <c r="AW4673">
        <v>0</v>
      </c>
      <c r="AX4673">
        <v>0</v>
      </c>
      <c r="AY4673">
        <v>0</v>
      </c>
      <c r="AZ4673">
        <v>0</v>
      </c>
      <c r="BA4673">
        <v>0</v>
      </c>
    </row>
    <row r="4674" spans="1:53" x14ac:dyDescent="0.4">
      <c r="A4674">
        <v>4718</v>
      </c>
      <c r="B4674" s="1">
        <v>44623</v>
      </c>
      <c r="C4674">
        <v>2</v>
      </c>
      <c r="D4674" s="1">
        <v>44623.45</v>
      </c>
      <c r="E4674" s="1">
        <v>44623.736805555556</v>
      </c>
      <c r="F4674">
        <v>21820</v>
      </c>
      <c r="G4674">
        <v>0</v>
      </c>
      <c r="H4674">
        <v>0</v>
      </c>
      <c r="I4674">
        <v>0</v>
      </c>
      <c r="J4674">
        <v>0</v>
      </c>
      <c r="K4674">
        <v>0</v>
      </c>
      <c r="L4674">
        <v>0</v>
      </c>
      <c r="M4674">
        <v>1983</v>
      </c>
      <c r="N4674">
        <v>0</v>
      </c>
      <c r="O4674">
        <v>0</v>
      </c>
      <c r="P4674">
        <v>24820</v>
      </c>
      <c r="Q4674">
        <v>0</v>
      </c>
      <c r="R4674">
        <v>46640</v>
      </c>
      <c r="S4674">
        <v>0</v>
      </c>
      <c r="T4674">
        <v>0</v>
      </c>
      <c r="U4674">
        <v>0</v>
      </c>
      <c r="V4674">
        <v>3</v>
      </c>
      <c r="W4674">
        <v>1</v>
      </c>
      <c r="X4674">
        <v>0</v>
      </c>
      <c r="Y4674">
        <v>42</v>
      </c>
      <c r="Z4674">
        <v>21</v>
      </c>
      <c r="AA4674">
        <v>57</v>
      </c>
      <c r="AB4674">
        <v>41</v>
      </c>
      <c r="AC4674">
        <v>125</v>
      </c>
      <c r="AD4674">
        <v>16</v>
      </c>
      <c r="AE4674">
        <v>60</v>
      </c>
      <c r="AF4674">
        <v>0</v>
      </c>
      <c r="AG4674">
        <v>96640</v>
      </c>
      <c r="AH4674">
        <v>50000</v>
      </c>
      <c r="AI4674">
        <v>0</v>
      </c>
      <c r="AJ4674">
        <v>103</v>
      </c>
      <c r="AK4674" t="s">
        <v>7</v>
      </c>
      <c r="AL4674">
        <v>0</v>
      </c>
      <c r="AM4674">
        <v>0</v>
      </c>
      <c r="AN4674">
        <v>0</v>
      </c>
      <c r="AO4674">
        <v>0</v>
      </c>
      <c r="AP4674">
        <v>0</v>
      </c>
      <c r="AQ4674">
        <v>0</v>
      </c>
      <c r="AR4674">
        <v>0</v>
      </c>
      <c r="AS4674">
        <v>0</v>
      </c>
      <c r="AT4674">
        <v>0</v>
      </c>
      <c r="AU4674">
        <v>0</v>
      </c>
      <c r="AV4674">
        <v>0</v>
      </c>
      <c r="AW4674">
        <v>0</v>
      </c>
      <c r="AX4674">
        <v>0</v>
      </c>
      <c r="AY4674">
        <v>40</v>
      </c>
      <c r="AZ4674">
        <v>74</v>
      </c>
      <c r="BA4674">
        <v>5982</v>
      </c>
    </row>
    <row r="4675" spans="1:53" x14ac:dyDescent="0.4">
      <c r="A4675">
        <v>4719</v>
      </c>
      <c r="B4675" s="1">
        <v>44624</v>
      </c>
      <c r="C4675">
        <v>1</v>
      </c>
      <c r="D4675" s="1">
        <v>44624.291666666664</v>
      </c>
      <c r="E4675" s="1">
        <v>44624.439583333333</v>
      </c>
      <c r="F4675">
        <v>0</v>
      </c>
      <c r="G4675">
        <v>0</v>
      </c>
      <c r="H4675">
        <v>0</v>
      </c>
      <c r="I4675">
        <v>0</v>
      </c>
      <c r="J4675">
        <v>0</v>
      </c>
      <c r="K4675">
        <v>0</v>
      </c>
      <c r="L4675">
        <v>0</v>
      </c>
      <c r="M4675">
        <v>0</v>
      </c>
      <c r="N4675">
        <v>0</v>
      </c>
      <c r="O4675">
        <v>0</v>
      </c>
      <c r="P4675">
        <v>0</v>
      </c>
      <c r="Q4675">
        <v>0</v>
      </c>
      <c r="R4675">
        <v>0</v>
      </c>
      <c r="S4675">
        <v>0</v>
      </c>
      <c r="T4675">
        <v>0</v>
      </c>
      <c r="U4675">
        <v>0</v>
      </c>
      <c r="V4675">
        <v>0</v>
      </c>
      <c r="W4675">
        <v>0</v>
      </c>
      <c r="X4675">
        <v>0</v>
      </c>
      <c r="Y4675">
        <v>34</v>
      </c>
      <c r="Z4675">
        <v>14</v>
      </c>
      <c r="AA4675">
        <v>57</v>
      </c>
      <c r="AB4675">
        <v>40</v>
      </c>
      <c r="AC4675">
        <v>116</v>
      </c>
      <c r="AD4675">
        <v>16</v>
      </c>
      <c r="AE4675">
        <v>60</v>
      </c>
      <c r="AF4675">
        <v>0</v>
      </c>
      <c r="AG4675">
        <v>50000</v>
      </c>
      <c r="AH4675">
        <v>50000</v>
      </c>
      <c r="AI4675">
        <v>0</v>
      </c>
      <c r="AJ4675">
        <v>0</v>
      </c>
      <c r="AK4675" t="s">
        <v>6</v>
      </c>
      <c r="AL4675">
        <v>0</v>
      </c>
      <c r="AM4675">
        <v>0</v>
      </c>
      <c r="AN4675">
        <v>0</v>
      </c>
      <c r="AO4675">
        <v>0</v>
      </c>
      <c r="AP4675">
        <v>0</v>
      </c>
      <c r="AQ4675">
        <v>0</v>
      </c>
      <c r="AR4675">
        <v>0</v>
      </c>
      <c r="AS4675">
        <v>0</v>
      </c>
      <c r="AT4675">
        <v>0</v>
      </c>
      <c r="AU4675">
        <v>0</v>
      </c>
      <c r="AV4675">
        <v>0</v>
      </c>
      <c r="AW4675">
        <v>0</v>
      </c>
      <c r="AX4675">
        <v>0</v>
      </c>
      <c r="AY4675">
        <v>0</v>
      </c>
      <c r="AZ4675">
        <v>0</v>
      </c>
      <c r="BA4675">
        <v>0</v>
      </c>
    </row>
    <row r="4676" spans="1:53" x14ac:dyDescent="0.4">
      <c r="A4676">
        <v>4720</v>
      </c>
      <c r="B4676" s="1">
        <v>44624</v>
      </c>
      <c r="C4676">
        <v>2</v>
      </c>
      <c r="D4676" s="1">
        <v>44624.439583333333</v>
      </c>
      <c r="E4676" s="1">
        <v>44624.756249999999</v>
      </c>
      <c r="F4676">
        <v>31560</v>
      </c>
      <c r="G4676">
        <v>3124</v>
      </c>
      <c r="H4676">
        <v>0</v>
      </c>
      <c r="I4676">
        <v>0</v>
      </c>
      <c r="J4676">
        <v>0</v>
      </c>
      <c r="K4676">
        <v>400</v>
      </c>
      <c r="L4676">
        <v>0</v>
      </c>
      <c r="M4676">
        <v>3188</v>
      </c>
      <c r="N4676">
        <v>0</v>
      </c>
      <c r="O4676">
        <v>0</v>
      </c>
      <c r="P4676">
        <v>9770</v>
      </c>
      <c r="Q4676">
        <v>0</v>
      </c>
      <c r="R4676">
        <v>44854</v>
      </c>
      <c r="S4676">
        <v>0</v>
      </c>
      <c r="T4676">
        <v>0</v>
      </c>
      <c r="U4676">
        <v>0</v>
      </c>
      <c r="V4676">
        <v>1</v>
      </c>
      <c r="W4676">
        <v>0</v>
      </c>
      <c r="X4676">
        <v>0</v>
      </c>
      <c r="Y4676">
        <v>63</v>
      </c>
      <c r="Z4676">
        <v>22</v>
      </c>
      <c r="AA4676">
        <v>68</v>
      </c>
      <c r="AB4676">
        <v>41</v>
      </c>
      <c r="AC4676">
        <v>125</v>
      </c>
      <c r="AD4676">
        <v>19</v>
      </c>
      <c r="AE4676">
        <v>59</v>
      </c>
      <c r="AF4676">
        <v>600</v>
      </c>
      <c r="AG4676">
        <v>94854</v>
      </c>
      <c r="AH4676">
        <v>50000</v>
      </c>
      <c r="AI4676">
        <v>0</v>
      </c>
      <c r="AJ4676">
        <v>102</v>
      </c>
      <c r="AK4676" t="s">
        <v>50</v>
      </c>
      <c r="AL4676">
        <v>0</v>
      </c>
      <c r="AM4676">
        <v>0</v>
      </c>
      <c r="AN4676">
        <v>0</v>
      </c>
      <c r="AO4676">
        <v>0</v>
      </c>
      <c r="AP4676">
        <v>0</v>
      </c>
      <c r="AQ4676">
        <v>0</v>
      </c>
      <c r="AR4676">
        <v>0</v>
      </c>
      <c r="AS4676">
        <v>0</v>
      </c>
      <c r="AT4676">
        <v>0</v>
      </c>
      <c r="AU4676">
        <v>0</v>
      </c>
      <c r="AV4676">
        <v>0</v>
      </c>
      <c r="AW4676">
        <v>0</v>
      </c>
      <c r="AX4676">
        <v>0</v>
      </c>
      <c r="AY4676">
        <v>36</v>
      </c>
      <c r="AZ4676">
        <v>66</v>
      </c>
      <c r="BA4676">
        <v>5774</v>
      </c>
    </row>
    <row r="4677" spans="1:53" x14ac:dyDescent="0.4">
      <c r="A4677">
        <v>4721</v>
      </c>
      <c r="B4677" s="1">
        <v>44625</v>
      </c>
      <c r="C4677">
        <v>1</v>
      </c>
      <c r="D4677" s="1">
        <v>44625.291666666664</v>
      </c>
      <c r="E4677" s="1">
        <v>44625.408333333333</v>
      </c>
      <c r="F4677">
        <v>0</v>
      </c>
      <c r="G4677">
        <v>0</v>
      </c>
      <c r="H4677">
        <v>0</v>
      </c>
      <c r="I4677">
        <v>0</v>
      </c>
      <c r="J4677">
        <v>0</v>
      </c>
      <c r="K4677">
        <v>0</v>
      </c>
      <c r="L4677">
        <v>0</v>
      </c>
      <c r="M4677">
        <v>0</v>
      </c>
      <c r="N4677">
        <v>0</v>
      </c>
      <c r="O4677">
        <v>0</v>
      </c>
      <c r="P4677">
        <v>0</v>
      </c>
      <c r="Q4677">
        <v>0</v>
      </c>
      <c r="R4677">
        <v>0</v>
      </c>
      <c r="S4677">
        <v>0</v>
      </c>
      <c r="T4677">
        <v>0</v>
      </c>
      <c r="U4677">
        <v>0</v>
      </c>
      <c r="V4677">
        <v>0</v>
      </c>
      <c r="W4677">
        <v>0</v>
      </c>
      <c r="X4677">
        <v>0</v>
      </c>
      <c r="Y4677">
        <v>32</v>
      </c>
      <c r="Z4677">
        <v>15</v>
      </c>
      <c r="AA4677">
        <v>77</v>
      </c>
      <c r="AB4677">
        <v>37</v>
      </c>
      <c r="AC4677">
        <v>80</v>
      </c>
      <c r="AD4677">
        <v>19</v>
      </c>
      <c r="AE4677">
        <v>55</v>
      </c>
      <c r="AF4677">
        <v>0</v>
      </c>
      <c r="AG4677">
        <v>50000</v>
      </c>
      <c r="AH4677">
        <v>50000</v>
      </c>
      <c r="AI4677">
        <v>0</v>
      </c>
      <c r="AJ4677">
        <v>0</v>
      </c>
      <c r="AK4677" t="s">
        <v>6</v>
      </c>
      <c r="AL4677">
        <v>0</v>
      </c>
      <c r="AM4677">
        <v>0</v>
      </c>
      <c r="AN4677">
        <v>0</v>
      </c>
      <c r="AO4677">
        <v>0</v>
      </c>
      <c r="AP4677">
        <v>0</v>
      </c>
      <c r="AQ4677">
        <v>0</v>
      </c>
      <c r="AR4677">
        <v>0</v>
      </c>
      <c r="AS4677">
        <v>0</v>
      </c>
      <c r="AT4677">
        <v>0</v>
      </c>
      <c r="AU4677">
        <v>0</v>
      </c>
      <c r="AV4677">
        <v>0</v>
      </c>
      <c r="AW4677">
        <v>0</v>
      </c>
      <c r="AX4677">
        <v>0</v>
      </c>
      <c r="AY4677">
        <v>0</v>
      </c>
      <c r="AZ4677">
        <v>0</v>
      </c>
      <c r="BA4677">
        <v>0</v>
      </c>
    </row>
    <row r="4678" spans="1:53" x14ac:dyDescent="0.4">
      <c r="A4678">
        <v>4722</v>
      </c>
      <c r="B4678" s="1">
        <v>44625</v>
      </c>
      <c r="C4678">
        <v>2</v>
      </c>
      <c r="D4678" s="1">
        <v>44625.408333333333</v>
      </c>
      <c r="E4678" s="1">
        <v>44625.760416666664</v>
      </c>
      <c r="F4678">
        <v>49440</v>
      </c>
      <c r="G4678">
        <v>4862</v>
      </c>
      <c r="H4678">
        <v>0</v>
      </c>
      <c r="I4678">
        <v>0</v>
      </c>
      <c r="J4678">
        <v>100</v>
      </c>
      <c r="K4678">
        <v>0</v>
      </c>
      <c r="L4678">
        <v>0</v>
      </c>
      <c r="M4678">
        <v>4928</v>
      </c>
      <c r="N4678">
        <v>0</v>
      </c>
      <c r="O4678">
        <v>0</v>
      </c>
      <c r="P4678">
        <v>7660</v>
      </c>
      <c r="Q4678">
        <v>0</v>
      </c>
      <c r="R4678">
        <v>61862</v>
      </c>
      <c r="S4678">
        <v>0</v>
      </c>
      <c r="T4678">
        <v>0</v>
      </c>
      <c r="U4678">
        <v>0</v>
      </c>
      <c r="V4678">
        <v>3</v>
      </c>
      <c r="W4678">
        <v>1</v>
      </c>
      <c r="X4678">
        <v>0</v>
      </c>
      <c r="Y4678">
        <v>45</v>
      </c>
      <c r="Z4678">
        <v>38</v>
      </c>
      <c r="AA4678">
        <v>86</v>
      </c>
      <c r="AB4678">
        <v>41</v>
      </c>
      <c r="AC4678">
        <v>102</v>
      </c>
      <c r="AD4678">
        <v>16</v>
      </c>
      <c r="AE4678">
        <v>52</v>
      </c>
      <c r="AF4678">
        <v>1060</v>
      </c>
      <c r="AG4678">
        <v>111862</v>
      </c>
      <c r="AH4678">
        <v>50000</v>
      </c>
      <c r="AI4678">
        <v>0</v>
      </c>
      <c r="AJ4678">
        <v>102</v>
      </c>
      <c r="AK4678" t="s">
        <v>50</v>
      </c>
      <c r="AL4678">
        <v>0</v>
      </c>
      <c r="AM4678">
        <v>0</v>
      </c>
      <c r="AN4678">
        <v>0</v>
      </c>
      <c r="AO4678">
        <v>0</v>
      </c>
      <c r="AP4678">
        <v>0</v>
      </c>
      <c r="AQ4678">
        <v>0</v>
      </c>
      <c r="AR4678">
        <v>0</v>
      </c>
      <c r="AS4678">
        <v>0</v>
      </c>
      <c r="AT4678">
        <v>0</v>
      </c>
      <c r="AU4678">
        <v>0</v>
      </c>
      <c r="AV4678">
        <v>0</v>
      </c>
      <c r="AW4678">
        <v>0</v>
      </c>
      <c r="AX4678">
        <v>0</v>
      </c>
      <c r="AY4678">
        <v>43</v>
      </c>
      <c r="AZ4678">
        <v>95</v>
      </c>
      <c r="BA4678">
        <v>7014</v>
      </c>
    </row>
    <row r="4679" spans="1:53" x14ac:dyDescent="0.4">
      <c r="A4679">
        <v>4723</v>
      </c>
      <c r="B4679" s="1">
        <v>44625</v>
      </c>
      <c r="C4679">
        <v>3</v>
      </c>
      <c r="D4679" s="1">
        <v>44625.760416666664</v>
      </c>
      <c r="E4679" s="1">
        <v>44625.995833333334</v>
      </c>
      <c r="F4679">
        <v>22950</v>
      </c>
      <c r="G4679">
        <v>2156</v>
      </c>
      <c r="H4679">
        <v>0</v>
      </c>
      <c r="I4679">
        <v>0</v>
      </c>
      <c r="J4679">
        <v>0</v>
      </c>
      <c r="K4679">
        <v>0</v>
      </c>
      <c r="L4679">
        <v>0</v>
      </c>
      <c r="M4679">
        <v>2282</v>
      </c>
      <c r="N4679">
        <v>0</v>
      </c>
      <c r="O4679">
        <v>0</v>
      </c>
      <c r="P4679">
        <v>1590</v>
      </c>
      <c r="Q4679">
        <v>0</v>
      </c>
      <c r="R4679">
        <v>26696</v>
      </c>
      <c r="S4679">
        <v>0</v>
      </c>
      <c r="T4679">
        <v>0</v>
      </c>
      <c r="U4679">
        <v>0</v>
      </c>
      <c r="V4679">
        <v>6</v>
      </c>
      <c r="W4679">
        <v>1</v>
      </c>
      <c r="X4679">
        <v>0</v>
      </c>
      <c r="Y4679">
        <v>40</v>
      </c>
      <c r="Z4679">
        <v>38</v>
      </c>
      <c r="AA4679">
        <v>102</v>
      </c>
      <c r="AB4679">
        <v>42</v>
      </c>
      <c r="AC4679">
        <v>106</v>
      </c>
      <c r="AD4679">
        <v>16</v>
      </c>
      <c r="AE4679">
        <v>58</v>
      </c>
      <c r="AF4679">
        <v>1060</v>
      </c>
      <c r="AG4679">
        <v>138558</v>
      </c>
      <c r="AH4679">
        <v>50000</v>
      </c>
      <c r="AI4679">
        <v>0</v>
      </c>
      <c r="AJ4679">
        <v>108</v>
      </c>
      <c r="AK4679" t="s">
        <v>3</v>
      </c>
      <c r="AL4679">
        <v>0</v>
      </c>
      <c r="AM4679">
        <v>0</v>
      </c>
      <c r="AN4679">
        <v>0</v>
      </c>
      <c r="AO4679">
        <v>0</v>
      </c>
      <c r="AP4679">
        <v>0</v>
      </c>
      <c r="AQ4679">
        <v>0</v>
      </c>
      <c r="AR4679">
        <v>0</v>
      </c>
      <c r="AS4679">
        <v>0</v>
      </c>
      <c r="AT4679">
        <v>0</v>
      </c>
      <c r="AU4679">
        <v>0</v>
      </c>
      <c r="AV4679">
        <v>0</v>
      </c>
      <c r="AW4679">
        <v>0</v>
      </c>
      <c r="AX4679">
        <v>0</v>
      </c>
      <c r="AY4679">
        <v>5</v>
      </c>
      <c r="AZ4679">
        <v>15</v>
      </c>
      <c r="BA4679">
        <v>770</v>
      </c>
    </row>
    <row r="4680" spans="1:53" x14ac:dyDescent="0.4">
      <c r="A4680">
        <v>4724</v>
      </c>
      <c r="B4680" s="1">
        <v>44626</v>
      </c>
      <c r="C4680">
        <v>1</v>
      </c>
      <c r="D4680" s="1">
        <v>44626.291666666664</v>
      </c>
      <c r="E4680" s="1">
        <v>44626.423611111109</v>
      </c>
      <c r="F4680">
        <v>0</v>
      </c>
      <c r="G4680">
        <v>0</v>
      </c>
      <c r="H4680">
        <v>0</v>
      </c>
      <c r="I4680">
        <v>0</v>
      </c>
      <c r="J4680">
        <v>0</v>
      </c>
      <c r="K4680">
        <v>0</v>
      </c>
      <c r="L4680">
        <v>0</v>
      </c>
      <c r="M4680">
        <v>0</v>
      </c>
      <c r="N4680">
        <v>0</v>
      </c>
      <c r="O4680">
        <v>0</v>
      </c>
      <c r="P4680">
        <v>4510</v>
      </c>
      <c r="Q4680">
        <v>0</v>
      </c>
      <c r="R4680">
        <v>4510</v>
      </c>
      <c r="S4680">
        <v>0</v>
      </c>
      <c r="T4680">
        <v>0</v>
      </c>
      <c r="U4680">
        <v>0</v>
      </c>
      <c r="V4680">
        <v>1</v>
      </c>
      <c r="W4680">
        <v>0</v>
      </c>
      <c r="X4680">
        <v>0</v>
      </c>
      <c r="Y4680">
        <v>23</v>
      </c>
      <c r="Z4680">
        <v>14</v>
      </c>
      <c r="AA4680">
        <v>120</v>
      </c>
      <c r="AB4680">
        <v>36</v>
      </c>
      <c r="AC4680">
        <v>57</v>
      </c>
      <c r="AD4680">
        <v>16</v>
      </c>
      <c r="AE4680">
        <v>60</v>
      </c>
      <c r="AF4680">
        <v>0</v>
      </c>
      <c r="AG4680">
        <v>54510</v>
      </c>
      <c r="AH4680">
        <v>50000</v>
      </c>
      <c r="AI4680">
        <v>0</v>
      </c>
      <c r="AJ4680">
        <v>115</v>
      </c>
      <c r="AK4680" t="s">
        <v>55</v>
      </c>
      <c r="AL4680">
        <v>0</v>
      </c>
      <c r="AM4680">
        <v>0</v>
      </c>
      <c r="AN4680">
        <v>0</v>
      </c>
      <c r="AO4680">
        <v>0</v>
      </c>
      <c r="AP4680">
        <v>0</v>
      </c>
      <c r="AQ4680">
        <v>0</v>
      </c>
      <c r="AR4680">
        <v>0</v>
      </c>
      <c r="AS4680">
        <v>0</v>
      </c>
      <c r="AT4680">
        <v>0</v>
      </c>
      <c r="AU4680">
        <v>0</v>
      </c>
      <c r="AV4680">
        <v>0</v>
      </c>
      <c r="AW4680">
        <v>0</v>
      </c>
      <c r="AX4680">
        <v>-3010</v>
      </c>
      <c r="AY4680">
        <v>4</v>
      </c>
      <c r="AZ4680">
        <v>7</v>
      </c>
      <c r="BA4680">
        <v>30</v>
      </c>
    </row>
    <row r="4681" spans="1:53" x14ac:dyDescent="0.4">
      <c r="A4681">
        <v>4725</v>
      </c>
      <c r="B4681" s="1">
        <v>44626</v>
      </c>
      <c r="C4681">
        <v>2</v>
      </c>
      <c r="D4681" s="1">
        <v>44626.423611111109</v>
      </c>
      <c r="E4681" s="1">
        <v>44626.749305555553</v>
      </c>
      <c r="F4681">
        <v>48580</v>
      </c>
      <c r="G4681">
        <v>1936</v>
      </c>
      <c r="H4681">
        <v>0</v>
      </c>
      <c r="I4681">
        <v>0</v>
      </c>
      <c r="J4681">
        <v>100</v>
      </c>
      <c r="K4681">
        <v>0</v>
      </c>
      <c r="L4681">
        <v>0</v>
      </c>
      <c r="M4681">
        <v>4580</v>
      </c>
      <c r="N4681">
        <v>0</v>
      </c>
      <c r="O4681">
        <v>0</v>
      </c>
      <c r="P4681">
        <v>14870</v>
      </c>
      <c r="Q4681">
        <v>0</v>
      </c>
      <c r="R4681">
        <v>65286</v>
      </c>
      <c r="S4681">
        <v>0</v>
      </c>
      <c r="T4681">
        <v>0</v>
      </c>
      <c r="U4681">
        <v>0</v>
      </c>
      <c r="V4681">
        <v>4</v>
      </c>
      <c r="W4681">
        <v>0</v>
      </c>
      <c r="X4681">
        <v>0</v>
      </c>
      <c r="Y4681">
        <v>51</v>
      </c>
      <c r="Z4681">
        <v>20</v>
      </c>
      <c r="AA4681">
        <v>120</v>
      </c>
      <c r="AB4681">
        <v>45</v>
      </c>
      <c r="AC4681">
        <v>67</v>
      </c>
      <c r="AD4681">
        <v>15</v>
      </c>
      <c r="AE4681">
        <v>57</v>
      </c>
      <c r="AF4681">
        <v>3744</v>
      </c>
      <c r="AG4681">
        <v>119796</v>
      </c>
      <c r="AH4681">
        <v>50000</v>
      </c>
      <c r="AI4681">
        <v>0</v>
      </c>
      <c r="AJ4681">
        <v>118</v>
      </c>
      <c r="AK4681" t="s">
        <v>59</v>
      </c>
      <c r="AL4681">
        <v>0</v>
      </c>
      <c r="AM4681">
        <v>0</v>
      </c>
      <c r="AN4681">
        <v>0</v>
      </c>
      <c r="AO4681">
        <v>0</v>
      </c>
      <c r="AP4681">
        <v>0</v>
      </c>
      <c r="AQ4681">
        <v>0</v>
      </c>
      <c r="AR4681">
        <v>0</v>
      </c>
      <c r="AS4681">
        <v>0</v>
      </c>
      <c r="AT4681">
        <v>0</v>
      </c>
      <c r="AU4681">
        <v>0</v>
      </c>
      <c r="AV4681">
        <v>0</v>
      </c>
      <c r="AW4681">
        <v>0</v>
      </c>
      <c r="AX4681">
        <v>0</v>
      </c>
      <c r="AY4681">
        <v>45</v>
      </c>
      <c r="AZ4681">
        <v>101</v>
      </c>
      <c r="BA4681">
        <v>7892</v>
      </c>
    </row>
    <row r="4682" spans="1:53" x14ac:dyDescent="0.4">
      <c r="A4682">
        <v>4726</v>
      </c>
      <c r="B4682" s="1">
        <v>44627</v>
      </c>
      <c r="C4682">
        <v>1</v>
      </c>
      <c r="D4682" s="1">
        <v>44627.291666666664</v>
      </c>
      <c r="E4682" s="1">
        <v>44627.774305555555</v>
      </c>
      <c r="F4682">
        <v>35670</v>
      </c>
      <c r="G4682">
        <v>2068</v>
      </c>
      <c r="H4682">
        <v>0</v>
      </c>
      <c r="I4682">
        <v>0</v>
      </c>
      <c r="J4682">
        <v>0</v>
      </c>
      <c r="K4682">
        <v>0</v>
      </c>
      <c r="L4682">
        <v>0</v>
      </c>
      <c r="M4682">
        <v>3432</v>
      </c>
      <c r="N4682">
        <v>0</v>
      </c>
      <c r="O4682">
        <v>0</v>
      </c>
      <c r="P4682">
        <v>17190</v>
      </c>
      <c r="Q4682">
        <v>0</v>
      </c>
      <c r="R4682">
        <v>54928</v>
      </c>
      <c r="S4682">
        <v>0</v>
      </c>
      <c r="T4682">
        <v>0</v>
      </c>
      <c r="U4682">
        <v>0</v>
      </c>
      <c r="V4682">
        <v>1</v>
      </c>
      <c r="W4682">
        <v>0</v>
      </c>
      <c r="X4682">
        <v>0</v>
      </c>
      <c r="Y4682">
        <v>65</v>
      </c>
      <c r="Z4682">
        <v>23</v>
      </c>
      <c r="AA4682">
        <v>109</v>
      </c>
      <c r="AB4682">
        <v>33</v>
      </c>
      <c r="AC4682">
        <v>66</v>
      </c>
      <c r="AD4682">
        <v>13</v>
      </c>
      <c r="AE4682">
        <v>53</v>
      </c>
      <c r="AF4682">
        <v>5100</v>
      </c>
      <c r="AG4682">
        <v>104928</v>
      </c>
      <c r="AH4682">
        <v>50000</v>
      </c>
      <c r="AI4682">
        <v>0</v>
      </c>
      <c r="AJ4682">
        <v>102</v>
      </c>
      <c r="AK4682" t="s">
        <v>50</v>
      </c>
      <c r="AL4682">
        <v>0</v>
      </c>
      <c r="AM4682">
        <v>0</v>
      </c>
      <c r="AN4682">
        <v>0</v>
      </c>
      <c r="AO4682">
        <v>0</v>
      </c>
      <c r="AP4682">
        <v>0</v>
      </c>
      <c r="AQ4682">
        <v>0</v>
      </c>
      <c r="AR4682">
        <v>0</v>
      </c>
      <c r="AS4682">
        <v>0</v>
      </c>
      <c r="AT4682">
        <v>0</v>
      </c>
      <c r="AU4682">
        <v>0</v>
      </c>
      <c r="AV4682">
        <v>0</v>
      </c>
      <c r="AW4682">
        <v>0</v>
      </c>
      <c r="AX4682">
        <v>880</v>
      </c>
      <c r="AY4682">
        <v>44</v>
      </c>
      <c r="AZ4682">
        <v>85</v>
      </c>
      <c r="BA4682">
        <v>7315</v>
      </c>
    </row>
    <row r="4683" spans="1:53" x14ac:dyDescent="0.4">
      <c r="A4683">
        <v>4727</v>
      </c>
      <c r="B4683" s="1">
        <v>44629</v>
      </c>
      <c r="C4683">
        <v>1</v>
      </c>
      <c r="D4683" s="1">
        <v>44629.291666666664</v>
      </c>
      <c r="E4683" s="1">
        <v>44629.446527777778</v>
      </c>
      <c r="F4683">
        <v>0</v>
      </c>
      <c r="G4683">
        <v>0</v>
      </c>
      <c r="H4683">
        <v>0</v>
      </c>
      <c r="I4683">
        <v>0</v>
      </c>
      <c r="J4683">
        <v>0</v>
      </c>
      <c r="K4683">
        <v>0</v>
      </c>
      <c r="L4683">
        <v>0</v>
      </c>
      <c r="M4683">
        <v>0</v>
      </c>
      <c r="N4683">
        <v>0</v>
      </c>
      <c r="O4683">
        <v>0</v>
      </c>
      <c r="P4683">
        <v>0</v>
      </c>
      <c r="Q4683">
        <v>0</v>
      </c>
      <c r="R4683">
        <v>0</v>
      </c>
      <c r="S4683">
        <v>0</v>
      </c>
      <c r="T4683">
        <v>0</v>
      </c>
      <c r="U4683">
        <v>0</v>
      </c>
      <c r="V4683">
        <v>0</v>
      </c>
      <c r="W4683">
        <v>1</v>
      </c>
      <c r="X4683">
        <v>0</v>
      </c>
      <c r="Y4683">
        <v>25</v>
      </c>
      <c r="Z4683">
        <v>12</v>
      </c>
      <c r="AA4683">
        <v>116</v>
      </c>
      <c r="AB4683">
        <v>27</v>
      </c>
      <c r="AC4683">
        <v>92</v>
      </c>
      <c r="AD4683">
        <v>14</v>
      </c>
      <c r="AE4683">
        <v>60</v>
      </c>
      <c r="AF4683">
        <v>0</v>
      </c>
      <c r="AG4683">
        <v>50000</v>
      </c>
      <c r="AH4683">
        <v>50000</v>
      </c>
      <c r="AI4683">
        <v>0</v>
      </c>
      <c r="AJ4683">
        <v>0</v>
      </c>
      <c r="AK4683" t="s">
        <v>6</v>
      </c>
      <c r="AL4683">
        <v>0</v>
      </c>
      <c r="AM4683">
        <v>0</v>
      </c>
      <c r="AN4683">
        <v>0</v>
      </c>
      <c r="AO4683">
        <v>0</v>
      </c>
      <c r="AP4683">
        <v>0</v>
      </c>
      <c r="AQ4683">
        <v>0</v>
      </c>
      <c r="AR4683">
        <v>0</v>
      </c>
      <c r="AS4683">
        <v>0</v>
      </c>
      <c r="AT4683">
        <v>0</v>
      </c>
      <c r="AU4683">
        <v>0</v>
      </c>
      <c r="AV4683">
        <v>0</v>
      </c>
      <c r="AW4683">
        <v>0</v>
      </c>
      <c r="AX4683">
        <v>0</v>
      </c>
      <c r="AY4683">
        <v>0</v>
      </c>
      <c r="AZ4683">
        <v>0</v>
      </c>
      <c r="BA4683">
        <v>0</v>
      </c>
    </row>
    <row r="4684" spans="1:53" x14ac:dyDescent="0.4">
      <c r="A4684">
        <v>4728</v>
      </c>
      <c r="B4684" s="1">
        <v>44629</v>
      </c>
      <c r="C4684">
        <v>2</v>
      </c>
      <c r="D4684" s="1">
        <v>44629.446527777778</v>
      </c>
      <c r="E4684" s="1">
        <v>44629.751388888886</v>
      </c>
      <c r="F4684">
        <v>33200</v>
      </c>
      <c r="G4684">
        <v>748</v>
      </c>
      <c r="H4684">
        <v>0</v>
      </c>
      <c r="I4684">
        <v>0</v>
      </c>
      <c r="J4684">
        <v>100</v>
      </c>
      <c r="K4684">
        <v>0</v>
      </c>
      <c r="L4684">
        <v>0</v>
      </c>
      <c r="M4684">
        <v>3075</v>
      </c>
      <c r="N4684">
        <v>0</v>
      </c>
      <c r="O4684">
        <v>0</v>
      </c>
      <c r="P4684">
        <v>15180</v>
      </c>
      <c r="Q4684">
        <v>0</v>
      </c>
      <c r="R4684">
        <v>49028</v>
      </c>
      <c r="S4684">
        <v>0</v>
      </c>
      <c r="T4684">
        <v>0</v>
      </c>
      <c r="U4684">
        <v>0</v>
      </c>
      <c r="V4684">
        <v>0</v>
      </c>
      <c r="W4684">
        <v>1</v>
      </c>
      <c r="X4684">
        <v>0</v>
      </c>
      <c r="Y4684">
        <v>65</v>
      </c>
      <c r="Z4684">
        <v>29</v>
      </c>
      <c r="AA4684">
        <v>91</v>
      </c>
      <c r="AB4684">
        <v>32</v>
      </c>
      <c r="AC4684">
        <v>113</v>
      </c>
      <c r="AD4684">
        <v>15</v>
      </c>
      <c r="AE4684">
        <v>63</v>
      </c>
      <c r="AF4684">
        <v>2560</v>
      </c>
      <c r="AG4684">
        <v>99028</v>
      </c>
      <c r="AH4684">
        <v>50000</v>
      </c>
      <c r="AI4684">
        <v>0</v>
      </c>
      <c r="AJ4684">
        <v>102</v>
      </c>
      <c r="AK4684" t="s">
        <v>50</v>
      </c>
      <c r="AL4684">
        <v>0</v>
      </c>
      <c r="AM4684">
        <v>0</v>
      </c>
      <c r="AN4684">
        <v>0</v>
      </c>
      <c r="AO4684">
        <v>0</v>
      </c>
      <c r="AP4684">
        <v>0</v>
      </c>
      <c r="AQ4684">
        <v>0</v>
      </c>
      <c r="AR4684">
        <v>0</v>
      </c>
      <c r="AS4684">
        <v>0</v>
      </c>
      <c r="AT4684">
        <v>0</v>
      </c>
      <c r="AU4684">
        <v>0</v>
      </c>
      <c r="AV4684">
        <v>0</v>
      </c>
      <c r="AW4684">
        <v>0</v>
      </c>
      <c r="AX4684">
        <v>1470</v>
      </c>
      <c r="AY4684">
        <v>42</v>
      </c>
      <c r="AZ4684">
        <v>78</v>
      </c>
      <c r="BA4684">
        <v>6359</v>
      </c>
    </row>
    <row r="4685" spans="1:53" x14ac:dyDescent="0.4">
      <c r="A4685">
        <v>4729</v>
      </c>
      <c r="B4685" s="1">
        <v>44630</v>
      </c>
      <c r="C4685">
        <v>1</v>
      </c>
      <c r="D4685" s="1">
        <v>44630.291666666664</v>
      </c>
      <c r="E4685" s="1">
        <v>44630.443749999999</v>
      </c>
      <c r="F4685">
        <v>0</v>
      </c>
      <c r="G4685">
        <v>0</v>
      </c>
      <c r="H4685">
        <v>0</v>
      </c>
      <c r="I4685">
        <v>0</v>
      </c>
      <c r="J4685">
        <v>0</v>
      </c>
      <c r="K4685">
        <v>0</v>
      </c>
      <c r="L4685">
        <v>0</v>
      </c>
      <c r="M4685">
        <v>0</v>
      </c>
      <c r="N4685">
        <v>0</v>
      </c>
      <c r="O4685">
        <v>0</v>
      </c>
      <c r="P4685">
        <v>0</v>
      </c>
      <c r="Q4685">
        <v>0</v>
      </c>
      <c r="R4685">
        <v>0</v>
      </c>
      <c r="S4685">
        <v>0</v>
      </c>
      <c r="T4685">
        <v>0</v>
      </c>
      <c r="U4685">
        <v>0</v>
      </c>
      <c r="V4685">
        <v>0</v>
      </c>
      <c r="W4685">
        <v>0</v>
      </c>
      <c r="X4685">
        <v>0</v>
      </c>
      <c r="Y4685">
        <v>30</v>
      </c>
      <c r="Z4685">
        <v>16</v>
      </c>
      <c r="AA4685">
        <v>92</v>
      </c>
      <c r="AB4685">
        <v>33</v>
      </c>
      <c r="AC4685">
        <v>102</v>
      </c>
      <c r="AD4685">
        <v>14</v>
      </c>
      <c r="AE4685">
        <v>60</v>
      </c>
      <c r="AF4685">
        <v>0</v>
      </c>
      <c r="AG4685">
        <v>50000</v>
      </c>
      <c r="AH4685">
        <v>50000</v>
      </c>
      <c r="AI4685">
        <v>0</v>
      </c>
      <c r="AJ4685">
        <v>0</v>
      </c>
      <c r="AK4685" t="s">
        <v>6</v>
      </c>
      <c r="AL4685">
        <v>0</v>
      </c>
      <c r="AM4685">
        <v>0</v>
      </c>
      <c r="AN4685">
        <v>0</v>
      </c>
      <c r="AO4685">
        <v>0</v>
      </c>
      <c r="AP4685">
        <v>0</v>
      </c>
      <c r="AQ4685">
        <v>0</v>
      </c>
      <c r="AR4685">
        <v>0</v>
      </c>
      <c r="AS4685">
        <v>0</v>
      </c>
      <c r="AT4685">
        <v>0</v>
      </c>
      <c r="AU4685">
        <v>0</v>
      </c>
      <c r="AV4685">
        <v>0</v>
      </c>
      <c r="AW4685">
        <v>0</v>
      </c>
      <c r="AX4685">
        <v>0</v>
      </c>
      <c r="AY4685">
        <v>0</v>
      </c>
      <c r="AZ4685">
        <v>0</v>
      </c>
      <c r="BA4685">
        <v>0</v>
      </c>
    </row>
    <row r="4686" spans="1:53" x14ac:dyDescent="0.4">
      <c r="A4686">
        <v>4730</v>
      </c>
      <c r="B4686" s="1">
        <v>44631</v>
      </c>
      <c r="C4686">
        <v>1</v>
      </c>
      <c r="D4686" s="1">
        <v>44631.291666666664</v>
      </c>
      <c r="E4686" s="1">
        <v>44631.754166666666</v>
      </c>
      <c r="F4686">
        <v>37940</v>
      </c>
      <c r="G4686">
        <v>2222</v>
      </c>
      <c r="H4686">
        <v>0</v>
      </c>
      <c r="I4686">
        <v>0</v>
      </c>
      <c r="J4686">
        <v>200</v>
      </c>
      <c r="K4686">
        <v>400</v>
      </c>
      <c r="L4686">
        <v>0</v>
      </c>
      <c r="M4686">
        <v>3667</v>
      </c>
      <c r="N4686">
        <v>0</v>
      </c>
      <c r="O4686">
        <v>0</v>
      </c>
      <c r="P4686">
        <v>17820</v>
      </c>
      <c r="Q4686">
        <v>0</v>
      </c>
      <c r="R4686">
        <v>58182</v>
      </c>
      <c r="S4686">
        <v>0</v>
      </c>
      <c r="T4686">
        <v>0</v>
      </c>
      <c r="U4686">
        <v>0</v>
      </c>
      <c r="V4686">
        <v>2</v>
      </c>
      <c r="W4686">
        <v>1</v>
      </c>
      <c r="X4686">
        <v>0</v>
      </c>
      <c r="Y4686">
        <v>61</v>
      </c>
      <c r="Z4686">
        <v>22</v>
      </c>
      <c r="AA4686">
        <v>71</v>
      </c>
      <c r="AB4686">
        <v>42</v>
      </c>
      <c r="AC4686">
        <v>126</v>
      </c>
      <c r="AD4686">
        <v>11</v>
      </c>
      <c r="AE4686">
        <v>67</v>
      </c>
      <c r="AF4686">
        <v>600</v>
      </c>
      <c r="AG4686">
        <v>108182</v>
      </c>
      <c r="AH4686">
        <v>50000</v>
      </c>
      <c r="AI4686">
        <v>0</v>
      </c>
      <c r="AJ4686">
        <v>119</v>
      </c>
      <c r="AK4686" t="s">
        <v>56</v>
      </c>
      <c r="AL4686">
        <v>0</v>
      </c>
      <c r="AM4686">
        <v>0</v>
      </c>
      <c r="AN4686">
        <v>0</v>
      </c>
      <c r="AO4686">
        <v>0</v>
      </c>
      <c r="AP4686">
        <v>0</v>
      </c>
      <c r="AQ4686">
        <v>0</v>
      </c>
      <c r="AR4686">
        <v>0</v>
      </c>
      <c r="AS4686">
        <v>0</v>
      </c>
      <c r="AT4686">
        <v>0</v>
      </c>
      <c r="AU4686">
        <v>0</v>
      </c>
      <c r="AV4686">
        <v>0</v>
      </c>
      <c r="AW4686">
        <v>0</v>
      </c>
      <c r="AX4686">
        <v>0</v>
      </c>
      <c r="AY4686">
        <v>42</v>
      </c>
      <c r="AZ4686">
        <v>91</v>
      </c>
      <c r="BA4686">
        <v>6618</v>
      </c>
    </row>
    <row r="4687" spans="1:53" x14ac:dyDescent="0.4">
      <c r="A4687">
        <v>4731</v>
      </c>
      <c r="B4687" s="1">
        <v>44632</v>
      </c>
      <c r="C4687">
        <v>1</v>
      </c>
      <c r="D4687" s="1">
        <v>44632.291666666664</v>
      </c>
      <c r="E4687" s="1">
        <v>44632.40625</v>
      </c>
      <c r="F4687">
        <v>0</v>
      </c>
      <c r="G4687">
        <v>0</v>
      </c>
      <c r="H4687">
        <v>0</v>
      </c>
      <c r="I4687">
        <v>0</v>
      </c>
      <c r="J4687">
        <v>0</v>
      </c>
      <c r="K4687">
        <v>0</v>
      </c>
      <c r="L4687">
        <v>0</v>
      </c>
      <c r="M4687">
        <v>0</v>
      </c>
      <c r="N4687">
        <v>0</v>
      </c>
      <c r="O4687">
        <v>0</v>
      </c>
      <c r="P4687">
        <v>0</v>
      </c>
      <c r="Q4687">
        <v>0</v>
      </c>
      <c r="R4687">
        <v>0</v>
      </c>
      <c r="S4687">
        <v>0</v>
      </c>
      <c r="T4687">
        <v>0</v>
      </c>
      <c r="U4687">
        <v>0</v>
      </c>
      <c r="V4687">
        <v>0</v>
      </c>
      <c r="W4687">
        <v>1</v>
      </c>
      <c r="X4687">
        <v>0</v>
      </c>
      <c r="Y4687">
        <v>30</v>
      </c>
      <c r="Z4687">
        <v>12</v>
      </c>
      <c r="AA4687">
        <v>68</v>
      </c>
      <c r="AB4687">
        <v>26</v>
      </c>
      <c r="AC4687">
        <v>78</v>
      </c>
      <c r="AD4687">
        <v>11</v>
      </c>
      <c r="AE4687">
        <v>65</v>
      </c>
      <c r="AF4687">
        <v>0</v>
      </c>
      <c r="AG4687">
        <v>50000</v>
      </c>
      <c r="AH4687">
        <v>50000</v>
      </c>
      <c r="AI4687">
        <v>0</v>
      </c>
      <c r="AJ4687">
        <v>0</v>
      </c>
      <c r="AK4687" t="s">
        <v>6</v>
      </c>
      <c r="AL4687">
        <v>0</v>
      </c>
      <c r="AM4687">
        <v>0</v>
      </c>
      <c r="AN4687">
        <v>0</v>
      </c>
      <c r="AO4687">
        <v>0</v>
      </c>
      <c r="AP4687">
        <v>0</v>
      </c>
      <c r="AQ4687">
        <v>0</v>
      </c>
      <c r="AR4687">
        <v>0</v>
      </c>
      <c r="AS4687">
        <v>0</v>
      </c>
      <c r="AT4687">
        <v>0</v>
      </c>
      <c r="AU4687">
        <v>0</v>
      </c>
      <c r="AV4687">
        <v>0</v>
      </c>
      <c r="AW4687">
        <v>0</v>
      </c>
      <c r="AX4687">
        <v>0</v>
      </c>
      <c r="AY4687">
        <v>0</v>
      </c>
      <c r="AZ4687">
        <v>0</v>
      </c>
      <c r="BA4687">
        <v>0</v>
      </c>
    </row>
    <row r="4688" spans="1:53" x14ac:dyDescent="0.4">
      <c r="A4688">
        <v>4732</v>
      </c>
      <c r="B4688" s="1">
        <v>44632</v>
      </c>
      <c r="C4688">
        <v>2</v>
      </c>
      <c r="D4688" s="1">
        <v>44632.40625</v>
      </c>
      <c r="E4688" s="1">
        <v>44632.758333333331</v>
      </c>
      <c r="F4688">
        <v>56210</v>
      </c>
      <c r="G4688">
        <v>4840</v>
      </c>
      <c r="H4688">
        <v>858</v>
      </c>
      <c r="I4688">
        <v>0</v>
      </c>
      <c r="J4688">
        <v>0</v>
      </c>
      <c r="K4688">
        <v>0</v>
      </c>
      <c r="L4688">
        <v>0</v>
      </c>
      <c r="M4688">
        <v>5626</v>
      </c>
      <c r="N4688">
        <v>0</v>
      </c>
      <c r="O4688">
        <v>0</v>
      </c>
      <c r="P4688">
        <v>21560</v>
      </c>
      <c r="Q4688">
        <v>0</v>
      </c>
      <c r="R4688">
        <v>83468</v>
      </c>
      <c r="S4688">
        <v>0</v>
      </c>
      <c r="T4688">
        <v>0</v>
      </c>
      <c r="U4688">
        <v>0</v>
      </c>
      <c r="V4688">
        <v>2</v>
      </c>
      <c r="W4688">
        <v>3</v>
      </c>
      <c r="X4688">
        <v>0</v>
      </c>
      <c r="Y4688">
        <v>86</v>
      </c>
      <c r="Z4688">
        <v>16</v>
      </c>
      <c r="AA4688">
        <v>0</v>
      </c>
      <c r="AB4688">
        <v>25</v>
      </c>
      <c r="AC4688">
        <v>97</v>
      </c>
      <c r="AD4688">
        <v>11</v>
      </c>
      <c r="AE4688">
        <v>73</v>
      </c>
      <c r="AF4688">
        <v>2120</v>
      </c>
      <c r="AG4688">
        <v>133468</v>
      </c>
      <c r="AH4688">
        <v>50000</v>
      </c>
      <c r="AI4688">
        <v>0</v>
      </c>
      <c r="AJ4688">
        <v>102</v>
      </c>
      <c r="AK4688" t="s">
        <v>50</v>
      </c>
      <c r="AL4688">
        <v>0</v>
      </c>
      <c r="AM4688">
        <v>0</v>
      </c>
      <c r="AN4688">
        <v>0</v>
      </c>
      <c r="AO4688">
        <v>0</v>
      </c>
      <c r="AP4688">
        <v>0</v>
      </c>
      <c r="AQ4688">
        <v>0</v>
      </c>
      <c r="AR4688">
        <v>0</v>
      </c>
      <c r="AS4688">
        <v>0</v>
      </c>
      <c r="AT4688">
        <v>0</v>
      </c>
      <c r="AU4688">
        <v>0</v>
      </c>
      <c r="AV4688">
        <v>0</v>
      </c>
      <c r="AW4688">
        <v>0</v>
      </c>
      <c r="AX4688">
        <v>1958</v>
      </c>
      <c r="AY4688">
        <v>58</v>
      </c>
      <c r="AZ4688">
        <v>133</v>
      </c>
      <c r="BA4688">
        <v>8247</v>
      </c>
    </row>
    <row r="4689" spans="1:53" x14ac:dyDescent="0.4">
      <c r="A4689">
        <v>4733</v>
      </c>
      <c r="B4689" s="1">
        <v>44632</v>
      </c>
      <c r="C4689">
        <v>3</v>
      </c>
      <c r="D4689" s="1">
        <v>44632.758333333331</v>
      </c>
      <c r="E4689" s="1">
        <v>44632.956944444442</v>
      </c>
      <c r="F4689">
        <v>45110</v>
      </c>
      <c r="G4689">
        <v>6996</v>
      </c>
      <c r="H4689">
        <v>0</v>
      </c>
      <c r="I4689">
        <v>0</v>
      </c>
      <c r="J4689">
        <v>0</v>
      </c>
      <c r="K4689">
        <v>100</v>
      </c>
      <c r="L4689">
        <v>0</v>
      </c>
      <c r="M4689">
        <v>4745</v>
      </c>
      <c r="N4689">
        <v>0</v>
      </c>
      <c r="O4689">
        <v>0</v>
      </c>
      <c r="P4689">
        <v>-13060</v>
      </c>
      <c r="Q4689">
        <v>0</v>
      </c>
      <c r="R4689">
        <v>39146</v>
      </c>
      <c r="S4689">
        <v>0</v>
      </c>
      <c r="T4689">
        <v>0</v>
      </c>
      <c r="U4689">
        <v>0</v>
      </c>
      <c r="V4689">
        <v>3</v>
      </c>
      <c r="W4689">
        <v>3</v>
      </c>
      <c r="X4689">
        <v>0</v>
      </c>
      <c r="Y4689">
        <v>75</v>
      </c>
      <c r="Z4689">
        <v>15</v>
      </c>
      <c r="AA4689">
        <v>28</v>
      </c>
      <c r="AB4689">
        <v>19</v>
      </c>
      <c r="AC4689">
        <v>114</v>
      </c>
      <c r="AD4689">
        <v>10</v>
      </c>
      <c r="AE4689">
        <v>73</v>
      </c>
      <c r="AF4689">
        <v>40101</v>
      </c>
      <c r="AG4689">
        <v>172614</v>
      </c>
      <c r="AH4689">
        <v>50000</v>
      </c>
      <c r="AI4689">
        <v>0</v>
      </c>
      <c r="AJ4689">
        <v>108</v>
      </c>
      <c r="AK4689" t="s">
        <v>3</v>
      </c>
      <c r="AL4689">
        <v>0</v>
      </c>
      <c r="AM4689">
        <v>0</v>
      </c>
      <c r="AN4689">
        <v>0</v>
      </c>
      <c r="AO4689">
        <v>0</v>
      </c>
      <c r="AP4689">
        <v>0</v>
      </c>
      <c r="AQ4689">
        <v>0</v>
      </c>
      <c r="AR4689">
        <v>0</v>
      </c>
      <c r="AS4689">
        <v>0</v>
      </c>
      <c r="AT4689">
        <v>0</v>
      </c>
      <c r="AU4689">
        <v>0</v>
      </c>
      <c r="AV4689">
        <v>0</v>
      </c>
      <c r="AW4689">
        <v>0</v>
      </c>
      <c r="AX4689">
        <v>11880</v>
      </c>
      <c r="AY4689">
        <v>13</v>
      </c>
      <c r="AZ4689">
        <v>32</v>
      </c>
      <c r="BA4689">
        <v>2334</v>
      </c>
    </row>
    <row r="4690" spans="1:53" x14ac:dyDescent="0.4">
      <c r="A4690">
        <v>4734</v>
      </c>
      <c r="B4690" s="1">
        <v>44632</v>
      </c>
      <c r="C4690">
        <v>4</v>
      </c>
      <c r="D4690" s="1">
        <v>44632.956944444442</v>
      </c>
      <c r="E4690" s="1">
        <v>44633.085416666669</v>
      </c>
      <c r="F4690">
        <v>13680</v>
      </c>
      <c r="G4690">
        <v>0</v>
      </c>
      <c r="H4690">
        <v>0</v>
      </c>
      <c r="I4690">
        <v>0</v>
      </c>
      <c r="J4690">
        <v>0</v>
      </c>
      <c r="K4690">
        <v>0</v>
      </c>
      <c r="L4690">
        <v>0</v>
      </c>
      <c r="M4690">
        <v>1244</v>
      </c>
      <c r="N4690">
        <v>0</v>
      </c>
      <c r="O4690">
        <v>0</v>
      </c>
      <c r="P4690">
        <v>20170</v>
      </c>
      <c r="Q4690">
        <v>0</v>
      </c>
      <c r="R4690">
        <v>33850</v>
      </c>
      <c r="S4690">
        <v>0</v>
      </c>
      <c r="T4690">
        <v>0</v>
      </c>
      <c r="U4690">
        <v>0</v>
      </c>
      <c r="V4690">
        <v>4</v>
      </c>
      <c r="W4690">
        <v>5</v>
      </c>
      <c r="X4690">
        <v>0</v>
      </c>
      <c r="Y4690">
        <v>87</v>
      </c>
      <c r="Z4690">
        <v>14</v>
      </c>
      <c r="AA4690">
        <v>37</v>
      </c>
      <c r="AB4690">
        <v>18</v>
      </c>
      <c r="AC4690">
        <v>115</v>
      </c>
      <c r="AD4690">
        <v>10</v>
      </c>
      <c r="AE4690">
        <v>73</v>
      </c>
      <c r="AF4690">
        <v>41601</v>
      </c>
      <c r="AG4690">
        <v>206474</v>
      </c>
      <c r="AH4690">
        <v>50000</v>
      </c>
      <c r="AI4690">
        <v>10</v>
      </c>
      <c r="AJ4690">
        <v>108</v>
      </c>
      <c r="AK4690" t="s">
        <v>3</v>
      </c>
      <c r="AL4690">
        <v>0</v>
      </c>
      <c r="AM4690">
        <v>0</v>
      </c>
      <c r="AN4690">
        <v>0</v>
      </c>
      <c r="AO4690">
        <v>0</v>
      </c>
      <c r="AP4690">
        <v>0</v>
      </c>
      <c r="AQ4690">
        <v>0</v>
      </c>
      <c r="AR4690">
        <v>0</v>
      </c>
      <c r="AS4690">
        <v>0</v>
      </c>
      <c r="AT4690">
        <v>0</v>
      </c>
      <c r="AU4690">
        <v>0</v>
      </c>
      <c r="AV4690">
        <v>0</v>
      </c>
      <c r="AW4690">
        <v>0</v>
      </c>
      <c r="AX4690">
        <v>-260</v>
      </c>
      <c r="AY4690">
        <v>5</v>
      </c>
      <c r="AZ4690">
        <v>11</v>
      </c>
      <c r="BA4690">
        <v>676</v>
      </c>
    </row>
    <row r="4691" spans="1:53" x14ac:dyDescent="0.4">
      <c r="A4691">
        <v>4735</v>
      </c>
      <c r="B4691" s="1">
        <v>44633</v>
      </c>
      <c r="C4691">
        <v>1</v>
      </c>
      <c r="D4691" s="1">
        <v>44633.291666666664</v>
      </c>
      <c r="E4691" s="1">
        <v>44633.407638888886</v>
      </c>
      <c r="F4691">
        <v>0</v>
      </c>
      <c r="G4691">
        <v>0</v>
      </c>
      <c r="H4691">
        <v>0</v>
      </c>
      <c r="I4691">
        <v>0</v>
      </c>
      <c r="J4691">
        <v>0</v>
      </c>
      <c r="K4691">
        <v>0</v>
      </c>
      <c r="L4691">
        <v>0</v>
      </c>
      <c r="M4691">
        <v>0</v>
      </c>
      <c r="N4691">
        <v>0</v>
      </c>
      <c r="O4691">
        <v>0</v>
      </c>
      <c r="P4691">
        <v>0</v>
      </c>
      <c r="Q4691">
        <v>0</v>
      </c>
      <c r="R4691">
        <v>0</v>
      </c>
      <c r="S4691">
        <v>0</v>
      </c>
      <c r="T4691">
        <v>0</v>
      </c>
      <c r="U4691">
        <v>0</v>
      </c>
      <c r="V4691">
        <v>0</v>
      </c>
      <c r="W4691">
        <v>1</v>
      </c>
      <c r="X4691">
        <v>0</v>
      </c>
      <c r="Y4691">
        <v>33</v>
      </c>
      <c r="Z4691">
        <v>13</v>
      </c>
      <c r="AA4691">
        <v>36</v>
      </c>
      <c r="AB4691">
        <v>14</v>
      </c>
      <c r="AC4691">
        <v>108</v>
      </c>
      <c r="AD4691">
        <v>10</v>
      </c>
      <c r="AE4691">
        <v>70</v>
      </c>
      <c r="AF4691">
        <v>0</v>
      </c>
      <c r="AG4691">
        <v>50000</v>
      </c>
      <c r="AH4691">
        <v>50000</v>
      </c>
      <c r="AI4691">
        <v>0</v>
      </c>
      <c r="AJ4691">
        <v>0</v>
      </c>
      <c r="AK4691" t="s">
        <v>6</v>
      </c>
      <c r="AL4691">
        <v>0</v>
      </c>
      <c r="AM4691">
        <v>0</v>
      </c>
      <c r="AN4691">
        <v>0</v>
      </c>
      <c r="AO4691">
        <v>0</v>
      </c>
      <c r="AP4691">
        <v>0</v>
      </c>
      <c r="AQ4691">
        <v>0</v>
      </c>
      <c r="AR4691">
        <v>0</v>
      </c>
      <c r="AS4691">
        <v>0</v>
      </c>
      <c r="AT4691">
        <v>0</v>
      </c>
      <c r="AU4691">
        <v>0</v>
      </c>
      <c r="AV4691">
        <v>0</v>
      </c>
      <c r="AW4691">
        <v>0</v>
      </c>
      <c r="AX4691">
        <v>0</v>
      </c>
      <c r="AY4691">
        <v>0</v>
      </c>
      <c r="AZ4691">
        <v>0</v>
      </c>
      <c r="BA4691">
        <v>0</v>
      </c>
    </row>
    <row r="4692" spans="1:53" x14ac:dyDescent="0.4">
      <c r="A4692">
        <v>4736</v>
      </c>
      <c r="B4692" s="1">
        <v>44633</v>
      </c>
      <c r="C4692">
        <v>2</v>
      </c>
      <c r="D4692" s="1">
        <v>44633.407638888886</v>
      </c>
      <c r="E4692" s="1">
        <v>44633.739583333336</v>
      </c>
      <c r="F4692">
        <v>40790</v>
      </c>
      <c r="G4692">
        <v>1210</v>
      </c>
      <c r="H4692">
        <v>0</v>
      </c>
      <c r="I4692">
        <v>0</v>
      </c>
      <c r="J4692">
        <v>100</v>
      </c>
      <c r="K4692">
        <v>400</v>
      </c>
      <c r="L4692">
        <v>0</v>
      </c>
      <c r="M4692">
        <v>3841</v>
      </c>
      <c r="N4692">
        <v>0</v>
      </c>
      <c r="O4692">
        <v>0</v>
      </c>
      <c r="P4692">
        <v>29464</v>
      </c>
      <c r="Q4692">
        <v>0</v>
      </c>
      <c r="R4692">
        <v>71764</v>
      </c>
      <c r="S4692">
        <v>0</v>
      </c>
      <c r="T4692">
        <v>0</v>
      </c>
      <c r="U4692">
        <v>0</v>
      </c>
      <c r="V4692">
        <v>1</v>
      </c>
      <c r="W4692">
        <v>2</v>
      </c>
      <c r="X4692">
        <v>0</v>
      </c>
      <c r="Y4692">
        <v>78</v>
      </c>
      <c r="Z4692">
        <v>31</v>
      </c>
      <c r="AA4692">
        <v>21</v>
      </c>
      <c r="AB4692">
        <v>10</v>
      </c>
      <c r="AC4692">
        <v>122</v>
      </c>
      <c r="AD4692">
        <v>11</v>
      </c>
      <c r="AE4692">
        <v>79</v>
      </c>
      <c r="AF4692">
        <v>4310</v>
      </c>
      <c r="AG4692">
        <v>121764</v>
      </c>
      <c r="AH4692">
        <v>50000</v>
      </c>
      <c r="AI4692">
        <v>0</v>
      </c>
      <c r="AJ4692">
        <v>103</v>
      </c>
      <c r="AK4692" t="s">
        <v>7</v>
      </c>
      <c r="AL4692">
        <v>0</v>
      </c>
      <c r="AM4692">
        <v>0</v>
      </c>
      <c r="AN4692">
        <v>0</v>
      </c>
      <c r="AO4692">
        <v>0</v>
      </c>
      <c r="AP4692">
        <v>0</v>
      </c>
      <c r="AQ4692">
        <v>0</v>
      </c>
      <c r="AR4692">
        <v>0</v>
      </c>
      <c r="AS4692">
        <v>0</v>
      </c>
      <c r="AT4692">
        <v>0</v>
      </c>
      <c r="AU4692">
        <v>0</v>
      </c>
      <c r="AV4692">
        <v>0</v>
      </c>
      <c r="AW4692">
        <v>0</v>
      </c>
      <c r="AX4692">
        <v>-1982</v>
      </c>
      <c r="AY4692">
        <v>48</v>
      </c>
      <c r="AZ4692">
        <v>113</v>
      </c>
      <c r="BA4692">
        <v>7367</v>
      </c>
    </row>
    <row r="4693" spans="1:53" x14ac:dyDescent="0.4">
      <c r="A4693">
        <v>4737</v>
      </c>
      <c r="B4693" s="1">
        <v>44634</v>
      </c>
      <c r="C4693">
        <v>1</v>
      </c>
      <c r="D4693" s="1">
        <v>44634.291666666664</v>
      </c>
      <c r="E4693" s="1">
        <v>44634.4375</v>
      </c>
      <c r="F4693">
        <v>0</v>
      </c>
      <c r="G4693">
        <v>0</v>
      </c>
      <c r="H4693">
        <v>0</v>
      </c>
      <c r="I4693">
        <v>0</v>
      </c>
      <c r="J4693">
        <v>0</v>
      </c>
      <c r="K4693">
        <v>0</v>
      </c>
      <c r="L4693">
        <v>0</v>
      </c>
      <c r="M4693">
        <v>0</v>
      </c>
      <c r="N4693">
        <v>0</v>
      </c>
      <c r="O4693">
        <v>0</v>
      </c>
      <c r="P4693">
        <v>0</v>
      </c>
      <c r="Q4693">
        <v>0</v>
      </c>
      <c r="R4693">
        <v>0</v>
      </c>
      <c r="S4693">
        <v>0</v>
      </c>
      <c r="T4693">
        <v>0</v>
      </c>
      <c r="U4693">
        <v>0</v>
      </c>
      <c r="V4693">
        <v>0</v>
      </c>
      <c r="W4693">
        <v>2</v>
      </c>
      <c r="X4693">
        <v>0</v>
      </c>
      <c r="Y4693">
        <v>28</v>
      </c>
      <c r="Z4693">
        <v>16</v>
      </c>
      <c r="AA4693">
        <v>25</v>
      </c>
      <c r="AB4693">
        <v>10</v>
      </c>
      <c r="AC4693">
        <v>87</v>
      </c>
      <c r="AD4693">
        <v>11</v>
      </c>
      <c r="AE4693">
        <v>75</v>
      </c>
      <c r="AF4693">
        <v>0</v>
      </c>
      <c r="AG4693">
        <v>50000</v>
      </c>
      <c r="AH4693">
        <v>50000</v>
      </c>
      <c r="AI4693">
        <v>0</v>
      </c>
      <c r="AJ4693">
        <v>0</v>
      </c>
      <c r="AK4693" t="s">
        <v>6</v>
      </c>
      <c r="AL4693">
        <v>0</v>
      </c>
      <c r="AM4693">
        <v>0</v>
      </c>
      <c r="AN4693">
        <v>0</v>
      </c>
      <c r="AO4693">
        <v>0</v>
      </c>
      <c r="AP4693">
        <v>0</v>
      </c>
      <c r="AQ4693">
        <v>0</v>
      </c>
      <c r="AR4693">
        <v>0</v>
      </c>
      <c r="AS4693">
        <v>0</v>
      </c>
      <c r="AT4693">
        <v>0</v>
      </c>
      <c r="AU4693">
        <v>0</v>
      </c>
      <c r="AV4693">
        <v>0</v>
      </c>
      <c r="AW4693">
        <v>0</v>
      </c>
      <c r="AX4693">
        <v>0</v>
      </c>
      <c r="AY4693">
        <v>0</v>
      </c>
      <c r="AZ4693">
        <v>0</v>
      </c>
      <c r="BA4693">
        <v>0</v>
      </c>
    </row>
    <row r="4694" spans="1:53" x14ac:dyDescent="0.4">
      <c r="A4694">
        <v>4738</v>
      </c>
      <c r="B4694" s="1">
        <v>44634</v>
      </c>
      <c r="C4694">
        <v>2</v>
      </c>
      <c r="D4694" s="1">
        <v>44634.4375</v>
      </c>
      <c r="E4694" s="1">
        <v>44634.754166666666</v>
      </c>
      <c r="F4694">
        <v>34770</v>
      </c>
      <c r="G4694">
        <v>308</v>
      </c>
      <c r="H4694">
        <v>0</v>
      </c>
      <c r="I4694">
        <v>0</v>
      </c>
      <c r="J4694">
        <v>0</v>
      </c>
      <c r="K4694">
        <v>0</v>
      </c>
      <c r="L4694">
        <v>0</v>
      </c>
      <c r="M4694">
        <v>3187</v>
      </c>
      <c r="N4694">
        <v>0</v>
      </c>
      <c r="O4694">
        <v>0</v>
      </c>
      <c r="P4694">
        <v>13540</v>
      </c>
      <c r="Q4694">
        <v>0</v>
      </c>
      <c r="R4694">
        <v>48618</v>
      </c>
      <c r="S4694">
        <v>0</v>
      </c>
      <c r="T4694">
        <v>0</v>
      </c>
      <c r="U4694">
        <v>0</v>
      </c>
      <c r="V4694">
        <v>1</v>
      </c>
      <c r="W4694">
        <v>4</v>
      </c>
      <c r="X4694">
        <v>0</v>
      </c>
      <c r="Y4694">
        <v>53</v>
      </c>
      <c r="Z4694">
        <v>23</v>
      </c>
      <c r="AA4694">
        <v>5</v>
      </c>
      <c r="AB4694">
        <v>11</v>
      </c>
      <c r="AC4694">
        <v>90</v>
      </c>
      <c r="AD4694">
        <v>13</v>
      </c>
      <c r="AE4694">
        <v>73</v>
      </c>
      <c r="AF4694">
        <v>2030</v>
      </c>
      <c r="AG4694">
        <v>98618</v>
      </c>
      <c r="AH4694">
        <v>50000</v>
      </c>
      <c r="AI4694">
        <v>0</v>
      </c>
      <c r="AJ4694">
        <v>102</v>
      </c>
      <c r="AK4694" t="s">
        <v>50</v>
      </c>
      <c r="AL4694">
        <v>0</v>
      </c>
      <c r="AM4694">
        <v>0</v>
      </c>
      <c r="AN4694">
        <v>0</v>
      </c>
      <c r="AO4694">
        <v>0</v>
      </c>
      <c r="AP4694">
        <v>0</v>
      </c>
      <c r="AQ4694">
        <v>0</v>
      </c>
      <c r="AR4694">
        <v>0</v>
      </c>
      <c r="AS4694">
        <v>0</v>
      </c>
      <c r="AT4694">
        <v>0</v>
      </c>
      <c r="AU4694">
        <v>0</v>
      </c>
      <c r="AV4694">
        <v>0</v>
      </c>
      <c r="AW4694">
        <v>0</v>
      </c>
      <c r="AX4694">
        <v>400</v>
      </c>
      <c r="AY4694">
        <v>42</v>
      </c>
      <c r="AZ4694">
        <v>78</v>
      </c>
      <c r="BA4694">
        <v>6389</v>
      </c>
    </row>
    <row r="4695" spans="1:53" x14ac:dyDescent="0.4">
      <c r="A4695">
        <v>4739</v>
      </c>
      <c r="B4695" s="1">
        <v>44635</v>
      </c>
      <c r="C4695">
        <v>1</v>
      </c>
      <c r="D4695" s="1">
        <v>44635.291666666664</v>
      </c>
      <c r="E4695" s="1">
        <v>44635.443749999999</v>
      </c>
      <c r="F4695">
        <v>0</v>
      </c>
      <c r="G4695">
        <v>0</v>
      </c>
      <c r="H4695">
        <v>0</v>
      </c>
      <c r="I4695">
        <v>0</v>
      </c>
      <c r="J4695">
        <v>0</v>
      </c>
      <c r="K4695">
        <v>0</v>
      </c>
      <c r="L4695">
        <v>0</v>
      </c>
      <c r="M4695">
        <v>0</v>
      </c>
      <c r="N4695">
        <v>0</v>
      </c>
      <c r="O4695">
        <v>0</v>
      </c>
      <c r="P4695">
        <v>0</v>
      </c>
      <c r="Q4695">
        <v>0</v>
      </c>
      <c r="R4695">
        <v>0</v>
      </c>
      <c r="S4695">
        <v>0</v>
      </c>
      <c r="T4695">
        <v>0</v>
      </c>
      <c r="U4695">
        <v>0</v>
      </c>
      <c r="V4695">
        <v>0</v>
      </c>
      <c r="W4695">
        <v>2</v>
      </c>
      <c r="X4695">
        <v>0</v>
      </c>
      <c r="Y4695">
        <v>30</v>
      </c>
      <c r="Z4695">
        <v>12</v>
      </c>
      <c r="AA4695">
        <v>25</v>
      </c>
      <c r="AB4695">
        <v>11</v>
      </c>
      <c r="AC4695">
        <v>82</v>
      </c>
      <c r="AD4695">
        <v>12</v>
      </c>
      <c r="AE4695">
        <v>70</v>
      </c>
      <c r="AF4695">
        <v>0</v>
      </c>
      <c r="AG4695">
        <v>50000</v>
      </c>
      <c r="AH4695">
        <v>50000</v>
      </c>
      <c r="AI4695">
        <v>0</v>
      </c>
      <c r="AJ4695">
        <v>0</v>
      </c>
      <c r="AK4695" t="s">
        <v>6</v>
      </c>
      <c r="AL4695">
        <v>0</v>
      </c>
      <c r="AM4695">
        <v>0</v>
      </c>
      <c r="AN4695">
        <v>0</v>
      </c>
      <c r="AO4695">
        <v>0</v>
      </c>
      <c r="AP4695">
        <v>0</v>
      </c>
      <c r="AQ4695">
        <v>0</v>
      </c>
      <c r="AR4695">
        <v>0</v>
      </c>
      <c r="AS4695">
        <v>0</v>
      </c>
      <c r="AT4695">
        <v>0</v>
      </c>
      <c r="AU4695">
        <v>0</v>
      </c>
      <c r="AV4695">
        <v>0</v>
      </c>
      <c r="AW4695">
        <v>0</v>
      </c>
      <c r="AX4695">
        <v>0</v>
      </c>
      <c r="AY4695">
        <v>0</v>
      </c>
      <c r="AZ4695">
        <v>0</v>
      </c>
      <c r="BA4695">
        <v>0</v>
      </c>
    </row>
    <row r="4696" spans="1:53" x14ac:dyDescent="0.4">
      <c r="A4696">
        <v>4740</v>
      </c>
      <c r="B4696" s="1">
        <v>44636</v>
      </c>
      <c r="C4696">
        <v>1</v>
      </c>
      <c r="D4696" s="1">
        <v>44636.291666666664</v>
      </c>
      <c r="E4696" s="1">
        <v>44636.742361111108</v>
      </c>
      <c r="F4696">
        <v>37100</v>
      </c>
      <c r="G4696">
        <v>1342</v>
      </c>
      <c r="H4696">
        <v>0</v>
      </c>
      <c r="I4696">
        <v>0</v>
      </c>
      <c r="J4696">
        <v>0</v>
      </c>
      <c r="K4696">
        <v>0</v>
      </c>
      <c r="L4696">
        <v>0</v>
      </c>
      <c r="M4696">
        <v>3498</v>
      </c>
      <c r="N4696">
        <v>0</v>
      </c>
      <c r="O4696">
        <v>0</v>
      </c>
      <c r="P4696">
        <v>24230</v>
      </c>
      <c r="Q4696">
        <v>0</v>
      </c>
      <c r="R4696">
        <v>62672</v>
      </c>
      <c r="S4696">
        <v>0</v>
      </c>
      <c r="T4696">
        <v>0</v>
      </c>
      <c r="U4696">
        <v>0</v>
      </c>
      <c r="V4696">
        <v>4</v>
      </c>
      <c r="W4696">
        <v>2</v>
      </c>
      <c r="X4696">
        <v>0</v>
      </c>
      <c r="Y4696">
        <v>46</v>
      </c>
      <c r="Z4696">
        <v>21</v>
      </c>
      <c r="AA4696">
        <v>34</v>
      </c>
      <c r="AB4696">
        <v>1</v>
      </c>
      <c r="AC4696">
        <v>93</v>
      </c>
      <c r="AD4696">
        <v>15</v>
      </c>
      <c r="AE4696">
        <v>67</v>
      </c>
      <c r="AF4696">
        <v>1650</v>
      </c>
      <c r="AG4696">
        <v>112672</v>
      </c>
      <c r="AH4696">
        <v>50000</v>
      </c>
      <c r="AI4696">
        <v>0</v>
      </c>
      <c r="AJ4696">
        <v>119</v>
      </c>
      <c r="AK4696" t="s">
        <v>56</v>
      </c>
      <c r="AL4696">
        <v>0</v>
      </c>
      <c r="AM4696">
        <v>0</v>
      </c>
      <c r="AN4696">
        <v>0</v>
      </c>
      <c r="AO4696">
        <v>0</v>
      </c>
      <c r="AP4696">
        <v>0</v>
      </c>
      <c r="AQ4696">
        <v>0</v>
      </c>
      <c r="AR4696">
        <v>0</v>
      </c>
      <c r="AS4696">
        <v>0</v>
      </c>
      <c r="AT4696">
        <v>0</v>
      </c>
      <c r="AU4696">
        <v>0</v>
      </c>
      <c r="AV4696">
        <v>0</v>
      </c>
      <c r="AW4696">
        <v>0</v>
      </c>
      <c r="AX4696">
        <v>-620</v>
      </c>
      <c r="AY4696">
        <v>45</v>
      </c>
      <c r="AZ4696">
        <v>93</v>
      </c>
      <c r="BA4696">
        <v>7088</v>
      </c>
    </row>
    <row r="4697" spans="1:53" x14ac:dyDescent="0.4">
      <c r="A4697">
        <v>4741</v>
      </c>
      <c r="B4697" s="1">
        <v>44637</v>
      </c>
      <c r="C4697">
        <v>1</v>
      </c>
      <c r="D4697" s="1">
        <v>44637.291666666664</v>
      </c>
      <c r="E4697" s="1">
        <v>44637.442361111112</v>
      </c>
      <c r="F4697">
        <v>0</v>
      </c>
      <c r="G4697">
        <v>0</v>
      </c>
      <c r="H4697">
        <v>0</v>
      </c>
      <c r="I4697">
        <v>0</v>
      </c>
      <c r="J4697">
        <v>0</v>
      </c>
      <c r="K4697">
        <v>0</v>
      </c>
      <c r="L4697">
        <v>0</v>
      </c>
      <c r="M4697">
        <v>0</v>
      </c>
      <c r="N4697">
        <v>0</v>
      </c>
      <c r="O4697">
        <v>0</v>
      </c>
      <c r="P4697">
        <v>0</v>
      </c>
      <c r="Q4697">
        <v>0</v>
      </c>
      <c r="R4697">
        <v>0</v>
      </c>
      <c r="S4697">
        <v>0</v>
      </c>
      <c r="T4697">
        <v>0</v>
      </c>
      <c r="U4697">
        <v>0</v>
      </c>
      <c r="V4697">
        <v>0</v>
      </c>
      <c r="W4697">
        <v>2</v>
      </c>
      <c r="X4697">
        <v>0</v>
      </c>
      <c r="Y4697">
        <v>27</v>
      </c>
      <c r="Z4697">
        <v>16</v>
      </c>
      <c r="AA4697">
        <v>44</v>
      </c>
      <c r="AB4697">
        <v>1</v>
      </c>
      <c r="AC4697">
        <v>41</v>
      </c>
      <c r="AD4697">
        <v>15</v>
      </c>
      <c r="AE4697">
        <v>65</v>
      </c>
      <c r="AF4697">
        <v>0</v>
      </c>
      <c r="AG4697">
        <v>50000</v>
      </c>
      <c r="AH4697">
        <v>50000</v>
      </c>
      <c r="AI4697">
        <v>0</v>
      </c>
      <c r="AJ4697">
        <v>0</v>
      </c>
      <c r="AK4697" t="s">
        <v>6</v>
      </c>
      <c r="AL4697">
        <v>0</v>
      </c>
      <c r="AM4697">
        <v>0</v>
      </c>
      <c r="AN4697">
        <v>0</v>
      </c>
      <c r="AO4697">
        <v>0</v>
      </c>
      <c r="AP4697">
        <v>0</v>
      </c>
      <c r="AQ4697">
        <v>0</v>
      </c>
      <c r="AR4697">
        <v>0</v>
      </c>
      <c r="AS4697">
        <v>0</v>
      </c>
      <c r="AT4697">
        <v>0</v>
      </c>
      <c r="AU4697">
        <v>0</v>
      </c>
      <c r="AV4697">
        <v>0</v>
      </c>
      <c r="AW4697">
        <v>0</v>
      </c>
      <c r="AX4697">
        <v>0</v>
      </c>
      <c r="AY4697">
        <v>0</v>
      </c>
      <c r="AZ4697">
        <v>0</v>
      </c>
      <c r="BA4697">
        <v>0</v>
      </c>
    </row>
    <row r="4698" spans="1:53" x14ac:dyDescent="0.4">
      <c r="A4698">
        <v>4742</v>
      </c>
      <c r="B4698" s="1">
        <v>44637</v>
      </c>
      <c r="C4698">
        <v>2</v>
      </c>
      <c r="D4698" s="1">
        <v>44637.442361111112</v>
      </c>
      <c r="E4698" s="1">
        <v>44637.752083333333</v>
      </c>
      <c r="F4698">
        <v>39080</v>
      </c>
      <c r="G4698">
        <v>1166</v>
      </c>
      <c r="H4698">
        <v>0</v>
      </c>
      <c r="I4698">
        <v>0</v>
      </c>
      <c r="J4698">
        <v>0</v>
      </c>
      <c r="K4698">
        <v>0</v>
      </c>
      <c r="L4698">
        <v>0</v>
      </c>
      <c r="M4698">
        <v>3659</v>
      </c>
      <c r="N4698">
        <v>0</v>
      </c>
      <c r="O4698">
        <v>0</v>
      </c>
      <c r="P4698">
        <v>15300</v>
      </c>
      <c r="Q4698">
        <v>0</v>
      </c>
      <c r="R4698">
        <v>55546</v>
      </c>
      <c r="S4698">
        <v>0</v>
      </c>
      <c r="T4698">
        <v>0</v>
      </c>
      <c r="U4698">
        <v>0</v>
      </c>
      <c r="V4698">
        <v>1</v>
      </c>
      <c r="W4698">
        <v>5</v>
      </c>
      <c r="X4698">
        <v>0</v>
      </c>
      <c r="Y4698">
        <v>50</v>
      </c>
      <c r="Z4698">
        <v>23</v>
      </c>
      <c r="AA4698">
        <v>52</v>
      </c>
      <c r="AB4698">
        <v>5</v>
      </c>
      <c r="AC4698">
        <v>46</v>
      </c>
      <c r="AD4698">
        <v>15</v>
      </c>
      <c r="AE4698">
        <v>61</v>
      </c>
      <c r="AF4698">
        <v>3000</v>
      </c>
      <c r="AG4698">
        <v>105546</v>
      </c>
      <c r="AH4698">
        <v>50000</v>
      </c>
      <c r="AI4698">
        <v>0</v>
      </c>
      <c r="AJ4698">
        <v>102</v>
      </c>
      <c r="AK4698" t="s">
        <v>50</v>
      </c>
      <c r="AL4698">
        <v>0</v>
      </c>
      <c r="AM4698">
        <v>0</v>
      </c>
      <c r="AN4698">
        <v>0</v>
      </c>
      <c r="AO4698">
        <v>0</v>
      </c>
      <c r="AP4698">
        <v>0</v>
      </c>
      <c r="AQ4698">
        <v>0</v>
      </c>
      <c r="AR4698">
        <v>0</v>
      </c>
      <c r="AS4698">
        <v>0</v>
      </c>
      <c r="AT4698">
        <v>0</v>
      </c>
      <c r="AU4698">
        <v>0</v>
      </c>
      <c r="AV4698">
        <v>0</v>
      </c>
      <c r="AW4698">
        <v>0</v>
      </c>
      <c r="AX4698">
        <v>0</v>
      </c>
      <c r="AY4698">
        <v>42</v>
      </c>
      <c r="AZ4698">
        <v>86</v>
      </c>
      <c r="BA4698">
        <v>7251</v>
      </c>
    </row>
    <row r="4699" spans="1:53" x14ac:dyDescent="0.4">
      <c r="A4699">
        <v>4743</v>
      </c>
      <c r="B4699" s="1">
        <v>44638</v>
      </c>
      <c r="C4699">
        <v>1</v>
      </c>
      <c r="D4699" s="1">
        <v>44638.291666666664</v>
      </c>
      <c r="E4699" s="1">
        <v>44638.753472222219</v>
      </c>
      <c r="F4699">
        <v>36580</v>
      </c>
      <c r="G4699">
        <v>2794</v>
      </c>
      <c r="H4699">
        <v>0</v>
      </c>
      <c r="I4699">
        <v>0</v>
      </c>
      <c r="J4699">
        <v>0</v>
      </c>
      <c r="K4699">
        <v>600</v>
      </c>
      <c r="L4699">
        <v>0</v>
      </c>
      <c r="M4699">
        <v>3634</v>
      </c>
      <c r="N4699">
        <v>0</v>
      </c>
      <c r="O4699">
        <v>0</v>
      </c>
      <c r="P4699">
        <v>18120</v>
      </c>
      <c r="Q4699">
        <v>0</v>
      </c>
      <c r="R4699">
        <v>58094</v>
      </c>
      <c r="S4699">
        <v>0</v>
      </c>
      <c r="T4699">
        <v>0</v>
      </c>
      <c r="U4699">
        <v>0</v>
      </c>
      <c r="V4699">
        <v>3</v>
      </c>
      <c r="W4699">
        <v>2</v>
      </c>
      <c r="X4699">
        <v>0</v>
      </c>
      <c r="Y4699">
        <v>43</v>
      </c>
      <c r="Z4699">
        <v>20</v>
      </c>
      <c r="AA4699">
        <v>75</v>
      </c>
      <c r="AB4699">
        <v>58</v>
      </c>
      <c r="AC4699">
        <v>116</v>
      </c>
      <c r="AD4699">
        <v>15</v>
      </c>
      <c r="AE4699">
        <v>59</v>
      </c>
      <c r="AF4699">
        <v>3300</v>
      </c>
      <c r="AG4699">
        <v>107994</v>
      </c>
      <c r="AH4699">
        <v>50000</v>
      </c>
      <c r="AI4699">
        <v>-100</v>
      </c>
      <c r="AJ4699">
        <v>119</v>
      </c>
      <c r="AK4699" t="s">
        <v>56</v>
      </c>
      <c r="AL4699">
        <v>0</v>
      </c>
      <c r="AM4699">
        <v>0</v>
      </c>
      <c r="AN4699">
        <v>0</v>
      </c>
      <c r="AO4699">
        <v>0</v>
      </c>
      <c r="AP4699">
        <v>0</v>
      </c>
      <c r="AQ4699">
        <v>0</v>
      </c>
      <c r="AR4699">
        <v>0</v>
      </c>
      <c r="AS4699">
        <v>0</v>
      </c>
      <c r="AT4699">
        <v>0</v>
      </c>
      <c r="AU4699">
        <v>0</v>
      </c>
      <c r="AV4699">
        <v>0</v>
      </c>
      <c r="AW4699">
        <v>0</v>
      </c>
      <c r="AX4699">
        <v>594</v>
      </c>
      <c r="AY4699">
        <v>42</v>
      </c>
      <c r="AZ4699">
        <v>87</v>
      </c>
      <c r="BA4699">
        <v>6361</v>
      </c>
    </row>
    <row r="4700" spans="1:53" x14ac:dyDescent="0.4">
      <c r="A4700">
        <v>4744</v>
      </c>
      <c r="B4700" s="1">
        <v>44638</v>
      </c>
      <c r="C4700">
        <v>2</v>
      </c>
      <c r="D4700" s="1">
        <v>44638.753472222219</v>
      </c>
      <c r="E4700" s="1">
        <v>44638.950694444444</v>
      </c>
      <c r="F4700">
        <v>25610</v>
      </c>
      <c r="G4700">
        <v>1034</v>
      </c>
      <c r="H4700">
        <v>0</v>
      </c>
      <c r="I4700">
        <v>0</v>
      </c>
      <c r="J4700">
        <v>300</v>
      </c>
      <c r="K4700">
        <v>0</v>
      </c>
      <c r="L4700">
        <v>0</v>
      </c>
      <c r="M4700">
        <v>2394</v>
      </c>
      <c r="N4700">
        <v>0</v>
      </c>
      <c r="O4700">
        <v>0</v>
      </c>
      <c r="P4700">
        <v>-9780</v>
      </c>
      <c r="Q4700">
        <v>0</v>
      </c>
      <c r="R4700">
        <v>16564</v>
      </c>
      <c r="S4700">
        <v>0</v>
      </c>
      <c r="T4700">
        <v>0</v>
      </c>
      <c r="U4700">
        <v>0</v>
      </c>
      <c r="V4700">
        <v>3</v>
      </c>
      <c r="W4700">
        <v>3</v>
      </c>
      <c r="X4700">
        <v>0</v>
      </c>
      <c r="Y4700">
        <v>45</v>
      </c>
      <c r="Z4700">
        <v>22</v>
      </c>
      <c r="AA4700">
        <v>79</v>
      </c>
      <c r="AB4700">
        <v>58</v>
      </c>
      <c r="AC4700">
        <v>109</v>
      </c>
      <c r="AD4700">
        <v>14</v>
      </c>
      <c r="AE4700">
        <v>58</v>
      </c>
      <c r="AF4700">
        <v>11640</v>
      </c>
      <c r="AG4700">
        <v>124658</v>
      </c>
      <c r="AH4700">
        <v>50000</v>
      </c>
      <c r="AI4700">
        <v>0</v>
      </c>
      <c r="AJ4700">
        <v>108</v>
      </c>
      <c r="AK4700" t="s">
        <v>3</v>
      </c>
      <c r="AL4700">
        <v>0</v>
      </c>
      <c r="AM4700">
        <v>0</v>
      </c>
      <c r="AN4700">
        <v>0</v>
      </c>
      <c r="AO4700">
        <v>0</v>
      </c>
      <c r="AP4700">
        <v>0</v>
      </c>
      <c r="AQ4700">
        <v>0</v>
      </c>
      <c r="AR4700">
        <v>0</v>
      </c>
      <c r="AS4700">
        <v>0</v>
      </c>
      <c r="AT4700">
        <v>0</v>
      </c>
      <c r="AU4700">
        <v>0</v>
      </c>
      <c r="AV4700">
        <v>0</v>
      </c>
      <c r="AW4700">
        <v>0</v>
      </c>
      <c r="AX4700">
        <v>11927</v>
      </c>
      <c r="AY4700">
        <v>8</v>
      </c>
      <c r="AZ4700">
        <v>19</v>
      </c>
      <c r="BA4700">
        <v>1597</v>
      </c>
    </row>
    <row r="4701" spans="1:53" x14ac:dyDescent="0.4">
      <c r="A4701">
        <v>4745</v>
      </c>
      <c r="B4701" s="1">
        <v>44639</v>
      </c>
      <c r="C4701">
        <v>1</v>
      </c>
      <c r="D4701" s="1">
        <v>44639.291666666664</v>
      </c>
      <c r="E4701" s="1">
        <v>44639.746527777781</v>
      </c>
      <c r="F4701">
        <v>45350</v>
      </c>
      <c r="G4701">
        <v>4004</v>
      </c>
      <c r="H4701">
        <v>0</v>
      </c>
      <c r="I4701">
        <v>0</v>
      </c>
      <c r="J4701">
        <v>200</v>
      </c>
      <c r="K4701">
        <v>0</v>
      </c>
      <c r="L4701">
        <v>0</v>
      </c>
      <c r="M4701">
        <v>4466</v>
      </c>
      <c r="N4701">
        <v>0</v>
      </c>
      <c r="O4701">
        <v>0</v>
      </c>
      <c r="P4701">
        <v>11405</v>
      </c>
      <c r="Q4701">
        <v>0</v>
      </c>
      <c r="R4701">
        <v>60559</v>
      </c>
      <c r="S4701">
        <v>0</v>
      </c>
      <c r="T4701">
        <v>0</v>
      </c>
      <c r="U4701">
        <v>0</v>
      </c>
      <c r="V4701">
        <v>2</v>
      </c>
      <c r="W4701">
        <v>2</v>
      </c>
      <c r="X4701">
        <v>0</v>
      </c>
      <c r="Y4701">
        <v>43</v>
      </c>
      <c r="Z4701">
        <v>25</v>
      </c>
      <c r="AA4701">
        <v>164</v>
      </c>
      <c r="AB4701">
        <v>48</v>
      </c>
      <c r="AC4701">
        <v>147</v>
      </c>
      <c r="AD4701">
        <v>14</v>
      </c>
      <c r="AE4701">
        <v>56</v>
      </c>
      <c r="AF4701">
        <v>4663</v>
      </c>
      <c r="AG4701">
        <v>110559</v>
      </c>
      <c r="AH4701">
        <v>50000</v>
      </c>
      <c r="AI4701">
        <v>0</v>
      </c>
      <c r="AJ4701">
        <v>115</v>
      </c>
      <c r="AK4701" t="s">
        <v>55</v>
      </c>
      <c r="AL4701">
        <v>0</v>
      </c>
      <c r="AM4701">
        <v>0</v>
      </c>
      <c r="AN4701">
        <v>0</v>
      </c>
      <c r="AO4701">
        <v>0</v>
      </c>
      <c r="AP4701">
        <v>0</v>
      </c>
      <c r="AQ4701">
        <v>0</v>
      </c>
      <c r="AR4701">
        <v>0</v>
      </c>
      <c r="AS4701">
        <v>0</v>
      </c>
      <c r="AT4701">
        <v>0</v>
      </c>
      <c r="AU4701">
        <v>0</v>
      </c>
      <c r="AV4701">
        <v>0</v>
      </c>
      <c r="AW4701">
        <v>0</v>
      </c>
      <c r="AX4701">
        <v>-90</v>
      </c>
      <c r="AY4701">
        <v>43</v>
      </c>
      <c r="AZ4701">
        <v>92</v>
      </c>
      <c r="BA4701">
        <v>6658</v>
      </c>
    </row>
    <row r="4702" spans="1:53" x14ac:dyDescent="0.4">
      <c r="A4702">
        <v>4746</v>
      </c>
      <c r="B4702" s="1">
        <v>44640</v>
      </c>
      <c r="C4702">
        <v>1</v>
      </c>
      <c r="D4702" s="1">
        <v>44640.291666666664</v>
      </c>
      <c r="E4702" s="1">
        <v>44640.40902777778</v>
      </c>
      <c r="F4702">
        <v>0</v>
      </c>
      <c r="G4702">
        <v>0</v>
      </c>
      <c r="H4702">
        <v>0</v>
      </c>
      <c r="I4702">
        <v>0</v>
      </c>
      <c r="J4702">
        <v>0</v>
      </c>
      <c r="K4702">
        <v>0</v>
      </c>
      <c r="L4702">
        <v>0</v>
      </c>
      <c r="M4702">
        <v>0</v>
      </c>
      <c r="N4702">
        <v>0</v>
      </c>
      <c r="O4702">
        <v>0</v>
      </c>
      <c r="P4702">
        <v>0</v>
      </c>
      <c r="Q4702">
        <v>0</v>
      </c>
      <c r="R4702">
        <v>0</v>
      </c>
      <c r="S4702">
        <v>0</v>
      </c>
      <c r="T4702">
        <v>0</v>
      </c>
      <c r="U4702">
        <v>0</v>
      </c>
      <c r="V4702">
        <v>0</v>
      </c>
      <c r="W4702">
        <v>1</v>
      </c>
      <c r="X4702">
        <v>0</v>
      </c>
      <c r="Y4702">
        <v>25</v>
      </c>
      <c r="Z4702">
        <v>13</v>
      </c>
      <c r="AA4702">
        <v>99</v>
      </c>
      <c r="AB4702">
        <v>51</v>
      </c>
      <c r="AC4702">
        <v>93</v>
      </c>
      <c r="AD4702">
        <v>14</v>
      </c>
      <c r="AE4702">
        <v>50</v>
      </c>
      <c r="AF4702">
        <v>0</v>
      </c>
      <c r="AG4702">
        <v>50000</v>
      </c>
      <c r="AH4702">
        <v>50000</v>
      </c>
      <c r="AI4702">
        <v>0</v>
      </c>
      <c r="AJ4702">
        <v>0</v>
      </c>
      <c r="AK4702" t="s">
        <v>6</v>
      </c>
      <c r="AL4702">
        <v>0</v>
      </c>
      <c r="AM4702">
        <v>0</v>
      </c>
      <c r="AN4702">
        <v>0</v>
      </c>
      <c r="AO4702">
        <v>0</v>
      </c>
      <c r="AP4702">
        <v>0</v>
      </c>
      <c r="AQ4702">
        <v>0</v>
      </c>
      <c r="AR4702">
        <v>0</v>
      </c>
      <c r="AS4702">
        <v>0</v>
      </c>
      <c r="AT4702">
        <v>0</v>
      </c>
      <c r="AU4702">
        <v>0</v>
      </c>
      <c r="AV4702">
        <v>0</v>
      </c>
      <c r="AW4702">
        <v>0</v>
      </c>
      <c r="AX4702">
        <v>0</v>
      </c>
      <c r="AY4702">
        <v>0</v>
      </c>
      <c r="AZ4702">
        <v>0</v>
      </c>
      <c r="BA4702">
        <v>0</v>
      </c>
    </row>
    <row r="4703" spans="1:53" x14ac:dyDescent="0.4">
      <c r="A4703">
        <v>4747</v>
      </c>
      <c r="B4703" s="1">
        <v>44640</v>
      </c>
      <c r="C4703">
        <v>2</v>
      </c>
      <c r="D4703" s="1">
        <v>44640.40902777778</v>
      </c>
      <c r="E4703" s="1">
        <v>44640.745138888888</v>
      </c>
      <c r="F4703">
        <v>48670</v>
      </c>
      <c r="G4703">
        <v>5698</v>
      </c>
      <c r="H4703">
        <v>0</v>
      </c>
      <c r="I4703">
        <v>0</v>
      </c>
      <c r="J4703">
        <v>0</v>
      </c>
      <c r="K4703">
        <v>400</v>
      </c>
      <c r="L4703">
        <v>0</v>
      </c>
      <c r="M4703">
        <v>4977</v>
      </c>
      <c r="N4703">
        <v>0</v>
      </c>
      <c r="O4703">
        <v>0</v>
      </c>
      <c r="P4703">
        <v>22680</v>
      </c>
      <c r="Q4703">
        <v>0</v>
      </c>
      <c r="R4703">
        <v>77448</v>
      </c>
      <c r="S4703">
        <v>0</v>
      </c>
      <c r="T4703">
        <v>0</v>
      </c>
      <c r="U4703">
        <v>0</v>
      </c>
      <c r="V4703">
        <v>5</v>
      </c>
      <c r="W4703">
        <v>0</v>
      </c>
      <c r="X4703">
        <v>0</v>
      </c>
      <c r="Y4703">
        <v>48</v>
      </c>
      <c r="Z4703">
        <v>27</v>
      </c>
      <c r="AA4703">
        <v>116</v>
      </c>
      <c r="AB4703">
        <v>45</v>
      </c>
      <c r="AC4703">
        <v>137</v>
      </c>
      <c r="AD4703">
        <v>16</v>
      </c>
      <c r="AE4703">
        <v>48</v>
      </c>
      <c r="AF4703">
        <v>600</v>
      </c>
      <c r="AG4703">
        <v>127448</v>
      </c>
      <c r="AH4703">
        <v>50000</v>
      </c>
      <c r="AI4703">
        <v>0</v>
      </c>
      <c r="AJ4703">
        <v>119</v>
      </c>
      <c r="AK4703" t="s">
        <v>56</v>
      </c>
      <c r="AL4703">
        <v>0</v>
      </c>
      <c r="AM4703">
        <v>0</v>
      </c>
      <c r="AN4703">
        <v>0</v>
      </c>
      <c r="AO4703">
        <v>0</v>
      </c>
      <c r="AP4703">
        <v>0</v>
      </c>
      <c r="AQ4703">
        <v>0</v>
      </c>
      <c r="AR4703">
        <v>0</v>
      </c>
      <c r="AS4703">
        <v>0</v>
      </c>
      <c r="AT4703">
        <v>0</v>
      </c>
      <c r="AU4703">
        <v>0</v>
      </c>
      <c r="AV4703">
        <v>0</v>
      </c>
      <c r="AW4703">
        <v>0</v>
      </c>
      <c r="AX4703">
        <v>-752</v>
      </c>
      <c r="AY4703">
        <v>51</v>
      </c>
      <c r="AZ4703">
        <v>117</v>
      </c>
      <c r="BA4703">
        <v>7608</v>
      </c>
    </row>
    <row r="4704" spans="1:53" x14ac:dyDescent="0.4">
      <c r="A4704">
        <v>4748</v>
      </c>
      <c r="B4704" s="1">
        <v>44640</v>
      </c>
      <c r="C4704">
        <v>3</v>
      </c>
      <c r="D4704" s="1">
        <v>44640.745138888888</v>
      </c>
      <c r="E4704" s="1">
        <v>44640.959027777775</v>
      </c>
      <c r="F4704">
        <v>29340</v>
      </c>
      <c r="G4704">
        <v>308</v>
      </c>
      <c r="H4704">
        <v>0</v>
      </c>
      <c r="I4704">
        <v>0</v>
      </c>
      <c r="J4704">
        <v>0</v>
      </c>
      <c r="K4704">
        <v>0</v>
      </c>
      <c r="L4704">
        <v>0</v>
      </c>
      <c r="M4704">
        <v>2695</v>
      </c>
      <c r="N4704">
        <v>0</v>
      </c>
      <c r="O4704">
        <v>0</v>
      </c>
      <c r="P4704">
        <v>-22680</v>
      </c>
      <c r="Q4704">
        <v>0</v>
      </c>
      <c r="R4704">
        <v>6968</v>
      </c>
      <c r="S4704">
        <v>0</v>
      </c>
      <c r="T4704">
        <v>0</v>
      </c>
      <c r="U4704">
        <v>0</v>
      </c>
      <c r="V4704">
        <v>5</v>
      </c>
      <c r="W4704">
        <v>0</v>
      </c>
      <c r="X4704">
        <v>0</v>
      </c>
      <c r="Y4704">
        <v>50</v>
      </c>
      <c r="Z4704">
        <v>30</v>
      </c>
      <c r="AA4704">
        <v>117</v>
      </c>
      <c r="AB4704">
        <v>43</v>
      </c>
      <c r="AC4704">
        <v>136</v>
      </c>
      <c r="AD4704">
        <v>16</v>
      </c>
      <c r="AE4704">
        <v>44</v>
      </c>
      <c r="AF4704">
        <v>4082</v>
      </c>
      <c r="AG4704">
        <v>134416</v>
      </c>
      <c r="AH4704">
        <v>50000</v>
      </c>
      <c r="AI4704">
        <v>0</v>
      </c>
      <c r="AJ4704">
        <v>103</v>
      </c>
      <c r="AK4704" t="s">
        <v>7</v>
      </c>
      <c r="AL4704">
        <v>0</v>
      </c>
      <c r="AM4704">
        <v>0</v>
      </c>
      <c r="AN4704">
        <v>0</v>
      </c>
      <c r="AO4704">
        <v>0</v>
      </c>
      <c r="AP4704">
        <v>0</v>
      </c>
      <c r="AQ4704">
        <v>0</v>
      </c>
      <c r="AR4704">
        <v>0</v>
      </c>
      <c r="AS4704">
        <v>0</v>
      </c>
      <c r="AT4704">
        <v>0</v>
      </c>
      <c r="AU4704">
        <v>0</v>
      </c>
      <c r="AV4704">
        <v>0</v>
      </c>
      <c r="AW4704">
        <v>0</v>
      </c>
      <c r="AX4704">
        <v>20100</v>
      </c>
      <c r="AY4704">
        <v>9</v>
      </c>
      <c r="AZ4704">
        <v>24</v>
      </c>
      <c r="BA4704">
        <v>2310</v>
      </c>
    </row>
    <row r="4705" spans="1:53" x14ac:dyDescent="0.4">
      <c r="A4705">
        <v>4749</v>
      </c>
      <c r="B4705" s="1">
        <v>44641</v>
      </c>
      <c r="C4705">
        <v>1</v>
      </c>
      <c r="D4705" s="1">
        <v>44641.291666666664</v>
      </c>
      <c r="E4705" s="1">
        <v>44641.401388888888</v>
      </c>
      <c r="F4705">
        <v>0</v>
      </c>
      <c r="G4705">
        <v>0</v>
      </c>
      <c r="H4705">
        <v>0</v>
      </c>
      <c r="I4705">
        <v>0</v>
      </c>
      <c r="J4705">
        <v>0</v>
      </c>
      <c r="K4705">
        <v>0</v>
      </c>
      <c r="L4705">
        <v>0</v>
      </c>
      <c r="M4705">
        <v>0</v>
      </c>
      <c r="N4705">
        <v>0</v>
      </c>
      <c r="O4705">
        <v>0</v>
      </c>
      <c r="P4705">
        <v>0</v>
      </c>
      <c r="Q4705">
        <v>0</v>
      </c>
      <c r="R4705">
        <v>0</v>
      </c>
      <c r="S4705">
        <v>0</v>
      </c>
      <c r="T4705">
        <v>0</v>
      </c>
      <c r="U4705">
        <v>0</v>
      </c>
      <c r="V4705">
        <v>0</v>
      </c>
      <c r="W4705">
        <v>0</v>
      </c>
      <c r="X4705">
        <v>0</v>
      </c>
      <c r="Y4705">
        <v>30</v>
      </c>
      <c r="Z4705">
        <v>14</v>
      </c>
      <c r="AA4705">
        <v>94</v>
      </c>
      <c r="AB4705">
        <v>43</v>
      </c>
      <c r="AC4705">
        <v>133</v>
      </c>
      <c r="AD4705">
        <v>15</v>
      </c>
      <c r="AE4705">
        <v>45</v>
      </c>
      <c r="AF4705">
        <v>0</v>
      </c>
      <c r="AG4705">
        <v>50000</v>
      </c>
      <c r="AH4705">
        <v>50000</v>
      </c>
      <c r="AI4705">
        <v>0</v>
      </c>
      <c r="AJ4705">
        <v>0</v>
      </c>
      <c r="AK4705" t="s">
        <v>6</v>
      </c>
      <c r="AL4705">
        <v>0</v>
      </c>
      <c r="AM4705">
        <v>0</v>
      </c>
      <c r="AN4705">
        <v>0</v>
      </c>
      <c r="AO4705">
        <v>0</v>
      </c>
      <c r="AP4705">
        <v>0</v>
      </c>
      <c r="AQ4705">
        <v>0</v>
      </c>
      <c r="AR4705">
        <v>0</v>
      </c>
      <c r="AS4705">
        <v>0</v>
      </c>
      <c r="AT4705">
        <v>0</v>
      </c>
      <c r="AU4705">
        <v>0</v>
      </c>
      <c r="AV4705">
        <v>0</v>
      </c>
      <c r="AW4705">
        <v>0</v>
      </c>
      <c r="AX4705">
        <v>0</v>
      </c>
      <c r="AY4705">
        <v>0</v>
      </c>
      <c r="AZ4705">
        <v>0</v>
      </c>
      <c r="BA4705">
        <v>0</v>
      </c>
    </row>
    <row r="4706" spans="1:53" x14ac:dyDescent="0.4">
      <c r="A4706">
        <v>4750</v>
      </c>
      <c r="B4706" s="1">
        <v>44641</v>
      </c>
      <c r="C4706">
        <v>2</v>
      </c>
      <c r="D4706" s="1">
        <v>44641.401388888888</v>
      </c>
      <c r="E4706" s="1">
        <v>44641.757638888892</v>
      </c>
      <c r="F4706">
        <v>46790</v>
      </c>
      <c r="G4706">
        <v>4708</v>
      </c>
      <c r="H4706">
        <v>0</v>
      </c>
      <c r="I4706">
        <v>0</v>
      </c>
      <c r="J4706">
        <v>100</v>
      </c>
      <c r="K4706">
        <v>0</v>
      </c>
      <c r="L4706">
        <v>0</v>
      </c>
      <c r="M4706">
        <v>4668</v>
      </c>
      <c r="N4706">
        <v>0</v>
      </c>
      <c r="O4706">
        <v>0</v>
      </c>
      <c r="P4706">
        <v>13700</v>
      </c>
      <c r="Q4706">
        <v>0</v>
      </c>
      <c r="R4706">
        <v>65098</v>
      </c>
      <c r="S4706">
        <v>0</v>
      </c>
      <c r="T4706">
        <v>0</v>
      </c>
      <c r="U4706">
        <v>0</v>
      </c>
      <c r="V4706">
        <v>1</v>
      </c>
      <c r="W4706">
        <v>3</v>
      </c>
      <c r="X4706">
        <v>0</v>
      </c>
      <c r="Y4706">
        <v>59</v>
      </c>
      <c r="Z4706">
        <v>29</v>
      </c>
      <c r="AA4706">
        <v>111</v>
      </c>
      <c r="AB4706">
        <v>52</v>
      </c>
      <c r="AC4706">
        <v>201</v>
      </c>
      <c r="AD4706">
        <v>18</v>
      </c>
      <c r="AE4706">
        <v>48</v>
      </c>
      <c r="AF4706">
        <v>750</v>
      </c>
      <c r="AG4706">
        <v>115098</v>
      </c>
      <c r="AH4706">
        <v>50000</v>
      </c>
      <c r="AI4706">
        <v>0</v>
      </c>
      <c r="AJ4706">
        <v>102</v>
      </c>
      <c r="AK4706" t="s">
        <v>50</v>
      </c>
      <c r="AL4706">
        <v>0</v>
      </c>
      <c r="AM4706">
        <v>0</v>
      </c>
      <c r="AN4706">
        <v>0</v>
      </c>
      <c r="AO4706">
        <v>0</v>
      </c>
      <c r="AP4706">
        <v>0</v>
      </c>
      <c r="AQ4706">
        <v>0</v>
      </c>
      <c r="AR4706">
        <v>0</v>
      </c>
      <c r="AS4706">
        <v>0</v>
      </c>
      <c r="AT4706">
        <v>0</v>
      </c>
      <c r="AU4706">
        <v>0</v>
      </c>
      <c r="AV4706">
        <v>0</v>
      </c>
      <c r="AW4706">
        <v>0</v>
      </c>
      <c r="AX4706">
        <v>440</v>
      </c>
      <c r="AY4706">
        <v>49</v>
      </c>
      <c r="AZ4706">
        <v>101</v>
      </c>
      <c r="BA4706">
        <v>7380</v>
      </c>
    </row>
    <row r="4707" spans="1:53" x14ac:dyDescent="0.4">
      <c r="A4707">
        <v>4751</v>
      </c>
      <c r="B4707" s="1">
        <v>44642</v>
      </c>
      <c r="C4707">
        <v>1</v>
      </c>
      <c r="D4707" s="1">
        <v>44642.291666666664</v>
      </c>
      <c r="E4707" s="1">
        <v>44642.395833333336</v>
      </c>
      <c r="F4707">
        <v>0</v>
      </c>
      <c r="G4707">
        <v>0</v>
      </c>
      <c r="H4707">
        <v>0</v>
      </c>
      <c r="I4707">
        <v>0</v>
      </c>
      <c r="J4707">
        <v>0</v>
      </c>
      <c r="K4707">
        <v>0</v>
      </c>
      <c r="L4707">
        <v>0</v>
      </c>
      <c r="M4707">
        <v>0</v>
      </c>
      <c r="N4707">
        <v>0</v>
      </c>
      <c r="O4707">
        <v>0</v>
      </c>
      <c r="P4707">
        <v>0</v>
      </c>
      <c r="Q4707">
        <v>0</v>
      </c>
      <c r="R4707">
        <v>0</v>
      </c>
      <c r="S4707">
        <v>0</v>
      </c>
      <c r="T4707">
        <v>0</v>
      </c>
      <c r="U4707">
        <v>0</v>
      </c>
      <c r="V4707">
        <v>0</v>
      </c>
      <c r="W4707">
        <v>1</v>
      </c>
      <c r="X4707">
        <v>0</v>
      </c>
      <c r="Y4707">
        <v>25</v>
      </c>
      <c r="Z4707">
        <v>10</v>
      </c>
      <c r="AA4707">
        <v>129</v>
      </c>
      <c r="AB4707">
        <v>21</v>
      </c>
      <c r="AC4707">
        <v>92</v>
      </c>
      <c r="AD4707">
        <v>17</v>
      </c>
      <c r="AE4707">
        <v>45</v>
      </c>
      <c r="AF4707">
        <v>0</v>
      </c>
      <c r="AG4707">
        <v>50000</v>
      </c>
      <c r="AH4707">
        <v>50000</v>
      </c>
      <c r="AI4707">
        <v>0</v>
      </c>
      <c r="AJ4707">
        <v>0</v>
      </c>
      <c r="AK4707" t="s">
        <v>6</v>
      </c>
      <c r="AL4707">
        <v>0</v>
      </c>
      <c r="AM4707">
        <v>0</v>
      </c>
      <c r="AN4707">
        <v>0</v>
      </c>
      <c r="AO4707">
        <v>0</v>
      </c>
      <c r="AP4707">
        <v>0</v>
      </c>
      <c r="AQ4707">
        <v>0</v>
      </c>
      <c r="AR4707">
        <v>0</v>
      </c>
      <c r="AS4707">
        <v>0</v>
      </c>
      <c r="AT4707">
        <v>0</v>
      </c>
      <c r="AU4707">
        <v>0</v>
      </c>
      <c r="AV4707">
        <v>0</v>
      </c>
      <c r="AW4707">
        <v>0</v>
      </c>
      <c r="AX4707">
        <v>0</v>
      </c>
      <c r="AY4707">
        <v>0</v>
      </c>
      <c r="AZ4707">
        <v>0</v>
      </c>
      <c r="BA4707">
        <v>0</v>
      </c>
    </row>
    <row r="4708" spans="1:53" x14ac:dyDescent="0.4">
      <c r="A4708">
        <v>4752</v>
      </c>
      <c r="B4708" s="1">
        <v>44642</v>
      </c>
      <c r="C4708">
        <v>2</v>
      </c>
      <c r="D4708" s="1">
        <v>44642.395833333336</v>
      </c>
      <c r="E4708" s="1">
        <v>44642.765277777777</v>
      </c>
      <c r="F4708">
        <v>43890</v>
      </c>
      <c r="G4708">
        <v>2244</v>
      </c>
      <c r="H4708">
        <v>0</v>
      </c>
      <c r="I4708">
        <v>0</v>
      </c>
      <c r="J4708">
        <v>50</v>
      </c>
      <c r="K4708">
        <v>0</v>
      </c>
      <c r="L4708">
        <v>0</v>
      </c>
      <c r="M4708">
        <v>4191</v>
      </c>
      <c r="N4708">
        <v>0</v>
      </c>
      <c r="O4708">
        <v>0</v>
      </c>
      <c r="P4708">
        <v>17750</v>
      </c>
      <c r="Q4708">
        <v>0</v>
      </c>
      <c r="R4708">
        <v>63834</v>
      </c>
      <c r="S4708">
        <v>0</v>
      </c>
      <c r="T4708">
        <v>0</v>
      </c>
      <c r="U4708">
        <v>0</v>
      </c>
      <c r="V4708">
        <v>1</v>
      </c>
      <c r="W4708">
        <v>3</v>
      </c>
      <c r="X4708">
        <v>0</v>
      </c>
      <c r="Y4708">
        <v>65</v>
      </c>
      <c r="Z4708">
        <v>17</v>
      </c>
      <c r="AA4708">
        <v>108</v>
      </c>
      <c r="AB4708">
        <v>25</v>
      </c>
      <c r="AC4708">
        <v>135</v>
      </c>
      <c r="AD4708">
        <v>17</v>
      </c>
      <c r="AE4708">
        <v>49</v>
      </c>
      <c r="AF4708">
        <v>1800</v>
      </c>
      <c r="AG4708">
        <v>113834</v>
      </c>
      <c r="AH4708">
        <v>50000</v>
      </c>
      <c r="AI4708">
        <v>0</v>
      </c>
      <c r="AJ4708">
        <v>102</v>
      </c>
      <c r="AK4708" t="s">
        <v>50</v>
      </c>
      <c r="AL4708">
        <v>0</v>
      </c>
      <c r="AM4708">
        <v>0</v>
      </c>
      <c r="AN4708">
        <v>0</v>
      </c>
      <c r="AO4708">
        <v>0</v>
      </c>
      <c r="AP4708">
        <v>0</v>
      </c>
      <c r="AQ4708">
        <v>0</v>
      </c>
      <c r="AR4708">
        <v>0</v>
      </c>
      <c r="AS4708">
        <v>0</v>
      </c>
      <c r="AT4708">
        <v>0</v>
      </c>
      <c r="AU4708">
        <v>0</v>
      </c>
      <c r="AV4708">
        <v>0</v>
      </c>
      <c r="AW4708">
        <v>0</v>
      </c>
      <c r="AX4708">
        <v>0</v>
      </c>
      <c r="AY4708">
        <v>49</v>
      </c>
      <c r="AZ4708">
        <v>98</v>
      </c>
      <c r="BA4708">
        <v>7494</v>
      </c>
    </row>
    <row r="4709" spans="1:53" x14ac:dyDescent="0.4">
      <c r="A4709">
        <v>4753</v>
      </c>
      <c r="B4709" s="1">
        <v>44642</v>
      </c>
      <c r="C4709">
        <v>3</v>
      </c>
      <c r="D4709" s="1">
        <v>44642.765277777777</v>
      </c>
      <c r="E4709" s="1">
        <v>44642.956250000003</v>
      </c>
      <c r="F4709">
        <v>21090</v>
      </c>
      <c r="G4709">
        <v>0</v>
      </c>
      <c r="H4709">
        <v>0</v>
      </c>
      <c r="I4709">
        <v>0</v>
      </c>
      <c r="J4709">
        <v>0</v>
      </c>
      <c r="K4709">
        <v>0</v>
      </c>
      <c r="L4709">
        <v>0</v>
      </c>
      <c r="M4709">
        <v>1915</v>
      </c>
      <c r="N4709">
        <v>0</v>
      </c>
      <c r="O4709">
        <v>0</v>
      </c>
      <c r="P4709">
        <v>-17750</v>
      </c>
      <c r="Q4709">
        <v>0</v>
      </c>
      <c r="R4709">
        <v>3340</v>
      </c>
      <c r="S4709">
        <v>0</v>
      </c>
      <c r="T4709">
        <v>0</v>
      </c>
      <c r="U4709">
        <v>0</v>
      </c>
      <c r="V4709">
        <v>1</v>
      </c>
      <c r="W4709">
        <v>3</v>
      </c>
      <c r="X4709">
        <v>0</v>
      </c>
      <c r="Y4709">
        <v>68</v>
      </c>
      <c r="Z4709">
        <v>17</v>
      </c>
      <c r="AA4709">
        <v>111</v>
      </c>
      <c r="AB4709">
        <v>25</v>
      </c>
      <c r="AC4709">
        <v>139</v>
      </c>
      <c r="AD4709">
        <v>17</v>
      </c>
      <c r="AE4709">
        <v>49</v>
      </c>
      <c r="AF4709">
        <v>1800</v>
      </c>
      <c r="AG4709">
        <v>117174</v>
      </c>
      <c r="AH4709">
        <v>50000</v>
      </c>
      <c r="AI4709">
        <v>0</v>
      </c>
      <c r="AJ4709">
        <v>108</v>
      </c>
      <c r="AK4709" t="s">
        <v>3</v>
      </c>
      <c r="AL4709">
        <v>0</v>
      </c>
      <c r="AM4709">
        <v>0</v>
      </c>
      <c r="AN4709">
        <v>0</v>
      </c>
      <c r="AO4709">
        <v>0</v>
      </c>
      <c r="AP4709">
        <v>0</v>
      </c>
      <c r="AQ4709">
        <v>0</v>
      </c>
      <c r="AR4709">
        <v>0</v>
      </c>
      <c r="AS4709">
        <v>0</v>
      </c>
      <c r="AT4709">
        <v>0</v>
      </c>
      <c r="AU4709">
        <v>0</v>
      </c>
      <c r="AV4709">
        <v>0</v>
      </c>
      <c r="AW4709">
        <v>0</v>
      </c>
      <c r="AX4709">
        <v>660</v>
      </c>
      <c r="AY4709">
        <v>3</v>
      </c>
      <c r="AZ4709">
        <v>5</v>
      </c>
      <c r="BA4709">
        <v>1699</v>
      </c>
    </row>
    <row r="4710" spans="1:53" x14ac:dyDescent="0.4">
      <c r="A4710">
        <v>4754</v>
      </c>
      <c r="B4710" s="1">
        <v>44643</v>
      </c>
      <c r="C4710">
        <v>1</v>
      </c>
      <c r="D4710" s="1">
        <v>44643.291666666664</v>
      </c>
      <c r="E4710" s="1">
        <v>44643.398611111108</v>
      </c>
      <c r="F4710">
        <v>0</v>
      </c>
      <c r="G4710">
        <v>0</v>
      </c>
      <c r="H4710">
        <v>0</v>
      </c>
      <c r="I4710">
        <v>0</v>
      </c>
      <c r="J4710">
        <v>0</v>
      </c>
      <c r="K4710">
        <v>0</v>
      </c>
      <c r="L4710">
        <v>0</v>
      </c>
      <c r="M4710">
        <v>0</v>
      </c>
      <c r="N4710">
        <v>0</v>
      </c>
      <c r="O4710">
        <v>0</v>
      </c>
      <c r="P4710">
        <v>0</v>
      </c>
      <c r="Q4710">
        <v>0</v>
      </c>
      <c r="R4710">
        <v>0</v>
      </c>
      <c r="S4710">
        <v>0</v>
      </c>
      <c r="T4710">
        <v>0</v>
      </c>
      <c r="U4710">
        <v>0</v>
      </c>
      <c r="V4710">
        <v>0</v>
      </c>
      <c r="W4710">
        <v>1</v>
      </c>
      <c r="X4710">
        <v>0</v>
      </c>
      <c r="Y4710">
        <v>25</v>
      </c>
      <c r="Z4710">
        <v>14</v>
      </c>
      <c r="AA4710">
        <v>105</v>
      </c>
      <c r="AB4710">
        <v>23</v>
      </c>
      <c r="AC4710">
        <v>122</v>
      </c>
      <c r="AD4710">
        <v>17</v>
      </c>
      <c r="AE4710">
        <v>45</v>
      </c>
      <c r="AF4710">
        <v>0</v>
      </c>
      <c r="AG4710">
        <v>50000</v>
      </c>
      <c r="AH4710">
        <v>50000</v>
      </c>
      <c r="AI4710">
        <v>0</v>
      </c>
      <c r="AJ4710">
        <v>0</v>
      </c>
      <c r="AK4710" t="s">
        <v>6</v>
      </c>
      <c r="AL4710">
        <v>0</v>
      </c>
      <c r="AM4710">
        <v>0</v>
      </c>
      <c r="AN4710">
        <v>0</v>
      </c>
      <c r="AO4710">
        <v>0</v>
      </c>
      <c r="AP4710">
        <v>0</v>
      </c>
      <c r="AQ4710">
        <v>0</v>
      </c>
      <c r="AR4710">
        <v>0</v>
      </c>
      <c r="AS4710">
        <v>0</v>
      </c>
      <c r="AT4710">
        <v>0</v>
      </c>
      <c r="AU4710">
        <v>0</v>
      </c>
      <c r="AV4710">
        <v>0</v>
      </c>
      <c r="AW4710">
        <v>0</v>
      </c>
      <c r="AX4710">
        <v>0</v>
      </c>
      <c r="AY4710">
        <v>0</v>
      </c>
      <c r="AZ4710">
        <v>0</v>
      </c>
      <c r="BA4710">
        <v>0</v>
      </c>
    </row>
    <row r="4711" spans="1:53" x14ac:dyDescent="0.4">
      <c r="A4711">
        <v>4755</v>
      </c>
      <c r="B4711" s="1">
        <v>44643</v>
      </c>
      <c r="C4711">
        <v>2</v>
      </c>
      <c r="D4711" s="1">
        <v>44643.398611111108</v>
      </c>
      <c r="E4711" s="1">
        <v>44643.746527777781</v>
      </c>
      <c r="F4711">
        <v>34420</v>
      </c>
      <c r="G4711">
        <v>1056</v>
      </c>
      <c r="H4711">
        <v>0</v>
      </c>
      <c r="I4711">
        <v>0</v>
      </c>
      <c r="J4711">
        <v>100</v>
      </c>
      <c r="K4711">
        <v>0</v>
      </c>
      <c r="L4711">
        <v>0</v>
      </c>
      <c r="M4711">
        <v>3213</v>
      </c>
      <c r="N4711">
        <v>0</v>
      </c>
      <c r="O4711">
        <v>0</v>
      </c>
      <c r="P4711">
        <v>15240</v>
      </c>
      <c r="Q4711">
        <v>0</v>
      </c>
      <c r="R4711">
        <v>50616</v>
      </c>
      <c r="S4711">
        <v>0</v>
      </c>
      <c r="T4711">
        <v>0</v>
      </c>
      <c r="U4711">
        <v>0</v>
      </c>
      <c r="V4711">
        <v>0</v>
      </c>
      <c r="W4711">
        <v>4</v>
      </c>
      <c r="X4711">
        <v>0</v>
      </c>
      <c r="Y4711">
        <v>52</v>
      </c>
      <c r="Z4711">
        <v>20</v>
      </c>
      <c r="AA4711">
        <v>112</v>
      </c>
      <c r="AB4711">
        <v>24</v>
      </c>
      <c r="AC4711">
        <v>136</v>
      </c>
      <c r="AD4711">
        <v>17</v>
      </c>
      <c r="AE4711">
        <v>51</v>
      </c>
      <c r="AF4711">
        <v>4720</v>
      </c>
      <c r="AG4711">
        <v>100616</v>
      </c>
      <c r="AH4711">
        <v>50000</v>
      </c>
      <c r="AI4711">
        <v>0</v>
      </c>
      <c r="AJ4711">
        <v>116</v>
      </c>
      <c r="AK4711" t="s">
        <v>54</v>
      </c>
      <c r="AL4711">
        <v>0</v>
      </c>
      <c r="AM4711">
        <v>0</v>
      </c>
      <c r="AN4711">
        <v>0</v>
      </c>
      <c r="AO4711">
        <v>0</v>
      </c>
      <c r="AP4711">
        <v>0</v>
      </c>
      <c r="AQ4711">
        <v>0</v>
      </c>
      <c r="AR4711">
        <v>0</v>
      </c>
      <c r="AS4711">
        <v>0</v>
      </c>
      <c r="AT4711">
        <v>0</v>
      </c>
      <c r="AU4711">
        <v>0</v>
      </c>
      <c r="AV4711">
        <v>0</v>
      </c>
      <c r="AW4711">
        <v>0</v>
      </c>
      <c r="AX4711">
        <v>-156</v>
      </c>
      <c r="AY4711">
        <v>44</v>
      </c>
      <c r="AZ4711">
        <v>82</v>
      </c>
      <c r="BA4711">
        <v>6520</v>
      </c>
    </row>
    <row r="4712" spans="1:53" x14ac:dyDescent="0.4">
      <c r="A4712">
        <v>4756</v>
      </c>
      <c r="B4712" s="1">
        <v>44643</v>
      </c>
      <c r="C4712">
        <v>3</v>
      </c>
      <c r="D4712" s="1">
        <v>44643.746527777781</v>
      </c>
      <c r="E4712" s="1">
        <v>44643.955555555556</v>
      </c>
      <c r="F4712">
        <v>25060</v>
      </c>
      <c r="G4712">
        <v>1034</v>
      </c>
      <c r="H4712">
        <v>0</v>
      </c>
      <c r="I4712">
        <v>0</v>
      </c>
      <c r="J4712">
        <v>100</v>
      </c>
      <c r="K4712">
        <v>400</v>
      </c>
      <c r="L4712">
        <v>0</v>
      </c>
      <c r="M4712">
        <v>2397</v>
      </c>
      <c r="N4712">
        <v>0</v>
      </c>
      <c r="O4712">
        <v>0</v>
      </c>
      <c r="P4712">
        <v>-15240</v>
      </c>
      <c r="Q4712">
        <v>0</v>
      </c>
      <c r="R4712">
        <v>11154</v>
      </c>
      <c r="S4712">
        <v>0</v>
      </c>
      <c r="T4712">
        <v>0</v>
      </c>
      <c r="U4712">
        <v>0</v>
      </c>
      <c r="V4712">
        <v>1</v>
      </c>
      <c r="W4712">
        <v>3</v>
      </c>
      <c r="X4712">
        <v>0</v>
      </c>
      <c r="Y4712">
        <v>57</v>
      </c>
      <c r="Z4712">
        <v>21</v>
      </c>
      <c r="AA4712">
        <v>119</v>
      </c>
      <c r="AB4712">
        <v>26</v>
      </c>
      <c r="AC4712">
        <v>122</v>
      </c>
      <c r="AD4712">
        <v>16</v>
      </c>
      <c r="AE4712">
        <v>50</v>
      </c>
      <c r="AF4712">
        <v>4720</v>
      </c>
      <c r="AG4712">
        <v>111770</v>
      </c>
      <c r="AH4712">
        <v>50000</v>
      </c>
      <c r="AI4712">
        <v>0</v>
      </c>
      <c r="AJ4712">
        <v>108</v>
      </c>
      <c r="AK4712" t="s">
        <v>3</v>
      </c>
      <c r="AL4712">
        <v>0</v>
      </c>
      <c r="AM4712">
        <v>0</v>
      </c>
      <c r="AN4712">
        <v>0</v>
      </c>
      <c r="AO4712">
        <v>0</v>
      </c>
      <c r="AP4712">
        <v>0</v>
      </c>
      <c r="AQ4712">
        <v>0</v>
      </c>
      <c r="AR4712">
        <v>0</v>
      </c>
      <c r="AS4712">
        <v>0</v>
      </c>
      <c r="AT4712">
        <v>0</v>
      </c>
      <c r="AU4712">
        <v>0</v>
      </c>
      <c r="AV4712">
        <v>0</v>
      </c>
      <c r="AW4712">
        <v>0</v>
      </c>
      <c r="AX4712">
        <v>1815</v>
      </c>
      <c r="AY4712">
        <v>8</v>
      </c>
      <c r="AZ4712">
        <v>14</v>
      </c>
      <c r="BA4712">
        <v>1616</v>
      </c>
    </row>
    <row r="4713" spans="1:53" x14ac:dyDescent="0.4">
      <c r="A4713">
        <v>4757</v>
      </c>
      <c r="B4713" s="1">
        <v>44644</v>
      </c>
      <c r="C4713">
        <v>1</v>
      </c>
      <c r="D4713" s="1">
        <v>44644.291666666664</v>
      </c>
      <c r="E4713" s="1">
        <v>44644.402777777781</v>
      </c>
      <c r="F4713">
        <v>0</v>
      </c>
      <c r="G4713">
        <v>0</v>
      </c>
      <c r="H4713">
        <v>0</v>
      </c>
      <c r="I4713">
        <v>0</v>
      </c>
      <c r="J4713">
        <v>0</v>
      </c>
      <c r="K4713">
        <v>0</v>
      </c>
      <c r="L4713">
        <v>0</v>
      </c>
      <c r="M4713">
        <v>0</v>
      </c>
      <c r="N4713">
        <v>0</v>
      </c>
      <c r="O4713">
        <v>0</v>
      </c>
      <c r="P4713">
        <v>0</v>
      </c>
      <c r="Q4713">
        <v>0</v>
      </c>
      <c r="R4713">
        <v>0</v>
      </c>
      <c r="S4713">
        <v>0</v>
      </c>
      <c r="T4713">
        <v>0</v>
      </c>
      <c r="U4713">
        <v>0</v>
      </c>
      <c r="V4713">
        <v>0</v>
      </c>
      <c r="W4713">
        <v>1</v>
      </c>
      <c r="X4713">
        <v>0</v>
      </c>
      <c r="Y4713">
        <v>25</v>
      </c>
      <c r="Z4713">
        <v>10</v>
      </c>
      <c r="AA4713">
        <v>124</v>
      </c>
      <c r="AB4713">
        <v>26</v>
      </c>
      <c r="AC4713">
        <v>118</v>
      </c>
      <c r="AD4713">
        <v>14</v>
      </c>
      <c r="AE4713">
        <v>50</v>
      </c>
      <c r="AF4713">
        <v>0</v>
      </c>
      <c r="AG4713">
        <v>50000</v>
      </c>
      <c r="AH4713">
        <v>50000</v>
      </c>
      <c r="AI4713">
        <v>0</v>
      </c>
      <c r="AJ4713">
        <v>0</v>
      </c>
      <c r="AK4713" t="s">
        <v>6</v>
      </c>
      <c r="AL4713">
        <v>0</v>
      </c>
      <c r="AM4713">
        <v>0</v>
      </c>
      <c r="AN4713">
        <v>0</v>
      </c>
      <c r="AO4713">
        <v>0</v>
      </c>
      <c r="AP4713">
        <v>0</v>
      </c>
      <c r="AQ4713">
        <v>0</v>
      </c>
      <c r="AR4713">
        <v>0</v>
      </c>
      <c r="AS4713">
        <v>0</v>
      </c>
      <c r="AT4713">
        <v>0</v>
      </c>
      <c r="AU4713">
        <v>0</v>
      </c>
      <c r="AV4713">
        <v>0</v>
      </c>
      <c r="AW4713">
        <v>0</v>
      </c>
      <c r="AX4713">
        <v>0</v>
      </c>
      <c r="AY4713">
        <v>0</v>
      </c>
      <c r="AZ4713">
        <v>0</v>
      </c>
      <c r="BA4713">
        <v>0</v>
      </c>
    </row>
    <row r="4714" spans="1:53" x14ac:dyDescent="0.4">
      <c r="A4714">
        <v>4758</v>
      </c>
      <c r="B4714" s="1">
        <v>44644</v>
      </c>
      <c r="C4714">
        <v>2</v>
      </c>
      <c r="D4714" s="1">
        <v>44644.402777777781</v>
      </c>
      <c r="E4714" s="1">
        <v>44644.750694444447</v>
      </c>
      <c r="F4714">
        <v>33690</v>
      </c>
      <c r="G4714">
        <v>2838</v>
      </c>
      <c r="H4714">
        <v>0</v>
      </c>
      <c r="I4714">
        <v>0</v>
      </c>
      <c r="J4714">
        <v>0</v>
      </c>
      <c r="K4714">
        <v>530</v>
      </c>
      <c r="L4714">
        <v>0</v>
      </c>
      <c r="M4714">
        <v>3366</v>
      </c>
      <c r="N4714">
        <v>0</v>
      </c>
      <c r="O4714">
        <v>0</v>
      </c>
      <c r="P4714">
        <v>17900</v>
      </c>
      <c r="Q4714">
        <v>0</v>
      </c>
      <c r="R4714">
        <v>54958</v>
      </c>
      <c r="S4714">
        <v>0</v>
      </c>
      <c r="T4714">
        <v>0</v>
      </c>
      <c r="U4714">
        <v>0</v>
      </c>
      <c r="V4714">
        <v>0</v>
      </c>
      <c r="W4714">
        <v>6</v>
      </c>
      <c r="X4714">
        <v>0</v>
      </c>
      <c r="Y4714">
        <v>39</v>
      </c>
      <c r="Z4714">
        <v>28</v>
      </c>
      <c r="AA4714">
        <v>114</v>
      </c>
      <c r="AB4714">
        <v>34</v>
      </c>
      <c r="AC4714">
        <v>123</v>
      </c>
      <c r="AD4714">
        <v>11</v>
      </c>
      <c r="AE4714">
        <v>47</v>
      </c>
      <c r="AF4714">
        <v>7526</v>
      </c>
      <c r="AG4714">
        <v>104958</v>
      </c>
      <c r="AH4714">
        <v>50000</v>
      </c>
      <c r="AI4714">
        <v>0</v>
      </c>
      <c r="AJ4714">
        <v>102</v>
      </c>
      <c r="AK4714" t="s">
        <v>50</v>
      </c>
      <c r="AL4714">
        <v>0</v>
      </c>
      <c r="AM4714">
        <v>0</v>
      </c>
      <c r="AN4714">
        <v>0</v>
      </c>
      <c r="AO4714">
        <v>0</v>
      </c>
      <c r="AP4714">
        <v>0</v>
      </c>
      <c r="AQ4714">
        <v>0</v>
      </c>
      <c r="AR4714">
        <v>0</v>
      </c>
      <c r="AS4714">
        <v>0</v>
      </c>
      <c r="AT4714">
        <v>0</v>
      </c>
      <c r="AU4714">
        <v>0</v>
      </c>
      <c r="AV4714">
        <v>0</v>
      </c>
      <c r="AW4714">
        <v>0</v>
      </c>
      <c r="AX4714">
        <v>594</v>
      </c>
      <c r="AY4714">
        <v>44</v>
      </c>
      <c r="AZ4714">
        <v>85</v>
      </c>
      <c r="BA4714">
        <v>6249</v>
      </c>
    </row>
    <row r="4715" spans="1:53" x14ac:dyDescent="0.4">
      <c r="A4715">
        <v>4759</v>
      </c>
      <c r="B4715" s="1">
        <v>44645</v>
      </c>
      <c r="C4715">
        <v>1</v>
      </c>
      <c r="D4715" s="1">
        <v>44645.291666666664</v>
      </c>
      <c r="E4715" s="1">
        <v>44645.395833333336</v>
      </c>
      <c r="F4715">
        <v>0</v>
      </c>
      <c r="G4715">
        <v>0</v>
      </c>
      <c r="H4715">
        <v>0</v>
      </c>
      <c r="I4715">
        <v>0</v>
      </c>
      <c r="J4715">
        <v>0</v>
      </c>
      <c r="K4715">
        <v>0</v>
      </c>
      <c r="L4715">
        <v>0</v>
      </c>
      <c r="M4715">
        <v>0</v>
      </c>
      <c r="N4715">
        <v>0</v>
      </c>
      <c r="O4715">
        <v>0</v>
      </c>
      <c r="P4715">
        <v>0</v>
      </c>
      <c r="Q4715">
        <v>0</v>
      </c>
      <c r="R4715">
        <v>0</v>
      </c>
      <c r="S4715">
        <v>0</v>
      </c>
      <c r="T4715">
        <v>0</v>
      </c>
      <c r="U4715">
        <v>0</v>
      </c>
      <c r="V4715">
        <v>0</v>
      </c>
      <c r="W4715">
        <v>0</v>
      </c>
      <c r="X4715">
        <v>0</v>
      </c>
      <c r="Y4715">
        <v>27</v>
      </c>
      <c r="Z4715">
        <v>17</v>
      </c>
      <c r="AA4715">
        <v>111</v>
      </c>
      <c r="AB4715">
        <v>38</v>
      </c>
      <c r="AC4715">
        <v>140</v>
      </c>
      <c r="AD4715">
        <v>10</v>
      </c>
      <c r="AE4715">
        <v>50</v>
      </c>
      <c r="AF4715">
        <v>0</v>
      </c>
      <c r="AG4715">
        <v>50000</v>
      </c>
      <c r="AH4715">
        <v>50000</v>
      </c>
      <c r="AI4715">
        <v>0</v>
      </c>
      <c r="AJ4715">
        <v>0</v>
      </c>
      <c r="AK4715" t="s">
        <v>6</v>
      </c>
      <c r="AL4715">
        <v>0</v>
      </c>
      <c r="AM4715">
        <v>0</v>
      </c>
      <c r="AN4715">
        <v>0</v>
      </c>
      <c r="AO4715">
        <v>0</v>
      </c>
      <c r="AP4715">
        <v>0</v>
      </c>
      <c r="AQ4715">
        <v>0</v>
      </c>
      <c r="AR4715">
        <v>0</v>
      </c>
      <c r="AS4715">
        <v>0</v>
      </c>
      <c r="AT4715">
        <v>0</v>
      </c>
      <c r="AU4715">
        <v>0</v>
      </c>
      <c r="AV4715">
        <v>0</v>
      </c>
      <c r="AW4715">
        <v>0</v>
      </c>
      <c r="AX4715">
        <v>0</v>
      </c>
      <c r="AY4715">
        <v>0</v>
      </c>
      <c r="AZ4715">
        <v>0</v>
      </c>
      <c r="BA4715">
        <v>0</v>
      </c>
    </row>
    <row r="4716" spans="1:53" x14ac:dyDescent="0.4">
      <c r="A4716">
        <v>4760</v>
      </c>
      <c r="B4716" s="1">
        <v>44645</v>
      </c>
      <c r="C4716">
        <v>2</v>
      </c>
      <c r="D4716" s="1">
        <v>44645.395833333336</v>
      </c>
      <c r="E4716" s="1">
        <v>44645.738888888889</v>
      </c>
      <c r="F4716">
        <v>41020</v>
      </c>
      <c r="G4716">
        <v>2860</v>
      </c>
      <c r="H4716">
        <v>0</v>
      </c>
      <c r="I4716">
        <v>0</v>
      </c>
      <c r="J4716">
        <v>100</v>
      </c>
      <c r="K4716">
        <v>2200</v>
      </c>
      <c r="L4716">
        <v>0</v>
      </c>
      <c r="M4716">
        <v>4179</v>
      </c>
      <c r="N4716">
        <v>0</v>
      </c>
      <c r="O4716">
        <v>0</v>
      </c>
      <c r="P4716">
        <v>13400</v>
      </c>
      <c r="Q4716">
        <v>0</v>
      </c>
      <c r="R4716">
        <v>59380</v>
      </c>
      <c r="S4716">
        <v>0</v>
      </c>
      <c r="T4716">
        <v>0</v>
      </c>
      <c r="U4716">
        <v>0</v>
      </c>
      <c r="V4716">
        <v>3</v>
      </c>
      <c r="W4716">
        <v>2</v>
      </c>
      <c r="X4716">
        <v>0</v>
      </c>
      <c r="Y4716">
        <v>41</v>
      </c>
      <c r="Z4716">
        <v>23</v>
      </c>
      <c r="AA4716">
        <v>75</v>
      </c>
      <c r="AB4716">
        <v>42</v>
      </c>
      <c r="AC4716">
        <v>160</v>
      </c>
      <c r="AD4716">
        <v>9</v>
      </c>
      <c r="AE4716">
        <v>47</v>
      </c>
      <c r="AF4716">
        <v>5588</v>
      </c>
      <c r="AG4716">
        <v>109380</v>
      </c>
      <c r="AH4716">
        <v>50000</v>
      </c>
      <c r="AI4716">
        <v>0</v>
      </c>
      <c r="AJ4716">
        <v>116</v>
      </c>
      <c r="AK4716" t="s">
        <v>54</v>
      </c>
      <c r="AL4716">
        <v>0</v>
      </c>
      <c r="AM4716">
        <v>0</v>
      </c>
      <c r="AN4716">
        <v>0</v>
      </c>
      <c r="AO4716">
        <v>0</v>
      </c>
      <c r="AP4716">
        <v>0</v>
      </c>
      <c r="AQ4716">
        <v>0</v>
      </c>
      <c r="AR4716">
        <v>0</v>
      </c>
      <c r="AS4716">
        <v>0</v>
      </c>
      <c r="AT4716">
        <v>0</v>
      </c>
      <c r="AU4716">
        <v>0</v>
      </c>
      <c r="AV4716">
        <v>0</v>
      </c>
      <c r="AW4716">
        <v>0</v>
      </c>
      <c r="AX4716">
        <v>-1590</v>
      </c>
      <c r="AY4716">
        <v>45</v>
      </c>
      <c r="AZ4716">
        <v>89</v>
      </c>
      <c r="BA4716">
        <v>7070</v>
      </c>
    </row>
    <row r="4717" spans="1:53" x14ac:dyDescent="0.4">
      <c r="A4717">
        <v>4761</v>
      </c>
      <c r="B4717" s="1">
        <v>44646</v>
      </c>
      <c r="C4717">
        <v>1</v>
      </c>
      <c r="D4717" s="1">
        <v>44646.291666666664</v>
      </c>
      <c r="E4717" s="1">
        <v>44646.743055555555</v>
      </c>
      <c r="F4717">
        <v>49670</v>
      </c>
      <c r="G4717">
        <v>4004</v>
      </c>
      <c r="H4717">
        <v>0</v>
      </c>
      <c r="I4717">
        <v>0</v>
      </c>
      <c r="J4717">
        <v>0</v>
      </c>
      <c r="K4717">
        <v>0</v>
      </c>
      <c r="L4717">
        <v>0</v>
      </c>
      <c r="M4717">
        <v>4877</v>
      </c>
      <c r="N4717">
        <v>0</v>
      </c>
      <c r="O4717">
        <v>0</v>
      </c>
      <c r="P4717">
        <v>11270</v>
      </c>
      <c r="Q4717">
        <v>0</v>
      </c>
      <c r="R4717">
        <v>64944</v>
      </c>
      <c r="S4717">
        <v>0</v>
      </c>
      <c r="T4717">
        <v>0</v>
      </c>
      <c r="U4717">
        <v>0</v>
      </c>
      <c r="V4717">
        <v>2</v>
      </c>
      <c r="W4717">
        <v>1</v>
      </c>
      <c r="X4717">
        <v>0</v>
      </c>
      <c r="Y4717">
        <v>61</v>
      </c>
      <c r="Z4717">
        <v>30</v>
      </c>
      <c r="AA4717">
        <v>64</v>
      </c>
      <c r="AB4717">
        <v>27</v>
      </c>
      <c r="AC4717">
        <v>183</v>
      </c>
      <c r="AD4717">
        <v>5</v>
      </c>
      <c r="AE4717">
        <v>42</v>
      </c>
      <c r="AF4717">
        <v>4297</v>
      </c>
      <c r="AG4717">
        <v>114944</v>
      </c>
      <c r="AH4717">
        <v>50000</v>
      </c>
      <c r="AI4717">
        <v>0</v>
      </c>
      <c r="AJ4717">
        <v>115</v>
      </c>
      <c r="AK4717" t="s">
        <v>55</v>
      </c>
      <c r="AL4717">
        <v>0</v>
      </c>
      <c r="AM4717">
        <v>0</v>
      </c>
      <c r="AN4717">
        <v>0</v>
      </c>
      <c r="AO4717">
        <v>0</v>
      </c>
      <c r="AP4717">
        <v>0</v>
      </c>
      <c r="AQ4717">
        <v>0</v>
      </c>
      <c r="AR4717">
        <v>0</v>
      </c>
      <c r="AS4717">
        <v>0</v>
      </c>
      <c r="AT4717">
        <v>0</v>
      </c>
      <c r="AU4717">
        <v>0</v>
      </c>
      <c r="AV4717">
        <v>0</v>
      </c>
      <c r="AW4717">
        <v>0</v>
      </c>
      <c r="AX4717">
        <v>1012</v>
      </c>
      <c r="AY4717">
        <v>43</v>
      </c>
      <c r="AZ4717">
        <v>95</v>
      </c>
      <c r="BA4717">
        <v>6887</v>
      </c>
    </row>
    <row r="4718" spans="1:53" x14ac:dyDescent="0.4">
      <c r="A4718">
        <v>4762</v>
      </c>
      <c r="B4718" s="1">
        <v>44647</v>
      </c>
      <c r="C4718">
        <v>1</v>
      </c>
      <c r="D4718" s="1">
        <v>44647.291666666664</v>
      </c>
      <c r="E4718" s="1">
        <v>44647.411111111112</v>
      </c>
      <c r="F4718">
        <v>0</v>
      </c>
      <c r="G4718">
        <v>0</v>
      </c>
      <c r="H4718">
        <v>0</v>
      </c>
      <c r="I4718">
        <v>0</v>
      </c>
      <c r="J4718">
        <v>0</v>
      </c>
      <c r="K4718">
        <v>0</v>
      </c>
      <c r="L4718">
        <v>0</v>
      </c>
      <c r="M4718">
        <v>0</v>
      </c>
      <c r="N4718">
        <v>0</v>
      </c>
      <c r="O4718">
        <v>0</v>
      </c>
      <c r="P4718">
        <v>0</v>
      </c>
      <c r="Q4718">
        <v>0</v>
      </c>
      <c r="R4718">
        <v>0</v>
      </c>
      <c r="S4718">
        <v>0</v>
      </c>
      <c r="T4718">
        <v>0</v>
      </c>
      <c r="U4718">
        <v>0</v>
      </c>
      <c r="V4718">
        <v>0</v>
      </c>
      <c r="W4718">
        <v>1</v>
      </c>
      <c r="X4718">
        <v>0</v>
      </c>
      <c r="Y4718">
        <v>30</v>
      </c>
      <c r="Z4718">
        <v>11</v>
      </c>
      <c r="AA4718">
        <v>72</v>
      </c>
      <c r="AB4718">
        <v>23</v>
      </c>
      <c r="AC4718">
        <v>110</v>
      </c>
      <c r="AD4718">
        <v>4</v>
      </c>
      <c r="AE4718">
        <v>30</v>
      </c>
      <c r="AF4718">
        <v>0</v>
      </c>
      <c r="AG4718">
        <v>50000</v>
      </c>
      <c r="AH4718">
        <v>50000</v>
      </c>
      <c r="AI4718">
        <v>0</v>
      </c>
      <c r="AJ4718">
        <v>0</v>
      </c>
      <c r="AK4718" t="s">
        <v>6</v>
      </c>
      <c r="AL4718">
        <v>0</v>
      </c>
      <c r="AM4718">
        <v>0</v>
      </c>
      <c r="AN4718">
        <v>0</v>
      </c>
      <c r="AO4718">
        <v>0</v>
      </c>
      <c r="AP4718">
        <v>0</v>
      </c>
      <c r="AQ4718">
        <v>0</v>
      </c>
      <c r="AR4718">
        <v>0</v>
      </c>
      <c r="AS4718">
        <v>0</v>
      </c>
      <c r="AT4718">
        <v>0</v>
      </c>
      <c r="AU4718">
        <v>0</v>
      </c>
      <c r="AV4718">
        <v>0</v>
      </c>
      <c r="AW4718">
        <v>0</v>
      </c>
      <c r="AX4718">
        <v>0</v>
      </c>
      <c r="AY4718">
        <v>0</v>
      </c>
      <c r="AZ4718">
        <v>0</v>
      </c>
      <c r="BA4718">
        <v>0</v>
      </c>
    </row>
    <row r="4719" spans="1:53" x14ac:dyDescent="0.4">
      <c r="A4719">
        <v>4763</v>
      </c>
      <c r="B4719" s="1">
        <v>44647</v>
      </c>
      <c r="C4719">
        <v>2</v>
      </c>
      <c r="D4719" s="1">
        <v>44647.411111111112</v>
      </c>
      <c r="E4719" s="1">
        <v>44647.725694444445</v>
      </c>
      <c r="F4719">
        <v>36150</v>
      </c>
      <c r="G4719">
        <v>2090</v>
      </c>
      <c r="H4719">
        <v>0</v>
      </c>
      <c r="I4719">
        <v>0</v>
      </c>
      <c r="J4719">
        <v>100</v>
      </c>
      <c r="K4719">
        <v>0</v>
      </c>
      <c r="L4719">
        <v>0</v>
      </c>
      <c r="M4719">
        <v>3463</v>
      </c>
      <c r="N4719">
        <v>0</v>
      </c>
      <c r="O4719">
        <v>0</v>
      </c>
      <c r="P4719">
        <v>21140</v>
      </c>
      <c r="Q4719">
        <v>0</v>
      </c>
      <c r="R4719">
        <v>59280</v>
      </c>
      <c r="S4719">
        <v>0</v>
      </c>
      <c r="T4719">
        <v>0</v>
      </c>
      <c r="U4719">
        <v>0</v>
      </c>
      <c r="V4719">
        <v>3</v>
      </c>
      <c r="W4719">
        <v>1</v>
      </c>
      <c r="X4719">
        <v>0</v>
      </c>
      <c r="Y4719">
        <v>52</v>
      </c>
      <c r="Z4719">
        <v>20</v>
      </c>
      <c r="AA4719">
        <v>94</v>
      </c>
      <c r="AB4719">
        <v>16</v>
      </c>
      <c r="AC4719">
        <v>142</v>
      </c>
      <c r="AD4719">
        <v>6</v>
      </c>
      <c r="AE4719">
        <v>30</v>
      </c>
      <c r="AF4719">
        <v>600</v>
      </c>
      <c r="AG4719">
        <v>109280</v>
      </c>
      <c r="AH4719">
        <v>50000</v>
      </c>
      <c r="AI4719">
        <v>0</v>
      </c>
      <c r="AJ4719">
        <v>115</v>
      </c>
      <c r="AK4719" t="s">
        <v>55</v>
      </c>
      <c r="AL4719">
        <v>0</v>
      </c>
      <c r="AM4719">
        <v>0</v>
      </c>
      <c r="AN4719">
        <v>0</v>
      </c>
      <c r="AO4719">
        <v>0</v>
      </c>
      <c r="AP4719">
        <v>0</v>
      </c>
      <c r="AQ4719">
        <v>0</v>
      </c>
      <c r="AR4719">
        <v>0</v>
      </c>
      <c r="AS4719">
        <v>0</v>
      </c>
      <c r="AT4719">
        <v>0</v>
      </c>
      <c r="AU4719">
        <v>0</v>
      </c>
      <c r="AV4719">
        <v>0</v>
      </c>
      <c r="AW4719">
        <v>0</v>
      </c>
      <c r="AX4719">
        <v>1210</v>
      </c>
      <c r="AY4719">
        <v>46</v>
      </c>
      <c r="AZ4719">
        <v>92</v>
      </c>
      <c r="BA4719">
        <v>6840</v>
      </c>
    </row>
    <row r="4720" spans="1:53" x14ac:dyDescent="0.4">
      <c r="A4720">
        <v>4764</v>
      </c>
      <c r="B4720" s="1">
        <v>44647</v>
      </c>
      <c r="C4720">
        <v>3</v>
      </c>
      <c r="D4720" s="1">
        <v>44647.725694444445</v>
      </c>
      <c r="E4720" s="1">
        <v>44647.750694444447</v>
      </c>
      <c r="F4720">
        <v>3620</v>
      </c>
      <c r="G4720">
        <v>0</v>
      </c>
      <c r="H4720">
        <v>0</v>
      </c>
      <c r="I4720">
        <v>0</v>
      </c>
      <c r="J4720">
        <v>0</v>
      </c>
      <c r="K4720">
        <v>0</v>
      </c>
      <c r="L4720">
        <v>0</v>
      </c>
      <c r="M4720">
        <v>328</v>
      </c>
      <c r="N4720">
        <v>0</v>
      </c>
      <c r="O4720">
        <v>0</v>
      </c>
      <c r="P4720">
        <v>-1890</v>
      </c>
      <c r="Q4720">
        <v>0</v>
      </c>
      <c r="R4720">
        <v>1730</v>
      </c>
      <c r="S4720">
        <v>0</v>
      </c>
      <c r="T4720">
        <v>0</v>
      </c>
      <c r="U4720">
        <v>0</v>
      </c>
      <c r="V4720">
        <v>3</v>
      </c>
      <c r="W4720">
        <v>1</v>
      </c>
      <c r="X4720">
        <v>0</v>
      </c>
      <c r="Y4720">
        <v>54</v>
      </c>
      <c r="Z4720">
        <v>20</v>
      </c>
      <c r="AA4720">
        <v>91</v>
      </c>
      <c r="AB4720">
        <v>17</v>
      </c>
      <c r="AC4720">
        <v>140</v>
      </c>
      <c r="AD4720">
        <v>6</v>
      </c>
      <c r="AE4720">
        <v>30</v>
      </c>
      <c r="AF4720">
        <v>600</v>
      </c>
      <c r="AG4720">
        <v>111010</v>
      </c>
      <c r="AH4720">
        <v>50000</v>
      </c>
      <c r="AI4720">
        <v>0</v>
      </c>
      <c r="AJ4720">
        <v>118</v>
      </c>
      <c r="AK4720" t="s">
        <v>59</v>
      </c>
      <c r="AL4720">
        <v>0</v>
      </c>
      <c r="AM4720">
        <v>0</v>
      </c>
      <c r="AN4720">
        <v>0</v>
      </c>
      <c r="AO4720">
        <v>0</v>
      </c>
      <c r="AP4720">
        <v>0</v>
      </c>
      <c r="AQ4720">
        <v>0</v>
      </c>
      <c r="AR4720">
        <v>0</v>
      </c>
      <c r="AS4720">
        <v>0</v>
      </c>
      <c r="AT4720">
        <v>0</v>
      </c>
      <c r="AU4720">
        <v>0</v>
      </c>
      <c r="AV4720">
        <v>0</v>
      </c>
      <c r="AW4720">
        <v>0</v>
      </c>
      <c r="AX4720">
        <v>1410</v>
      </c>
      <c r="AY4720">
        <v>2</v>
      </c>
      <c r="AZ4720">
        <v>3</v>
      </c>
      <c r="BA4720">
        <v>563</v>
      </c>
    </row>
    <row r="4721" spans="1:53" x14ac:dyDescent="0.4">
      <c r="A4721">
        <v>4765</v>
      </c>
      <c r="B4721" s="1">
        <v>44647</v>
      </c>
      <c r="C4721">
        <v>4</v>
      </c>
      <c r="D4721" s="1">
        <v>44647.750694444447</v>
      </c>
      <c r="E4721" s="1">
        <v>44648.027777777781</v>
      </c>
      <c r="F4721">
        <v>37630</v>
      </c>
      <c r="G4721">
        <v>3729</v>
      </c>
      <c r="H4721">
        <v>0</v>
      </c>
      <c r="I4721">
        <v>0</v>
      </c>
      <c r="J4721">
        <v>0</v>
      </c>
      <c r="K4721">
        <v>860</v>
      </c>
      <c r="L4721">
        <v>0</v>
      </c>
      <c r="M4721">
        <v>3838</v>
      </c>
      <c r="N4721">
        <v>0</v>
      </c>
      <c r="O4721">
        <v>0</v>
      </c>
      <c r="P4721">
        <v>-13100</v>
      </c>
      <c r="Q4721">
        <v>0</v>
      </c>
      <c r="R4721">
        <v>29119</v>
      </c>
      <c r="S4721">
        <v>0</v>
      </c>
      <c r="T4721">
        <v>0</v>
      </c>
      <c r="U4721">
        <v>0</v>
      </c>
      <c r="V4721">
        <v>3</v>
      </c>
      <c r="W4721">
        <v>2</v>
      </c>
      <c r="X4721">
        <v>0</v>
      </c>
      <c r="Y4721">
        <v>76</v>
      </c>
      <c r="Z4721">
        <v>24</v>
      </c>
      <c r="AA4721">
        <v>87</v>
      </c>
      <c r="AB4721">
        <v>15</v>
      </c>
      <c r="AC4721">
        <v>141</v>
      </c>
      <c r="AD4721">
        <v>3</v>
      </c>
      <c r="AE4721">
        <v>34</v>
      </c>
      <c r="AF4721">
        <v>1220</v>
      </c>
      <c r="AG4721">
        <v>140129</v>
      </c>
      <c r="AH4721">
        <v>50000</v>
      </c>
      <c r="AI4721">
        <v>0</v>
      </c>
      <c r="AJ4721">
        <v>108</v>
      </c>
      <c r="AK4721" t="s">
        <v>3</v>
      </c>
      <c r="AL4721">
        <v>0</v>
      </c>
      <c r="AM4721">
        <v>0</v>
      </c>
      <c r="AN4721">
        <v>0</v>
      </c>
      <c r="AO4721">
        <v>0</v>
      </c>
      <c r="AP4721">
        <v>0</v>
      </c>
      <c r="AQ4721">
        <v>0</v>
      </c>
      <c r="AR4721">
        <v>0</v>
      </c>
      <c r="AS4721">
        <v>0</v>
      </c>
      <c r="AT4721">
        <v>0</v>
      </c>
      <c r="AU4721">
        <v>0</v>
      </c>
      <c r="AV4721">
        <v>0</v>
      </c>
      <c r="AW4721">
        <v>0</v>
      </c>
      <c r="AX4721">
        <v>660</v>
      </c>
      <c r="AY4721">
        <v>12</v>
      </c>
      <c r="AZ4721">
        <v>23</v>
      </c>
      <c r="BA4721">
        <v>2503</v>
      </c>
    </row>
    <row r="4722" spans="1:53" x14ac:dyDescent="0.4">
      <c r="A4722">
        <v>4766</v>
      </c>
      <c r="B4722" s="1">
        <v>44648</v>
      </c>
      <c r="C4722">
        <v>1</v>
      </c>
      <c r="D4722" s="1">
        <v>44648.291666666664</v>
      </c>
      <c r="E4722" s="1">
        <v>44648.396527777775</v>
      </c>
      <c r="F4722">
        <v>0</v>
      </c>
      <c r="G4722">
        <v>0</v>
      </c>
      <c r="H4722">
        <v>0</v>
      </c>
      <c r="I4722">
        <v>0</v>
      </c>
      <c r="J4722">
        <v>0</v>
      </c>
      <c r="K4722">
        <v>0</v>
      </c>
      <c r="L4722">
        <v>0</v>
      </c>
      <c r="M4722">
        <v>0</v>
      </c>
      <c r="N4722">
        <v>0</v>
      </c>
      <c r="O4722">
        <v>0</v>
      </c>
      <c r="P4722">
        <v>0</v>
      </c>
      <c r="Q4722">
        <v>0</v>
      </c>
      <c r="R4722">
        <v>0</v>
      </c>
      <c r="S4722">
        <v>0</v>
      </c>
      <c r="T4722">
        <v>0</v>
      </c>
      <c r="U4722">
        <v>0</v>
      </c>
      <c r="V4722">
        <v>0</v>
      </c>
      <c r="W4722">
        <v>1</v>
      </c>
      <c r="X4722">
        <v>0</v>
      </c>
      <c r="Y4722">
        <v>25</v>
      </c>
      <c r="Z4722">
        <v>18</v>
      </c>
      <c r="AA4722">
        <v>88</v>
      </c>
      <c r="AB4722">
        <v>16</v>
      </c>
      <c r="AC4722">
        <v>136</v>
      </c>
      <c r="AD4722">
        <v>2</v>
      </c>
      <c r="AE4722">
        <v>30</v>
      </c>
      <c r="AF4722">
        <v>0</v>
      </c>
      <c r="AG4722">
        <v>50000</v>
      </c>
      <c r="AH4722">
        <v>50000</v>
      </c>
      <c r="AI4722">
        <v>0</v>
      </c>
      <c r="AJ4722">
        <v>0</v>
      </c>
      <c r="AK4722" t="s">
        <v>6</v>
      </c>
      <c r="AL4722">
        <v>0</v>
      </c>
      <c r="AM4722">
        <v>0</v>
      </c>
      <c r="AN4722">
        <v>0</v>
      </c>
      <c r="AO4722">
        <v>0</v>
      </c>
      <c r="AP4722">
        <v>0</v>
      </c>
      <c r="AQ4722">
        <v>0</v>
      </c>
      <c r="AR4722">
        <v>0</v>
      </c>
      <c r="AS4722">
        <v>0</v>
      </c>
      <c r="AT4722">
        <v>0</v>
      </c>
      <c r="AU4722">
        <v>0</v>
      </c>
      <c r="AV4722">
        <v>0</v>
      </c>
      <c r="AW4722">
        <v>0</v>
      </c>
      <c r="AX4722">
        <v>0</v>
      </c>
      <c r="AY4722">
        <v>0</v>
      </c>
      <c r="AZ4722">
        <v>0</v>
      </c>
      <c r="BA4722">
        <v>0</v>
      </c>
    </row>
    <row r="4723" spans="1:53" x14ac:dyDescent="0.4">
      <c r="A4723">
        <v>4767</v>
      </c>
      <c r="B4723" s="1">
        <v>44648</v>
      </c>
      <c r="C4723">
        <v>2</v>
      </c>
      <c r="D4723" s="1">
        <v>44648.396527777775</v>
      </c>
      <c r="E4723" s="1">
        <v>44648.744444444441</v>
      </c>
      <c r="F4723">
        <v>37550</v>
      </c>
      <c r="G4723">
        <v>770</v>
      </c>
      <c r="H4723">
        <v>0</v>
      </c>
      <c r="I4723">
        <v>0</v>
      </c>
      <c r="J4723">
        <v>0</v>
      </c>
      <c r="K4723">
        <v>800</v>
      </c>
      <c r="L4723">
        <v>0</v>
      </c>
      <c r="M4723">
        <v>3554</v>
      </c>
      <c r="N4723">
        <v>0</v>
      </c>
      <c r="O4723">
        <v>0</v>
      </c>
      <c r="P4723">
        <v>18650</v>
      </c>
      <c r="Q4723">
        <v>0</v>
      </c>
      <c r="R4723">
        <v>57770</v>
      </c>
      <c r="S4723">
        <v>0</v>
      </c>
      <c r="T4723">
        <v>0</v>
      </c>
      <c r="U4723">
        <v>0</v>
      </c>
      <c r="V4723">
        <v>3</v>
      </c>
      <c r="W4723">
        <v>0</v>
      </c>
      <c r="X4723">
        <v>0</v>
      </c>
      <c r="Y4723">
        <v>51</v>
      </c>
      <c r="Z4723">
        <v>34</v>
      </c>
      <c r="AA4723">
        <v>55</v>
      </c>
      <c r="AB4723">
        <v>21</v>
      </c>
      <c r="AC4723">
        <v>160</v>
      </c>
      <c r="AD4723">
        <v>7</v>
      </c>
      <c r="AE4723">
        <v>35</v>
      </c>
      <c r="AF4723">
        <v>1550</v>
      </c>
      <c r="AG4723">
        <v>107770</v>
      </c>
      <c r="AH4723">
        <v>50000</v>
      </c>
      <c r="AI4723">
        <v>0</v>
      </c>
      <c r="AJ4723">
        <v>119</v>
      </c>
      <c r="AK4723" t="s">
        <v>56</v>
      </c>
      <c r="AL4723">
        <v>0</v>
      </c>
      <c r="AM4723">
        <v>0</v>
      </c>
      <c r="AN4723">
        <v>0</v>
      </c>
      <c r="AO4723">
        <v>0</v>
      </c>
      <c r="AP4723">
        <v>0</v>
      </c>
      <c r="AQ4723">
        <v>0</v>
      </c>
      <c r="AR4723">
        <v>0</v>
      </c>
      <c r="AS4723">
        <v>0</v>
      </c>
      <c r="AT4723">
        <v>0</v>
      </c>
      <c r="AU4723">
        <v>0</v>
      </c>
      <c r="AV4723">
        <v>0</v>
      </c>
      <c r="AW4723">
        <v>0</v>
      </c>
      <c r="AX4723">
        <v>-690</v>
      </c>
      <c r="AY4723">
        <v>41</v>
      </c>
      <c r="AZ4723">
        <v>87</v>
      </c>
      <c r="BA4723">
        <v>6495</v>
      </c>
    </row>
    <row r="4724" spans="1:53" x14ac:dyDescent="0.4">
      <c r="A4724">
        <v>4768</v>
      </c>
      <c r="B4724" s="1">
        <v>44648</v>
      </c>
      <c r="C4724">
        <v>3</v>
      </c>
      <c r="D4724" s="1">
        <v>44648.744444444441</v>
      </c>
      <c r="E4724" s="1">
        <v>44649.012499999997</v>
      </c>
      <c r="F4724">
        <v>28040</v>
      </c>
      <c r="G4724">
        <v>440</v>
      </c>
      <c r="H4724">
        <v>0</v>
      </c>
      <c r="I4724">
        <v>0</v>
      </c>
      <c r="J4724">
        <v>0</v>
      </c>
      <c r="K4724">
        <v>0</v>
      </c>
      <c r="L4724">
        <v>0</v>
      </c>
      <c r="M4724">
        <v>2588</v>
      </c>
      <c r="N4724">
        <v>0</v>
      </c>
      <c r="O4724">
        <v>0</v>
      </c>
      <c r="P4724">
        <v>-18650</v>
      </c>
      <c r="Q4724">
        <v>0</v>
      </c>
      <c r="R4724">
        <v>9830</v>
      </c>
      <c r="S4724">
        <v>0</v>
      </c>
      <c r="T4724">
        <v>0</v>
      </c>
      <c r="U4724">
        <v>0</v>
      </c>
      <c r="V4724">
        <v>4</v>
      </c>
      <c r="W4724">
        <v>0</v>
      </c>
      <c r="X4724">
        <v>0</v>
      </c>
      <c r="Y4724">
        <v>46</v>
      </c>
      <c r="Z4724">
        <v>33</v>
      </c>
      <c r="AA4724">
        <v>57</v>
      </c>
      <c r="AB4724">
        <v>20</v>
      </c>
      <c r="AC4724">
        <v>165</v>
      </c>
      <c r="AD4724">
        <v>7</v>
      </c>
      <c r="AE4724">
        <v>37</v>
      </c>
      <c r="AF4724">
        <v>6678</v>
      </c>
      <c r="AG4724">
        <v>117600</v>
      </c>
      <c r="AH4724">
        <v>50000</v>
      </c>
      <c r="AI4724">
        <v>0</v>
      </c>
      <c r="AJ4724">
        <v>108</v>
      </c>
      <c r="AK4724" t="s">
        <v>3</v>
      </c>
      <c r="AL4724">
        <v>0</v>
      </c>
      <c r="AM4724">
        <v>0</v>
      </c>
      <c r="AN4724">
        <v>0</v>
      </c>
      <c r="AO4724">
        <v>0</v>
      </c>
      <c r="AP4724">
        <v>0</v>
      </c>
      <c r="AQ4724">
        <v>0</v>
      </c>
      <c r="AR4724">
        <v>0</v>
      </c>
      <c r="AS4724">
        <v>0</v>
      </c>
      <c r="AT4724">
        <v>0</v>
      </c>
      <c r="AU4724">
        <v>0</v>
      </c>
      <c r="AV4724">
        <v>0</v>
      </c>
      <c r="AW4724">
        <v>0</v>
      </c>
      <c r="AX4724">
        <v>330</v>
      </c>
      <c r="AY4724">
        <v>7</v>
      </c>
      <c r="AZ4724">
        <v>15</v>
      </c>
      <c r="BA4724">
        <v>2007</v>
      </c>
    </row>
    <row r="4725" spans="1:53" x14ac:dyDescent="0.4">
      <c r="A4725">
        <v>4769</v>
      </c>
      <c r="B4725" s="1">
        <v>44649</v>
      </c>
      <c r="C4725">
        <v>1</v>
      </c>
      <c r="D4725" s="1">
        <v>44649.291666666664</v>
      </c>
      <c r="E4725" s="1">
        <v>44649.404861111114</v>
      </c>
      <c r="F4725">
        <v>0</v>
      </c>
      <c r="G4725">
        <v>0</v>
      </c>
      <c r="H4725">
        <v>0</v>
      </c>
      <c r="I4725">
        <v>0</v>
      </c>
      <c r="J4725">
        <v>0</v>
      </c>
      <c r="K4725">
        <v>0</v>
      </c>
      <c r="L4725">
        <v>0</v>
      </c>
      <c r="M4725">
        <v>0</v>
      </c>
      <c r="N4725">
        <v>0</v>
      </c>
      <c r="O4725">
        <v>0</v>
      </c>
      <c r="P4725">
        <v>0</v>
      </c>
      <c r="Q4725">
        <v>0</v>
      </c>
      <c r="R4725">
        <v>0</v>
      </c>
      <c r="S4725">
        <v>0</v>
      </c>
      <c r="T4725">
        <v>0</v>
      </c>
      <c r="U4725">
        <v>0</v>
      </c>
      <c r="V4725">
        <v>0</v>
      </c>
      <c r="W4725">
        <v>1</v>
      </c>
      <c r="X4725">
        <v>0</v>
      </c>
      <c r="Y4725">
        <v>30</v>
      </c>
      <c r="Z4725">
        <v>12</v>
      </c>
      <c r="AA4725">
        <v>65</v>
      </c>
      <c r="AB4725">
        <v>23</v>
      </c>
      <c r="AC4725">
        <v>128</v>
      </c>
      <c r="AD4725">
        <v>7</v>
      </c>
      <c r="AE4725">
        <v>35</v>
      </c>
      <c r="AF4725">
        <v>0</v>
      </c>
      <c r="AG4725">
        <v>50000</v>
      </c>
      <c r="AH4725">
        <v>50000</v>
      </c>
      <c r="AI4725">
        <v>0</v>
      </c>
      <c r="AJ4725">
        <v>0</v>
      </c>
      <c r="AK4725" t="s">
        <v>6</v>
      </c>
      <c r="AL4725">
        <v>0</v>
      </c>
      <c r="AM4725">
        <v>0</v>
      </c>
      <c r="AN4725">
        <v>0</v>
      </c>
      <c r="AO4725">
        <v>0</v>
      </c>
      <c r="AP4725">
        <v>0</v>
      </c>
      <c r="AQ4725">
        <v>0</v>
      </c>
      <c r="AR4725">
        <v>0</v>
      </c>
      <c r="AS4725">
        <v>0</v>
      </c>
      <c r="AT4725">
        <v>0</v>
      </c>
      <c r="AU4725">
        <v>0</v>
      </c>
      <c r="AV4725">
        <v>0</v>
      </c>
      <c r="AW4725">
        <v>0</v>
      </c>
      <c r="AX4725">
        <v>0</v>
      </c>
      <c r="AY4725">
        <v>0</v>
      </c>
      <c r="AZ4725">
        <v>0</v>
      </c>
      <c r="BA4725">
        <v>0</v>
      </c>
    </row>
    <row r="4726" spans="1:53" x14ac:dyDescent="0.4">
      <c r="A4726">
        <v>4770</v>
      </c>
      <c r="B4726" s="1">
        <v>44649</v>
      </c>
      <c r="C4726">
        <v>2</v>
      </c>
      <c r="D4726" s="1">
        <v>44649.404861111114</v>
      </c>
      <c r="E4726" s="1">
        <v>44649.742361111108</v>
      </c>
      <c r="F4726">
        <v>26660</v>
      </c>
      <c r="G4726">
        <v>0</v>
      </c>
      <c r="H4726">
        <v>0</v>
      </c>
      <c r="I4726">
        <v>0</v>
      </c>
      <c r="J4726">
        <v>0</v>
      </c>
      <c r="K4726">
        <v>0</v>
      </c>
      <c r="L4726">
        <v>0</v>
      </c>
      <c r="M4726">
        <v>2423</v>
      </c>
      <c r="N4726">
        <v>0</v>
      </c>
      <c r="O4726">
        <v>0</v>
      </c>
      <c r="P4726">
        <v>21730</v>
      </c>
      <c r="Q4726">
        <v>0</v>
      </c>
      <c r="R4726">
        <v>48390</v>
      </c>
      <c r="S4726">
        <v>0</v>
      </c>
      <c r="T4726">
        <v>0</v>
      </c>
      <c r="U4726">
        <v>0</v>
      </c>
      <c r="V4726">
        <v>1</v>
      </c>
      <c r="W4726">
        <v>3</v>
      </c>
      <c r="X4726">
        <v>0</v>
      </c>
      <c r="Y4726">
        <v>56</v>
      </c>
      <c r="Z4726">
        <v>18</v>
      </c>
      <c r="AA4726">
        <v>26</v>
      </c>
      <c r="AB4726">
        <v>16</v>
      </c>
      <c r="AC4726">
        <v>133</v>
      </c>
      <c r="AD4726">
        <v>7</v>
      </c>
      <c r="AE4726">
        <v>36</v>
      </c>
      <c r="AF4726">
        <v>3589</v>
      </c>
      <c r="AG4726">
        <v>98390</v>
      </c>
      <c r="AH4726">
        <v>50000</v>
      </c>
      <c r="AI4726">
        <v>0</v>
      </c>
      <c r="AJ4726">
        <v>118</v>
      </c>
      <c r="AK4726" t="s">
        <v>59</v>
      </c>
      <c r="AL4726">
        <v>0</v>
      </c>
      <c r="AM4726">
        <v>0</v>
      </c>
      <c r="AN4726">
        <v>0</v>
      </c>
      <c r="AO4726">
        <v>0</v>
      </c>
      <c r="AP4726">
        <v>0</v>
      </c>
      <c r="AQ4726">
        <v>0</v>
      </c>
      <c r="AR4726">
        <v>0</v>
      </c>
      <c r="AS4726">
        <v>0</v>
      </c>
      <c r="AT4726">
        <v>0</v>
      </c>
      <c r="AU4726">
        <v>0</v>
      </c>
      <c r="AV4726">
        <v>0</v>
      </c>
      <c r="AW4726">
        <v>0</v>
      </c>
      <c r="AX4726">
        <v>1628</v>
      </c>
      <c r="AY4726">
        <v>35</v>
      </c>
      <c r="AZ4726">
        <v>75</v>
      </c>
      <c r="BA4726">
        <v>6327</v>
      </c>
    </row>
    <row r="4727" spans="1:53" x14ac:dyDescent="0.4">
      <c r="A4727">
        <v>4771</v>
      </c>
      <c r="B4727" s="1">
        <v>44649</v>
      </c>
      <c r="C4727">
        <v>3</v>
      </c>
      <c r="D4727" s="1">
        <v>44649.742361111108</v>
      </c>
      <c r="E4727" s="1">
        <v>44649.984027777777</v>
      </c>
      <c r="F4727">
        <v>43530</v>
      </c>
      <c r="G4727">
        <v>1936</v>
      </c>
      <c r="H4727">
        <v>0</v>
      </c>
      <c r="I4727">
        <v>0</v>
      </c>
      <c r="J4727">
        <v>200</v>
      </c>
      <c r="K4727">
        <v>0</v>
      </c>
      <c r="L4727">
        <v>0</v>
      </c>
      <c r="M4727">
        <v>4114</v>
      </c>
      <c r="N4727">
        <v>0</v>
      </c>
      <c r="O4727">
        <v>0</v>
      </c>
      <c r="P4727">
        <v>12040</v>
      </c>
      <c r="Q4727">
        <v>0</v>
      </c>
      <c r="R4727">
        <v>57306</v>
      </c>
      <c r="S4727">
        <v>0</v>
      </c>
      <c r="T4727">
        <v>0</v>
      </c>
      <c r="U4727">
        <v>0</v>
      </c>
      <c r="V4727">
        <v>4</v>
      </c>
      <c r="W4727">
        <v>5</v>
      </c>
      <c r="X4727">
        <v>0</v>
      </c>
      <c r="Y4727">
        <v>71</v>
      </c>
      <c r="Z4727">
        <v>18</v>
      </c>
      <c r="AA4727">
        <v>49</v>
      </c>
      <c r="AB4727">
        <v>21</v>
      </c>
      <c r="AC4727">
        <v>109</v>
      </c>
      <c r="AD4727">
        <v>7</v>
      </c>
      <c r="AE4727">
        <v>32</v>
      </c>
      <c r="AF4727">
        <v>3589</v>
      </c>
      <c r="AG4727">
        <v>155696</v>
      </c>
      <c r="AH4727">
        <v>50000</v>
      </c>
      <c r="AI4727">
        <v>0</v>
      </c>
      <c r="AJ4727">
        <v>108</v>
      </c>
      <c r="AK4727" t="s">
        <v>3</v>
      </c>
      <c r="AL4727">
        <v>0</v>
      </c>
      <c r="AM4727">
        <v>0</v>
      </c>
      <c r="AN4727">
        <v>0</v>
      </c>
      <c r="AO4727">
        <v>0</v>
      </c>
      <c r="AP4727">
        <v>0</v>
      </c>
      <c r="AQ4727">
        <v>0</v>
      </c>
      <c r="AR4727">
        <v>0</v>
      </c>
      <c r="AS4727">
        <v>0</v>
      </c>
      <c r="AT4727">
        <v>0</v>
      </c>
      <c r="AU4727">
        <v>0</v>
      </c>
      <c r="AV4727">
        <v>0</v>
      </c>
      <c r="AW4727">
        <v>0</v>
      </c>
      <c r="AX4727">
        <v>1433</v>
      </c>
      <c r="AY4727">
        <v>14</v>
      </c>
      <c r="AZ4727">
        <v>42</v>
      </c>
      <c r="BA4727">
        <v>2059</v>
      </c>
    </row>
    <row r="4728" spans="1:53" x14ac:dyDescent="0.4">
      <c r="A4728">
        <v>4772</v>
      </c>
      <c r="B4728" s="1">
        <v>44650</v>
      </c>
      <c r="C4728">
        <v>1</v>
      </c>
      <c r="D4728" s="1">
        <v>44650.291666666664</v>
      </c>
      <c r="E4728" s="1">
        <v>44650.400000000001</v>
      </c>
      <c r="F4728">
        <v>0</v>
      </c>
      <c r="G4728">
        <v>0</v>
      </c>
      <c r="H4728">
        <v>0</v>
      </c>
      <c r="I4728">
        <v>0</v>
      </c>
      <c r="J4728">
        <v>0</v>
      </c>
      <c r="K4728">
        <v>0</v>
      </c>
      <c r="L4728">
        <v>0</v>
      </c>
      <c r="M4728">
        <v>0</v>
      </c>
      <c r="N4728">
        <v>0</v>
      </c>
      <c r="O4728">
        <v>0</v>
      </c>
      <c r="P4728">
        <v>0</v>
      </c>
      <c r="Q4728">
        <v>0</v>
      </c>
      <c r="R4728">
        <v>0</v>
      </c>
      <c r="S4728">
        <v>0</v>
      </c>
      <c r="T4728">
        <v>0</v>
      </c>
      <c r="U4728">
        <v>0</v>
      </c>
      <c r="V4728">
        <v>0</v>
      </c>
      <c r="W4728">
        <v>1</v>
      </c>
      <c r="X4728">
        <v>0</v>
      </c>
      <c r="Y4728">
        <v>30</v>
      </c>
      <c r="Z4728">
        <v>14</v>
      </c>
      <c r="AA4728">
        <v>62</v>
      </c>
      <c r="AB4728">
        <v>18</v>
      </c>
      <c r="AC4728">
        <v>84</v>
      </c>
      <c r="AD4728">
        <v>4</v>
      </c>
      <c r="AE4728">
        <v>40</v>
      </c>
      <c r="AF4728">
        <v>0</v>
      </c>
      <c r="AG4728">
        <v>50000</v>
      </c>
      <c r="AH4728">
        <v>50000</v>
      </c>
      <c r="AI4728">
        <v>0</v>
      </c>
      <c r="AJ4728">
        <v>0</v>
      </c>
      <c r="AK4728" t="s">
        <v>6</v>
      </c>
      <c r="AL4728">
        <v>0</v>
      </c>
      <c r="AM4728">
        <v>0</v>
      </c>
      <c r="AN4728">
        <v>0</v>
      </c>
      <c r="AO4728">
        <v>0</v>
      </c>
      <c r="AP4728">
        <v>0</v>
      </c>
      <c r="AQ4728">
        <v>0</v>
      </c>
      <c r="AR4728">
        <v>0</v>
      </c>
      <c r="AS4728">
        <v>0</v>
      </c>
      <c r="AT4728">
        <v>0</v>
      </c>
      <c r="AU4728">
        <v>0</v>
      </c>
      <c r="AV4728">
        <v>0</v>
      </c>
      <c r="AW4728">
        <v>0</v>
      </c>
      <c r="AX4728">
        <v>0</v>
      </c>
      <c r="AY4728">
        <v>0</v>
      </c>
      <c r="AZ4728">
        <v>0</v>
      </c>
      <c r="BA4728">
        <v>0</v>
      </c>
    </row>
    <row r="4729" spans="1:53" x14ac:dyDescent="0.4">
      <c r="A4729">
        <v>4773</v>
      </c>
      <c r="B4729" s="1">
        <v>44650</v>
      </c>
      <c r="C4729">
        <v>2</v>
      </c>
      <c r="D4729" s="1">
        <v>44650.400000000001</v>
      </c>
      <c r="E4729" s="1">
        <v>44650.747916666667</v>
      </c>
      <c r="F4729">
        <v>40770</v>
      </c>
      <c r="G4729">
        <v>858</v>
      </c>
      <c r="H4729">
        <v>220</v>
      </c>
      <c r="I4729">
        <v>0</v>
      </c>
      <c r="J4729">
        <v>220</v>
      </c>
      <c r="K4729">
        <v>0</v>
      </c>
      <c r="L4729">
        <v>0</v>
      </c>
      <c r="M4729">
        <v>3782</v>
      </c>
      <c r="N4729">
        <v>0</v>
      </c>
      <c r="O4729">
        <v>0</v>
      </c>
      <c r="P4729">
        <v>10740</v>
      </c>
      <c r="Q4729">
        <v>0</v>
      </c>
      <c r="R4729">
        <v>52368</v>
      </c>
      <c r="S4729">
        <v>0</v>
      </c>
      <c r="T4729">
        <v>0</v>
      </c>
      <c r="U4729">
        <v>0</v>
      </c>
      <c r="V4729">
        <v>0</v>
      </c>
      <c r="W4729">
        <v>4</v>
      </c>
      <c r="X4729">
        <v>0</v>
      </c>
      <c r="Y4729">
        <v>57</v>
      </c>
      <c r="Z4729">
        <v>29</v>
      </c>
      <c r="AA4729">
        <v>82</v>
      </c>
      <c r="AB4729">
        <v>16</v>
      </c>
      <c r="AC4729">
        <v>126</v>
      </c>
      <c r="AD4729">
        <v>8</v>
      </c>
      <c r="AE4729">
        <v>38</v>
      </c>
      <c r="AF4729">
        <v>530</v>
      </c>
      <c r="AG4729">
        <v>102368</v>
      </c>
      <c r="AH4729">
        <v>50000</v>
      </c>
      <c r="AI4729">
        <v>0</v>
      </c>
      <c r="AJ4729">
        <v>118</v>
      </c>
      <c r="AK4729" t="s">
        <v>59</v>
      </c>
      <c r="AL4729">
        <v>0</v>
      </c>
      <c r="AM4729">
        <v>0</v>
      </c>
      <c r="AN4729">
        <v>0</v>
      </c>
      <c r="AO4729">
        <v>0</v>
      </c>
      <c r="AP4729">
        <v>0</v>
      </c>
      <c r="AQ4729">
        <v>0</v>
      </c>
      <c r="AR4729">
        <v>0</v>
      </c>
      <c r="AS4729">
        <v>0</v>
      </c>
      <c r="AT4729">
        <v>0</v>
      </c>
      <c r="AU4729">
        <v>0</v>
      </c>
      <c r="AV4729">
        <v>0</v>
      </c>
      <c r="AW4729">
        <v>0</v>
      </c>
      <c r="AX4729">
        <v>0</v>
      </c>
      <c r="AY4729">
        <v>42</v>
      </c>
      <c r="AZ4729">
        <v>84</v>
      </c>
      <c r="BA4729">
        <v>6804</v>
      </c>
    </row>
    <row r="4730" spans="1:53" x14ac:dyDescent="0.4">
      <c r="A4730">
        <v>4774</v>
      </c>
      <c r="B4730" s="1">
        <v>44651</v>
      </c>
      <c r="C4730">
        <v>1</v>
      </c>
      <c r="D4730" s="1">
        <v>44651.291666666664</v>
      </c>
      <c r="E4730" s="1">
        <v>44651.395833333336</v>
      </c>
      <c r="F4730">
        <v>0</v>
      </c>
      <c r="G4730">
        <v>0</v>
      </c>
      <c r="H4730">
        <v>0</v>
      </c>
      <c r="I4730">
        <v>0</v>
      </c>
      <c r="J4730">
        <v>0</v>
      </c>
      <c r="K4730">
        <v>0</v>
      </c>
      <c r="L4730">
        <v>0</v>
      </c>
      <c r="M4730">
        <v>0</v>
      </c>
      <c r="N4730">
        <v>0</v>
      </c>
      <c r="O4730">
        <v>0</v>
      </c>
      <c r="P4730">
        <v>0</v>
      </c>
      <c r="Q4730">
        <v>0</v>
      </c>
      <c r="R4730">
        <v>0</v>
      </c>
      <c r="S4730">
        <v>0</v>
      </c>
      <c r="T4730">
        <v>0</v>
      </c>
      <c r="U4730">
        <v>0</v>
      </c>
      <c r="V4730">
        <v>0</v>
      </c>
      <c r="W4730">
        <v>1</v>
      </c>
      <c r="X4730">
        <v>0</v>
      </c>
      <c r="Y4730">
        <v>30</v>
      </c>
      <c r="Z4730">
        <v>10</v>
      </c>
      <c r="AA4730">
        <v>81</v>
      </c>
      <c r="AB4730">
        <v>15</v>
      </c>
      <c r="AC4730">
        <v>108</v>
      </c>
      <c r="AD4730">
        <v>5</v>
      </c>
      <c r="AE4730">
        <v>45</v>
      </c>
      <c r="AF4730">
        <v>0</v>
      </c>
      <c r="AG4730">
        <v>50000</v>
      </c>
      <c r="AH4730">
        <v>50000</v>
      </c>
      <c r="AI4730">
        <v>0</v>
      </c>
      <c r="AJ4730">
        <v>0</v>
      </c>
      <c r="AK4730" t="s">
        <v>6</v>
      </c>
      <c r="AL4730">
        <v>0</v>
      </c>
      <c r="AM4730">
        <v>0</v>
      </c>
      <c r="AN4730">
        <v>0</v>
      </c>
      <c r="AO4730">
        <v>0</v>
      </c>
      <c r="AP4730">
        <v>0</v>
      </c>
      <c r="AQ4730">
        <v>0</v>
      </c>
      <c r="AR4730">
        <v>0</v>
      </c>
      <c r="AS4730">
        <v>0</v>
      </c>
      <c r="AT4730">
        <v>0</v>
      </c>
      <c r="AU4730">
        <v>0</v>
      </c>
      <c r="AV4730">
        <v>0</v>
      </c>
      <c r="AW4730">
        <v>0</v>
      </c>
      <c r="AX4730">
        <v>0</v>
      </c>
      <c r="AY4730">
        <v>0</v>
      </c>
      <c r="AZ4730">
        <v>0</v>
      </c>
      <c r="BA4730">
        <v>0</v>
      </c>
    </row>
    <row r="4731" spans="1:53" x14ac:dyDescent="0.4">
      <c r="A4731">
        <v>4775</v>
      </c>
      <c r="B4731" s="1">
        <v>44651</v>
      </c>
      <c r="C4731">
        <v>2</v>
      </c>
      <c r="D4731" s="1">
        <v>44651.395833333336</v>
      </c>
      <c r="E4731" s="1">
        <v>44651.745833333334</v>
      </c>
      <c r="F4731">
        <v>46220</v>
      </c>
      <c r="G4731">
        <v>462</v>
      </c>
      <c r="H4731">
        <v>0</v>
      </c>
      <c r="I4731">
        <v>0</v>
      </c>
      <c r="J4731">
        <v>100</v>
      </c>
      <c r="K4731">
        <v>0</v>
      </c>
      <c r="L4731">
        <v>0</v>
      </c>
      <c r="M4731">
        <v>4231</v>
      </c>
      <c r="N4731">
        <v>0</v>
      </c>
      <c r="O4731">
        <v>0</v>
      </c>
      <c r="P4731">
        <v>14400</v>
      </c>
      <c r="Q4731">
        <v>0</v>
      </c>
      <c r="R4731">
        <v>60982</v>
      </c>
      <c r="S4731">
        <v>0</v>
      </c>
      <c r="T4731">
        <v>0</v>
      </c>
      <c r="U4731">
        <v>0</v>
      </c>
      <c r="V4731">
        <v>3</v>
      </c>
      <c r="W4731">
        <v>1</v>
      </c>
      <c r="X4731">
        <v>0</v>
      </c>
      <c r="Y4731">
        <v>53</v>
      </c>
      <c r="Z4731">
        <v>18</v>
      </c>
      <c r="AA4731">
        <v>95</v>
      </c>
      <c r="AB4731">
        <v>16</v>
      </c>
      <c r="AC4731">
        <v>143</v>
      </c>
      <c r="AD4731">
        <v>9</v>
      </c>
      <c r="AE4731">
        <v>47</v>
      </c>
      <c r="AF4731">
        <v>2160</v>
      </c>
      <c r="AG4731">
        <v>110982</v>
      </c>
      <c r="AH4731">
        <v>50000</v>
      </c>
      <c r="AI4731">
        <v>0</v>
      </c>
      <c r="AJ4731">
        <v>116</v>
      </c>
      <c r="AK4731" t="s">
        <v>54</v>
      </c>
      <c r="AL4731">
        <v>0</v>
      </c>
      <c r="AM4731">
        <v>0</v>
      </c>
      <c r="AN4731">
        <v>0</v>
      </c>
      <c r="AO4731">
        <v>0</v>
      </c>
      <c r="AP4731">
        <v>0</v>
      </c>
      <c r="AQ4731">
        <v>0</v>
      </c>
      <c r="AR4731">
        <v>0</v>
      </c>
      <c r="AS4731">
        <v>0</v>
      </c>
      <c r="AT4731">
        <v>0</v>
      </c>
      <c r="AU4731">
        <v>0</v>
      </c>
      <c r="AV4731">
        <v>0</v>
      </c>
      <c r="AW4731">
        <v>0</v>
      </c>
      <c r="AX4731">
        <v>-1130</v>
      </c>
      <c r="AY4731">
        <v>48</v>
      </c>
      <c r="AZ4731">
        <v>96</v>
      </c>
      <c r="BA4731">
        <v>7621</v>
      </c>
    </row>
    <row r="4732" spans="1:53" x14ac:dyDescent="0.4">
      <c r="A4732">
        <v>4776</v>
      </c>
      <c r="B4732" s="1">
        <v>44652</v>
      </c>
      <c r="C4732">
        <v>1</v>
      </c>
      <c r="D4732" s="1">
        <v>44652.291666666664</v>
      </c>
      <c r="E4732" s="1">
        <v>44652.39166666667</v>
      </c>
      <c r="F4732">
        <v>0</v>
      </c>
      <c r="G4732">
        <v>0</v>
      </c>
      <c r="H4732">
        <v>0</v>
      </c>
      <c r="I4732">
        <v>0</v>
      </c>
      <c r="J4732">
        <v>0</v>
      </c>
      <c r="K4732">
        <v>0</v>
      </c>
      <c r="L4732">
        <v>0</v>
      </c>
      <c r="M4732">
        <v>0</v>
      </c>
      <c r="N4732">
        <v>0</v>
      </c>
      <c r="O4732">
        <v>0</v>
      </c>
      <c r="P4732">
        <v>0</v>
      </c>
      <c r="Q4732">
        <v>0</v>
      </c>
      <c r="R4732">
        <v>0</v>
      </c>
      <c r="S4732">
        <v>0</v>
      </c>
      <c r="T4732">
        <v>0</v>
      </c>
      <c r="U4732">
        <v>0</v>
      </c>
      <c r="V4732">
        <v>0</v>
      </c>
      <c r="W4732">
        <v>0</v>
      </c>
      <c r="X4732">
        <v>0</v>
      </c>
      <c r="Y4732">
        <v>32</v>
      </c>
      <c r="Z4732">
        <v>16</v>
      </c>
      <c r="AA4732">
        <v>80</v>
      </c>
      <c r="AB4732">
        <v>16</v>
      </c>
      <c r="AC4732">
        <v>113</v>
      </c>
      <c r="AD4732">
        <v>6</v>
      </c>
      <c r="AE4732">
        <v>40</v>
      </c>
      <c r="AF4732">
        <v>0</v>
      </c>
      <c r="AG4732">
        <v>50000</v>
      </c>
      <c r="AH4732">
        <v>50000</v>
      </c>
      <c r="AI4732">
        <v>0</v>
      </c>
      <c r="AJ4732">
        <v>0</v>
      </c>
      <c r="AK4732" t="s">
        <v>6</v>
      </c>
      <c r="AL4732">
        <v>0</v>
      </c>
      <c r="AM4732">
        <v>0</v>
      </c>
      <c r="AN4732">
        <v>0</v>
      </c>
      <c r="AO4732">
        <v>0</v>
      </c>
      <c r="AP4732">
        <v>0</v>
      </c>
      <c r="AQ4732">
        <v>0</v>
      </c>
      <c r="AR4732">
        <v>0</v>
      </c>
      <c r="AS4732">
        <v>0</v>
      </c>
      <c r="AT4732">
        <v>0</v>
      </c>
      <c r="AU4732">
        <v>0</v>
      </c>
      <c r="AV4732">
        <v>0</v>
      </c>
      <c r="AW4732">
        <v>0</v>
      </c>
      <c r="AX4732">
        <v>0</v>
      </c>
      <c r="AY4732">
        <v>0</v>
      </c>
      <c r="AZ4732">
        <v>0</v>
      </c>
      <c r="BA4732">
        <v>0</v>
      </c>
    </row>
    <row r="4733" spans="1:53" x14ac:dyDescent="0.4">
      <c r="A4733">
        <v>4777</v>
      </c>
      <c r="B4733" s="1">
        <v>44652</v>
      </c>
      <c r="C4733">
        <v>2</v>
      </c>
      <c r="D4733" s="1">
        <v>44652.39166666667</v>
      </c>
      <c r="E4733" s="1">
        <v>44652.800000000003</v>
      </c>
      <c r="F4733">
        <v>48370</v>
      </c>
      <c r="G4733">
        <v>1474</v>
      </c>
      <c r="H4733">
        <v>0</v>
      </c>
      <c r="I4733">
        <v>0</v>
      </c>
      <c r="J4733">
        <v>0</v>
      </c>
      <c r="K4733">
        <v>0</v>
      </c>
      <c r="L4733">
        <v>0</v>
      </c>
      <c r="M4733">
        <v>4530</v>
      </c>
      <c r="N4733">
        <v>0</v>
      </c>
      <c r="O4733">
        <v>0</v>
      </c>
      <c r="P4733">
        <v>9490</v>
      </c>
      <c r="Q4733">
        <v>0</v>
      </c>
      <c r="R4733">
        <v>59334</v>
      </c>
      <c r="S4733">
        <v>0</v>
      </c>
      <c r="T4733">
        <v>0</v>
      </c>
      <c r="U4733">
        <v>0</v>
      </c>
      <c r="V4733">
        <v>3</v>
      </c>
      <c r="W4733">
        <v>0</v>
      </c>
      <c r="X4733">
        <v>0</v>
      </c>
      <c r="Y4733">
        <v>54</v>
      </c>
      <c r="Z4733">
        <v>33</v>
      </c>
      <c r="AA4733">
        <v>52</v>
      </c>
      <c r="AB4733">
        <v>17</v>
      </c>
      <c r="AC4733">
        <v>148</v>
      </c>
      <c r="AD4733">
        <v>6</v>
      </c>
      <c r="AE4733">
        <v>44</v>
      </c>
      <c r="AF4733">
        <v>1730</v>
      </c>
      <c r="AG4733">
        <v>109834</v>
      </c>
      <c r="AH4733">
        <v>50000</v>
      </c>
      <c r="AI4733">
        <v>500</v>
      </c>
      <c r="AJ4733">
        <v>115</v>
      </c>
      <c r="AK4733" t="s">
        <v>55</v>
      </c>
      <c r="AL4733">
        <v>0</v>
      </c>
      <c r="AM4733">
        <v>0</v>
      </c>
      <c r="AN4733">
        <v>0</v>
      </c>
      <c r="AO4733">
        <v>0</v>
      </c>
      <c r="AP4733">
        <v>0</v>
      </c>
      <c r="AQ4733">
        <v>0</v>
      </c>
      <c r="AR4733">
        <v>0</v>
      </c>
      <c r="AS4733">
        <v>0</v>
      </c>
      <c r="AT4733">
        <v>0</v>
      </c>
      <c r="AU4733">
        <v>0</v>
      </c>
      <c r="AV4733">
        <v>0</v>
      </c>
      <c r="AW4733">
        <v>0</v>
      </c>
      <c r="AX4733">
        <v>2486</v>
      </c>
      <c r="AY4733">
        <v>48</v>
      </c>
      <c r="AZ4733">
        <v>94</v>
      </c>
      <c r="BA4733">
        <v>8026</v>
      </c>
    </row>
    <row r="4734" spans="1:53" x14ac:dyDescent="0.4">
      <c r="A4734">
        <v>4778</v>
      </c>
      <c r="B4734" s="1">
        <v>44652</v>
      </c>
      <c r="C4734">
        <v>3</v>
      </c>
      <c r="D4734" s="1">
        <v>44652.800000000003</v>
      </c>
      <c r="E4734" s="1">
        <v>44652.839583333334</v>
      </c>
      <c r="F4734">
        <v>9590</v>
      </c>
      <c r="G4734">
        <v>2486</v>
      </c>
      <c r="H4734">
        <v>0</v>
      </c>
      <c r="I4734">
        <v>0</v>
      </c>
      <c r="J4734">
        <v>100</v>
      </c>
      <c r="K4734">
        <v>0</v>
      </c>
      <c r="L4734">
        <v>0</v>
      </c>
      <c r="M4734">
        <v>1086</v>
      </c>
      <c r="N4734">
        <v>0</v>
      </c>
      <c r="O4734">
        <v>0</v>
      </c>
      <c r="P4734">
        <v>-9490</v>
      </c>
      <c r="Q4734">
        <v>0</v>
      </c>
      <c r="R4734">
        <v>2486</v>
      </c>
      <c r="S4734">
        <v>0</v>
      </c>
      <c r="T4734">
        <v>0</v>
      </c>
      <c r="U4734">
        <v>0</v>
      </c>
      <c r="V4734">
        <v>3</v>
      </c>
      <c r="W4734">
        <v>0</v>
      </c>
      <c r="X4734">
        <v>0</v>
      </c>
      <c r="Y4734">
        <v>56</v>
      </c>
      <c r="Z4734">
        <v>34</v>
      </c>
      <c r="AA4734">
        <v>52</v>
      </c>
      <c r="AB4734">
        <v>18</v>
      </c>
      <c r="AC4734">
        <v>151</v>
      </c>
      <c r="AD4734">
        <v>6</v>
      </c>
      <c r="AE4734">
        <v>50</v>
      </c>
      <c r="AF4734">
        <v>1130</v>
      </c>
      <c r="AG4734">
        <v>111820</v>
      </c>
      <c r="AH4734">
        <v>50000</v>
      </c>
      <c r="AI4734">
        <v>0</v>
      </c>
      <c r="AJ4734">
        <v>108</v>
      </c>
      <c r="AK4734" t="s">
        <v>3</v>
      </c>
      <c r="AL4734">
        <v>0</v>
      </c>
      <c r="AM4734">
        <v>0</v>
      </c>
      <c r="AN4734">
        <v>0</v>
      </c>
      <c r="AO4734">
        <v>0</v>
      </c>
      <c r="AP4734">
        <v>0</v>
      </c>
      <c r="AQ4734">
        <v>0</v>
      </c>
      <c r="AR4734">
        <v>0</v>
      </c>
      <c r="AS4734">
        <v>0</v>
      </c>
      <c r="AT4734">
        <v>0</v>
      </c>
      <c r="AU4734">
        <v>0</v>
      </c>
      <c r="AV4734">
        <v>0</v>
      </c>
      <c r="AW4734">
        <v>0</v>
      </c>
      <c r="AX4734">
        <v>0</v>
      </c>
      <c r="AY4734">
        <v>0</v>
      </c>
      <c r="AZ4734">
        <v>0</v>
      </c>
      <c r="BA4734">
        <v>371</v>
      </c>
    </row>
    <row r="4735" spans="1:53" x14ac:dyDescent="0.4">
      <c r="A4735">
        <v>4779</v>
      </c>
      <c r="B4735" s="1">
        <v>44652</v>
      </c>
      <c r="C4735">
        <v>4</v>
      </c>
      <c r="D4735" s="1">
        <v>44652.839583333334</v>
      </c>
      <c r="E4735" s="1">
        <v>44652.956250000003</v>
      </c>
      <c r="F4735">
        <v>8880</v>
      </c>
      <c r="G4735">
        <v>0</v>
      </c>
      <c r="H4735">
        <v>0</v>
      </c>
      <c r="I4735">
        <v>0</v>
      </c>
      <c r="J4735">
        <v>0</v>
      </c>
      <c r="K4735">
        <v>0</v>
      </c>
      <c r="L4735">
        <v>0</v>
      </c>
      <c r="M4735">
        <v>808</v>
      </c>
      <c r="N4735">
        <v>0</v>
      </c>
      <c r="O4735">
        <v>0</v>
      </c>
      <c r="P4735">
        <v>6600</v>
      </c>
      <c r="Q4735">
        <v>0</v>
      </c>
      <c r="R4735">
        <v>15480</v>
      </c>
      <c r="S4735">
        <v>0</v>
      </c>
      <c r="T4735">
        <v>0</v>
      </c>
      <c r="U4735">
        <v>0</v>
      </c>
      <c r="V4735">
        <v>3</v>
      </c>
      <c r="W4735">
        <v>1</v>
      </c>
      <c r="X4735">
        <v>0</v>
      </c>
      <c r="Y4735">
        <v>54</v>
      </c>
      <c r="Z4735">
        <v>31</v>
      </c>
      <c r="AA4735">
        <v>57</v>
      </c>
      <c r="AB4735">
        <v>19</v>
      </c>
      <c r="AC4735">
        <v>161</v>
      </c>
      <c r="AD4735">
        <v>6</v>
      </c>
      <c r="AE4735">
        <v>60</v>
      </c>
      <c r="AF4735">
        <v>14450</v>
      </c>
      <c r="AG4735">
        <v>127300</v>
      </c>
      <c r="AH4735">
        <v>50000</v>
      </c>
      <c r="AI4735">
        <v>0</v>
      </c>
      <c r="AJ4735">
        <v>115</v>
      </c>
      <c r="AK4735" t="s">
        <v>55</v>
      </c>
      <c r="AL4735">
        <v>0</v>
      </c>
      <c r="AM4735">
        <v>0</v>
      </c>
      <c r="AN4735">
        <v>0</v>
      </c>
      <c r="AO4735">
        <v>0</v>
      </c>
      <c r="AP4735">
        <v>0</v>
      </c>
      <c r="AQ4735">
        <v>0</v>
      </c>
      <c r="AR4735">
        <v>0</v>
      </c>
      <c r="AS4735">
        <v>0</v>
      </c>
      <c r="AT4735">
        <v>0</v>
      </c>
      <c r="AU4735">
        <v>0</v>
      </c>
      <c r="AV4735">
        <v>0</v>
      </c>
      <c r="AW4735">
        <v>0</v>
      </c>
      <c r="AX4735">
        <v>17445</v>
      </c>
      <c r="AY4735">
        <v>10</v>
      </c>
      <c r="AZ4735">
        <v>27</v>
      </c>
      <c r="BA4735">
        <v>763</v>
      </c>
    </row>
    <row r="4736" spans="1:53" x14ac:dyDescent="0.4">
      <c r="A4736">
        <v>4780</v>
      </c>
      <c r="B4736" s="1">
        <v>44653</v>
      </c>
      <c r="C4736">
        <v>1</v>
      </c>
      <c r="D4736" s="1">
        <v>44653.291666666664</v>
      </c>
      <c r="E4736" s="1">
        <v>44653.408333333333</v>
      </c>
      <c r="F4736">
        <v>0</v>
      </c>
      <c r="G4736">
        <v>0</v>
      </c>
      <c r="H4736">
        <v>0</v>
      </c>
      <c r="I4736">
        <v>0</v>
      </c>
      <c r="J4736">
        <v>0</v>
      </c>
      <c r="K4736">
        <v>0</v>
      </c>
      <c r="L4736">
        <v>0</v>
      </c>
      <c r="M4736">
        <v>0</v>
      </c>
      <c r="N4736">
        <v>0</v>
      </c>
      <c r="O4736">
        <v>0</v>
      </c>
      <c r="P4736">
        <v>0</v>
      </c>
      <c r="Q4736">
        <v>0</v>
      </c>
      <c r="R4736">
        <v>0</v>
      </c>
      <c r="S4736">
        <v>0</v>
      </c>
      <c r="T4736">
        <v>0</v>
      </c>
      <c r="U4736">
        <v>0</v>
      </c>
      <c r="V4736">
        <v>0</v>
      </c>
      <c r="W4736">
        <v>1</v>
      </c>
      <c r="X4736">
        <v>0</v>
      </c>
      <c r="Y4736">
        <v>29</v>
      </c>
      <c r="Z4736">
        <v>10</v>
      </c>
      <c r="AA4736">
        <v>79</v>
      </c>
      <c r="AB4736">
        <v>26</v>
      </c>
      <c r="AC4736">
        <v>172</v>
      </c>
      <c r="AD4736">
        <v>4</v>
      </c>
      <c r="AE4736">
        <v>60</v>
      </c>
      <c r="AF4736">
        <v>0</v>
      </c>
      <c r="AG4736">
        <v>50000</v>
      </c>
      <c r="AH4736">
        <v>50000</v>
      </c>
      <c r="AI4736">
        <v>0</v>
      </c>
      <c r="AJ4736">
        <v>0</v>
      </c>
      <c r="AK4736" t="s">
        <v>6</v>
      </c>
      <c r="AL4736">
        <v>0</v>
      </c>
      <c r="AM4736">
        <v>0</v>
      </c>
      <c r="AN4736">
        <v>0</v>
      </c>
      <c r="AO4736">
        <v>0</v>
      </c>
      <c r="AP4736">
        <v>0</v>
      </c>
      <c r="AQ4736">
        <v>0</v>
      </c>
      <c r="AR4736">
        <v>0</v>
      </c>
      <c r="AS4736">
        <v>0</v>
      </c>
      <c r="AT4736">
        <v>0</v>
      </c>
      <c r="AU4736">
        <v>0</v>
      </c>
      <c r="AV4736">
        <v>0</v>
      </c>
      <c r="AW4736">
        <v>0</v>
      </c>
      <c r="AX4736">
        <v>0</v>
      </c>
      <c r="AY4736">
        <v>0</v>
      </c>
      <c r="AZ4736">
        <v>0</v>
      </c>
      <c r="BA4736">
        <v>0</v>
      </c>
    </row>
    <row r="4737" spans="1:53" x14ac:dyDescent="0.4">
      <c r="A4737">
        <v>4781</v>
      </c>
      <c r="B4737" s="1">
        <v>44653</v>
      </c>
      <c r="C4737">
        <v>2</v>
      </c>
      <c r="D4737" s="1">
        <v>44653.408333333333</v>
      </c>
      <c r="E4737" s="1">
        <v>44653.750694444447</v>
      </c>
      <c r="F4737">
        <v>22220</v>
      </c>
      <c r="G4737">
        <v>2684</v>
      </c>
      <c r="H4737">
        <v>0</v>
      </c>
      <c r="I4737">
        <v>0</v>
      </c>
      <c r="J4737">
        <v>0</v>
      </c>
      <c r="K4737">
        <v>0</v>
      </c>
      <c r="L4737">
        <v>0</v>
      </c>
      <c r="M4737">
        <v>2261</v>
      </c>
      <c r="N4737">
        <v>0</v>
      </c>
      <c r="O4737">
        <v>0</v>
      </c>
      <c r="P4737">
        <v>20350</v>
      </c>
      <c r="Q4737">
        <v>0</v>
      </c>
      <c r="R4737">
        <v>45254</v>
      </c>
      <c r="S4737">
        <v>0</v>
      </c>
      <c r="T4737">
        <v>0</v>
      </c>
      <c r="U4737">
        <v>0</v>
      </c>
      <c r="V4737">
        <v>1</v>
      </c>
      <c r="W4737">
        <v>4</v>
      </c>
      <c r="X4737">
        <v>0</v>
      </c>
      <c r="Y4737">
        <v>40</v>
      </c>
      <c r="Z4737">
        <v>18</v>
      </c>
      <c r="AA4737">
        <v>114</v>
      </c>
      <c r="AB4737">
        <v>27</v>
      </c>
      <c r="AC4737">
        <v>162</v>
      </c>
      <c r="AD4737">
        <v>2</v>
      </c>
      <c r="AE4737">
        <v>64</v>
      </c>
      <c r="AF4737">
        <v>1810</v>
      </c>
      <c r="AG4737">
        <v>95254</v>
      </c>
      <c r="AH4737">
        <v>50000</v>
      </c>
      <c r="AI4737">
        <v>0</v>
      </c>
      <c r="AJ4737">
        <v>103</v>
      </c>
      <c r="AK4737" t="s">
        <v>7</v>
      </c>
      <c r="AL4737">
        <v>0</v>
      </c>
      <c r="AM4737">
        <v>0</v>
      </c>
      <c r="AN4737">
        <v>0</v>
      </c>
      <c r="AO4737">
        <v>0</v>
      </c>
      <c r="AP4737">
        <v>0</v>
      </c>
      <c r="AQ4737">
        <v>0</v>
      </c>
      <c r="AR4737">
        <v>0</v>
      </c>
      <c r="AS4737">
        <v>0</v>
      </c>
      <c r="AT4737">
        <v>0</v>
      </c>
      <c r="AU4737">
        <v>0</v>
      </c>
      <c r="AV4737">
        <v>0</v>
      </c>
      <c r="AW4737">
        <v>0</v>
      </c>
      <c r="AX4737">
        <v>600</v>
      </c>
      <c r="AY4737">
        <v>40</v>
      </c>
      <c r="AZ4737">
        <v>73</v>
      </c>
      <c r="BA4737">
        <v>4799</v>
      </c>
    </row>
    <row r="4738" spans="1:53" x14ac:dyDescent="0.4">
      <c r="A4738">
        <v>4782</v>
      </c>
      <c r="B4738" s="1">
        <v>44653</v>
      </c>
      <c r="C4738">
        <v>3</v>
      </c>
      <c r="D4738" s="1">
        <v>44653.750694444447</v>
      </c>
      <c r="E4738" s="1">
        <v>44654.06527777778</v>
      </c>
      <c r="F4738">
        <v>104180</v>
      </c>
      <c r="G4738">
        <v>7414</v>
      </c>
      <c r="H4738">
        <v>0</v>
      </c>
      <c r="I4738">
        <v>0</v>
      </c>
      <c r="J4738">
        <v>200</v>
      </c>
      <c r="K4738">
        <v>0</v>
      </c>
      <c r="L4738">
        <v>0</v>
      </c>
      <c r="M4738">
        <v>10125</v>
      </c>
      <c r="N4738">
        <v>0</v>
      </c>
      <c r="O4738">
        <v>0</v>
      </c>
      <c r="P4738">
        <v>21230</v>
      </c>
      <c r="Q4738">
        <v>0</v>
      </c>
      <c r="R4738">
        <v>132624</v>
      </c>
      <c r="S4738">
        <v>0</v>
      </c>
      <c r="T4738">
        <v>0</v>
      </c>
      <c r="U4738">
        <v>0</v>
      </c>
      <c r="V4738">
        <v>10</v>
      </c>
      <c r="W4738">
        <v>4</v>
      </c>
      <c r="X4738">
        <v>0</v>
      </c>
      <c r="Y4738">
        <v>70</v>
      </c>
      <c r="Z4738">
        <v>15</v>
      </c>
      <c r="AA4738">
        <v>117</v>
      </c>
      <c r="AB4738">
        <v>19</v>
      </c>
      <c r="AC4738">
        <v>156</v>
      </c>
      <c r="AD4738">
        <v>2</v>
      </c>
      <c r="AE4738">
        <v>79</v>
      </c>
      <c r="AF4738">
        <v>16079</v>
      </c>
      <c r="AG4738">
        <v>227878</v>
      </c>
      <c r="AH4738">
        <v>50000</v>
      </c>
      <c r="AI4738">
        <v>0</v>
      </c>
      <c r="AJ4738">
        <v>104</v>
      </c>
      <c r="AK4738" t="s">
        <v>60</v>
      </c>
      <c r="AL4738">
        <v>0</v>
      </c>
      <c r="AM4738">
        <v>0</v>
      </c>
      <c r="AN4738">
        <v>0</v>
      </c>
      <c r="AO4738">
        <v>0</v>
      </c>
      <c r="AP4738">
        <v>0</v>
      </c>
      <c r="AQ4738">
        <v>0</v>
      </c>
      <c r="AR4738">
        <v>0</v>
      </c>
      <c r="AS4738">
        <v>0</v>
      </c>
      <c r="AT4738">
        <v>0</v>
      </c>
      <c r="AU4738">
        <v>0</v>
      </c>
      <c r="AV4738">
        <v>0</v>
      </c>
      <c r="AW4738">
        <v>0</v>
      </c>
      <c r="AX4738">
        <v>7524</v>
      </c>
      <c r="AY4738">
        <v>26</v>
      </c>
      <c r="AZ4738">
        <v>69</v>
      </c>
      <c r="BA4738">
        <v>4169</v>
      </c>
    </row>
    <row r="4739" spans="1:53" x14ac:dyDescent="0.4">
      <c r="A4739">
        <v>4783</v>
      </c>
      <c r="B4739" s="1">
        <v>44654</v>
      </c>
      <c r="C4739">
        <v>1</v>
      </c>
      <c r="D4739" s="1">
        <v>44654.291666666664</v>
      </c>
      <c r="E4739" s="1">
        <v>44654.387499999997</v>
      </c>
      <c r="F4739">
        <v>0</v>
      </c>
      <c r="G4739">
        <v>0</v>
      </c>
      <c r="H4739">
        <v>0</v>
      </c>
      <c r="I4739">
        <v>0</v>
      </c>
      <c r="J4739">
        <v>0</v>
      </c>
      <c r="K4739">
        <v>0</v>
      </c>
      <c r="L4739">
        <v>0</v>
      </c>
      <c r="M4739">
        <v>0</v>
      </c>
      <c r="N4739">
        <v>0</v>
      </c>
      <c r="O4739">
        <v>0</v>
      </c>
      <c r="P4739">
        <v>0</v>
      </c>
      <c r="Q4739">
        <v>0</v>
      </c>
      <c r="R4739">
        <v>0</v>
      </c>
      <c r="S4739">
        <v>0</v>
      </c>
      <c r="T4739">
        <v>0</v>
      </c>
      <c r="U4739">
        <v>0</v>
      </c>
      <c r="V4739">
        <v>0</v>
      </c>
      <c r="W4739">
        <v>1</v>
      </c>
      <c r="X4739">
        <v>0</v>
      </c>
      <c r="Y4739">
        <v>27</v>
      </c>
      <c r="Z4739">
        <v>9</v>
      </c>
      <c r="AA4739">
        <v>111</v>
      </c>
      <c r="AB4739">
        <v>18</v>
      </c>
      <c r="AC4739">
        <v>142</v>
      </c>
      <c r="AD4739">
        <v>2</v>
      </c>
      <c r="AE4739">
        <v>70</v>
      </c>
      <c r="AF4739">
        <v>0</v>
      </c>
      <c r="AG4739">
        <v>50000</v>
      </c>
      <c r="AH4739">
        <v>50000</v>
      </c>
      <c r="AI4739">
        <v>0</v>
      </c>
      <c r="AJ4739">
        <v>0</v>
      </c>
      <c r="AK4739" t="s">
        <v>6</v>
      </c>
      <c r="AL4739">
        <v>0</v>
      </c>
      <c r="AM4739">
        <v>0</v>
      </c>
      <c r="AN4739">
        <v>0</v>
      </c>
      <c r="AO4739">
        <v>0</v>
      </c>
      <c r="AP4739">
        <v>0</v>
      </c>
      <c r="AQ4739">
        <v>0</v>
      </c>
      <c r="AR4739">
        <v>0</v>
      </c>
      <c r="AS4739">
        <v>0</v>
      </c>
      <c r="AT4739">
        <v>0</v>
      </c>
      <c r="AU4739">
        <v>0</v>
      </c>
      <c r="AV4739">
        <v>0</v>
      </c>
      <c r="AW4739">
        <v>0</v>
      </c>
      <c r="AX4739">
        <v>0</v>
      </c>
      <c r="AY4739">
        <v>0</v>
      </c>
      <c r="AZ4739">
        <v>0</v>
      </c>
      <c r="BA4739">
        <v>0</v>
      </c>
    </row>
    <row r="4740" spans="1:53" x14ac:dyDescent="0.4">
      <c r="A4740">
        <v>4784</v>
      </c>
      <c r="B4740" s="1">
        <v>44654</v>
      </c>
      <c r="C4740">
        <v>2</v>
      </c>
      <c r="D4740" s="1">
        <v>44654.387499999997</v>
      </c>
      <c r="E4740" s="1">
        <v>44654.740972222222</v>
      </c>
      <c r="F4740">
        <v>30590</v>
      </c>
      <c r="G4740">
        <v>726</v>
      </c>
      <c r="H4740">
        <v>0</v>
      </c>
      <c r="I4740">
        <v>0</v>
      </c>
      <c r="J4740">
        <v>0</v>
      </c>
      <c r="K4740">
        <v>0</v>
      </c>
      <c r="L4740">
        <v>0</v>
      </c>
      <c r="M4740">
        <v>2846</v>
      </c>
      <c r="N4740">
        <v>0</v>
      </c>
      <c r="O4740">
        <v>0</v>
      </c>
      <c r="P4740">
        <v>6390</v>
      </c>
      <c r="Q4740">
        <v>0</v>
      </c>
      <c r="R4740">
        <v>37706</v>
      </c>
      <c r="S4740">
        <v>0</v>
      </c>
      <c r="T4740">
        <v>0</v>
      </c>
      <c r="U4740">
        <v>0</v>
      </c>
      <c r="V4740">
        <v>1</v>
      </c>
      <c r="W4740">
        <v>1</v>
      </c>
      <c r="X4740">
        <v>0</v>
      </c>
      <c r="Y4740">
        <v>45</v>
      </c>
      <c r="Z4740">
        <v>21</v>
      </c>
      <c r="AA4740">
        <v>136</v>
      </c>
      <c r="AB4740">
        <v>11</v>
      </c>
      <c r="AC4740">
        <v>112</v>
      </c>
      <c r="AD4740">
        <v>2</v>
      </c>
      <c r="AE4740">
        <v>71</v>
      </c>
      <c r="AF4740">
        <v>1855</v>
      </c>
      <c r="AG4740">
        <v>87706</v>
      </c>
      <c r="AH4740">
        <v>50000</v>
      </c>
      <c r="AI4740">
        <v>0</v>
      </c>
      <c r="AJ4740">
        <v>103</v>
      </c>
      <c r="AK4740" t="s">
        <v>7</v>
      </c>
      <c r="AL4740">
        <v>0</v>
      </c>
      <c r="AM4740">
        <v>0</v>
      </c>
      <c r="AN4740">
        <v>0</v>
      </c>
      <c r="AO4740">
        <v>0</v>
      </c>
      <c r="AP4740">
        <v>0</v>
      </c>
      <c r="AQ4740">
        <v>0</v>
      </c>
      <c r="AR4740">
        <v>0</v>
      </c>
      <c r="AS4740">
        <v>0</v>
      </c>
      <c r="AT4740">
        <v>0</v>
      </c>
      <c r="AU4740">
        <v>0</v>
      </c>
      <c r="AV4740">
        <v>0</v>
      </c>
      <c r="AW4740">
        <v>0</v>
      </c>
      <c r="AX4740">
        <v>-1060</v>
      </c>
      <c r="AY4740">
        <v>28</v>
      </c>
      <c r="AZ4740">
        <v>60</v>
      </c>
      <c r="BA4740">
        <v>4183</v>
      </c>
    </row>
    <row r="4741" spans="1:53" x14ac:dyDescent="0.4">
      <c r="A4741">
        <v>4785</v>
      </c>
      <c r="B4741" s="1">
        <v>44654</v>
      </c>
      <c r="C4741">
        <v>3</v>
      </c>
      <c r="D4741" s="1">
        <v>44654.740972222222</v>
      </c>
      <c r="E4741" s="1">
        <v>44654.909722222219</v>
      </c>
      <c r="F4741">
        <v>7710</v>
      </c>
      <c r="G4741">
        <v>0</v>
      </c>
      <c r="H4741">
        <v>0</v>
      </c>
      <c r="I4741">
        <v>0</v>
      </c>
      <c r="J4741">
        <v>0</v>
      </c>
      <c r="K4741">
        <v>0</v>
      </c>
      <c r="L4741">
        <v>0</v>
      </c>
      <c r="M4741">
        <v>701</v>
      </c>
      <c r="N4741">
        <v>0</v>
      </c>
      <c r="O4741">
        <v>0</v>
      </c>
      <c r="P4741">
        <v>510</v>
      </c>
      <c r="Q4741">
        <v>0</v>
      </c>
      <c r="R4741">
        <v>8220</v>
      </c>
      <c r="S4741">
        <v>0</v>
      </c>
      <c r="T4741">
        <v>0</v>
      </c>
      <c r="U4741">
        <v>0</v>
      </c>
      <c r="V4741">
        <v>1</v>
      </c>
      <c r="W4741">
        <v>1</v>
      </c>
      <c r="X4741">
        <v>0</v>
      </c>
      <c r="Y4741">
        <v>47</v>
      </c>
      <c r="Z4741">
        <v>20</v>
      </c>
      <c r="AA4741">
        <v>135</v>
      </c>
      <c r="AB4741">
        <v>11</v>
      </c>
      <c r="AC4741">
        <v>111</v>
      </c>
      <c r="AD4741">
        <v>2</v>
      </c>
      <c r="AE4741">
        <v>71</v>
      </c>
      <c r="AF4741">
        <v>8685</v>
      </c>
      <c r="AG4741">
        <v>95926</v>
      </c>
      <c r="AH4741">
        <v>50000</v>
      </c>
      <c r="AI4741">
        <v>0</v>
      </c>
      <c r="AJ4741">
        <v>103</v>
      </c>
      <c r="AK4741" t="s">
        <v>7</v>
      </c>
      <c r="AL4741">
        <v>0</v>
      </c>
      <c r="AM4741">
        <v>0</v>
      </c>
      <c r="AN4741">
        <v>0</v>
      </c>
      <c r="AO4741">
        <v>0</v>
      </c>
      <c r="AP4741">
        <v>0</v>
      </c>
      <c r="AQ4741">
        <v>0</v>
      </c>
      <c r="AR4741">
        <v>0</v>
      </c>
      <c r="AS4741">
        <v>0</v>
      </c>
      <c r="AT4741">
        <v>0</v>
      </c>
      <c r="AU4741">
        <v>0</v>
      </c>
      <c r="AV4741">
        <v>0</v>
      </c>
      <c r="AW4741">
        <v>0</v>
      </c>
      <c r="AX4741">
        <v>308</v>
      </c>
      <c r="AY4741">
        <v>4</v>
      </c>
      <c r="AZ4741">
        <v>8</v>
      </c>
      <c r="BA4741">
        <v>819</v>
      </c>
    </row>
    <row r="4742" spans="1:53" x14ac:dyDescent="0.4">
      <c r="A4742">
        <v>4786</v>
      </c>
      <c r="B4742" s="1">
        <v>44655</v>
      </c>
      <c r="C4742">
        <v>1</v>
      </c>
      <c r="D4742" s="1">
        <v>44655.291666666664</v>
      </c>
      <c r="E4742" s="1">
        <v>44655.407638888886</v>
      </c>
      <c r="F4742">
        <v>0</v>
      </c>
      <c r="G4742">
        <v>0</v>
      </c>
      <c r="H4742">
        <v>0</v>
      </c>
      <c r="I4742">
        <v>0</v>
      </c>
      <c r="J4742">
        <v>0</v>
      </c>
      <c r="K4742">
        <v>0</v>
      </c>
      <c r="L4742">
        <v>0</v>
      </c>
      <c r="M4742">
        <v>0</v>
      </c>
      <c r="N4742">
        <v>0</v>
      </c>
      <c r="O4742">
        <v>0</v>
      </c>
      <c r="P4742">
        <v>0</v>
      </c>
      <c r="Q4742">
        <v>0</v>
      </c>
      <c r="R4742">
        <v>0</v>
      </c>
      <c r="S4742">
        <v>0</v>
      </c>
      <c r="T4742">
        <v>0</v>
      </c>
      <c r="U4742">
        <v>0</v>
      </c>
      <c r="V4742">
        <v>0</v>
      </c>
      <c r="W4742">
        <v>1</v>
      </c>
      <c r="X4742">
        <v>0</v>
      </c>
      <c r="Y4742">
        <v>25</v>
      </c>
      <c r="Z4742">
        <v>11</v>
      </c>
      <c r="AA4742">
        <v>129</v>
      </c>
      <c r="AB4742">
        <v>9</v>
      </c>
      <c r="AC4742">
        <v>106</v>
      </c>
      <c r="AD4742">
        <v>5</v>
      </c>
      <c r="AE4742">
        <v>65</v>
      </c>
      <c r="AF4742">
        <v>0</v>
      </c>
      <c r="AG4742">
        <v>50000</v>
      </c>
      <c r="AH4742">
        <v>50000</v>
      </c>
      <c r="AI4742">
        <v>0</v>
      </c>
      <c r="AJ4742">
        <v>0</v>
      </c>
      <c r="AK4742" t="s">
        <v>6</v>
      </c>
      <c r="AL4742">
        <v>0</v>
      </c>
      <c r="AM4742">
        <v>0</v>
      </c>
      <c r="AN4742">
        <v>0</v>
      </c>
      <c r="AO4742">
        <v>0</v>
      </c>
      <c r="AP4742">
        <v>0</v>
      </c>
      <c r="AQ4742">
        <v>0</v>
      </c>
      <c r="AR4742">
        <v>0</v>
      </c>
      <c r="AS4742">
        <v>0</v>
      </c>
      <c r="AT4742">
        <v>0</v>
      </c>
      <c r="AU4742">
        <v>0</v>
      </c>
      <c r="AV4742">
        <v>0</v>
      </c>
      <c r="AW4742">
        <v>0</v>
      </c>
      <c r="AX4742">
        <v>0</v>
      </c>
      <c r="AY4742">
        <v>0</v>
      </c>
      <c r="AZ4742">
        <v>0</v>
      </c>
      <c r="BA4742">
        <v>0</v>
      </c>
    </row>
    <row r="4743" spans="1:53" x14ac:dyDescent="0.4">
      <c r="A4743">
        <v>4787</v>
      </c>
      <c r="B4743" s="1">
        <v>44655</v>
      </c>
      <c r="C4743">
        <v>2</v>
      </c>
      <c r="D4743" s="1">
        <v>44655.407638888886</v>
      </c>
      <c r="E4743" s="1">
        <v>44655.742361111108</v>
      </c>
      <c r="F4743">
        <v>40220</v>
      </c>
      <c r="G4743">
        <v>2090</v>
      </c>
      <c r="H4743">
        <v>0</v>
      </c>
      <c r="I4743">
        <v>0</v>
      </c>
      <c r="J4743">
        <v>200</v>
      </c>
      <c r="K4743">
        <v>0</v>
      </c>
      <c r="L4743">
        <v>0</v>
      </c>
      <c r="M4743">
        <v>3828</v>
      </c>
      <c r="N4743">
        <v>0</v>
      </c>
      <c r="O4743">
        <v>0</v>
      </c>
      <c r="P4743">
        <v>11895</v>
      </c>
      <c r="Q4743">
        <v>0</v>
      </c>
      <c r="R4743">
        <v>54005</v>
      </c>
      <c r="S4743">
        <v>0</v>
      </c>
      <c r="T4743">
        <v>0</v>
      </c>
      <c r="U4743">
        <v>0</v>
      </c>
      <c r="V4743">
        <v>1</v>
      </c>
      <c r="W4743">
        <v>3</v>
      </c>
      <c r="X4743">
        <v>0</v>
      </c>
      <c r="Y4743">
        <v>54</v>
      </c>
      <c r="Z4743">
        <v>25</v>
      </c>
      <c r="AA4743">
        <v>97</v>
      </c>
      <c r="AB4743">
        <v>3</v>
      </c>
      <c r="AC4743">
        <v>105</v>
      </c>
      <c r="AD4743">
        <v>8</v>
      </c>
      <c r="AE4743">
        <v>75</v>
      </c>
      <c r="AF4743">
        <v>1490</v>
      </c>
      <c r="AG4743">
        <v>104005</v>
      </c>
      <c r="AH4743">
        <v>50000</v>
      </c>
      <c r="AI4743">
        <v>0</v>
      </c>
      <c r="AJ4743">
        <v>103</v>
      </c>
      <c r="AK4743" t="s">
        <v>7</v>
      </c>
      <c r="AL4743">
        <v>0</v>
      </c>
      <c r="AM4743">
        <v>0</v>
      </c>
      <c r="AN4743">
        <v>0</v>
      </c>
      <c r="AO4743">
        <v>0</v>
      </c>
      <c r="AP4743">
        <v>0</v>
      </c>
      <c r="AQ4743">
        <v>0</v>
      </c>
      <c r="AR4743">
        <v>0</v>
      </c>
      <c r="AS4743">
        <v>0</v>
      </c>
      <c r="AT4743">
        <v>0</v>
      </c>
      <c r="AU4743">
        <v>0</v>
      </c>
      <c r="AV4743">
        <v>0</v>
      </c>
      <c r="AW4743">
        <v>0</v>
      </c>
      <c r="AX4743">
        <v>594</v>
      </c>
      <c r="AY4743">
        <v>45</v>
      </c>
      <c r="AZ4743">
        <v>84</v>
      </c>
      <c r="BA4743">
        <v>7470</v>
      </c>
    </row>
    <row r="4744" spans="1:53" x14ac:dyDescent="0.4">
      <c r="A4744">
        <v>4788</v>
      </c>
      <c r="B4744" s="1">
        <v>44656</v>
      </c>
      <c r="C4744">
        <v>1</v>
      </c>
      <c r="D4744" s="1">
        <v>44656.291666666664</v>
      </c>
      <c r="E4744" s="1">
        <v>44656.36041666667</v>
      </c>
      <c r="F4744">
        <v>0</v>
      </c>
      <c r="G4744">
        <v>0</v>
      </c>
      <c r="H4744">
        <v>0</v>
      </c>
      <c r="I4744">
        <v>0</v>
      </c>
      <c r="J4744">
        <v>0</v>
      </c>
      <c r="K4744">
        <v>0</v>
      </c>
      <c r="L4744">
        <v>0</v>
      </c>
      <c r="M4744">
        <v>0</v>
      </c>
      <c r="N4744">
        <v>0</v>
      </c>
      <c r="O4744">
        <v>0</v>
      </c>
      <c r="P4744">
        <v>0</v>
      </c>
      <c r="Q4744">
        <v>0</v>
      </c>
      <c r="R4744">
        <v>0</v>
      </c>
      <c r="S4744">
        <v>0</v>
      </c>
      <c r="T4744">
        <v>0</v>
      </c>
      <c r="U4744">
        <v>0</v>
      </c>
      <c r="V4744">
        <v>0</v>
      </c>
      <c r="W4744">
        <v>1</v>
      </c>
      <c r="X4744">
        <v>0</v>
      </c>
      <c r="Y4744">
        <v>28</v>
      </c>
      <c r="Z4744">
        <v>13</v>
      </c>
      <c r="AA4744">
        <v>91</v>
      </c>
      <c r="AB4744">
        <v>6</v>
      </c>
      <c r="AC4744">
        <v>99</v>
      </c>
      <c r="AD4744">
        <v>7</v>
      </c>
      <c r="AE4744">
        <v>75</v>
      </c>
      <c r="AF4744">
        <v>0</v>
      </c>
      <c r="AG4744">
        <v>50000</v>
      </c>
      <c r="AH4744">
        <v>50000</v>
      </c>
      <c r="AI4744">
        <v>0</v>
      </c>
      <c r="AJ4744">
        <v>0</v>
      </c>
      <c r="AK4744" t="s">
        <v>6</v>
      </c>
      <c r="AL4744">
        <v>0</v>
      </c>
      <c r="AM4744">
        <v>0</v>
      </c>
      <c r="AN4744">
        <v>0</v>
      </c>
      <c r="AO4744">
        <v>0</v>
      </c>
      <c r="AP4744">
        <v>0</v>
      </c>
      <c r="AQ4744">
        <v>0</v>
      </c>
      <c r="AR4744">
        <v>0</v>
      </c>
      <c r="AS4744">
        <v>0</v>
      </c>
      <c r="AT4744">
        <v>0</v>
      </c>
      <c r="AU4744">
        <v>0</v>
      </c>
      <c r="AV4744">
        <v>0</v>
      </c>
      <c r="AW4744">
        <v>0</v>
      </c>
      <c r="AX4744">
        <v>0</v>
      </c>
      <c r="AY4744">
        <v>0</v>
      </c>
      <c r="AZ4744">
        <v>0</v>
      </c>
      <c r="BA4744">
        <v>0</v>
      </c>
    </row>
    <row r="4745" spans="1:53" x14ac:dyDescent="0.4">
      <c r="A4745">
        <v>4789</v>
      </c>
      <c r="B4745" s="1">
        <v>44656</v>
      </c>
      <c r="C4745">
        <v>2</v>
      </c>
      <c r="D4745" s="1">
        <v>44656.36041666667</v>
      </c>
      <c r="E4745" s="1">
        <v>44656.757638888892</v>
      </c>
      <c r="F4745">
        <v>38220</v>
      </c>
      <c r="G4745">
        <v>594</v>
      </c>
      <c r="H4745">
        <v>0</v>
      </c>
      <c r="I4745">
        <v>0</v>
      </c>
      <c r="J4745">
        <v>430</v>
      </c>
      <c r="K4745">
        <v>0</v>
      </c>
      <c r="L4745">
        <v>0</v>
      </c>
      <c r="M4745">
        <v>3488</v>
      </c>
      <c r="N4745">
        <v>0</v>
      </c>
      <c r="O4745">
        <v>0</v>
      </c>
      <c r="P4745">
        <v>19090</v>
      </c>
      <c r="Q4745">
        <v>0</v>
      </c>
      <c r="R4745">
        <v>57474</v>
      </c>
      <c r="S4745">
        <v>0</v>
      </c>
      <c r="T4745">
        <v>0</v>
      </c>
      <c r="U4745">
        <v>0</v>
      </c>
      <c r="V4745">
        <v>2</v>
      </c>
      <c r="W4745">
        <v>2</v>
      </c>
      <c r="X4745">
        <v>0</v>
      </c>
      <c r="Y4745">
        <v>41</v>
      </c>
      <c r="Z4745">
        <v>28</v>
      </c>
      <c r="AA4745">
        <v>113</v>
      </c>
      <c r="AB4745">
        <v>12</v>
      </c>
      <c r="AC4745">
        <v>132</v>
      </c>
      <c r="AD4745">
        <v>8</v>
      </c>
      <c r="AE4745">
        <v>74</v>
      </c>
      <c r="AF4745">
        <v>9140</v>
      </c>
      <c r="AG4745">
        <v>107474</v>
      </c>
      <c r="AH4745">
        <v>50000</v>
      </c>
      <c r="AI4745">
        <v>0</v>
      </c>
      <c r="AJ4745">
        <v>108</v>
      </c>
      <c r="AK4745" t="s">
        <v>3</v>
      </c>
      <c r="AL4745">
        <v>0</v>
      </c>
      <c r="AM4745">
        <v>0</v>
      </c>
      <c r="AN4745">
        <v>0</v>
      </c>
      <c r="AO4745">
        <v>0</v>
      </c>
      <c r="AP4745">
        <v>0</v>
      </c>
      <c r="AQ4745">
        <v>0</v>
      </c>
      <c r="AR4745">
        <v>0</v>
      </c>
      <c r="AS4745">
        <v>0</v>
      </c>
      <c r="AT4745">
        <v>0</v>
      </c>
      <c r="AU4745">
        <v>0</v>
      </c>
      <c r="AV4745">
        <v>0</v>
      </c>
      <c r="AW4745">
        <v>0</v>
      </c>
      <c r="AX4745">
        <v>308</v>
      </c>
      <c r="AY4745">
        <v>46</v>
      </c>
      <c r="AZ4745">
        <v>92</v>
      </c>
      <c r="BA4745">
        <v>6828</v>
      </c>
    </row>
    <row r="4746" spans="1:53" x14ac:dyDescent="0.4">
      <c r="A4746">
        <v>4790</v>
      </c>
      <c r="B4746" s="1">
        <v>44656</v>
      </c>
      <c r="C4746">
        <v>3</v>
      </c>
      <c r="D4746" s="1">
        <v>44656.757638888892</v>
      </c>
      <c r="E4746" s="1">
        <v>44656.954861111109</v>
      </c>
      <c r="F4746">
        <v>24960</v>
      </c>
      <c r="G4746">
        <v>308</v>
      </c>
      <c r="H4746">
        <v>0</v>
      </c>
      <c r="I4746">
        <v>0</v>
      </c>
      <c r="J4746">
        <v>0</v>
      </c>
      <c r="K4746">
        <v>1320</v>
      </c>
      <c r="L4746">
        <v>0</v>
      </c>
      <c r="M4746">
        <v>2415</v>
      </c>
      <c r="N4746">
        <v>0</v>
      </c>
      <c r="O4746">
        <v>0</v>
      </c>
      <c r="P4746">
        <v>-19090</v>
      </c>
      <c r="Q4746">
        <v>0</v>
      </c>
      <c r="R4746">
        <v>7498</v>
      </c>
      <c r="S4746">
        <v>0</v>
      </c>
      <c r="T4746">
        <v>0</v>
      </c>
      <c r="U4746">
        <v>0</v>
      </c>
      <c r="V4746">
        <v>3</v>
      </c>
      <c r="W4746">
        <v>3</v>
      </c>
      <c r="X4746">
        <v>0</v>
      </c>
      <c r="Y4746">
        <v>34</v>
      </c>
      <c r="Z4746">
        <v>27</v>
      </c>
      <c r="AA4746">
        <v>114</v>
      </c>
      <c r="AB4746">
        <v>10</v>
      </c>
      <c r="AC4746">
        <v>131</v>
      </c>
      <c r="AD4746">
        <v>8</v>
      </c>
      <c r="AE4746">
        <v>72</v>
      </c>
      <c r="AF4746">
        <v>9140</v>
      </c>
      <c r="AG4746">
        <v>114962</v>
      </c>
      <c r="AH4746">
        <v>50000</v>
      </c>
      <c r="AI4746">
        <v>-10</v>
      </c>
      <c r="AJ4746">
        <v>108</v>
      </c>
      <c r="AK4746" t="s">
        <v>3</v>
      </c>
      <c r="AL4746">
        <v>0</v>
      </c>
      <c r="AM4746">
        <v>0</v>
      </c>
      <c r="AN4746">
        <v>0</v>
      </c>
      <c r="AO4746">
        <v>0</v>
      </c>
      <c r="AP4746">
        <v>0</v>
      </c>
      <c r="AQ4746">
        <v>0</v>
      </c>
      <c r="AR4746">
        <v>0</v>
      </c>
      <c r="AS4746">
        <v>0</v>
      </c>
      <c r="AT4746">
        <v>0</v>
      </c>
      <c r="AU4746">
        <v>0</v>
      </c>
      <c r="AV4746">
        <v>0</v>
      </c>
      <c r="AW4746">
        <v>0</v>
      </c>
      <c r="AX4746">
        <v>0</v>
      </c>
      <c r="AY4746">
        <v>4</v>
      </c>
      <c r="AZ4746">
        <v>9</v>
      </c>
      <c r="BA4746">
        <v>1376</v>
      </c>
    </row>
    <row r="4747" spans="1:53" x14ac:dyDescent="0.4">
      <c r="A4747">
        <v>4791</v>
      </c>
      <c r="B4747" s="1">
        <v>44657</v>
      </c>
      <c r="C4747">
        <v>1</v>
      </c>
      <c r="D4747" s="1">
        <v>44657.291666666664</v>
      </c>
      <c r="E4747" s="1">
        <v>44657.45</v>
      </c>
      <c r="F4747">
        <v>0</v>
      </c>
      <c r="G4747">
        <v>0</v>
      </c>
      <c r="H4747">
        <v>0</v>
      </c>
      <c r="I4747">
        <v>0</v>
      </c>
      <c r="J4747">
        <v>0</v>
      </c>
      <c r="K4747">
        <v>0</v>
      </c>
      <c r="L4747">
        <v>0</v>
      </c>
      <c r="M4747">
        <v>0</v>
      </c>
      <c r="N4747">
        <v>0</v>
      </c>
      <c r="O4747">
        <v>0</v>
      </c>
      <c r="P4747">
        <v>0</v>
      </c>
      <c r="Q4747">
        <v>0</v>
      </c>
      <c r="R4747">
        <v>0</v>
      </c>
      <c r="S4747">
        <v>0</v>
      </c>
      <c r="T4747">
        <v>0</v>
      </c>
      <c r="U4747">
        <v>0</v>
      </c>
      <c r="V4747">
        <v>0</v>
      </c>
      <c r="W4747">
        <v>1</v>
      </c>
      <c r="X4747">
        <v>0</v>
      </c>
      <c r="Y4747">
        <v>25</v>
      </c>
      <c r="Z4747">
        <v>13</v>
      </c>
      <c r="AA4747">
        <v>116</v>
      </c>
      <c r="AB4747">
        <v>10</v>
      </c>
      <c r="AC4747">
        <v>129</v>
      </c>
      <c r="AD4747">
        <v>8</v>
      </c>
      <c r="AE4747">
        <v>70</v>
      </c>
      <c r="AF4747">
        <v>0</v>
      </c>
      <c r="AG4747">
        <v>50000</v>
      </c>
      <c r="AH4747">
        <v>50000</v>
      </c>
      <c r="AI4747">
        <v>0</v>
      </c>
      <c r="AJ4747">
        <v>0</v>
      </c>
      <c r="AK4747" t="s">
        <v>6</v>
      </c>
      <c r="AL4747">
        <v>0</v>
      </c>
      <c r="AM4747">
        <v>0</v>
      </c>
      <c r="AN4747">
        <v>0</v>
      </c>
      <c r="AO4747">
        <v>0</v>
      </c>
      <c r="AP4747">
        <v>0</v>
      </c>
      <c r="AQ4747">
        <v>0</v>
      </c>
      <c r="AR4747">
        <v>0</v>
      </c>
      <c r="AS4747">
        <v>0</v>
      </c>
      <c r="AT4747">
        <v>0</v>
      </c>
      <c r="AU4747">
        <v>0</v>
      </c>
      <c r="AV4747">
        <v>0</v>
      </c>
      <c r="AW4747">
        <v>0</v>
      </c>
      <c r="AX4747">
        <v>0</v>
      </c>
      <c r="AY4747">
        <v>0</v>
      </c>
      <c r="AZ4747">
        <v>0</v>
      </c>
      <c r="BA4747">
        <v>0</v>
      </c>
    </row>
    <row r="4748" spans="1:53" x14ac:dyDescent="0.4">
      <c r="A4748">
        <v>4792</v>
      </c>
      <c r="B4748" s="1">
        <v>44657</v>
      </c>
      <c r="C4748">
        <v>2</v>
      </c>
      <c r="D4748" s="1">
        <v>44657.45</v>
      </c>
      <c r="E4748" s="1">
        <v>44657.74722222222</v>
      </c>
      <c r="F4748">
        <v>29865</v>
      </c>
      <c r="G4748">
        <v>1452</v>
      </c>
      <c r="H4748">
        <v>0</v>
      </c>
      <c r="I4748">
        <v>0</v>
      </c>
      <c r="J4748">
        <v>100</v>
      </c>
      <c r="K4748">
        <v>0</v>
      </c>
      <c r="L4748">
        <v>0</v>
      </c>
      <c r="M4748">
        <v>2839</v>
      </c>
      <c r="N4748">
        <v>0</v>
      </c>
      <c r="O4748">
        <v>0</v>
      </c>
      <c r="P4748">
        <v>16770</v>
      </c>
      <c r="Q4748">
        <v>0</v>
      </c>
      <c r="R4748">
        <v>47987</v>
      </c>
      <c r="S4748">
        <v>0</v>
      </c>
      <c r="T4748">
        <v>0</v>
      </c>
      <c r="U4748">
        <v>0</v>
      </c>
      <c r="V4748">
        <v>1</v>
      </c>
      <c r="W4748">
        <v>3</v>
      </c>
      <c r="X4748">
        <v>0</v>
      </c>
      <c r="Y4748">
        <v>48</v>
      </c>
      <c r="Z4748">
        <v>21</v>
      </c>
      <c r="AA4748">
        <v>114</v>
      </c>
      <c r="AB4748">
        <v>10</v>
      </c>
      <c r="AC4748">
        <v>154</v>
      </c>
      <c r="AD4748">
        <v>6</v>
      </c>
      <c r="AE4748">
        <v>67</v>
      </c>
      <c r="AF4748">
        <v>950</v>
      </c>
      <c r="AG4748">
        <v>97987</v>
      </c>
      <c r="AH4748">
        <v>50000</v>
      </c>
      <c r="AI4748">
        <v>0</v>
      </c>
      <c r="AJ4748">
        <v>118</v>
      </c>
      <c r="AK4748" t="s">
        <v>59</v>
      </c>
      <c r="AL4748">
        <v>0</v>
      </c>
      <c r="AM4748">
        <v>0</v>
      </c>
      <c r="AN4748">
        <v>0</v>
      </c>
      <c r="AO4748">
        <v>0</v>
      </c>
      <c r="AP4748">
        <v>0</v>
      </c>
      <c r="AQ4748">
        <v>0</v>
      </c>
      <c r="AR4748">
        <v>0</v>
      </c>
      <c r="AS4748">
        <v>0</v>
      </c>
      <c r="AT4748">
        <v>0</v>
      </c>
      <c r="AU4748">
        <v>0</v>
      </c>
      <c r="AV4748">
        <v>0</v>
      </c>
      <c r="AW4748">
        <v>0</v>
      </c>
      <c r="AX4748">
        <v>1474</v>
      </c>
      <c r="AY4748">
        <v>38</v>
      </c>
      <c r="AZ4748">
        <v>72</v>
      </c>
      <c r="BA4748">
        <v>6340</v>
      </c>
    </row>
    <row r="4749" spans="1:53" x14ac:dyDescent="0.4">
      <c r="A4749">
        <v>4793</v>
      </c>
      <c r="B4749" s="1">
        <v>44657</v>
      </c>
      <c r="C4749">
        <v>3</v>
      </c>
      <c r="D4749" s="1">
        <v>44657.74722222222</v>
      </c>
      <c r="E4749" s="1">
        <v>44657.956250000003</v>
      </c>
      <c r="F4749">
        <v>21800</v>
      </c>
      <c r="G4749">
        <v>2354</v>
      </c>
      <c r="H4749">
        <v>0</v>
      </c>
      <c r="I4749">
        <v>0</v>
      </c>
      <c r="J4749">
        <v>0</v>
      </c>
      <c r="K4749">
        <v>0</v>
      </c>
      <c r="L4749">
        <v>0</v>
      </c>
      <c r="M4749">
        <v>2195</v>
      </c>
      <c r="N4749">
        <v>0</v>
      </c>
      <c r="O4749">
        <v>0</v>
      </c>
      <c r="P4749">
        <v>-11730</v>
      </c>
      <c r="Q4749">
        <v>0</v>
      </c>
      <c r="R4749">
        <v>12424</v>
      </c>
      <c r="S4749">
        <v>0</v>
      </c>
      <c r="T4749">
        <v>0</v>
      </c>
      <c r="U4749">
        <v>0</v>
      </c>
      <c r="V4749">
        <v>2</v>
      </c>
      <c r="W4749">
        <v>2</v>
      </c>
      <c r="X4749">
        <v>0</v>
      </c>
      <c r="Y4749">
        <v>55</v>
      </c>
      <c r="Z4749">
        <v>18</v>
      </c>
      <c r="AA4749">
        <v>128</v>
      </c>
      <c r="AB4749">
        <v>11</v>
      </c>
      <c r="AC4749">
        <v>158</v>
      </c>
      <c r="AD4749">
        <v>5</v>
      </c>
      <c r="AE4749">
        <v>66</v>
      </c>
      <c r="AF4749">
        <v>1390</v>
      </c>
      <c r="AG4749">
        <v>110411</v>
      </c>
      <c r="AH4749">
        <v>50000</v>
      </c>
      <c r="AI4749">
        <v>0</v>
      </c>
      <c r="AJ4749">
        <v>108</v>
      </c>
      <c r="AK4749" t="s">
        <v>3</v>
      </c>
      <c r="AL4749">
        <v>0</v>
      </c>
      <c r="AM4749">
        <v>0</v>
      </c>
      <c r="AN4749">
        <v>0</v>
      </c>
      <c r="AO4749">
        <v>0</v>
      </c>
      <c r="AP4749">
        <v>0</v>
      </c>
      <c r="AQ4749">
        <v>0</v>
      </c>
      <c r="AR4749">
        <v>0</v>
      </c>
      <c r="AS4749">
        <v>0</v>
      </c>
      <c r="AT4749">
        <v>0</v>
      </c>
      <c r="AU4749">
        <v>0</v>
      </c>
      <c r="AV4749">
        <v>0</v>
      </c>
      <c r="AW4749">
        <v>0</v>
      </c>
      <c r="AX4749">
        <v>4000</v>
      </c>
      <c r="AY4749">
        <v>7</v>
      </c>
      <c r="AZ4749">
        <v>13</v>
      </c>
      <c r="BA4749">
        <v>1640</v>
      </c>
    </row>
    <row r="4750" spans="1:53" x14ac:dyDescent="0.4">
      <c r="A4750">
        <v>4794</v>
      </c>
      <c r="B4750" s="1">
        <v>44658</v>
      </c>
      <c r="C4750">
        <v>1</v>
      </c>
      <c r="D4750" s="1">
        <v>44658.291666666664</v>
      </c>
      <c r="E4750" s="1">
        <v>44658.478472222225</v>
      </c>
      <c r="F4750">
        <v>0</v>
      </c>
      <c r="G4750">
        <v>0</v>
      </c>
      <c r="H4750">
        <v>0</v>
      </c>
      <c r="I4750">
        <v>0</v>
      </c>
      <c r="J4750">
        <v>0</v>
      </c>
      <c r="K4750">
        <v>0</v>
      </c>
      <c r="L4750">
        <v>0</v>
      </c>
      <c r="M4750">
        <v>0</v>
      </c>
      <c r="N4750">
        <v>0</v>
      </c>
      <c r="O4750">
        <v>0</v>
      </c>
      <c r="P4750">
        <v>4590</v>
      </c>
      <c r="Q4750">
        <v>0</v>
      </c>
      <c r="R4750">
        <v>4590</v>
      </c>
      <c r="S4750">
        <v>0</v>
      </c>
      <c r="T4750">
        <v>0</v>
      </c>
      <c r="U4750">
        <v>0</v>
      </c>
      <c r="V4750">
        <v>0</v>
      </c>
      <c r="W4750">
        <v>1</v>
      </c>
      <c r="X4750">
        <v>0</v>
      </c>
      <c r="Y4750">
        <v>27</v>
      </c>
      <c r="Z4750">
        <v>13</v>
      </c>
      <c r="AA4750">
        <v>129</v>
      </c>
      <c r="AB4750">
        <v>9</v>
      </c>
      <c r="AC4750">
        <v>152</v>
      </c>
      <c r="AD4750">
        <v>5</v>
      </c>
      <c r="AE4750">
        <v>65</v>
      </c>
      <c r="AF4750">
        <v>1130</v>
      </c>
      <c r="AG4750">
        <v>54590</v>
      </c>
      <c r="AH4750">
        <v>50000</v>
      </c>
      <c r="AI4750">
        <v>0</v>
      </c>
      <c r="AJ4750">
        <v>115</v>
      </c>
      <c r="AK4750" t="s">
        <v>55</v>
      </c>
      <c r="AL4750">
        <v>0</v>
      </c>
      <c r="AM4750">
        <v>0</v>
      </c>
      <c r="AN4750">
        <v>0</v>
      </c>
      <c r="AO4750">
        <v>0</v>
      </c>
      <c r="AP4750">
        <v>0</v>
      </c>
      <c r="AQ4750">
        <v>0</v>
      </c>
      <c r="AR4750">
        <v>0</v>
      </c>
      <c r="AS4750">
        <v>0</v>
      </c>
      <c r="AT4750">
        <v>0</v>
      </c>
      <c r="AU4750">
        <v>0</v>
      </c>
      <c r="AV4750">
        <v>0</v>
      </c>
      <c r="AW4750">
        <v>0</v>
      </c>
      <c r="AX4750">
        <v>-1422</v>
      </c>
      <c r="AY4750">
        <v>8</v>
      </c>
      <c r="AZ4750">
        <v>8</v>
      </c>
      <c r="BA4750">
        <v>151</v>
      </c>
    </row>
    <row r="4751" spans="1:53" x14ac:dyDescent="0.4">
      <c r="A4751">
        <v>4795</v>
      </c>
      <c r="B4751" s="1">
        <v>44658</v>
      </c>
      <c r="C4751">
        <v>2</v>
      </c>
      <c r="D4751" s="1">
        <v>44658.478472222225</v>
      </c>
      <c r="E4751" s="1">
        <v>44658.768055555556</v>
      </c>
      <c r="F4751">
        <v>28440</v>
      </c>
      <c r="G4751">
        <v>616</v>
      </c>
      <c r="H4751">
        <v>0</v>
      </c>
      <c r="I4751">
        <v>0</v>
      </c>
      <c r="J4751">
        <v>0</v>
      </c>
      <c r="K4751">
        <v>0</v>
      </c>
      <c r="L4751">
        <v>0</v>
      </c>
      <c r="M4751">
        <v>2641</v>
      </c>
      <c r="N4751">
        <v>0</v>
      </c>
      <c r="O4751">
        <v>0</v>
      </c>
      <c r="P4751">
        <v>2940</v>
      </c>
      <c r="Q4751">
        <v>0</v>
      </c>
      <c r="R4751">
        <v>31996</v>
      </c>
      <c r="S4751">
        <v>0</v>
      </c>
      <c r="T4751">
        <v>0</v>
      </c>
      <c r="U4751">
        <v>0</v>
      </c>
      <c r="V4751">
        <v>0</v>
      </c>
      <c r="W4751">
        <v>3</v>
      </c>
      <c r="X4751">
        <v>0</v>
      </c>
      <c r="Y4751">
        <v>41</v>
      </c>
      <c r="Z4751">
        <v>20</v>
      </c>
      <c r="AA4751">
        <v>138</v>
      </c>
      <c r="AB4751">
        <v>25</v>
      </c>
      <c r="AC4751">
        <v>197</v>
      </c>
      <c r="AD4751">
        <v>10</v>
      </c>
      <c r="AE4751">
        <v>76</v>
      </c>
      <c r="AF4751">
        <v>3440</v>
      </c>
      <c r="AG4751">
        <v>86586</v>
      </c>
      <c r="AH4751">
        <v>50000</v>
      </c>
      <c r="AI4751">
        <v>0</v>
      </c>
      <c r="AJ4751">
        <v>102</v>
      </c>
      <c r="AK4751" t="s">
        <v>50</v>
      </c>
      <c r="AL4751">
        <v>0</v>
      </c>
      <c r="AM4751">
        <v>0</v>
      </c>
      <c r="AN4751">
        <v>0</v>
      </c>
      <c r="AO4751">
        <v>0</v>
      </c>
      <c r="AP4751">
        <v>0</v>
      </c>
      <c r="AQ4751">
        <v>0</v>
      </c>
      <c r="AR4751">
        <v>0</v>
      </c>
      <c r="AS4751">
        <v>0</v>
      </c>
      <c r="AT4751">
        <v>0</v>
      </c>
      <c r="AU4751">
        <v>0</v>
      </c>
      <c r="AV4751">
        <v>0</v>
      </c>
      <c r="AW4751">
        <v>0</v>
      </c>
      <c r="AX4751">
        <v>594</v>
      </c>
      <c r="AY4751">
        <v>28</v>
      </c>
      <c r="AZ4751">
        <v>53</v>
      </c>
      <c r="BA4751">
        <v>4930</v>
      </c>
    </row>
    <row r="4752" spans="1:53" x14ac:dyDescent="0.4">
      <c r="A4752">
        <v>4796</v>
      </c>
      <c r="B4752" s="1">
        <v>44659</v>
      </c>
      <c r="C4752">
        <v>1</v>
      </c>
      <c r="D4752" s="1">
        <v>44659.291666666664</v>
      </c>
      <c r="E4752" s="1">
        <v>44659.74722222222</v>
      </c>
      <c r="F4752">
        <v>23580</v>
      </c>
      <c r="G4752">
        <v>1782</v>
      </c>
      <c r="H4752">
        <v>0</v>
      </c>
      <c r="I4752">
        <v>0</v>
      </c>
      <c r="J4752">
        <v>0</v>
      </c>
      <c r="K4752">
        <v>0</v>
      </c>
      <c r="L4752">
        <v>0</v>
      </c>
      <c r="M4752">
        <v>2307</v>
      </c>
      <c r="N4752">
        <v>0</v>
      </c>
      <c r="O4752">
        <v>0</v>
      </c>
      <c r="P4752">
        <v>10650</v>
      </c>
      <c r="Q4752">
        <v>0</v>
      </c>
      <c r="R4752">
        <v>36012</v>
      </c>
      <c r="S4752">
        <v>0</v>
      </c>
      <c r="T4752">
        <v>0</v>
      </c>
      <c r="U4752">
        <v>0</v>
      </c>
      <c r="V4752">
        <v>1</v>
      </c>
      <c r="W4752">
        <v>0</v>
      </c>
      <c r="X4752">
        <v>0</v>
      </c>
      <c r="Y4752">
        <v>45</v>
      </c>
      <c r="Z4752">
        <v>25</v>
      </c>
      <c r="AA4752">
        <v>134</v>
      </c>
      <c r="AB4752">
        <v>28</v>
      </c>
      <c r="AC4752">
        <v>133</v>
      </c>
      <c r="AD4752">
        <v>7</v>
      </c>
      <c r="AE4752">
        <v>97</v>
      </c>
      <c r="AF4752">
        <v>2250</v>
      </c>
      <c r="AG4752">
        <v>86012</v>
      </c>
      <c r="AH4752">
        <v>50000</v>
      </c>
      <c r="AI4752">
        <v>0</v>
      </c>
      <c r="AJ4752">
        <v>108</v>
      </c>
      <c r="AK4752" t="s">
        <v>3</v>
      </c>
      <c r="AL4752">
        <v>0</v>
      </c>
      <c r="AM4752">
        <v>0</v>
      </c>
      <c r="AN4752">
        <v>0</v>
      </c>
      <c r="AO4752">
        <v>0</v>
      </c>
      <c r="AP4752">
        <v>0</v>
      </c>
      <c r="AQ4752">
        <v>0</v>
      </c>
      <c r="AR4752">
        <v>0</v>
      </c>
      <c r="AS4752">
        <v>0</v>
      </c>
      <c r="AT4752">
        <v>0</v>
      </c>
      <c r="AU4752">
        <v>0</v>
      </c>
      <c r="AV4752">
        <v>0</v>
      </c>
      <c r="AW4752">
        <v>0</v>
      </c>
      <c r="AX4752">
        <v>1034</v>
      </c>
      <c r="AY4752">
        <v>35</v>
      </c>
      <c r="AZ4752">
        <v>55</v>
      </c>
      <c r="BA4752">
        <v>5397</v>
      </c>
    </row>
    <row r="4753" spans="1:53" x14ac:dyDescent="0.4">
      <c r="A4753">
        <v>4797</v>
      </c>
      <c r="B4753" s="1">
        <v>44660</v>
      </c>
      <c r="C4753">
        <v>1</v>
      </c>
      <c r="D4753" s="1">
        <v>44660.291666666664</v>
      </c>
      <c r="E4753" s="1">
        <v>44660.413194444445</v>
      </c>
      <c r="F4753">
        <v>0</v>
      </c>
      <c r="G4753">
        <v>0</v>
      </c>
      <c r="H4753">
        <v>0</v>
      </c>
      <c r="I4753">
        <v>0</v>
      </c>
      <c r="J4753">
        <v>0</v>
      </c>
      <c r="K4753">
        <v>0</v>
      </c>
      <c r="L4753">
        <v>0</v>
      </c>
      <c r="M4753">
        <v>0</v>
      </c>
      <c r="N4753">
        <v>0</v>
      </c>
      <c r="O4753">
        <v>0</v>
      </c>
      <c r="P4753">
        <v>0</v>
      </c>
      <c r="Q4753">
        <v>0</v>
      </c>
      <c r="R4753">
        <v>0</v>
      </c>
      <c r="S4753">
        <v>0</v>
      </c>
      <c r="T4753">
        <v>0</v>
      </c>
      <c r="U4753">
        <v>0</v>
      </c>
      <c r="V4753">
        <v>0</v>
      </c>
      <c r="W4753">
        <v>1</v>
      </c>
      <c r="X4753">
        <v>0</v>
      </c>
      <c r="Y4753">
        <v>25</v>
      </c>
      <c r="Z4753">
        <v>11</v>
      </c>
      <c r="AA4753">
        <v>119</v>
      </c>
      <c r="AB4753">
        <v>24</v>
      </c>
      <c r="AC4753">
        <v>127</v>
      </c>
      <c r="AD4753">
        <v>8</v>
      </c>
      <c r="AE4753">
        <v>90</v>
      </c>
      <c r="AF4753">
        <v>0</v>
      </c>
      <c r="AG4753">
        <v>50000</v>
      </c>
      <c r="AH4753">
        <v>50000</v>
      </c>
      <c r="AI4753">
        <v>0</v>
      </c>
      <c r="AJ4753">
        <v>0</v>
      </c>
      <c r="AK4753" t="s">
        <v>6</v>
      </c>
      <c r="AL4753">
        <v>0</v>
      </c>
      <c r="AM4753">
        <v>0</v>
      </c>
      <c r="AN4753">
        <v>0</v>
      </c>
      <c r="AO4753">
        <v>0</v>
      </c>
      <c r="AP4753">
        <v>0</v>
      </c>
      <c r="AQ4753">
        <v>0</v>
      </c>
      <c r="AR4753">
        <v>0</v>
      </c>
      <c r="AS4753">
        <v>0</v>
      </c>
      <c r="AT4753">
        <v>0</v>
      </c>
      <c r="AU4753">
        <v>0</v>
      </c>
      <c r="AV4753">
        <v>0</v>
      </c>
      <c r="AW4753">
        <v>0</v>
      </c>
      <c r="AX4753">
        <v>0</v>
      </c>
      <c r="AY4753">
        <v>0</v>
      </c>
      <c r="AZ4753">
        <v>0</v>
      </c>
      <c r="BA4753">
        <v>0</v>
      </c>
    </row>
    <row r="4754" spans="1:53" x14ac:dyDescent="0.4">
      <c r="A4754">
        <v>4798</v>
      </c>
      <c r="B4754" s="1">
        <v>44660</v>
      </c>
      <c r="C4754">
        <v>2</v>
      </c>
      <c r="D4754" s="1">
        <v>44660.413194444445</v>
      </c>
      <c r="E4754" s="1">
        <v>44660.741666666669</v>
      </c>
      <c r="F4754">
        <v>31820</v>
      </c>
      <c r="G4754">
        <v>2816</v>
      </c>
      <c r="H4754">
        <v>0</v>
      </c>
      <c r="I4754">
        <v>0</v>
      </c>
      <c r="J4754">
        <v>200</v>
      </c>
      <c r="K4754">
        <v>100</v>
      </c>
      <c r="L4754">
        <v>0</v>
      </c>
      <c r="M4754">
        <v>3139</v>
      </c>
      <c r="N4754">
        <v>0</v>
      </c>
      <c r="O4754">
        <v>0</v>
      </c>
      <c r="P4754">
        <v>17500</v>
      </c>
      <c r="Q4754">
        <v>0</v>
      </c>
      <c r="R4754">
        <v>52036</v>
      </c>
      <c r="S4754">
        <v>0</v>
      </c>
      <c r="T4754">
        <v>0</v>
      </c>
      <c r="U4754">
        <v>0</v>
      </c>
      <c r="V4754">
        <v>2</v>
      </c>
      <c r="W4754">
        <v>0</v>
      </c>
      <c r="X4754">
        <v>0</v>
      </c>
      <c r="Y4754">
        <v>48</v>
      </c>
      <c r="Z4754">
        <v>23</v>
      </c>
      <c r="AA4754">
        <v>98</v>
      </c>
      <c r="AB4754">
        <v>13</v>
      </c>
      <c r="AC4754">
        <v>159</v>
      </c>
      <c r="AD4754">
        <v>10</v>
      </c>
      <c r="AE4754">
        <v>92</v>
      </c>
      <c r="AF4754">
        <v>10354</v>
      </c>
      <c r="AG4754">
        <v>102036</v>
      </c>
      <c r="AH4754">
        <v>50000</v>
      </c>
      <c r="AI4754">
        <v>0</v>
      </c>
      <c r="AJ4754">
        <v>115</v>
      </c>
      <c r="AK4754" t="s">
        <v>55</v>
      </c>
      <c r="AL4754">
        <v>0</v>
      </c>
      <c r="AM4754">
        <v>0</v>
      </c>
      <c r="AN4754">
        <v>0</v>
      </c>
      <c r="AO4754">
        <v>0</v>
      </c>
      <c r="AP4754">
        <v>0</v>
      </c>
      <c r="AQ4754">
        <v>0</v>
      </c>
      <c r="AR4754">
        <v>0</v>
      </c>
      <c r="AS4754">
        <v>0</v>
      </c>
      <c r="AT4754">
        <v>0</v>
      </c>
      <c r="AU4754">
        <v>0</v>
      </c>
      <c r="AV4754">
        <v>0</v>
      </c>
      <c r="AW4754">
        <v>0</v>
      </c>
      <c r="AX4754">
        <v>-530</v>
      </c>
      <c r="AY4754">
        <v>40</v>
      </c>
      <c r="AZ4754">
        <v>77</v>
      </c>
      <c r="BA4754">
        <v>6077</v>
      </c>
    </row>
    <row r="4755" spans="1:53" x14ac:dyDescent="0.4">
      <c r="A4755">
        <v>4799</v>
      </c>
      <c r="B4755" s="1">
        <v>44660</v>
      </c>
      <c r="C4755">
        <v>3</v>
      </c>
      <c r="D4755" s="1">
        <v>44660.741666666669</v>
      </c>
      <c r="E4755" s="1">
        <v>44660.963194444441</v>
      </c>
      <c r="F4755">
        <v>54120</v>
      </c>
      <c r="G4755">
        <v>4290</v>
      </c>
      <c r="H4755">
        <v>0</v>
      </c>
      <c r="I4755">
        <v>0</v>
      </c>
      <c r="J4755">
        <v>0</v>
      </c>
      <c r="K4755">
        <v>0</v>
      </c>
      <c r="L4755">
        <v>0</v>
      </c>
      <c r="M4755">
        <v>5308</v>
      </c>
      <c r="N4755">
        <v>0</v>
      </c>
      <c r="O4755">
        <v>0</v>
      </c>
      <c r="P4755">
        <v>520</v>
      </c>
      <c r="Q4755">
        <v>0</v>
      </c>
      <c r="R4755">
        <v>58930</v>
      </c>
      <c r="S4755">
        <v>0</v>
      </c>
      <c r="T4755">
        <v>0</v>
      </c>
      <c r="U4755">
        <v>0</v>
      </c>
      <c r="V4755">
        <v>7</v>
      </c>
      <c r="W4755">
        <v>2</v>
      </c>
      <c r="X4755">
        <v>0</v>
      </c>
      <c r="Y4755">
        <v>43</v>
      </c>
      <c r="Z4755">
        <v>21</v>
      </c>
      <c r="AA4755">
        <v>85</v>
      </c>
      <c r="AB4755">
        <v>10</v>
      </c>
      <c r="AC4755">
        <v>143</v>
      </c>
      <c r="AD4755">
        <v>10</v>
      </c>
      <c r="AE4755">
        <v>92</v>
      </c>
      <c r="AF4755">
        <v>16894</v>
      </c>
      <c r="AG4755">
        <v>160966</v>
      </c>
      <c r="AH4755">
        <v>50000</v>
      </c>
      <c r="AI4755">
        <v>0</v>
      </c>
      <c r="AJ4755">
        <v>102</v>
      </c>
      <c r="AK4755" t="s">
        <v>50</v>
      </c>
      <c r="AL4755">
        <v>0</v>
      </c>
      <c r="AM4755">
        <v>0</v>
      </c>
      <c r="AN4755">
        <v>0</v>
      </c>
      <c r="AO4755">
        <v>0</v>
      </c>
      <c r="AP4755">
        <v>0</v>
      </c>
      <c r="AQ4755">
        <v>0</v>
      </c>
      <c r="AR4755">
        <v>0</v>
      </c>
      <c r="AS4755">
        <v>0</v>
      </c>
      <c r="AT4755">
        <v>0</v>
      </c>
      <c r="AU4755">
        <v>0</v>
      </c>
      <c r="AV4755">
        <v>0</v>
      </c>
      <c r="AW4755">
        <v>0</v>
      </c>
      <c r="AX4755">
        <v>12914</v>
      </c>
      <c r="AY4755">
        <v>18</v>
      </c>
      <c r="AZ4755">
        <v>53</v>
      </c>
      <c r="BA4755">
        <v>2593</v>
      </c>
    </row>
    <row r="4756" spans="1:53" x14ac:dyDescent="0.4">
      <c r="A4756">
        <v>4800</v>
      </c>
      <c r="B4756" s="1">
        <v>44661</v>
      </c>
      <c r="C4756">
        <v>1</v>
      </c>
      <c r="D4756" s="1">
        <v>44661.291666666664</v>
      </c>
      <c r="E4756" s="1">
        <v>44661.414583333331</v>
      </c>
      <c r="F4756">
        <v>0</v>
      </c>
      <c r="G4756">
        <v>0</v>
      </c>
      <c r="H4756">
        <v>0</v>
      </c>
      <c r="I4756">
        <v>0</v>
      </c>
      <c r="J4756">
        <v>0</v>
      </c>
      <c r="K4756">
        <v>0</v>
      </c>
      <c r="L4756">
        <v>0</v>
      </c>
      <c r="M4756">
        <v>0</v>
      </c>
      <c r="N4756">
        <v>0</v>
      </c>
      <c r="O4756">
        <v>0</v>
      </c>
      <c r="P4756">
        <v>0</v>
      </c>
      <c r="Q4756">
        <v>0</v>
      </c>
      <c r="R4756">
        <v>0</v>
      </c>
      <c r="S4756">
        <v>0</v>
      </c>
      <c r="T4756">
        <v>0</v>
      </c>
      <c r="U4756">
        <v>0</v>
      </c>
      <c r="V4756">
        <v>0</v>
      </c>
      <c r="W4756">
        <v>1</v>
      </c>
      <c r="X4756">
        <v>0</v>
      </c>
      <c r="Y4756">
        <v>30</v>
      </c>
      <c r="Z4756">
        <v>10</v>
      </c>
      <c r="AA4756">
        <v>80</v>
      </c>
      <c r="AB4756">
        <v>10</v>
      </c>
      <c r="AC4756">
        <v>137</v>
      </c>
      <c r="AD4756">
        <v>9</v>
      </c>
      <c r="AE4756">
        <v>85</v>
      </c>
      <c r="AF4756">
        <v>0</v>
      </c>
      <c r="AG4756">
        <v>50000</v>
      </c>
      <c r="AH4756">
        <v>50000</v>
      </c>
      <c r="AI4756">
        <v>0</v>
      </c>
      <c r="AJ4756">
        <v>0</v>
      </c>
      <c r="AK4756" t="s">
        <v>6</v>
      </c>
      <c r="AL4756">
        <v>0</v>
      </c>
      <c r="AM4756">
        <v>0</v>
      </c>
      <c r="AN4756">
        <v>0</v>
      </c>
      <c r="AO4756">
        <v>0</v>
      </c>
      <c r="AP4756">
        <v>0</v>
      </c>
      <c r="AQ4756">
        <v>0</v>
      </c>
      <c r="AR4756">
        <v>0</v>
      </c>
      <c r="AS4756">
        <v>0</v>
      </c>
      <c r="AT4756">
        <v>0</v>
      </c>
      <c r="AU4756">
        <v>0</v>
      </c>
      <c r="AV4756">
        <v>0</v>
      </c>
      <c r="AW4756">
        <v>0</v>
      </c>
      <c r="AX4756">
        <v>0</v>
      </c>
      <c r="AY4756">
        <v>0</v>
      </c>
      <c r="AZ4756">
        <v>0</v>
      </c>
      <c r="BA4756">
        <v>0</v>
      </c>
    </row>
    <row r="4757" spans="1:53" x14ac:dyDescent="0.4">
      <c r="A4757">
        <v>4801</v>
      </c>
      <c r="B4757" s="1">
        <v>44661</v>
      </c>
      <c r="C4757">
        <v>2</v>
      </c>
      <c r="D4757" s="1">
        <v>44661.414583333331</v>
      </c>
      <c r="E4757" s="1">
        <v>44661.770138888889</v>
      </c>
      <c r="F4757">
        <v>42850</v>
      </c>
      <c r="G4757">
        <v>2057</v>
      </c>
      <c r="H4757">
        <v>0</v>
      </c>
      <c r="I4757">
        <v>0</v>
      </c>
      <c r="J4757">
        <v>300</v>
      </c>
      <c r="K4757">
        <v>900</v>
      </c>
      <c r="L4757">
        <v>0</v>
      </c>
      <c r="M4757">
        <v>4135</v>
      </c>
      <c r="N4757">
        <v>0</v>
      </c>
      <c r="O4757">
        <v>0</v>
      </c>
      <c r="P4757">
        <v>23488</v>
      </c>
      <c r="Q4757">
        <v>0</v>
      </c>
      <c r="R4757">
        <v>68995</v>
      </c>
      <c r="S4757">
        <v>0</v>
      </c>
      <c r="T4757">
        <v>0</v>
      </c>
      <c r="U4757">
        <v>0</v>
      </c>
      <c r="V4757">
        <v>1</v>
      </c>
      <c r="W4757">
        <v>6</v>
      </c>
      <c r="X4757">
        <v>0</v>
      </c>
      <c r="Y4757">
        <v>54</v>
      </c>
      <c r="Z4757">
        <v>25</v>
      </c>
      <c r="AA4757">
        <v>51</v>
      </c>
      <c r="AB4757">
        <v>17</v>
      </c>
      <c r="AC4757">
        <v>155</v>
      </c>
      <c r="AD4757">
        <v>10</v>
      </c>
      <c r="AE4757">
        <v>85</v>
      </c>
      <c r="AF4757">
        <v>4860</v>
      </c>
      <c r="AG4757">
        <v>118995</v>
      </c>
      <c r="AH4757">
        <v>50000</v>
      </c>
      <c r="AI4757">
        <v>0</v>
      </c>
      <c r="AJ4757">
        <v>103</v>
      </c>
      <c r="AK4757" t="s">
        <v>7</v>
      </c>
      <c r="AL4757">
        <v>0</v>
      </c>
      <c r="AM4757">
        <v>0</v>
      </c>
      <c r="AN4757">
        <v>0</v>
      </c>
      <c r="AO4757">
        <v>0</v>
      </c>
      <c r="AP4757">
        <v>0</v>
      </c>
      <c r="AQ4757">
        <v>0</v>
      </c>
      <c r="AR4757">
        <v>0</v>
      </c>
      <c r="AS4757">
        <v>0</v>
      </c>
      <c r="AT4757">
        <v>0</v>
      </c>
      <c r="AU4757">
        <v>0</v>
      </c>
      <c r="AV4757">
        <v>0</v>
      </c>
      <c r="AW4757">
        <v>0</v>
      </c>
      <c r="AX4757">
        <v>-330</v>
      </c>
      <c r="AY4757">
        <v>53</v>
      </c>
      <c r="AZ4757">
        <v>111</v>
      </c>
      <c r="BA4757">
        <v>7478</v>
      </c>
    </row>
    <row r="4758" spans="1:53" x14ac:dyDescent="0.4">
      <c r="A4758">
        <v>4802</v>
      </c>
      <c r="B4758" s="1">
        <v>44661</v>
      </c>
      <c r="C4758">
        <v>3</v>
      </c>
      <c r="D4758" s="1">
        <v>44661.770138888889</v>
      </c>
      <c r="E4758" s="1">
        <v>44661.949305555558</v>
      </c>
      <c r="F4758">
        <v>47860</v>
      </c>
      <c r="G4758">
        <v>1826</v>
      </c>
      <c r="H4758">
        <v>0</v>
      </c>
      <c r="I4758">
        <v>0</v>
      </c>
      <c r="J4758">
        <v>0</v>
      </c>
      <c r="K4758">
        <v>1320</v>
      </c>
      <c r="L4758">
        <v>0</v>
      </c>
      <c r="M4758">
        <v>4635</v>
      </c>
      <c r="N4758">
        <v>0</v>
      </c>
      <c r="O4758">
        <v>0</v>
      </c>
      <c r="P4758">
        <v>-23488</v>
      </c>
      <c r="Q4758">
        <v>0</v>
      </c>
      <c r="R4758">
        <v>27518</v>
      </c>
      <c r="S4758">
        <v>0</v>
      </c>
      <c r="T4758">
        <v>0</v>
      </c>
      <c r="U4758">
        <v>0</v>
      </c>
      <c r="V4758">
        <v>2</v>
      </c>
      <c r="W4758">
        <v>5</v>
      </c>
      <c r="X4758">
        <v>0</v>
      </c>
      <c r="Y4758">
        <v>63</v>
      </c>
      <c r="Z4758">
        <v>25</v>
      </c>
      <c r="AA4758">
        <v>55</v>
      </c>
      <c r="AB4758">
        <v>18</v>
      </c>
      <c r="AC4758">
        <v>152</v>
      </c>
      <c r="AD4758">
        <v>12</v>
      </c>
      <c r="AE4758">
        <v>91</v>
      </c>
      <c r="AF4758">
        <v>17942</v>
      </c>
      <c r="AG4758">
        <v>146513</v>
      </c>
      <c r="AH4758">
        <v>50000</v>
      </c>
      <c r="AI4758">
        <v>0</v>
      </c>
      <c r="AJ4758">
        <v>103</v>
      </c>
      <c r="AK4758" t="s">
        <v>7</v>
      </c>
      <c r="AL4758">
        <v>0</v>
      </c>
      <c r="AM4758">
        <v>0</v>
      </c>
      <c r="AN4758">
        <v>0</v>
      </c>
      <c r="AO4758">
        <v>0</v>
      </c>
      <c r="AP4758">
        <v>0</v>
      </c>
      <c r="AQ4758">
        <v>0</v>
      </c>
      <c r="AR4758">
        <v>0</v>
      </c>
      <c r="AS4758">
        <v>0</v>
      </c>
      <c r="AT4758">
        <v>0</v>
      </c>
      <c r="AU4758">
        <v>0</v>
      </c>
      <c r="AV4758">
        <v>0</v>
      </c>
      <c r="AW4758">
        <v>0</v>
      </c>
      <c r="AX4758">
        <v>0</v>
      </c>
      <c r="AY4758">
        <v>9</v>
      </c>
      <c r="AZ4758">
        <v>15</v>
      </c>
      <c r="BA4758">
        <v>2389</v>
      </c>
    </row>
    <row r="4759" spans="1:53" x14ac:dyDescent="0.4">
      <c r="A4759">
        <v>4803</v>
      </c>
      <c r="B4759" s="1">
        <v>44662</v>
      </c>
      <c r="C4759">
        <v>1</v>
      </c>
      <c r="D4759" s="1">
        <v>44662.291666666664</v>
      </c>
      <c r="E4759" s="1">
        <v>44662.440972222219</v>
      </c>
      <c r="F4759">
        <v>0</v>
      </c>
      <c r="G4759">
        <v>0</v>
      </c>
      <c r="H4759">
        <v>0</v>
      </c>
      <c r="I4759">
        <v>0</v>
      </c>
      <c r="J4759">
        <v>0</v>
      </c>
      <c r="K4759">
        <v>0</v>
      </c>
      <c r="L4759">
        <v>0</v>
      </c>
      <c r="M4759">
        <v>0</v>
      </c>
      <c r="N4759">
        <v>0</v>
      </c>
      <c r="O4759">
        <v>0</v>
      </c>
      <c r="P4759">
        <v>0</v>
      </c>
      <c r="Q4759">
        <v>0</v>
      </c>
      <c r="R4759">
        <v>0</v>
      </c>
      <c r="S4759">
        <v>0</v>
      </c>
      <c r="T4759">
        <v>0</v>
      </c>
      <c r="U4759">
        <v>0</v>
      </c>
      <c r="V4759">
        <v>0</v>
      </c>
      <c r="W4759">
        <v>1</v>
      </c>
      <c r="X4759">
        <v>0</v>
      </c>
      <c r="Y4759">
        <v>29</v>
      </c>
      <c r="Z4759">
        <v>15</v>
      </c>
      <c r="AA4759">
        <v>62</v>
      </c>
      <c r="AB4759">
        <v>18</v>
      </c>
      <c r="AC4759">
        <v>125</v>
      </c>
      <c r="AD4759">
        <v>12</v>
      </c>
      <c r="AE4759">
        <v>90</v>
      </c>
      <c r="AF4759">
        <v>0</v>
      </c>
      <c r="AG4759">
        <v>50000</v>
      </c>
      <c r="AH4759">
        <v>50000</v>
      </c>
      <c r="AI4759">
        <v>0</v>
      </c>
      <c r="AJ4759">
        <v>0</v>
      </c>
      <c r="AK4759" t="s">
        <v>6</v>
      </c>
      <c r="AL4759">
        <v>0</v>
      </c>
      <c r="AM4759">
        <v>0</v>
      </c>
      <c r="AN4759">
        <v>0</v>
      </c>
      <c r="AO4759">
        <v>0</v>
      </c>
      <c r="AP4759">
        <v>0</v>
      </c>
      <c r="AQ4759">
        <v>0</v>
      </c>
      <c r="AR4759">
        <v>0</v>
      </c>
      <c r="AS4759">
        <v>0</v>
      </c>
      <c r="AT4759">
        <v>0</v>
      </c>
      <c r="AU4759">
        <v>0</v>
      </c>
      <c r="AV4759">
        <v>0</v>
      </c>
      <c r="AW4759">
        <v>0</v>
      </c>
      <c r="AX4759">
        <v>0</v>
      </c>
      <c r="AY4759">
        <v>0</v>
      </c>
      <c r="AZ4759">
        <v>0</v>
      </c>
      <c r="BA4759">
        <v>0</v>
      </c>
    </row>
    <row r="4760" spans="1:53" x14ac:dyDescent="0.4">
      <c r="A4760">
        <v>4804</v>
      </c>
      <c r="B4760" s="1">
        <v>44662</v>
      </c>
      <c r="C4760">
        <v>2</v>
      </c>
      <c r="D4760" s="1">
        <v>44662.440972222219</v>
      </c>
      <c r="E4760" s="1">
        <v>44662.750694444447</v>
      </c>
      <c r="F4760">
        <v>14620</v>
      </c>
      <c r="G4760">
        <v>462</v>
      </c>
      <c r="H4760">
        <v>220</v>
      </c>
      <c r="I4760">
        <v>0</v>
      </c>
      <c r="J4760">
        <v>100</v>
      </c>
      <c r="K4760">
        <v>0</v>
      </c>
      <c r="L4760">
        <v>0</v>
      </c>
      <c r="M4760">
        <v>1381</v>
      </c>
      <c r="N4760">
        <v>0</v>
      </c>
      <c r="O4760">
        <v>0</v>
      </c>
      <c r="P4760">
        <v>9250</v>
      </c>
      <c r="Q4760">
        <v>0</v>
      </c>
      <c r="R4760">
        <v>24452</v>
      </c>
      <c r="S4760">
        <v>0</v>
      </c>
      <c r="T4760">
        <v>0</v>
      </c>
      <c r="U4760">
        <v>0</v>
      </c>
      <c r="V4760">
        <v>0</v>
      </c>
      <c r="W4760">
        <v>1</v>
      </c>
      <c r="X4760">
        <v>0</v>
      </c>
      <c r="Y4760">
        <v>52</v>
      </c>
      <c r="Z4760">
        <v>16</v>
      </c>
      <c r="AA4760">
        <v>53</v>
      </c>
      <c r="AB4760">
        <v>20</v>
      </c>
      <c r="AC4760">
        <v>143</v>
      </c>
      <c r="AD4760">
        <v>14</v>
      </c>
      <c r="AE4760">
        <v>92</v>
      </c>
      <c r="AF4760">
        <v>1560</v>
      </c>
      <c r="AG4760">
        <v>74452</v>
      </c>
      <c r="AH4760">
        <v>50000</v>
      </c>
      <c r="AI4760">
        <v>0</v>
      </c>
      <c r="AJ4760">
        <v>102</v>
      </c>
      <c r="AK4760" t="s">
        <v>50</v>
      </c>
      <c r="AL4760">
        <v>0</v>
      </c>
      <c r="AM4760">
        <v>0</v>
      </c>
      <c r="AN4760">
        <v>0</v>
      </c>
      <c r="AO4760">
        <v>0</v>
      </c>
      <c r="AP4760">
        <v>0</v>
      </c>
      <c r="AQ4760">
        <v>0</v>
      </c>
      <c r="AR4760">
        <v>0</v>
      </c>
      <c r="AS4760">
        <v>0</v>
      </c>
      <c r="AT4760">
        <v>0</v>
      </c>
      <c r="AU4760">
        <v>0</v>
      </c>
      <c r="AV4760">
        <v>0</v>
      </c>
      <c r="AW4760">
        <v>0</v>
      </c>
      <c r="AX4760">
        <v>440</v>
      </c>
      <c r="AY4760">
        <v>30</v>
      </c>
      <c r="AZ4760">
        <v>40</v>
      </c>
      <c r="BA4760">
        <v>4497</v>
      </c>
    </row>
    <row r="4761" spans="1:53" x14ac:dyDescent="0.4">
      <c r="A4761">
        <v>4805</v>
      </c>
      <c r="B4761" s="1">
        <v>44662</v>
      </c>
      <c r="C4761">
        <v>3</v>
      </c>
      <c r="D4761" s="1">
        <v>44662.750694444447</v>
      </c>
      <c r="E4761" s="1">
        <v>44662.95416666667</v>
      </c>
      <c r="F4761">
        <v>14970</v>
      </c>
      <c r="G4761">
        <v>440</v>
      </c>
      <c r="H4761">
        <v>0</v>
      </c>
      <c r="I4761">
        <v>0</v>
      </c>
      <c r="J4761">
        <v>0</v>
      </c>
      <c r="K4761">
        <v>0</v>
      </c>
      <c r="L4761">
        <v>0</v>
      </c>
      <c r="M4761">
        <v>1401</v>
      </c>
      <c r="N4761">
        <v>0</v>
      </c>
      <c r="O4761">
        <v>0</v>
      </c>
      <c r="P4761">
        <v>-9250</v>
      </c>
      <c r="Q4761">
        <v>0</v>
      </c>
      <c r="R4761">
        <v>6160</v>
      </c>
      <c r="S4761">
        <v>0</v>
      </c>
      <c r="T4761">
        <v>0</v>
      </c>
      <c r="U4761">
        <v>0</v>
      </c>
      <c r="V4761">
        <v>0</v>
      </c>
      <c r="W4761">
        <v>2</v>
      </c>
      <c r="X4761">
        <v>0</v>
      </c>
      <c r="Y4761">
        <v>52</v>
      </c>
      <c r="Z4761">
        <v>15</v>
      </c>
      <c r="AA4761">
        <v>69</v>
      </c>
      <c r="AB4761">
        <v>21</v>
      </c>
      <c r="AC4761">
        <v>143</v>
      </c>
      <c r="AD4761">
        <v>15</v>
      </c>
      <c r="AE4761">
        <v>97</v>
      </c>
      <c r="AF4761">
        <v>1560</v>
      </c>
      <c r="AG4761">
        <v>80612</v>
      </c>
      <c r="AH4761">
        <v>50000</v>
      </c>
      <c r="AI4761">
        <v>0</v>
      </c>
      <c r="AJ4761">
        <v>108</v>
      </c>
      <c r="AK4761" t="s">
        <v>3</v>
      </c>
      <c r="AL4761">
        <v>0</v>
      </c>
      <c r="AM4761">
        <v>0</v>
      </c>
      <c r="AN4761">
        <v>0</v>
      </c>
      <c r="AO4761">
        <v>0</v>
      </c>
      <c r="AP4761">
        <v>0</v>
      </c>
      <c r="AQ4761">
        <v>0</v>
      </c>
      <c r="AR4761">
        <v>0</v>
      </c>
      <c r="AS4761">
        <v>0</v>
      </c>
      <c r="AT4761">
        <v>0</v>
      </c>
      <c r="AU4761">
        <v>0</v>
      </c>
      <c r="AV4761">
        <v>0</v>
      </c>
      <c r="AW4761">
        <v>0</v>
      </c>
      <c r="AX4761">
        <v>0</v>
      </c>
      <c r="AY4761">
        <v>3</v>
      </c>
      <c r="AZ4761">
        <v>5</v>
      </c>
      <c r="BA4761">
        <v>892</v>
      </c>
    </row>
    <row r="4762" spans="1:53" x14ac:dyDescent="0.4">
      <c r="A4762">
        <v>4806</v>
      </c>
      <c r="B4762" s="1">
        <v>44663</v>
      </c>
      <c r="C4762">
        <v>1</v>
      </c>
      <c r="D4762" s="1">
        <v>44663.291666666664</v>
      </c>
      <c r="E4762" s="1">
        <v>44663.439583333333</v>
      </c>
      <c r="F4762">
        <v>0</v>
      </c>
      <c r="G4762">
        <v>0</v>
      </c>
      <c r="H4762">
        <v>0</v>
      </c>
      <c r="I4762">
        <v>0</v>
      </c>
      <c r="J4762">
        <v>0</v>
      </c>
      <c r="K4762">
        <v>0</v>
      </c>
      <c r="L4762">
        <v>0</v>
      </c>
      <c r="M4762">
        <v>0</v>
      </c>
      <c r="N4762">
        <v>0</v>
      </c>
      <c r="O4762">
        <v>0</v>
      </c>
      <c r="P4762">
        <v>0</v>
      </c>
      <c r="Q4762">
        <v>0</v>
      </c>
      <c r="R4762">
        <v>0</v>
      </c>
      <c r="S4762">
        <v>0</v>
      </c>
      <c r="T4762">
        <v>0</v>
      </c>
      <c r="U4762">
        <v>0</v>
      </c>
      <c r="V4762">
        <v>0</v>
      </c>
      <c r="W4762">
        <v>1</v>
      </c>
      <c r="X4762">
        <v>0</v>
      </c>
      <c r="Y4762">
        <v>28</v>
      </c>
      <c r="Z4762">
        <v>13</v>
      </c>
      <c r="AA4762">
        <v>79</v>
      </c>
      <c r="AB4762">
        <v>21</v>
      </c>
      <c r="AC4762">
        <v>138</v>
      </c>
      <c r="AD4762">
        <v>15</v>
      </c>
      <c r="AE4762">
        <v>95</v>
      </c>
      <c r="AF4762">
        <v>0</v>
      </c>
      <c r="AG4762">
        <v>50000</v>
      </c>
      <c r="AH4762">
        <v>50000</v>
      </c>
      <c r="AI4762">
        <v>0</v>
      </c>
      <c r="AJ4762">
        <v>0</v>
      </c>
      <c r="AK4762" t="s">
        <v>6</v>
      </c>
      <c r="AL4762">
        <v>0</v>
      </c>
      <c r="AM4762">
        <v>0</v>
      </c>
      <c r="AN4762">
        <v>0</v>
      </c>
      <c r="AO4762">
        <v>0</v>
      </c>
      <c r="AP4762">
        <v>0</v>
      </c>
      <c r="AQ4762">
        <v>0</v>
      </c>
      <c r="AR4762">
        <v>0</v>
      </c>
      <c r="AS4762">
        <v>0</v>
      </c>
      <c r="AT4762">
        <v>0</v>
      </c>
      <c r="AU4762">
        <v>0</v>
      </c>
      <c r="AV4762">
        <v>0</v>
      </c>
      <c r="AW4762">
        <v>0</v>
      </c>
      <c r="AX4762">
        <v>0</v>
      </c>
      <c r="AY4762">
        <v>0</v>
      </c>
      <c r="AZ4762">
        <v>0</v>
      </c>
      <c r="BA4762">
        <v>0</v>
      </c>
    </row>
    <row r="4763" spans="1:53" x14ac:dyDescent="0.4">
      <c r="A4763">
        <v>4807</v>
      </c>
      <c r="B4763" s="1">
        <v>44663</v>
      </c>
      <c r="C4763">
        <v>2</v>
      </c>
      <c r="D4763" s="1">
        <v>44663.439583333333</v>
      </c>
      <c r="E4763" s="1">
        <v>44663.75277777778</v>
      </c>
      <c r="F4763">
        <v>14700</v>
      </c>
      <c r="G4763">
        <v>616</v>
      </c>
      <c r="H4763">
        <v>0</v>
      </c>
      <c r="I4763">
        <v>0</v>
      </c>
      <c r="J4763">
        <v>0</v>
      </c>
      <c r="K4763">
        <v>0</v>
      </c>
      <c r="L4763">
        <v>0</v>
      </c>
      <c r="M4763">
        <v>1391</v>
      </c>
      <c r="N4763">
        <v>0</v>
      </c>
      <c r="O4763">
        <v>0</v>
      </c>
      <c r="P4763">
        <v>11994</v>
      </c>
      <c r="Q4763">
        <v>0</v>
      </c>
      <c r="R4763">
        <v>27310</v>
      </c>
      <c r="S4763">
        <v>0</v>
      </c>
      <c r="T4763">
        <v>0</v>
      </c>
      <c r="U4763">
        <v>0</v>
      </c>
      <c r="V4763">
        <v>1</v>
      </c>
      <c r="W4763">
        <v>1</v>
      </c>
      <c r="X4763">
        <v>0</v>
      </c>
      <c r="Y4763">
        <v>39</v>
      </c>
      <c r="Z4763">
        <v>21</v>
      </c>
      <c r="AA4763">
        <v>84</v>
      </c>
      <c r="AB4763">
        <v>29</v>
      </c>
      <c r="AC4763">
        <v>150</v>
      </c>
      <c r="AD4763">
        <v>16</v>
      </c>
      <c r="AE4763">
        <v>100</v>
      </c>
      <c r="AF4763">
        <v>1280</v>
      </c>
      <c r="AG4763">
        <v>77310</v>
      </c>
      <c r="AH4763">
        <v>50000</v>
      </c>
      <c r="AI4763">
        <v>0</v>
      </c>
      <c r="AJ4763">
        <v>116</v>
      </c>
      <c r="AK4763" t="s">
        <v>54</v>
      </c>
      <c r="AL4763">
        <v>0</v>
      </c>
      <c r="AM4763">
        <v>0</v>
      </c>
      <c r="AN4763">
        <v>0</v>
      </c>
      <c r="AO4763">
        <v>0</v>
      </c>
      <c r="AP4763">
        <v>0</v>
      </c>
      <c r="AQ4763">
        <v>0</v>
      </c>
      <c r="AR4763">
        <v>0</v>
      </c>
      <c r="AS4763">
        <v>0</v>
      </c>
      <c r="AT4763">
        <v>0</v>
      </c>
      <c r="AU4763">
        <v>0</v>
      </c>
      <c r="AV4763">
        <v>0</v>
      </c>
      <c r="AW4763">
        <v>0</v>
      </c>
      <c r="AX4763">
        <v>594</v>
      </c>
      <c r="AY4763">
        <v>26</v>
      </c>
      <c r="AZ4763">
        <v>43</v>
      </c>
      <c r="BA4763">
        <v>3250</v>
      </c>
    </row>
    <row r="4764" spans="1:53" x14ac:dyDescent="0.4">
      <c r="A4764">
        <v>4808</v>
      </c>
      <c r="B4764" s="1">
        <v>44663</v>
      </c>
      <c r="C4764">
        <v>3</v>
      </c>
      <c r="D4764" s="1">
        <v>44663.75277777778</v>
      </c>
      <c r="E4764" s="1">
        <v>44663.961805555555</v>
      </c>
      <c r="F4764">
        <v>22370</v>
      </c>
      <c r="G4764">
        <v>1188</v>
      </c>
      <c r="H4764">
        <v>0</v>
      </c>
      <c r="I4764">
        <v>0</v>
      </c>
      <c r="J4764">
        <v>100</v>
      </c>
      <c r="K4764">
        <v>0</v>
      </c>
      <c r="L4764">
        <v>0</v>
      </c>
      <c r="M4764">
        <v>2131</v>
      </c>
      <c r="N4764">
        <v>0</v>
      </c>
      <c r="O4764">
        <v>0</v>
      </c>
      <c r="P4764">
        <v>-11994</v>
      </c>
      <c r="Q4764">
        <v>0</v>
      </c>
      <c r="R4764">
        <v>11464</v>
      </c>
      <c r="S4764">
        <v>0</v>
      </c>
      <c r="T4764">
        <v>0</v>
      </c>
      <c r="U4764">
        <v>0</v>
      </c>
      <c r="V4764">
        <v>1</v>
      </c>
      <c r="W4764">
        <v>1</v>
      </c>
      <c r="X4764">
        <v>0</v>
      </c>
      <c r="Y4764">
        <v>50</v>
      </c>
      <c r="Z4764">
        <v>19</v>
      </c>
      <c r="AA4764">
        <v>96</v>
      </c>
      <c r="AB4764">
        <v>33</v>
      </c>
      <c r="AC4764">
        <v>157</v>
      </c>
      <c r="AD4764">
        <v>15</v>
      </c>
      <c r="AE4764">
        <v>99</v>
      </c>
      <c r="AF4764">
        <v>1280</v>
      </c>
      <c r="AG4764">
        <v>88774</v>
      </c>
      <c r="AH4764">
        <v>50000</v>
      </c>
      <c r="AI4764">
        <v>0</v>
      </c>
      <c r="AJ4764">
        <v>103</v>
      </c>
      <c r="AK4764" t="s">
        <v>7</v>
      </c>
      <c r="AL4764">
        <v>0</v>
      </c>
      <c r="AM4764">
        <v>0</v>
      </c>
      <c r="AN4764">
        <v>0</v>
      </c>
      <c r="AO4764">
        <v>0</v>
      </c>
      <c r="AP4764">
        <v>0</v>
      </c>
      <c r="AQ4764">
        <v>0</v>
      </c>
      <c r="AR4764">
        <v>0</v>
      </c>
      <c r="AS4764">
        <v>0</v>
      </c>
      <c r="AT4764">
        <v>0</v>
      </c>
      <c r="AU4764">
        <v>0</v>
      </c>
      <c r="AV4764">
        <v>0</v>
      </c>
      <c r="AW4764">
        <v>0</v>
      </c>
      <c r="AX4764">
        <v>0</v>
      </c>
      <c r="AY4764">
        <v>8</v>
      </c>
      <c r="AZ4764">
        <v>13</v>
      </c>
      <c r="BA4764">
        <v>1690</v>
      </c>
    </row>
    <row r="4765" spans="1:53" x14ac:dyDescent="0.4">
      <c r="A4765">
        <v>4809</v>
      </c>
      <c r="B4765" s="1">
        <v>44664</v>
      </c>
      <c r="C4765">
        <v>1</v>
      </c>
      <c r="D4765" s="1">
        <v>44664.291666666664</v>
      </c>
      <c r="E4765" s="1">
        <v>44664.748611111114</v>
      </c>
      <c r="F4765">
        <v>9990</v>
      </c>
      <c r="G4765">
        <v>1606</v>
      </c>
      <c r="H4765">
        <v>0</v>
      </c>
      <c r="I4765">
        <v>0</v>
      </c>
      <c r="J4765">
        <v>0</v>
      </c>
      <c r="K4765">
        <v>600</v>
      </c>
      <c r="L4765">
        <v>0</v>
      </c>
      <c r="M4765">
        <v>1110</v>
      </c>
      <c r="N4765">
        <v>0</v>
      </c>
      <c r="O4765">
        <v>0</v>
      </c>
      <c r="P4765">
        <v>5340</v>
      </c>
      <c r="Q4765">
        <v>0</v>
      </c>
      <c r="R4765">
        <v>17536</v>
      </c>
      <c r="S4765">
        <v>0</v>
      </c>
      <c r="T4765">
        <v>0</v>
      </c>
      <c r="U4765">
        <v>0</v>
      </c>
      <c r="V4765">
        <v>1</v>
      </c>
      <c r="W4765">
        <v>0</v>
      </c>
      <c r="X4765">
        <v>0</v>
      </c>
      <c r="Y4765">
        <v>35</v>
      </c>
      <c r="Z4765">
        <v>16</v>
      </c>
      <c r="AA4765">
        <v>91</v>
      </c>
      <c r="AB4765">
        <v>31</v>
      </c>
      <c r="AC4765">
        <v>115</v>
      </c>
      <c r="AD4765">
        <v>16</v>
      </c>
      <c r="AE4765">
        <v>106</v>
      </c>
      <c r="AF4765">
        <v>2550</v>
      </c>
      <c r="AG4765">
        <v>67536</v>
      </c>
      <c r="AH4765">
        <v>50000</v>
      </c>
      <c r="AI4765">
        <v>0</v>
      </c>
      <c r="AJ4765">
        <v>119</v>
      </c>
      <c r="AK4765" t="s">
        <v>56</v>
      </c>
      <c r="AL4765">
        <v>0</v>
      </c>
      <c r="AM4765">
        <v>0</v>
      </c>
      <c r="AN4765">
        <v>0</v>
      </c>
      <c r="AO4765">
        <v>0</v>
      </c>
      <c r="AP4765">
        <v>0</v>
      </c>
      <c r="AQ4765">
        <v>0</v>
      </c>
      <c r="AR4765">
        <v>0</v>
      </c>
      <c r="AS4765">
        <v>0</v>
      </c>
      <c r="AT4765">
        <v>0</v>
      </c>
      <c r="AU4765">
        <v>0</v>
      </c>
      <c r="AV4765">
        <v>0</v>
      </c>
      <c r="AW4765">
        <v>0</v>
      </c>
      <c r="AX4765">
        <v>-600</v>
      </c>
      <c r="AY4765">
        <v>18</v>
      </c>
      <c r="AZ4765">
        <v>25</v>
      </c>
      <c r="BA4765">
        <v>2726</v>
      </c>
    </row>
    <row r="4766" spans="1:53" x14ac:dyDescent="0.4">
      <c r="A4766">
        <v>4810</v>
      </c>
      <c r="B4766" s="1">
        <v>44665</v>
      </c>
      <c r="C4766">
        <v>1</v>
      </c>
      <c r="D4766" s="1">
        <v>44665.291666666664</v>
      </c>
      <c r="E4766" s="1">
        <v>44665.439583333333</v>
      </c>
      <c r="F4766">
        <v>0</v>
      </c>
      <c r="G4766">
        <v>0</v>
      </c>
      <c r="H4766">
        <v>0</v>
      </c>
      <c r="I4766">
        <v>0</v>
      </c>
      <c r="J4766">
        <v>0</v>
      </c>
      <c r="K4766">
        <v>0</v>
      </c>
      <c r="L4766">
        <v>0</v>
      </c>
      <c r="M4766">
        <v>0</v>
      </c>
      <c r="N4766">
        <v>0</v>
      </c>
      <c r="O4766">
        <v>0</v>
      </c>
      <c r="P4766">
        <v>0</v>
      </c>
      <c r="Q4766">
        <v>0</v>
      </c>
      <c r="R4766">
        <v>0</v>
      </c>
      <c r="S4766">
        <v>0</v>
      </c>
      <c r="T4766">
        <v>0</v>
      </c>
      <c r="U4766">
        <v>0</v>
      </c>
      <c r="V4766">
        <v>0</v>
      </c>
      <c r="W4766">
        <v>1</v>
      </c>
      <c r="X4766">
        <v>0</v>
      </c>
      <c r="Y4766">
        <v>27</v>
      </c>
      <c r="Z4766">
        <v>11</v>
      </c>
      <c r="AA4766">
        <v>92</v>
      </c>
      <c r="AB4766">
        <v>37</v>
      </c>
      <c r="AC4766">
        <v>126</v>
      </c>
      <c r="AD4766">
        <v>16</v>
      </c>
      <c r="AE4766">
        <v>110</v>
      </c>
      <c r="AF4766">
        <v>0</v>
      </c>
      <c r="AG4766">
        <v>50000</v>
      </c>
      <c r="AH4766">
        <v>50000</v>
      </c>
      <c r="AI4766">
        <v>0</v>
      </c>
      <c r="AJ4766">
        <v>0</v>
      </c>
      <c r="AK4766" t="s">
        <v>6</v>
      </c>
      <c r="AL4766">
        <v>0</v>
      </c>
      <c r="AM4766">
        <v>0</v>
      </c>
      <c r="AN4766">
        <v>0</v>
      </c>
      <c r="AO4766">
        <v>0</v>
      </c>
      <c r="AP4766">
        <v>0</v>
      </c>
      <c r="AQ4766">
        <v>0</v>
      </c>
      <c r="AR4766">
        <v>0</v>
      </c>
      <c r="AS4766">
        <v>0</v>
      </c>
      <c r="AT4766">
        <v>0</v>
      </c>
      <c r="AU4766">
        <v>0</v>
      </c>
      <c r="AV4766">
        <v>0</v>
      </c>
      <c r="AW4766">
        <v>0</v>
      </c>
      <c r="AX4766">
        <v>0</v>
      </c>
      <c r="AY4766">
        <v>0</v>
      </c>
      <c r="AZ4766">
        <v>0</v>
      </c>
      <c r="BA4766">
        <v>0</v>
      </c>
    </row>
    <row r="4767" spans="1:53" x14ac:dyDescent="0.4">
      <c r="A4767">
        <v>4811</v>
      </c>
      <c r="B4767" s="1">
        <v>44665</v>
      </c>
      <c r="C4767">
        <v>2</v>
      </c>
      <c r="D4767" s="1">
        <v>44665.439583333333</v>
      </c>
      <c r="E4767" s="1">
        <v>44665.73541666667</v>
      </c>
      <c r="F4767">
        <v>6860</v>
      </c>
      <c r="G4767">
        <v>770</v>
      </c>
      <c r="H4767">
        <v>220</v>
      </c>
      <c r="I4767">
        <v>0</v>
      </c>
      <c r="J4767">
        <v>0</v>
      </c>
      <c r="K4767">
        <v>0</v>
      </c>
      <c r="L4767">
        <v>0</v>
      </c>
      <c r="M4767">
        <v>714</v>
      </c>
      <c r="N4767">
        <v>0</v>
      </c>
      <c r="O4767">
        <v>0</v>
      </c>
      <c r="P4767">
        <v>9620</v>
      </c>
      <c r="Q4767">
        <v>0</v>
      </c>
      <c r="R4767">
        <v>17470</v>
      </c>
      <c r="S4767">
        <v>0</v>
      </c>
      <c r="T4767">
        <v>0</v>
      </c>
      <c r="U4767">
        <v>0</v>
      </c>
      <c r="V4767">
        <v>0</v>
      </c>
      <c r="W4767">
        <v>3</v>
      </c>
      <c r="X4767">
        <v>0</v>
      </c>
      <c r="Y4767">
        <v>31</v>
      </c>
      <c r="Z4767">
        <v>9</v>
      </c>
      <c r="AA4767">
        <v>80</v>
      </c>
      <c r="AB4767">
        <v>32</v>
      </c>
      <c r="AC4767">
        <v>131</v>
      </c>
      <c r="AD4767">
        <v>17</v>
      </c>
      <c r="AE4767">
        <v>107</v>
      </c>
      <c r="AF4767">
        <v>5868</v>
      </c>
      <c r="AG4767">
        <v>67470</v>
      </c>
      <c r="AH4767">
        <v>50000</v>
      </c>
      <c r="AI4767">
        <v>0</v>
      </c>
      <c r="AJ4767">
        <v>116</v>
      </c>
      <c r="AK4767" t="s">
        <v>54</v>
      </c>
      <c r="AL4767">
        <v>0</v>
      </c>
      <c r="AM4767">
        <v>0</v>
      </c>
      <c r="AN4767">
        <v>0</v>
      </c>
      <c r="AO4767">
        <v>0</v>
      </c>
      <c r="AP4767">
        <v>0</v>
      </c>
      <c r="AQ4767">
        <v>0</v>
      </c>
      <c r="AR4767">
        <v>0</v>
      </c>
      <c r="AS4767">
        <v>0</v>
      </c>
      <c r="AT4767">
        <v>0</v>
      </c>
      <c r="AU4767">
        <v>0</v>
      </c>
      <c r="AV4767">
        <v>0</v>
      </c>
      <c r="AW4767">
        <v>0</v>
      </c>
      <c r="AX4767">
        <v>658</v>
      </c>
      <c r="AY4767">
        <v>19</v>
      </c>
      <c r="AZ4767">
        <v>27</v>
      </c>
      <c r="BA4767">
        <v>2147</v>
      </c>
    </row>
    <row r="4768" spans="1:53" x14ac:dyDescent="0.4">
      <c r="A4768">
        <v>4812</v>
      </c>
      <c r="B4768" s="1">
        <v>44666</v>
      </c>
      <c r="C4768">
        <v>1</v>
      </c>
      <c r="D4768" s="1">
        <v>44666.291666666664</v>
      </c>
      <c r="E4768" s="1">
        <v>44666.760416666664</v>
      </c>
      <c r="F4768">
        <v>11910</v>
      </c>
      <c r="G4768">
        <v>880</v>
      </c>
      <c r="H4768">
        <v>0</v>
      </c>
      <c r="I4768">
        <v>0</v>
      </c>
      <c r="J4768">
        <v>50</v>
      </c>
      <c r="K4768">
        <v>0</v>
      </c>
      <c r="L4768">
        <v>0</v>
      </c>
      <c r="M4768">
        <v>1156</v>
      </c>
      <c r="N4768">
        <v>0</v>
      </c>
      <c r="O4768">
        <v>0</v>
      </c>
      <c r="P4768">
        <v>10922</v>
      </c>
      <c r="Q4768">
        <v>0</v>
      </c>
      <c r="R4768">
        <v>23662</v>
      </c>
      <c r="S4768">
        <v>0</v>
      </c>
      <c r="T4768">
        <v>0</v>
      </c>
      <c r="U4768">
        <v>0</v>
      </c>
      <c r="V4768">
        <v>3</v>
      </c>
      <c r="W4768">
        <v>0</v>
      </c>
      <c r="X4768">
        <v>0</v>
      </c>
      <c r="Y4768">
        <v>25</v>
      </c>
      <c r="Z4768">
        <v>6</v>
      </c>
      <c r="AA4768">
        <v>112</v>
      </c>
      <c r="AB4768">
        <v>36</v>
      </c>
      <c r="AC4768">
        <v>148</v>
      </c>
      <c r="AD4768">
        <v>17</v>
      </c>
      <c r="AE4768">
        <v>105</v>
      </c>
      <c r="AF4768">
        <v>992</v>
      </c>
      <c r="AG4768">
        <v>73662</v>
      </c>
      <c r="AH4768">
        <v>50000</v>
      </c>
      <c r="AI4768">
        <v>0</v>
      </c>
      <c r="AJ4768">
        <v>103</v>
      </c>
      <c r="AK4768" t="s">
        <v>7</v>
      </c>
      <c r="AL4768">
        <v>0</v>
      </c>
      <c r="AM4768">
        <v>0</v>
      </c>
      <c r="AN4768">
        <v>0</v>
      </c>
      <c r="AO4768">
        <v>0</v>
      </c>
      <c r="AP4768">
        <v>0</v>
      </c>
      <c r="AQ4768">
        <v>0</v>
      </c>
      <c r="AR4768">
        <v>0</v>
      </c>
      <c r="AS4768">
        <v>0</v>
      </c>
      <c r="AT4768">
        <v>0</v>
      </c>
      <c r="AU4768">
        <v>0</v>
      </c>
      <c r="AV4768">
        <v>0</v>
      </c>
      <c r="AW4768">
        <v>0</v>
      </c>
      <c r="AX4768">
        <v>594</v>
      </c>
      <c r="AY4768">
        <v>27</v>
      </c>
      <c r="AZ4768">
        <v>40</v>
      </c>
      <c r="BA4768">
        <v>3252</v>
      </c>
    </row>
    <row r="4769" spans="1:53" x14ac:dyDescent="0.4">
      <c r="A4769">
        <v>4813</v>
      </c>
      <c r="B4769" s="1">
        <v>44666</v>
      </c>
      <c r="C4769">
        <v>2</v>
      </c>
      <c r="D4769" s="1">
        <v>44666.760416666664</v>
      </c>
      <c r="E4769" s="1">
        <v>44666.966666666667</v>
      </c>
      <c r="F4769">
        <v>41290</v>
      </c>
      <c r="G4769">
        <v>1056</v>
      </c>
      <c r="H4769">
        <v>0</v>
      </c>
      <c r="I4769">
        <v>0</v>
      </c>
      <c r="J4769">
        <v>50</v>
      </c>
      <c r="K4769">
        <v>0</v>
      </c>
      <c r="L4769">
        <v>0</v>
      </c>
      <c r="M4769">
        <v>3844</v>
      </c>
      <c r="N4769">
        <v>0</v>
      </c>
      <c r="O4769">
        <v>0</v>
      </c>
      <c r="P4769">
        <v>22218</v>
      </c>
      <c r="Q4769">
        <v>0</v>
      </c>
      <c r="R4769">
        <v>64514</v>
      </c>
      <c r="S4769">
        <v>0</v>
      </c>
      <c r="T4769">
        <v>0</v>
      </c>
      <c r="U4769">
        <v>0</v>
      </c>
      <c r="V4769">
        <v>7</v>
      </c>
      <c r="W4769">
        <v>1</v>
      </c>
      <c r="X4769">
        <v>0</v>
      </c>
      <c r="Y4769">
        <v>33</v>
      </c>
      <c r="Z4769">
        <v>6</v>
      </c>
      <c r="AA4769">
        <v>108</v>
      </c>
      <c r="AB4769">
        <v>38</v>
      </c>
      <c r="AC4769">
        <v>146</v>
      </c>
      <c r="AD4769">
        <v>17</v>
      </c>
      <c r="AE4769">
        <v>99</v>
      </c>
      <c r="AF4769">
        <v>12832</v>
      </c>
      <c r="AG4769">
        <v>138176</v>
      </c>
      <c r="AH4769">
        <v>50000</v>
      </c>
      <c r="AI4769">
        <v>0</v>
      </c>
      <c r="AJ4769">
        <v>108</v>
      </c>
      <c r="AK4769" t="s">
        <v>3</v>
      </c>
      <c r="AL4769">
        <v>0</v>
      </c>
      <c r="AM4769">
        <v>0</v>
      </c>
      <c r="AN4769">
        <v>0</v>
      </c>
      <c r="AO4769">
        <v>0</v>
      </c>
      <c r="AP4769">
        <v>0</v>
      </c>
      <c r="AQ4769">
        <v>0</v>
      </c>
      <c r="AR4769">
        <v>0</v>
      </c>
      <c r="AS4769">
        <v>0</v>
      </c>
      <c r="AT4769">
        <v>0</v>
      </c>
      <c r="AU4769">
        <v>0</v>
      </c>
      <c r="AV4769">
        <v>0</v>
      </c>
      <c r="AW4769">
        <v>0</v>
      </c>
      <c r="AX4769">
        <v>22611</v>
      </c>
      <c r="AY4769">
        <v>18</v>
      </c>
      <c r="AZ4769">
        <v>52</v>
      </c>
      <c r="BA4769">
        <v>2347</v>
      </c>
    </row>
    <row r="4770" spans="1:53" x14ac:dyDescent="0.4">
      <c r="A4770">
        <v>4814</v>
      </c>
      <c r="B4770" s="1">
        <v>44666</v>
      </c>
      <c r="C4770">
        <v>3</v>
      </c>
      <c r="D4770" s="1">
        <v>44666.966666666667</v>
      </c>
      <c r="E4770" s="1">
        <v>44667.072222222225</v>
      </c>
      <c r="F4770">
        <v>40420</v>
      </c>
      <c r="G4770">
        <v>2640</v>
      </c>
      <c r="H4770">
        <v>0</v>
      </c>
      <c r="I4770">
        <v>0</v>
      </c>
      <c r="J4770">
        <v>0</v>
      </c>
      <c r="K4770">
        <v>1860</v>
      </c>
      <c r="L4770">
        <v>0</v>
      </c>
      <c r="M4770">
        <v>4084</v>
      </c>
      <c r="N4770">
        <v>0</v>
      </c>
      <c r="O4770">
        <v>0</v>
      </c>
      <c r="P4770">
        <v>3290</v>
      </c>
      <c r="Q4770">
        <v>0</v>
      </c>
      <c r="R4770">
        <v>48210</v>
      </c>
      <c r="S4770">
        <v>0</v>
      </c>
      <c r="T4770">
        <v>0</v>
      </c>
      <c r="U4770">
        <v>0</v>
      </c>
      <c r="V4770">
        <v>9</v>
      </c>
      <c r="W4770">
        <v>3</v>
      </c>
      <c r="X4770">
        <v>0</v>
      </c>
      <c r="Y4770">
        <v>44</v>
      </c>
      <c r="Z4770">
        <v>4</v>
      </c>
      <c r="AA4770">
        <v>100</v>
      </c>
      <c r="AB4770">
        <v>38</v>
      </c>
      <c r="AC4770">
        <v>143</v>
      </c>
      <c r="AD4770">
        <v>16</v>
      </c>
      <c r="AE4770">
        <v>96</v>
      </c>
      <c r="AF4770">
        <v>21880</v>
      </c>
      <c r="AG4770">
        <v>186386</v>
      </c>
      <c r="AH4770">
        <v>50000</v>
      </c>
      <c r="AI4770">
        <v>0</v>
      </c>
      <c r="AJ4770">
        <v>108</v>
      </c>
      <c r="AK4770" t="s">
        <v>3</v>
      </c>
      <c r="AL4770">
        <v>0</v>
      </c>
      <c r="AM4770">
        <v>0</v>
      </c>
      <c r="AN4770">
        <v>0</v>
      </c>
      <c r="AO4770">
        <v>0</v>
      </c>
      <c r="AP4770">
        <v>0</v>
      </c>
      <c r="AQ4770">
        <v>0</v>
      </c>
      <c r="AR4770">
        <v>0</v>
      </c>
      <c r="AS4770">
        <v>0</v>
      </c>
      <c r="AT4770">
        <v>0</v>
      </c>
      <c r="AU4770">
        <v>0</v>
      </c>
      <c r="AV4770">
        <v>0</v>
      </c>
      <c r="AW4770">
        <v>0</v>
      </c>
      <c r="AX4770">
        <v>2079</v>
      </c>
      <c r="AY4770">
        <v>4</v>
      </c>
      <c r="AZ4770">
        <v>11</v>
      </c>
      <c r="BA4770">
        <v>1004</v>
      </c>
    </row>
    <row r="4771" spans="1:53" x14ac:dyDescent="0.4">
      <c r="A4771">
        <v>4815</v>
      </c>
      <c r="B4771" s="1">
        <v>44667</v>
      </c>
      <c r="C4771">
        <v>1</v>
      </c>
      <c r="D4771" s="1">
        <v>44667.291666666664</v>
      </c>
      <c r="E4771" s="1">
        <v>44667.407638888886</v>
      </c>
      <c r="F4771">
        <v>0</v>
      </c>
      <c r="G4771">
        <v>0</v>
      </c>
      <c r="H4771">
        <v>0</v>
      </c>
      <c r="I4771">
        <v>0</v>
      </c>
      <c r="J4771">
        <v>0</v>
      </c>
      <c r="K4771">
        <v>0</v>
      </c>
      <c r="L4771">
        <v>0</v>
      </c>
      <c r="M4771">
        <v>0</v>
      </c>
      <c r="N4771">
        <v>0</v>
      </c>
      <c r="O4771">
        <v>0</v>
      </c>
      <c r="P4771">
        <v>0</v>
      </c>
      <c r="Q4771">
        <v>0</v>
      </c>
      <c r="R4771">
        <v>0</v>
      </c>
      <c r="S4771">
        <v>0</v>
      </c>
      <c r="T4771">
        <v>0</v>
      </c>
      <c r="U4771">
        <v>0</v>
      </c>
      <c r="V4771">
        <v>0</v>
      </c>
      <c r="W4771">
        <v>1</v>
      </c>
      <c r="X4771">
        <v>0</v>
      </c>
      <c r="Y4771">
        <v>29</v>
      </c>
      <c r="Z4771">
        <v>5</v>
      </c>
      <c r="AA4771">
        <v>104</v>
      </c>
      <c r="AB4771">
        <v>30</v>
      </c>
      <c r="AC4771">
        <v>141</v>
      </c>
      <c r="AD4771">
        <v>18</v>
      </c>
      <c r="AE4771">
        <v>100</v>
      </c>
      <c r="AF4771">
        <v>0</v>
      </c>
      <c r="AG4771">
        <v>50000</v>
      </c>
      <c r="AH4771">
        <v>50000</v>
      </c>
      <c r="AI4771">
        <v>0</v>
      </c>
      <c r="AJ4771">
        <v>0</v>
      </c>
      <c r="AK4771" t="s">
        <v>6</v>
      </c>
      <c r="AL4771">
        <v>0</v>
      </c>
      <c r="AM4771">
        <v>0</v>
      </c>
      <c r="AN4771">
        <v>0</v>
      </c>
      <c r="AO4771">
        <v>0</v>
      </c>
      <c r="AP4771">
        <v>0</v>
      </c>
      <c r="AQ4771">
        <v>0</v>
      </c>
      <c r="AR4771">
        <v>0</v>
      </c>
      <c r="AS4771">
        <v>0</v>
      </c>
      <c r="AT4771">
        <v>0</v>
      </c>
      <c r="AU4771">
        <v>0</v>
      </c>
      <c r="AV4771">
        <v>0</v>
      </c>
      <c r="AW4771">
        <v>0</v>
      </c>
      <c r="AX4771">
        <v>0</v>
      </c>
      <c r="AY4771">
        <v>0</v>
      </c>
      <c r="AZ4771">
        <v>0</v>
      </c>
      <c r="BA4771">
        <v>0</v>
      </c>
    </row>
    <row r="4772" spans="1:53" x14ac:dyDescent="0.4">
      <c r="A4772">
        <v>4816</v>
      </c>
      <c r="B4772" s="1">
        <v>44667</v>
      </c>
      <c r="C4772">
        <v>2</v>
      </c>
      <c r="D4772" s="1">
        <v>44667.407638888886</v>
      </c>
      <c r="E4772" s="1">
        <v>44667.751388888886</v>
      </c>
      <c r="F4772">
        <v>45910</v>
      </c>
      <c r="G4772">
        <v>7766</v>
      </c>
      <c r="H4772">
        <v>0</v>
      </c>
      <c r="I4772">
        <v>0</v>
      </c>
      <c r="J4772">
        <v>100</v>
      </c>
      <c r="K4772">
        <v>0</v>
      </c>
      <c r="L4772">
        <v>0</v>
      </c>
      <c r="M4772">
        <v>4867</v>
      </c>
      <c r="N4772">
        <v>0</v>
      </c>
      <c r="O4772">
        <v>0</v>
      </c>
      <c r="P4772">
        <v>22440</v>
      </c>
      <c r="Q4772">
        <v>0</v>
      </c>
      <c r="R4772">
        <v>76016</v>
      </c>
      <c r="S4772">
        <v>0</v>
      </c>
      <c r="T4772">
        <v>0</v>
      </c>
      <c r="U4772">
        <v>0</v>
      </c>
      <c r="V4772">
        <v>2</v>
      </c>
      <c r="W4772">
        <v>3</v>
      </c>
      <c r="X4772">
        <v>0</v>
      </c>
      <c r="Y4772">
        <v>61</v>
      </c>
      <c r="Z4772">
        <v>18</v>
      </c>
      <c r="AA4772">
        <v>130</v>
      </c>
      <c r="AB4772">
        <v>29</v>
      </c>
      <c r="AC4772">
        <v>163</v>
      </c>
      <c r="AD4772">
        <v>18</v>
      </c>
      <c r="AE4772">
        <v>97</v>
      </c>
      <c r="AF4772">
        <v>4749</v>
      </c>
      <c r="AG4772">
        <v>126016</v>
      </c>
      <c r="AH4772">
        <v>50000</v>
      </c>
      <c r="AI4772">
        <v>0</v>
      </c>
      <c r="AJ4772">
        <v>103</v>
      </c>
      <c r="AK4772" t="s">
        <v>7</v>
      </c>
      <c r="AL4772">
        <v>0</v>
      </c>
      <c r="AM4772">
        <v>0</v>
      </c>
      <c r="AN4772">
        <v>0</v>
      </c>
      <c r="AO4772">
        <v>0</v>
      </c>
      <c r="AP4772">
        <v>0</v>
      </c>
      <c r="AQ4772">
        <v>0</v>
      </c>
      <c r="AR4772">
        <v>0</v>
      </c>
      <c r="AS4772">
        <v>0</v>
      </c>
      <c r="AT4772">
        <v>0</v>
      </c>
      <c r="AU4772">
        <v>0</v>
      </c>
      <c r="AV4772">
        <v>0</v>
      </c>
      <c r="AW4772">
        <v>0</v>
      </c>
      <c r="AX4772">
        <v>1188</v>
      </c>
      <c r="AY4772">
        <v>50</v>
      </c>
      <c r="AZ4772">
        <v>113</v>
      </c>
      <c r="BA4772">
        <v>7589</v>
      </c>
    </row>
    <row r="4773" spans="1:53" x14ac:dyDescent="0.4">
      <c r="A4773">
        <v>4817</v>
      </c>
      <c r="B4773" s="1">
        <v>44667</v>
      </c>
      <c r="C4773">
        <v>3</v>
      </c>
      <c r="D4773" s="1">
        <v>44667.751388888886</v>
      </c>
      <c r="E4773" s="1">
        <v>44667.963194444441</v>
      </c>
      <c r="F4773">
        <v>87400</v>
      </c>
      <c r="G4773">
        <v>7227</v>
      </c>
      <c r="H4773">
        <v>0</v>
      </c>
      <c r="I4773">
        <v>0</v>
      </c>
      <c r="J4773">
        <v>200</v>
      </c>
      <c r="K4773">
        <v>0</v>
      </c>
      <c r="L4773">
        <v>0</v>
      </c>
      <c r="M4773">
        <v>8584</v>
      </c>
      <c r="N4773">
        <v>0</v>
      </c>
      <c r="O4773">
        <v>0</v>
      </c>
      <c r="P4773">
        <v>-22440</v>
      </c>
      <c r="Q4773">
        <v>0</v>
      </c>
      <c r="R4773">
        <v>71987</v>
      </c>
      <c r="S4773">
        <v>0</v>
      </c>
      <c r="T4773">
        <v>0</v>
      </c>
      <c r="U4773">
        <v>0</v>
      </c>
      <c r="V4773">
        <v>9</v>
      </c>
      <c r="W4773">
        <v>1</v>
      </c>
      <c r="X4773">
        <v>0</v>
      </c>
      <c r="Y4773">
        <v>69</v>
      </c>
      <c r="Z4773">
        <v>19</v>
      </c>
      <c r="AA4773">
        <v>123</v>
      </c>
      <c r="AB4773">
        <v>27</v>
      </c>
      <c r="AC4773">
        <v>166</v>
      </c>
      <c r="AD4773">
        <v>18</v>
      </c>
      <c r="AE4773">
        <v>88</v>
      </c>
      <c r="AF4773">
        <v>9015</v>
      </c>
      <c r="AG4773">
        <v>198003</v>
      </c>
      <c r="AH4773">
        <v>50000</v>
      </c>
      <c r="AI4773">
        <v>0</v>
      </c>
      <c r="AJ4773">
        <v>108</v>
      </c>
      <c r="AK4773" t="s">
        <v>3</v>
      </c>
      <c r="AL4773">
        <v>0</v>
      </c>
      <c r="AM4773">
        <v>0</v>
      </c>
      <c r="AN4773">
        <v>0</v>
      </c>
      <c r="AO4773">
        <v>0</v>
      </c>
      <c r="AP4773">
        <v>0</v>
      </c>
      <c r="AQ4773">
        <v>0</v>
      </c>
      <c r="AR4773">
        <v>0</v>
      </c>
      <c r="AS4773">
        <v>0</v>
      </c>
      <c r="AT4773">
        <v>0</v>
      </c>
      <c r="AU4773">
        <v>0</v>
      </c>
      <c r="AV4773">
        <v>0</v>
      </c>
      <c r="AW4773">
        <v>0</v>
      </c>
      <c r="AX4773">
        <v>15074</v>
      </c>
      <c r="AY4773">
        <v>22</v>
      </c>
      <c r="AZ4773">
        <v>53</v>
      </c>
      <c r="BA4773">
        <v>3162</v>
      </c>
    </row>
    <row r="4774" spans="1:53" x14ac:dyDescent="0.4">
      <c r="A4774">
        <v>4818</v>
      </c>
      <c r="B4774" s="1">
        <v>44668</v>
      </c>
      <c r="C4774">
        <v>1</v>
      </c>
      <c r="D4774" s="1">
        <v>44668.291666666664</v>
      </c>
      <c r="E4774" s="1">
        <v>44668.407638888886</v>
      </c>
      <c r="F4774">
        <v>0</v>
      </c>
      <c r="G4774">
        <v>0</v>
      </c>
      <c r="H4774">
        <v>0</v>
      </c>
      <c r="I4774">
        <v>0</v>
      </c>
      <c r="J4774">
        <v>0</v>
      </c>
      <c r="K4774">
        <v>0</v>
      </c>
      <c r="L4774">
        <v>0</v>
      </c>
      <c r="M4774">
        <v>0</v>
      </c>
      <c r="N4774">
        <v>0</v>
      </c>
      <c r="O4774">
        <v>0</v>
      </c>
      <c r="P4774">
        <v>0</v>
      </c>
      <c r="Q4774">
        <v>0</v>
      </c>
      <c r="R4774">
        <v>0</v>
      </c>
      <c r="S4774">
        <v>0</v>
      </c>
      <c r="T4774">
        <v>0</v>
      </c>
      <c r="U4774">
        <v>0</v>
      </c>
      <c r="V4774">
        <v>0</v>
      </c>
      <c r="W4774">
        <v>1</v>
      </c>
      <c r="X4774">
        <v>0</v>
      </c>
      <c r="Y4774">
        <v>25</v>
      </c>
      <c r="Z4774">
        <v>10</v>
      </c>
      <c r="AA4774">
        <v>122</v>
      </c>
      <c r="AB4774">
        <v>29</v>
      </c>
      <c r="AC4774">
        <v>118</v>
      </c>
      <c r="AD4774">
        <v>17</v>
      </c>
      <c r="AE4774">
        <v>85</v>
      </c>
      <c r="AF4774">
        <v>0</v>
      </c>
      <c r="AG4774">
        <v>50000</v>
      </c>
      <c r="AH4774">
        <v>50000</v>
      </c>
      <c r="AI4774">
        <v>0</v>
      </c>
      <c r="AJ4774">
        <v>0</v>
      </c>
      <c r="AK4774" t="s">
        <v>6</v>
      </c>
      <c r="AL4774">
        <v>0</v>
      </c>
      <c r="AM4774">
        <v>0</v>
      </c>
      <c r="AN4774">
        <v>0</v>
      </c>
      <c r="AO4774">
        <v>0</v>
      </c>
      <c r="AP4774">
        <v>0</v>
      </c>
      <c r="AQ4774">
        <v>0</v>
      </c>
      <c r="AR4774">
        <v>0</v>
      </c>
      <c r="AS4774">
        <v>0</v>
      </c>
      <c r="AT4774">
        <v>0</v>
      </c>
      <c r="AU4774">
        <v>0</v>
      </c>
      <c r="AV4774">
        <v>0</v>
      </c>
      <c r="AW4774">
        <v>0</v>
      </c>
      <c r="AX4774">
        <v>0</v>
      </c>
      <c r="AY4774">
        <v>0</v>
      </c>
      <c r="AZ4774">
        <v>0</v>
      </c>
      <c r="BA4774">
        <v>0</v>
      </c>
    </row>
    <row r="4775" spans="1:53" x14ac:dyDescent="0.4">
      <c r="A4775">
        <v>4819</v>
      </c>
      <c r="B4775" s="1">
        <v>44668</v>
      </c>
      <c r="C4775">
        <v>2</v>
      </c>
      <c r="D4775" s="1">
        <v>44668.407638888886</v>
      </c>
      <c r="E4775" s="1">
        <v>44668.763194444444</v>
      </c>
      <c r="F4775">
        <v>55600</v>
      </c>
      <c r="G4775">
        <v>2244</v>
      </c>
      <c r="H4775">
        <v>0</v>
      </c>
      <c r="I4775">
        <v>0</v>
      </c>
      <c r="J4775">
        <v>150</v>
      </c>
      <c r="K4775">
        <v>0</v>
      </c>
      <c r="L4775">
        <v>0</v>
      </c>
      <c r="M4775">
        <v>5242</v>
      </c>
      <c r="N4775">
        <v>0</v>
      </c>
      <c r="O4775">
        <v>0</v>
      </c>
      <c r="P4775">
        <v>15030</v>
      </c>
      <c r="Q4775">
        <v>0</v>
      </c>
      <c r="R4775">
        <v>72724</v>
      </c>
      <c r="S4775">
        <v>0</v>
      </c>
      <c r="T4775">
        <v>0</v>
      </c>
      <c r="U4775">
        <v>0</v>
      </c>
      <c r="V4775">
        <v>2</v>
      </c>
      <c r="W4775">
        <v>4</v>
      </c>
      <c r="X4775">
        <v>0</v>
      </c>
      <c r="Y4775">
        <v>55</v>
      </c>
      <c r="Z4775">
        <v>21</v>
      </c>
      <c r="AA4775">
        <v>124</v>
      </c>
      <c r="AB4775">
        <v>38</v>
      </c>
      <c r="AC4775">
        <v>157</v>
      </c>
      <c r="AD4775">
        <v>18</v>
      </c>
      <c r="AE4775">
        <v>84</v>
      </c>
      <c r="AF4775">
        <v>1180</v>
      </c>
      <c r="AG4775">
        <v>122724</v>
      </c>
      <c r="AH4775">
        <v>50000</v>
      </c>
      <c r="AI4775">
        <v>0</v>
      </c>
      <c r="AJ4775">
        <v>103</v>
      </c>
      <c r="AK4775" t="s">
        <v>7</v>
      </c>
      <c r="AL4775">
        <v>0</v>
      </c>
      <c r="AM4775">
        <v>0</v>
      </c>
      <c r="AN4775">
        <v>0</v>
      </c>
      <c r="AO4775">
        <v>0</v>
      </c>
      <c r="AP4775">
        <v>0</v>
      </c>
      <c r="AQ4775">
        <v>0</v>
      </c>
      <c r="AR4775">
        <v>0</v>
      </c>
      <c r="AS4775">
        <v>0</v>
      </c>
      <c r="AT4775">
        <v>0</v>
      </c>
      <c r="AU4775">
        <v>0</v>
      </c>
      <c r="AV4775">
        <v>0</v>
      </c>
      <c r="AW4775">
        <v>0</v>
      </c>
      <c r="AX4775">
        <v>0</v>
      </c>
      <c r="AY4775">
        <v>50</v>
      </c>
      <c r="AZ4775">
        <v>111</v>
      </c>
      <c r="BA4775">
        <v>7963</v>
      </c>
    </row>
    <row r="4776" spans="1:53" x14ac:dyDescent="0.4">
      <c r="A4776">
        <v>4820</v>
      </c>
      <c r="B4776" s="1">
        <v>44669</v>
      </c>
      <c r="C4776">
        <v>1</v>
      </c>
      <c r="D4776" s="1">
        <v>44669.291666666664</v>
      </c>
      <c r="E4776" s="1">
        <v>44669.447222222225</v>
      </c>
      <c r="F4776">
        <v>0</v>
      </c>
      <c r="G4776">
        <v>0</v>
      </c>
      <c r="H4776">
        <v>0</v>
      </c>
      <c r="I4776">
        <v>0</v>
      </c>
      <c r="J4776">
        <v>0</v>
      </c>
      <c r="K4776">
        <v>0</v>
      </c>
      <c r="L4776">
        <v>0</v>
      </c>
      <c r="M4776">
        <v>0</v>
      </c>
      <c r="N4776">
        <v>0</v>
      </c>
      <c r="O4776">
        <v>0</v>
      </c>
      <c r="P4776">
        <v>0</v>
      </c>
      <c r="Q4776">
        <v>0</v>
      </c>
      <c r="R4776">
        <v>0</v>
      </c>
      <c r="S4776">
        <v>0</v>
      </c>
      <c r="T4776">
        <v>0</v>
      </c>
      <c r="U4776">
        <v>0</v>
      </c>
      <c r="V4776">
        <v>0</v>
      </c>
      <c r="W4776">
        <v>0</v>
      </c>
      <c r="X4776">
        <v>0</v>
      </c>
      <c r="Y4776">
        <v>25</v>
      </c>
      <c r="Z4776">
        <v>18</v>
      </c>
      <c r="AA4776">
        <v>124</v>
      </c>
      <c r="AB4776">
        <v>37</v>
      </c>
      <c r="AC4776">
        <v>159</v>
      </c>
      <c r="AD4776">
        <v>16</v>
      </c>
      <c r="AE4776">
        <v>80</v>
      </c>
      <c r="AF4776">
        <v>0</v>
      </c>
      <c r="AG4776">
        <v>50000</v>
      </c>
      <c r="AH4776">
        <v>50000</v>
      </c>
      <c r="AI4776">
        <v>0</v>
      </c>
      <c r="AJ4776">
        <v>0</v>
      </c>
      <c r="AK4776" t="s">
        <v>6</v>
      </c>
      <c r="AL4776">
        <v>0</v>
      </c>
      <c r="AM4776">
        <v>0</v>
      </c>
      <c r="AN4776">
        <v>0</v>
      </c>
      <c r="AO4776">
        <v>0</v>
      </c>
      <c r="AP4776">
        <v>0</v>
      </c>
      <c r="AQ4776">
        <v>0</v>
      </c>
      <c r="AR4776">
        <v>0</v>
      </c>
      <c r="AS4776">
        <v>0</v>
      </c>
      <c r="AT4776">
        <v>0</v>
      </c>
      <c r="AU4776">
        <v>0</v>
      </c>
      <c r="AV4776">
        <v>0</v>
      </c>
      <c r="AW4776">
        <v>0</v>
      </c>
      <c r="AX4776">
        <v>0</v>
      </c>
      <c r="AY4776">
        <v>0</v>
      </c>
      <c r="AZ4776">
        <v>0</v>
      </c>
      <c r="BA4776">
        <v>0</v>
      </c>
    </row>
    <row r="4777" spans="1:53" x14ac:dyDescent="0.4">
      <c r="A4777">
        <v>4821</v>
      </c>
      <c r="B4777" s="1">
        <v>44669</v>
      </c>
      <c r="C4777">
        <v>2</v>
      </c>
      <c r="D4777" s="1">
        <v>44669.447222222225</v>
      </c>
      <c r="E4777" s="1">
        <v>44669.754166666666</v>
      </c>
      <c r="F4777">
        <v>16610</v>
      </c>
      <c r="G4777">
        <v>726</v>
      </c>
      <c r="H4777">
        <v>0</v>
      </c>
      <c r="I4777">
        <v>0</v>
      </c>
      <c r="J4777">
        <v>150</v>
      </c>
      <c r="K4777">
        <v>0</v>
      </c>
      <c r="L4777">
        <v>0</v>
      </c>
      <c r="M4777">
        <v>1563</v>
      </c>
      <c r="N4777">
        <v>0</v>
      </c>
      <c r="O4777">
        <v>0</v>
      </c>
      <c r="P4777">
        <v>9750</v>
      </c>
      <c r="Q4777">
        <v>0</v>
      </c>
      <c r="R4777">
        <v>26936</v>
      </c>
      <c r="S4777">
        <v>0</v>
      </c>
      <c r="T4777">
        <v>0</v>
      </c>
      <c r="U4777">
        <v>0</v>
      </c>
      <c r="V4777">
        <v>0</v>
      </c>
      <c r="W4777">
        <v>1</v>
      </c>
      <c r="X4777">
        <v>0</v>
      </c>
      <c r="Y4777">
        <v>43</v>
      </c>
      <c r="Z4777">
        <v>26</v>
      </c>
      <c r="AA4777">
        <v>105</v>
      </c>
      <c r="AB4777">
        <v>36</v>
      </c>
      <c r="AC4777">
        <v>166</v>
      </c>
      <c r="AD4777">
        <v>18</v>
      </c>
      <c r="AE4777">
        <v>86</v>
      </c>
      <c r="AF4777">
        <v>1800</v>
      </c>
      <c r="AG4777">
        <v>76936</v>
      </c>
      <c r="AH4777">
        <v>50000</v>
      </c>
      <c r="AI4777">
        <v>0</v>
      </c>
      <c r="AJ4777">
        <v>108</v>
      </c>
      <c r="AK4777" t="s">
        <v>3</v>
      </c>
      <c r="AL4777">
        <v>0</v>
      </c>
      <c r="AM4777">
        <v>0</v>
      </c>
      <c r="AN4777">
        <v>0</v>
      </c>
      <c r="AO4777">
        <v>0</v>
      </c>
      <c r="AP4777">
        <v>0</v>
      </c>
      <c r="AQ4777">
        <v>0</v>
      </c>
      <c r="AR4777">
        <v>0</v>
      </c>
      <c r="AS4777">
        <v>0</v>
      </c>
      <c r="AT4777">
        <v>0</v>
      </c>
      <c r="AU4777">
        <v>0</v>
      </c>
      <c r="AV4777">
        <v>0</v>
      </c>
      <c r="AW4777">
        <v>0</v>
      </c>
      <c r="AX4777">
        <v>-402</v>
      </c>
      <c r="AY4777">
        <v>25</v>
      </c>
      <c r="AZ4777">
        <v>43</v>
      </c>
      <c r="BA4777">
        <v>3316</v>
      </c>
    </row>
    <row r="4778" spans="1:53" x14ac:dyDescent="0.4">
      <c r="A4778">
        <v>4822</v>
      </c>
      <c r="B4778" s="1">
        <v>44670</v>
      </c>
      <c r="C4778">
        <v>1</v>
      </c>
      <c r="D4778" s="1">
        <v>44670.291666666664</v>
      </c>
      <c r="E4778" s="1">
        <v>44670.442361111112</v>
      </c>
      <c r="F4778">
        <v>0</v>
      </c>
      <c r="G4778">
        <v>0</v>
      </c>
      <c r="H4778">
        <v>0</v>
      </c>
      <c r="I4778">
        <v>0</v>
      </c>
      <c r="J4778">
        <v>0</v>
      </c>
      <c r="K4778">
        <v>0</v>
      </c>
      <c r="L4778">
        <v>0</v>
      </c>
      <c r="M4778">
        <v>0</v>
      </c>
      <c r="N4778">
        <v>0</v>
      </c>
      <c r="O4778">
        <v>0</v>
      </c>
      <c r="P4778">
        <v>0</v>
      </c>
      <c r="Q4778">
        <v>0</v>
      </c>
      <c r="R4778">
        <v>0</v>
      </c>
      <c r="S4778">
        <v>0</v>
      </c>
      <c r="T4778">
        <v>0</v>
      </c>
      <c r="U4778">
        <v>0</v>
      </c>
      <c r="V4778">
        <v>0</v>
      </c>
      <c r="W4778">
        <v>0</v>
      </c>
      <c r="X4778">
        <v>0</v>
      </c>
      <c r="Y4778">
        <v>31</v>
      </c>
      <c r="Z4778">
        <v>13</v>
      </c>
      <c r="AA4778">
        <v>92</v>
      </c>
      <c r="AB4778">
        <v>32</v>
      </c>
      <c r="AC4778">
        <v>153</v>
      </c>
      <c r="AD4778">
        <v>18</v>
      </c>
      <c r="AE4778">
        <v>80</v>
      </c>
      <c r="AF4778">
        <v>0</v>
      </c>
      <c r="AG4778">
        <v>50000</v>
      </c>
      <c r="AH4778">
        <v>50000</v>
      </c>
      <c r="AI4778">
        <v>0</v>
      </c>
      <c r="AJ4778">
        <v>0</v>
      </c>
      <c r="AK4778" t="s">
        <v>6</v>
      </c>
      <c r="AL4778">
        <v>0</v>
      </c>
      <c r="AM4778">
        <v>0</v>
      </c>
      <c r="AN4778">
        <v>0</v>
      </c>
      <c r="AO4778">
        <v>0</v>
      </c>
      <c r="AP4778">
        <v>0</v>
      </c>
      <c r="AQ4778">
        <v>0</v>
      </c>
      <c r="AR4778">
        <v>0</v>
      </c>
      <c r="AS4778">
        <v>0</v>
      </c>
      <c r="AT4778">
        <v>0</v>
      </c>
      <c r="AU4778">
        <v>0</v>
      </c>
      <c r="AV4778">
        <v>0</v>
      </c>
      <c r="AW4778">
        <v>0</v>
      </c>
      <c r="AX4778">
        <v>0</v>
      </c>
      <c r="AY4778">
        <v>0</v>
      </c>
      <c r="AZ4778">
        <v>0</v>
      </c>
      <c r="BA4778">
        <v>0</v>
      </c>
    </row>
    <row r="4779" spans="1:53" x14ac:dyDescent="0.4">
      <c r="A4779">
        <v>4823</v>
      </c>
      <c r="B4779" s="1">
        <v>44670</v>
      </c>
      <c r="C4779">
        <v>2</v>
      </c>
      <c r="D4779" s="1">
        <v>44670.442361111112</v>
      </c>
      <c r="E4779" s="1">
        <v>44670.743750000001</v>
      </c>
      <c r="F4779">
        <v>21310</v>
      </c>
      <c r="G4779">
        <v>1496</v>
      </c>
      <c r="H4779">
        <v>0</v>
      </c>
      <c r="I4779">
        <v>0</v>
      </c>
      <c r="J4779">
        <v>0</v>
      </c>
      <c r="K4779">
        <v>0</v>
      </c>
      <c r="L4779">
        <v>0</v>
      </c>
      <c r="M4779">
        <v>2072</v>
      </c>
      <c r="N4779">
        <v>0</v>
      </c>
      <c r="O4779">
        <v>0</v>
      </c>
      <c r="P4779">
        <v>8970</v>
      </c>
      <c r="Q4779">
        <v>0</v>
      </c>
      <c r="R4779">
        <v>31776</v>
      </c>
      <c r="S4779">
        <v>0</v>
      </c>
      <c r="T4779">
        <v>0</v>
      </c>
      <c r="U4779">
        <v>0</v>
      </c>
      <c r="V4779">
        <v>0</v>
      </c>
      <c r="W4779">
        <v>0</v>
      </c>
      <c r="X4779">
        <v>0</v>
      </c>
      <c r="Y4779">
        <v>55</v>
      </c>
      <c r="Z4779">
        <v>22</v>
      </c>
      <c r="AA4779">
        <v>92</v>
      </c>
      <c r="AB4779">
        <v>40</v>
      </c>
      <c r="AC4779">
        <v>174</v>
      </c>
      <c r="AD4779">
        <v>18</v>
      </c>
      <c r="AE4779">
        <v>86</v>
      </c>
      <c r="AF4779">
        <v>2660</v>
      </c>
      <c r="AG4779">
        <v>81776</v>
      </c>
      <c r="AH4779">
        <v>50000</v>
      </c>
      <c r="AI4779">
        <v>0</v>
      </c>
      <c r="AJ4779">
        <v>116</v>
      </c>
      <c r="AK4779" t="s">
        <v>54</v>
      </c>
      <c r="AL4779">
        <v>0</v>
      </c>
      <c r="AM4779">
        <v>0</v>
      </c>
      <c r="AN4779">
        <v>0</v>
      </c>
      <c r="AO4779">
        <v>0</v>
      </c>
      <c r="AP4779">
        <v>0</v>
      </c>
      <c r="AQ4779">
        <v>0</v>
      </c>
      <c r="AR4779">
        <v>0</v>
      </c>
      <c r="AS4779">
        <v>0</v>
      </c>
      <c r="AT4779">
        <v>0</v>
      </c>
      <c r="AU4779">
        <v>0</v>
      </c>
      <c r="AV4779">
        <v>0</v>
      </c>
      <c r="AW4779">
        <v>0</v>
      </c>
      <c r="AX4779">
        <v>0</v>
      </c>
      <c r="AY4779">
        <v>32</v>
      </c>
      <c r="AZ4779">
        <v>51</v>
      </c>
      <c r="BA4779">
        <v>4032</v>
      </c>
    </row>
    <row r="4780" spans="1:53" x14ac:dyDescent="0.4">
      <c r="A4780">
        <v>4824</v>
      </c>
      <c r="B4780" s="1">
        <v>44670</v>
      </c>
      <c r="C4780">
        <v>3</v>
      </c>
      <c r="D4780" s="1">
        <v>44670.743750000001</v>
      </c>
      <c r="E4780" s="1">
        <v>44670.963194444441</v>
      </c>
      <c r="F4780">
        <v>21740</v>
      </c>
      <c r="G4780">
        <v>902</v>
      </c>
      <c r="H4780">
        <v>0</v>
      </c>
      <c r="I4780">
        <v>0</v>
      </c>
      <c r="J4780">
        <v>100</v>
      </c>
      <c r="K4780">
        <v>0</v>
      </c>
      <c r="L4780">
        <v>0</v>
      </c>
      <c r="M4780">
        <v>2048</v>
      </c>
      <c r="N4780">
        <v>0</v>
      </c>
      <c r="O4780">
        <v>0</v>
      </c>
      <c r="P4780">
        <v>-3690</v>
      </c>
      <c r="Q4780">
        <v>0</v>
      </c>
      <c r="R4780">
        <v>18852</v>
      </c>
      <c r="S4780">
        <v>0</v>
      </c>
      <c r="T4780">
        <v>0</v>
      </c>
      <c r="U4780">
        <v>0</v>
      </c>
      <c r="V4780">
        <v>1</v>
      </c>
      <c r="W4780">
        <v>0</v>
      </c>
      <c r="X4780">
        <v>0</v>
      </c>
      <c r="Y4780">
        <v>62</v>
      </c>
      <c r="Z4780">
        <v>24</v>
      </c>
      <c r="AA4780">
        <v>99</v>
      </c>
      <c r="AB4780">
        <v>42</v>
      </c>
      <c r="AC4780">
        <v>179</v>
      </c>
      <c r="AD4780">
        <v>18</v>
      </c>
      <c r="AE4780">
        <v>88</v>
      </c>
      <c r="AF4780">
        <v>2660</v>
      </c>
      <c r="AG4780">
        <v>100628</v>
      </c>
      <c r="AH4780">
        <v>50000</v>
      </c>
      <c r="AI4780">
        <v>0</v>
      </c>
      <c r="AJ4780">
        <v>110</v>
      </c>
      <c r="AK4780" t="s">
        <v>61</v>
      </c>
      <c r="AL4780">
        <v>0</v>
      </c>
      <c r="AM4780">
        <v>0</v>
      </c>
      <c r="AN4780">
        <v>0</v>
      </c>
      <c r="AO4780">
        <v>0</v>
      </c>
      <c r="AP4780">
        <v>0</v>
      </c>
      <c r="AQ4780">
        <v>0</v>
      </c>
      <c r="AR4780">
        <v>0</v>
      </c>
      <c r="AS4780">
        <v>0</v>
      </c>
      <c r="AT4780">
        <v>0</v>
      </c>
      <c r="AU4780">
        <v>0</v>
      </c>
      <c r="AV4780">
        <v>0</v>
      </c>
      <c r="AW4780">
        <v>0</v>
      </c>
      <c r="AX4780">
        <v>2308</v>
      </c>
      <c r="AY4780">
        <v>8</v>
      </c>
      <c r="AZ4780">
        <v>17</v>
      </c>
      <c r="BA4780">
        <v>1630</v>
      </c>
    </row>
    <row r="4781" spans="1:53" x14ac:dyDescent="0.4">
      <c r="A4781">
        <v>4825</v>
      </c>
      <c r="B4781" s="1">
        <v>44671</v>
      </c>
      <c r="C4781">
        <v>1</v>
      </c>
      <c r="D4781" s="1">
        <v>44671.291666666664</v>
      </c>
      <c r="E4781" s="1">
        <v>44671.739583333336</v>
      </c>
      <c r="F4781">
        <v>10460</v>
      </c>
      <c r="G4781">
        <v>924</v>
      </c>
      <c r="H4781">
        <v>0</v>
      </c>
      <c r="I4781">
        <v>0</v>
      </c>
      <c r="J4781">
        <v>0</v>
      </c>
      <c r="K4781">
        <v>0</v>
      </c>
      <c r="L4781">
        <v>0</v>
      </c>
      <c r="M4781">
        <v>1036</v>
      </c>
      <c r="N4781">
        <v>0</v>
      </c>
      <c r="O4781">
        <v>0</v>
      </c>
      <c r="P4781">
        <v>7200</v>
      </c>
      <c r="Q4781">
        <v>0</v>
      </c>
      <c r="R4781">
        <v>18584</v>
      </c>
      <c r="S4781">
        <v>0</v>
      </c>
      <c r="T4781">
        <v>0</v>
      </c>
      <c r="U4781">
        <v>0</v>
      </c>
      <c r="V4781">
        <v>0</v>
      </c>
      <c r="W4781">
        <v>1</v>
      </c>
      <c r="X4781">
        <v>0</v>
      </c>
      <c r="Y4781">
        <v>42</v>
      </c>
      <c r="Z4781">
        <v>21</v>
      </c>
      <c r="AA4781">
        <v>68</v>
      </c>
      <c r="AB4781">
        <v>35</v>
      </c>
      <c r="AC4781">
        <v>177</v>
      </c>
      <c r="AD4781">
        <v>17</v>
      </c>
      <c r="AE4781">
        <v>79</v>
      </c>
      <c r="AF4781">
        <v>600</v>
      </c>
      <c r="AG4781">
        <v>68584</v>
      </c>
      <c r="AH4781">
        <v>50000</v>
      </c>
      <c r="AI4781">
        <v>0</v>
      </c>
      <c r="AJ4781">
        <v>119</v>
      </c>
      <c r="AK4781" t="s">
        <v>56</v>
      </c>
      <c r="AL4781">
        <v>0</v>
      </c>
      <c r="AM4781">
        <v>0</v>
      </c>
      <c r="AN4781">
        <v>0</v>
      </c>
      <c r="AO4781">
        <v>0</v>
      </c>
      <c r="AP4781">
        <v>0</v>
      </c>
      <c r="AQ4781">
        <v>0</v>
      </c>
      <c r="AR4781">
        <v>0</v>
      </c>
      <c r="AS4781">
        <v>0</v>
      </c>
      <c r="AT4781">
        <v>0</v>
      </c>
      <c r="AU4781">
        <v>0</v>
      </c>
      <c r="AV4781">
        <v>0</v>
      </c>
      <c r="AW4781">
        <v>0</v>
      </c>
      <c r="AX4781">
        <v>1188</v>
      </c>
      <c r="AY4781">
        <v>22</v>
      </c>
      <c r="AZ4781">
        <v>29</v>
      </c>
      <c r="BA4781">
        <v>3025</v>
      </c>
    </row>
    <row r="4782" spans="1:53" x14ac:dyDescent="0.4">
      <c r="A4782">
        <v>4826</v>
      </c>
      <c r="B4782" s="1">
        <v>44671</v>
      </c>
      <c r="C4782">
        <v>2</v>
      </c>
      <c r="D4782" s="1">
        <v>44671.739583333336</v>
      </c>
      <c r="E4782" s="1">
        <v>44671.958333333336</v>
      </c>
      <c r="F4782">
        <v>21220</v>
      </c>
      <c r="G4782">
        <v>1628</v>
      </c>
      <c r="H4782">
        <v>0</v>
      </c>
      <c r="I4782">
        <v>0</v>
      </c>
      <c r="J4782">
        <v>0</v>
      </c>
      <c r="K4782">
        <v>0</v>
      </c>
      <c r="L4782">
        <v>0</v>
      </c>
      <c r="M4782">
        <v>2077</v>
      </c>
      <c r="N4782">
        <v>0</v>
      </c>
      <c r="O4782">
        <v>0</v>
      </c>
      <c r="P4782">
        <v>-3400</v>
      </c>
      <c r="Q4782">
        <v>0</v>
      </c>
      <c r="R4782">
        <v>19448</v>
      </c>
      <c r="S4782">
        <v>0</v>
      </c>
      <c r="T4782">
        <v>0</v>
      </c>
      <c r="U4782">
        <v>0</v>
      </c>
      <c r="V4782">
        <v>0</v>
      </c>
      <c r="W4782">
        <v>1</v>
      </c>
      <c r="X4782">
        <v>0</v>
      </c>
      <c r="Y4782">
        <v>56</v>
      </c>
      <c r="Z4782">
        <v>25</v>
      </c>
      <c r="AA4782">
        <v>61</v>
      </c>
      <c r="AB4782">
        <v>37</v>
      </c>
      <c r="AC4782">
        <v>180</v>
      </c>
      <c r="AD4782">
        <v>17</v>
      </c>
      <c r="AE4782">
        <v>95</v>
      </c>
      <c r="AF4782">
        <v>4602</v>
      </c>
      <c r="AG4782">
        <v>88032</v>
      </c>
      <c r="AH4782">
        <v>50000</v>
      </c>
      <c r="AI4782">
        <v>0</v>
      </c>
      <c r="AJ4782">
        <v>29</v>
      </c>
      <c r="AK4782" t="s">
        <v>62</v>
      </c>
      <c r="AL4782">
        <v>0</v>
      </c>
      <c r="AM4782">
        <v>0</v>
      </c>
      <c r="AN4782">
        <v>0</v>
      </c>
      <c r="AO4782">
        <v>0</v>
      </c>
      <c r="AP4782">
        <v>0</v>
      </c>
      <c r="AQ4782">
        <v>0</v>
      </c>
      <c r="AR4782">
        <v>0</v>
      </c>
      <c r="AS4782">
        <v>0</v>
      </c>
      <c r="AT4782">
        <v>0</v>
      </c>
      <c r="AU4782">
        <v>0</v>
      </c>
      <c r="AV4782">
        <v>0</v>
      </c>
      <c r="AW4782">
        <v>0</v>
      </c>
      <c r="AX4782">
        <v>5236</v>
      </c>
      <c r="AY4782">
        <v>11</v>
      </c>
      <c r="AZ4782">
        <v>24</v>
      </c>
      <c r="BA4782">
        <v>1780</v>
      </c>
    </row>
    <row r="4783" spans="1:53" x14ac:dyDescent="0.4">
      <c r="A4783">
        <v>4827</v>
      </c>
      <c r="B4783" s="1">
        <v>44672</v>
      </c>
      <c r="C4783">
        <v>1</v>
      </c>
      <c r="D4783" s="1">
        <v>44672.291666666664</v>
      </c>
      <c r="E4783" s="1">
        <v>44672.438194444447</v>
      </c>
      <c r="F4783">
        <v>0</v>
      </c>
      <c r="G4783">
        <v>0</v>
      </c>
      <c r="H4783">
        <v>0</v>
      </c>
      <c r="I4783">
        <v>0</v>
      </c>
      <c r="J4783">
        <v>0</v>
      </c>
      <c r="K4783">
        <v>0</v>
      </c>
      <c r="L4783">
        <v>0</v>
      </c>
      <c r="M4783">
        <v>0</v>
      </c>
      <c r="N4783">
        <v>0</v>
      </c>
      <c r="O4783">
        <v>0</v>
      </c>
      <c r="P4783">
        <v>0</v>
      </c>
      <c r="Q4783">
        <v>0</v>
      </c>
      <c r="R4783">
        <v>0</v>
      </c>
      <c r="S4783">
        <v>0</v>
      </c>
      <c r="T4783">
        <v>0</v>
      </c>
      <c r="U4783">
        <v>0</v>
      </c>
      <c r="V4783">
        <v>0</v>
      </c>
      <c r="W4783">
        <v>1</v>
      </c>
      <c r="X4783">
        <v>0</v>
      </c>
      <c r="Y4783">
        <v>28</v>
      </c>
      <c r="Z4783">
        <v>16</v>
      </c>
      <c r="AA4783">
        <v>62</v>
      </c>
      <c r="AB4783">
        <v>27</v>
      </c>
      <c r="AC4783">
        <v>127</v>
      </c>
      <c r="AD4783">
        <v>17</v>
      </c>
      <c r="AE4783">
        <v>95</v>
      </c>
      <c r="AF4783">
        <v>0</v>
      </c>
      <c r="AG4783">
        <v>50000</v>
      </c>
      <c r="AH4783">
        <v>50000</v>
      </c>
      <c r="AI4783">
        <v>0</v>
      </c>
      <c r="AJ4783">
        <v>0</v>
      </c>
      <c r="AK4783" t="s">
        <v>6</v>
      </c>
      <c r="AL4783">
        <v>0</v>
      </c>
      <c r="AM4783">
        <v>0</v>
      </c>
      <c r="AN4783">
        <v>0</v>
      </c>
      <c r="AO4783">
        <v>0</v>
      </c>
      <c r="AP4783">
        <v>0</v>
      </c>
      <c r="AQ4783">
        <v>0</v>
      </c>
      <c r="AR4783">
        <v>0</v>
      </c>
      <c r="AS4783">
        <v>0</v>
      </c>
      <c r="AT4783">
        <v>0</v>
      </c>
      <c r="AU4783">
        <v>0</v>
      </c>
      <c r="AV4783">
        <v>0</v>
      </c>
      <c r="AW4783">
        <v>0</v>
      </c>
      <c r="AX4783">
        <v>0</v>
      </c>
      <c r="AY4783">
        <v>0</v>
      </c>
      <c r="AZ4783">
        <v>0</v>
      </c>
      <c r="BA4783">
        <v>0</v>
      </c>
    </row>
    <row r="4784" spans="1:53" x14ac:dyDescent="0.4">
      <c r="A4784">
        <v>4828</v>
      </c>
      <c r="B4784" s="1">
        <v>44672</v>
      </c>
      <c r="C4784">
        <v>2</v>
      </c>
      <c r="D4784" s="1">
        <v>44672.438194444447</v>
      </c>
      <c r="E4784" s="1">
        <v>44672.759027777778</v>
      </c>
      <c r="F4784">
        <v>10700</v>
      </c>
      <c r="G4784">
        <v>3080</v>
      </c>
      <c r="H4784">
        <v>0</v>
      </c>
      <c r="I4784">
        <v>0</v>
      </c>
      <c r="J4784">
        <v>0</v>
      </c>
      <c r="K4784">
        <v>0</v>
      </c>
      <c r="L4784">
        <v>0</v>
      </c>
      <c r="M4784">
        <v>1253</v>
      </c>
      <c r="N4784">
        <v>0</v>
      </c>
      <c r="O4784">
        <v>0</v>
      </c>
      <c r="P4784">
        <v>9620</v>
      </c>
      <c r="Q4784">
        <v>0</v>
      </c>
      <c r="R4784">
        <v>23400</v>
      </c>
      <c r="S4784">
        <v>0</v>
      </c>
      <c r="T4784">
        <v>0</v>
      </c>
      <c r="U4784">
        <v>0</v>
      </c>
      <c r="V4784">
        <v>2</v>
      </c>
      <c r="W4784">
        <v>1</v>
      </c>
      <c r="X4784">
        <v>0</v>
      </c>
      <c r="Y4784">
        <v>22</v>
      </c>
      <c r="Z4784">
        <v>28</v>
      </c>
      <c r="AA4784">
        <v>52</v>
      </c>
      <c r="AB4784">
        <v>31</v>
      </c>
      <c r="AC4784">
        <v>120</v>
      </c>
      <c r="AD4784">
        <v>17</v>
      </c>
      <c r="AE4784">
        <v>93</v>
      </c>
      <c r="AF4784">
        <v>4272</v>
      </c>
      <c r="AG4784">
        <v>73400</v>
      </c>
      <c r="AH4784">
        <v>50000</v>
      </c>
      <c r="AI4784">
        <v>0</v>
      </c>
      <c r="AJ4784">
        <v>29</v>
      </c>
      <c r="AK4784" t="s">
        <v>62</v>
      </c>
      <c r="AL4784">
        <v>0</v>
      </c>
      <c r="AM4784">
        <v>0</v>
      </c>
      <c r="AN4784">
        <v>0</v>
      </c>
      <c r="AO4784">
        <v>0</v>
      </c>
      <c r="AP4784">
        <v>0</v>
      </c>
      <c r="AQ4784">
        <v>0</v>
      </c>
      <c r="AR4784">
        <v>0</v>
      </c>
      <c r="AS4784">
        <v>0</v>
      </c>
      <c r="AT4784">
        <v>0</v>
      </c>
      <c r="AU4784">
        <v>0</v>
      </c>
      <c r="AV4784">
        <v>0</v>
      </c>
      <c r="AW4784">
        <v>0</v>
      </c>
      <c r="AX4784">
        <v>880</v>
      </c>
      <c r="AY4784">
        <v>23</v>
      </c>
      <c r="AZ4784">
        <v>37</v>
      </c>
      <c r="BA4784">
        <v>2717</v>
      </c>
    </row>
    <row r="4785" spans="1:53" x14ac:dyDescent="0.4">
      <c r="A4785">
        <v>4829</v>
      </c>
      <c r="B4785" s="1">
        <v>44672</v>
      </c>
      <c r="C4785">
        <v>3</v>
      </c>
      <c r="D4785" s="1">
        <v>44672.759027777778</v>
      </c>
      <c r="E4785" s="1">
        <v>44672.888194444444</v>
      </c>
      <c r="F4785">
        <v>14910</v>
      </c>
      <c r="G4785">
        <v>880</v>
      </c>
      <c r="H4785">
        <v>0</v>
      </c>
      <c r="I4785">
        <v>0</v>
      </c>
      <c r="J4785">
        <v>0</v>
      </c>
      <c r="K4785">
        <v>0</v>
      </c>
      <c r="L4785">
        <v>0</v>
      </c>
      <c r="M4785">
        <v>1436</v>
      </c>
      <c r="N4785">
        <v>0</v>
      </c>
      <c r="O4785">
        <v>0</v>
      </c>
      <c r="P4785">
        <v>-4580</v>
      </c>
      <c r="Q4785">
        <v>0</v>
      </c>
      <c r="R4785">
        <v>11210</v>
      </c>
      <c r="S4785">
        <v>0</v>
      </c>
      <c r="T4785">
        <v>0</v>
      </c>
      <c r="U4785">
        <v>0</v>
      </c>
      <c r="V4785">
        <v>3</v>
      </c>
      <c r="W4785">
        <v>1</v>
      </c>
      <c r="X4785">
        <v>0</v>
      </c>
      <c r="Y4785">
        <v>24</v>
      </c>
      <c r="Z4785">
        <v>25</v>
      </c>
      <c r="AA4785">
        <v>60</v>
      </c>
      <c r="AB4785">
        <v>30</v>
      </c>
      <c r="AC4785">
        <v>115</v>
      </c>
      <c r="AD4785">
        <v>19</v>
      </c>
      <c r="AE4785">
        <v>93</v>
      </c>
      <c r="AF4785">
        <v>4272</v>
      </c>
      <c r="AG4785">
        <v>84610</v>
      </c>
      <c r="AH4785">
        <v>50000</v>
      </c>
      <c r="AI4785">
        <v>0</v>
      </c>
      <c r="AJ4785">
        <v>108</v>
      </c>
      <c r="AK4785" t="s">
        <v>3</v>
      </c>
      <c r="AL4785">
        <v>0</v>
      </c>
      <c r="AM4785">
        <v>0</v>
      </c>
      <c r="AN4785">
        <v>0</v>
      </c>
      <c r="AO4785">
        <v>0</v>
      </c>
      <c r="AP4785">
        <v>0</v>
      </c>
      <c r="AQ4785">
        <v>0</v>
      </c>
      <c r="AR4785">
        <v>0</v>
      </c>
      <c r="AS4785">
        <v>0</v>
      </c>
      <c r="AT4785">
        <v>0</v>
      </c>
      <c r="AU4785">
        <v>0</v>
      </c>
      <c r="AV4785">
        <v>0</v>
      </c>
      <c r="AW4785">
        <v>0</v>
      </c>
      <c r="AX4785">
        <v>1694</v>
      </c>
      <c r="AY4785">
        <v>6</v>
      </c>
      <c r="AZ4785">
        <v>11</v>
      </c>
      <c r="BA4785">
        <v>1287</v>
      </c>
    </row>
    <row r="4786" spans="1:53" x14ac:dyDescent="0.4">
      <c r="A4786">
        <v>4830</v>
      </c>
      <c r="B4786" s="1">
        <v>44672</v>
      </c>
      <c r="C4786">
        <v>4</v>
      </c>
      <c r="D4786" s="1">
        <v>44672.888194444444</v>
      </c>
      <c r="E4786" s="1">
        <v>44672.962500000001</v>
      </c>
      <c r="F4786">
        <v>7570</v>
      </c>
      <c r="G4786">
        <v>594</v>
      </c>
      <c r="H4786">
        <v>0</v>
      </c>
      <c r="I4786">
        <v>0</v>
      </c>
      <c r="J4786">
        <v>0</v>
      </c>
      <c r="K4786">
        <v>0</v>
      </c>
      <c r="L4786">
        <v>0</v>
      </c>
      <c r="M4786">
        <v>742</v>
      </c>
      <c r="N4786">
        <v>0</v>
      </c>
      <c r="O4786">
        <v>0</v>
      </c>
      <c r="P4786">
        <v>-5040</v>
      </c>
      <c r="Q4786">
        <v>0</v>
      </c>
      <c r="R4786">
        <v>3124</v>
      </c>
      <c r="S4786">
        <v>0</v>
      </c>
      <c r="T4786">
        <v>0</v>
      </c>
      <c r="U4786">
        <v>0</v>
      </c>
      <c r="V4786">
        <v>4</v>
      </c>
      <c r="W4786">
        <v>0</v>
      </c>
      <c r="X4786">
        <v>0</v>
      </c>
      <c r="Y4786">
        <v>22</v>
      </c>
      <c r="Z4786">
        <v>25</v>
      </c>
      <c r="AA4786">
        <v>61</v>
      </c>
      <c r="AB4786">
        <v>30</v>
      </c>
      <c r="AC4786">
        <v>118</v>
      </c>
      <c r="AD4786">
        <v>18</v>
      </c>
      <c r="AE4786">
        <v>92</v>
      </c>
      <c r="AF4786">
        <v>4272</v>
      </c>
      <c r="AG4786">
        <v>87734</v>
      </c>
      <c r="AH4786">
        <v>50000</v>
      </c>
      <c r="AI4786">
        <v>0</v>
      </c>
      <c r="AJ4786">
        <v>108</v>
      </c>
      <c r="AK4786" t="s">
        <v>3</v>
      </c>
      <c r="AL4786">
        <v>0</v>
      </c>
      <c r="AM4786">
        <v>0</v>
      </c>
      <c r="AN4786">
        <v>0</v>
      </c>
      <c r="AO4786">
        <v>0</v>
      </c>
      <c r="AP4786">
        <v>0</v>
      </c>
      <c r="AQ4786">
        <v>0</v>
      </c>
      <c r="AR4786">
        <v>0</v>
      </c>
      <c r="AS4786">
        <v>0</v>
      </c>
      <c r="AT4786">
        <v>0</v>
      </c>
      <c r="AU4786">
        <v>0</v>
      </c>
      <c r="AV4786">
        <v>0</v>
      </c>
      <c r="AW4786">
        <v>0</v>
      </c>
      <c r="AX4786">
        <v>2400</v>
      </c>
      <c r="AY4786">
        <v>1</v>
      </c>
      <c r="AZ4786">
        <v>2</v>
      </c>
      <c r="BA4786">
        <v>271</v>
      </c>
    </row>
    <row r="4787" spans="1:53" x14ac:dyDescent="0.4">
      <c r="A4787">
        <v>4831</v>
      </c>
      <c r="B4787" s="1">
        <v>44673</v>
      </c>
      <c r="C4787">
        <v>1</v>
      </c>
      <c r="D4787" s="1">
        <v>44673.291666666664</v>
      </c>
      <c r="E4787" s="1">
        <v>44673.748611111114</v>
      </c>
      <c r="F4787">
        <v>12420</v>
      </c>
      <c r="G4787">
        <v>0</v>
      </c>
      <c r="H4787">
        <v>0</v>
      </c>
      <c r="I4787">
        <v>0</v>
      </c>
      <c r="J4787">
        <v>0</v>
      </c>
      <c r="K4787">
        <v>0</v>
      </c>
      <c r="L4787">
        <v>0</v>
      </c>
      <c r="M4787">
        <v>1130</v>
      </c>
      <c r="N4787">
        <v>0</v>
      </c>
      <c r="O4787">
        <v>0</v>
      </c>
      <c r="P4787">
        <v>17030</v>
      </c>
      <c r="Q4787">
        <v>0</v>
      </c>
      <c r="R4787">
        <v>29450</v>
      </c>
      <c r="S4787">
        <v>0</v>
      </c>
      <c r="T4787">
        <v>0</v>
      </c>
      <c r="U4787">
        <v>0</v>
      </c>
      <c r="V4787">
        <v>0</v>
      </c>
      <c r="W4787">
        <v>2</v>
      </c>
      <c r="X4787">
        <v>0</v>
      </c>
      <c r="Y4787">
        <v>45</v>
      </c>
      <c r="Z4787">
        <v>25</v>
      </c>
      <c r="AA4787">
        <v>59</v>
      </c>
      <c r="AB4787">
        <v>14</v>
      </c>
      <c r="AC4787">
        <v>119</v>
      </c>
      <c r="AD4787">
        <v>16</v>
      </c>
      <c r="AE4787">
        <v>95</v>
      </c>
      <c r="AF4787">
        <v>3985</v>
      </c>
      <c r="AG4787">
        <v>79450</v>
      </c>
      <c r="AH4787">
        <v>50000</v>
      </c>
      <c r="AI4787">
        <v>0</v>
      </c>
      <c r="AJ4787">
        <v>119</v>
      </c>
      <c r="AK4787" t="s">
        <v>56</v>
      </c>
      <c r="AL4787">
        <v>0</v>
      </c>
      <c r="AM4787">
        <v>0</v>
      </c>
      <c r="AN4787">
        <v>0</v>
      </c>
      <c r="AO4787">
        <v>0</v>
      </c>
      <c r="AP4787">
        <v>0</v>
      </c>
      <c r="AQ4787">
        <v>0</v>
      </c>
      <c r="AR4787">
        <v>0</v>
      </c>
      <c r="AS4787">
        <v>0</v>
      </c>
      <c r="AT4787">
        <v>0</v>
      </c>
      <c r="AU4787">
        <v>0</v>
      </c>
      <c r="AV4787">
        <v>0</v>
      </c>
      <c r="AW4787">
        <v>0</v>
      </c>
      <c r="AX4787">
        <v>64</v>
      </c>
      <c r="AY4787">
        <v>35</v>
      </c>
      <c r="AZ4787">
        <v>51</v>
      </c>
      <c r="BA4787">
        <v>4212</v>
      </c>
    </row>
    <row r="4788" spans="1:53" x14ac:dyDescent="0.4">
      <c r="A4788">
        <v>4832</v>
      </c>
      <c r="B4788" s="1">
        <v>44673</v>
      </c>
      <c r="C4788">
        <v>2</v>
      </c>
      <c r="D4788" s="1">
        <v>44673.748611111114</v>
      </c>
      <c r="E4788" s="1">
        <v>44673.960416666669</v>
      </c>
      <c r="F4788">
        <v>65690</v>
      </c>
      <c r="G4788">
        <v>3212</v>
      </c>
      <c r="H4788">
        <v>0</v>
      </c>
      <c r="I4788">
        <v>0</v>
      </c>
      <c r="J4788">
        <v>0</v>
      </c>
      <c r="K4788">
        <v>0</v>
      </c>
      <c r="L4788">
        <v>0</v>
      </c>
      <c r="M4788">
        <v>6263</v>
      </c>
      <c r="N4788">
        <v>0</v>
      </c>
      <c r="O4788">
        <v>0</v>
      </c>
      <c r="P4788">
        <v>-11930</v>
      </c>
      <c r="Q4788">
        <v>0</v>
      </c>
      <c r="R4788">
        <v>56972</v>
      </c>
      <c r="S4788">
        <v>0</v>
      </c>
      <c r="T4788">
        <v>0</v>
      </c>
      <c r="U4788">
        <v>0</v>
      </c>
      <c r="V4788">
        <v>5</v>
      </c>
      <c r="W4788">
        <v>3</v>
      </c>
      <c r="X4788">
        <v>0</v>
      </c>
      <c r="Y4788">
        <v>41</v>
      </c>
      <c r="Z4788">
        <v>21</v>
      </c>
      <c r="AA4788">
        <v>82</v>
      </c>
      <c r="AB4788">
        <v>14</v>
      </c>
      <c r="AC4788">
        <v>126</v>
      </c>
      <c r="AD4788">
        <v>16</v>
      </c>
      <c r="AE4788">
        <v>97</v>
      </c>
      <c r="AF4788">
        <v>9585</v>
      </c>
      <c r="AG4788">
        <v>136422</v>
      </c>
      <c r="AH4788">
        <v>50000</v>
      </c>
      <c r="AI4788">
        <v>0</v>
      </c>
      <c r="AJ4788">
        <v>108</v>
      </c>
      <c r="AK4788" t="s">
        <v>3</v>
      </c>
      <c r="AL4788">
        <v>0</v>
      </c>
      <c r="AM4788">
        <v>0</v>
      </c>
      <c r="AN4788">
        <v>0</v>
      </c>
      <c r="AO4788">
        <v>0</v>
      </c>
      <c r="AP4788">
        <v>0</v>
      </c>
      <c r="AQ4788">
        <v>0</v>
      </c>
      <c r="AR4788">
        <v>0</v>
      </c>
      <c r="AS4788">
        <v>0</v>
      </c>
      <c r="AT4788">
        <v>0</v>
      </c>
      <c r="AU4788">
        <v>0</v>
      </c>
      <c r="AV4788">
        <v>0</v>
      </c>
      <c r="AW4788">
        <v>0</v>
      </c>
      <c r="AX4788">
        <v>22860</v>
      </c>
      <c r="AY4788">
        <v>22</v>
      </c>
      <c r="AZ4788">
        <v>58</v>
      </c>
      <c r="BA4788">
        <v>2631</v>
      </c>
    </row>
    <row r="4789" spans="1:53" x14ac:dyDescent="0.4">
      <c r="A4789">
        <v>4833</v>
      </c>
      <c r="B4789" s="1">
        <v>44673</v>
      </c>
      <c r="C4789">
        <v>3</v>
      </c>
      <c r="D4789" s="1">
        <v>44673.960416666669</v>
      </c>
      <c r="E4789" s="1">
        <v>44674.117361111108</v>
      </c>
      <c r="F4789">
        <v>52500</v>
      </c>
      <c r="G4789">
        <v>858</v>
      </c>
      <c r="H4789">
        <v>0</v>
      </c>
      <c r="I4789">
        <v>0</v>
      </c>
      <c r="J4789">
        <v>0</v>
      </c>
      <c r="K4789">
        <v>7800</v>
      </c>
      <c r="L4789">
        <v>0</v>
      </c>
      <c r="M4789">
        <v>5560</v>
      </c>
      <c r="N4789">
        <v>0</v>
      </c>
      <c r="O4789">
        <v>0</v>
      </c>
      <c r="P4789">
        <v>1700</v>
      </c>
      <c r="Q4789">
        <v>0</v>
      </c>
      <c r="R4789">
        <v>62858</v>
      </c>
      <c r="S4789">
        <v>0</v>
      </c>
      <c r="T4789">
        <v>0</v>
      </c>
      <c r="U4789">
        <v>0</v>
      </c>
      <c r="V4789">
        <v>10</v>
      </c>
      <c r="W4789">
        <v>0</v>
      </c>
      <c r="X4789">
        <v>0</v>
      </c>
      <c r="Y4789">
        <v>45</v>
      </c>
      <c r="Z4789">
        <v>22</v>
      </c>
      <c r="AA4789">
        <v>99</v>
      </c>
      <c r="AB4789">
        <v>13</v>
      </c>
      <c r="AC4789">
        <v>120</v>
      </c>
      <c r="AD4789">
        <v>16</v>
      </c>
      <c r="AE4789">
        <v>105</v>
      </c>
      <c r="AF4789">
        <v>31345</v>
      </c>
      <c r="AG4789">
        <v>199280</v>
      </c>
      <c r="AH4789">
        <v>50000</v>
      </c>
      <c r="AI4789">
        <v>0</v>
      </c>
      <c r="AJ4789">
        <v>103</v>
      </c>
      <c r="AK4789" t="s">
        <v>7</v>
      </c>
      <c r="AL4789">
        <v>0</v>
      </c>
      <c r="AM4789">
        <v>0</v>
      </c>
      <c r="AN4789">
        <v>0</v>
      </c>
      <c r="AO4789">
        <v>0</v>
      </c>
      <c r="AP4789">
        <v>0</v>
      </c>
      <c r="AQ4789">
        <v>0</v>
      </c>
      <c r="AR4789">
        <v>0</v>
      </c>
      <c r="AS4789">
        <v>0</v>
      </c>
      <c r="AT4789">
        <v>0</v>
      </c>
      <c r="AU4789">
        <v>0</v>
      </c>
      <c r="AV4789">
        <v>0</v>
      </c>
      <c r="AW4789">
        <v>0</v>
      </c>
      <c r="AX4789">
        <v>0</v>
      </c>
      <c r="AY4789">
        <v>3</v>
      </c>
      <c r="AZ4789">
        <v>7</v>
      </c>
      <c r="BA4789">
        <v>949</v>
      </c>
    </row>
    <row r="4790" spans="1:53" x14ac:dyDescent="0.4">
      <c r="A4790">
        <v>4834</v>
      </c>
      <c r="B4790" s="1">
        <v>44674</v>
      </c>
      <c r="C4790">
        <v>1</v>
      </c>
      <c r="D4790" s="1">
        <v>44674.291666666664</v>
      </c>
      <c r="E4790" s="1">
        <v>44674.409722222219</v>
      </c>
      <c r="F4790">
        <v>0</v>
      </c>
      <c r="G4790">
        <v>0</v>
      </c>
      <c r="H4790">
        <v>0</v>
      </c>
      <c r="I4790">
        <v>0</v>
      </c>
      <c r="J4790">
        <v>0</v>
      </c>
      <c r="K4790">
        <v>0</v>
      </c>
      <c r="L4790">
        <v>0</v>
      </c>
      <c r="M4790">
        <v>0</v>
      </c>
      <c r="N4790">
        <v>0</v>
      </c>
      <c r="O4790">
        <v>0</v>
      </c>
      <c r="P4790">
        <v>0</v>
      </c>
      <c r="Q4790">
        <v>0</v>
      </c>
      <c r="R4790">
        <v>0</v>
      </c>
      <c r="S4790">
        <v>0</v>
      </c>
      <c r="T4790">
        <v>0</v>
      </c>
      <c r="U4790">
        <v>0</v>
      </c>
      <c r="V4790">
        <v>0</v>
      </c>
      <c r="W4790">
        <v>0</v>
      </c>
      <c r="X4790">
        <v>0</v>
      </c>
      <c r="Y4790">
        <v>33</v>
      </c>
      <c r="Z4790">
        <v>11</v>
      </c>
      <c r="AA4790">
        <v>95</v>
      </c>
      <c r="AB4790">
        <v>13</v>
      </c>
      <c r="AC4790">
        <v>117</v>
      </c>
      <c r="AD4790">
        <v>16</v>
      </c>
      <c r="AE4790">
        <v>100</v>
      </c>
      <c r="AF4790">
        <v>0</v>
      </c>
      <c r="AG4790">
        <v>50000</v>
      </c>
      <c r="AH4790">
        <v>50000</v>
      </c>
      <c r="AI4790">
        <v>0</v>
      </c>
      <c r="AJ4790">
        <v>0</v>
      </c>
      <c r="AK4790" t="s">
        <v>6</v>
      </c>
      <c r="AL4790">
        <v>0</v>
      </c>
      <c r="AM4790">
        <v>0</v>
      </c>
      <c r="AN4790">
        <v>0</v>
      </c>
      <c r="AO4790">
        <v>0</v>
      </c>
      <c r="AP4790">
        <v>0</v>
      </c>
      <c r="AQ4790">
        <v>0</v>
      </c>
      <c r="AR4790">
        <v>0</v>
      </c>
      <c r="AS4790">
        <v>0</v>
      </c>
      <c r="AT4790">
        <v>0</v>
      </c>
      <c r="AU4790">
        <v>0</v>
      </c>
      <c r="AV4790">
        <v>0</v>
      </c>
      <c r="AW4790">
        <v>0</v>
      </c>
      <c r="AX4790">
        <v>0</v>
      </c>
      <c r="AY4790">
        <v>0</v>
      </c>
      <c r="AZ4790">
        <v>0</v>
      </c>
      <c r="BA4790">
        <v>0</v>
      </c>
    </row>
    <row r="4791" spans="1:53" x14ac:dyDescent="0.4">
      <c r="A4791">
        <v>4835</v>
      </c>
      <c r="B4791" s="1">
        <v>44674</v>
      </c>
      <c r="C4791">
        <v>2</v>
      </c>
      <c r="D4791" s="1">
        <v>44674.409722222219</v>
      </c>
      <c r="E4791" s="1">
        <v>44674.745833333334</v>
      </c>
      <c r="F4791">
        <v>44770</v>
      </c>
      <c r="G4791">
        <v>2530</v>
      </c>
      <c r="H4791">
        <v>0</v>
      </c>
      <c r="I4791">
        <v>0</v>
      </c>
      <c r="J4791">
        <v>0</v>
      </c>
      <c r="K4791">
        <v>0</v>
      </c>
      <c r="L4791">
        <v>0</v>
      </c>
      <c r="M4791">
        <v>4301</v>
      </c>
      <c r="N4791">
        <v>0</v>
      </c>
      <c r="O4791">
        <v>0</v>
      </c>
      <c r="P4791">
        <v>17140</v>
      </c>
      <c r="Q4791">
        <v>0</v>
      </c>
      <c r="R4791">
        <v>64440</v>
      </c>
      <c r="S4791">
        <v>0</v>
      </c>
      <c r="T4791">
        <v>0</v>
      </c>
      <c r="U4791">
        <v>0</v>
      </c>
      <c r="V4791">
        <v>1</v>
      </c>
      <c r="W4791">
        <v>2</v>
      </c>
      <c r="X4791">
        <v>0</v>
      </c>
      <c r="Y4791">
        <v>60</v>
      </c>
      <c r="Z4791">
        <v>28</v>
      </c>
      <c r="AA4791">
        <v>104</v>
      </c>
      <c r="AB4791">
        <v>14</v>
      </c>
      <c r="AC4791">
        <v>158</v>
      </c>
      <c r="AD4791">
        <v>20</v>
      </c>
      <c r="AE4791">
        <v>100</v>
      </c>
      <c r="AF4791">
        <v>7560</v>
      </c>
      <c r="AG4791">
        <v>114440</v>
      </c>
      <c r="AH4791">
        <v>50000</v>
      </c>
      <c r="AI4791">
        <v>0</v>
      </c>
      <c r="AJ4791">
        <v>118</v>
      </c>
      <c r="AK4791" t="s">
        <v>59</v>
      </c>
      <c r="AL4791">
        <v>0</v>
      </c>
      <c r="AM4791">
        <v>0</v>
      </c>
      <c r="AN4791">
        <v>0</v>
      </c>
      <c r="AO4791">
        <v>0</v>
      </c>
      <c r="AP4791">
        <v>0</v>
      </c>
      <c r="AQ4791">
        <v>0</v>
      </c>
      <c r="AR4791">
        <v>0</v>
      </c>
      <c r="AS4791">
        <v>0</v>
      </c>
      <c r="AT4791">
        <v>0</v>
      </c>
      <c r="AU4791">
        <v>0</v>
      </c>
      <c r="AV4791">
        <v>0</v>
      </c>
      <c r="AW4791">
        <v>0</v>
      </c>
      <c r="AX4791">
        <v>-620</v>
      </c>
      <c r="AY4791">
        <v>53</v>
      </c>
      <c r="AZ4791">
        <v>104</v>
      </c>
      <c r="BA4791">
        <v>7252</v>
      </c>
    </row>
    <row r="4792" spans="1:53" x14ac:dyDescent="0.4">
      <c r="A4792">
        <v>4836</v>
      </c>
      <c r="B4792" s="1">
        <v>44674</v>
      </c>
      <c r="C4792">
        <v>3</v>
      </c>
      <c r="D4792" s="1">
        <v>44674.745833333334</v>
      </c>
      <c r="E4792" s="1">
        <v>44675.032638888886</v>
      </c>
      <c r="F4792">
        <v>74260</v>
      </c>
      <c r="G4792">
        <v>1100</v>
      </c>
      <c r="H4792">
        <v>0</v>
      </c>
      <c r="I4792">
        <v>0</v>
      </c>
      <c r="J4792">
        <v>0</v>
      </c>
      <c r="K4792">
        <v>0</v>
      </c>
      <c r="L4792">
        <v>0</v>
      </c>
      <c r="M4792">
        <v>6850</v>
      </c>
      <c r="N4792">
        <v>0</v>
      </c>
      <c r="O4792">
        <v>0</v>
      </c>
      <c r="P4792">
        <v>25760</v>
      </c>
      <c r="Q4792">
        <v>0</v>
      </c>
      <c r="R4792">
        <v>101120</v>
      </c>
      <c r="S4792">
        <v>0</v>
      </c>
      <c r="T4792">
        <v>0</v>
      </c>
      <c r="U4792">
        <v>0</v>
      </c>
      <c r="V4792">
        <v>8</v>
      </c>
      <c r="W4792">
        <v>4</v>
      </c>
      <c r="X4792">
        <v>0</v>
      </c>
      <c r="Y4792">
        <v>79</v>
      </c>
      <c r="Z4792">
        <v>32</v>
      </c>
      <c r="AA4792">
        <v>116</v>
      </c>
      <c r="AB4792">
        <v>15</v>
      </c>
      <c r="AC4792">
        <v>161</v>
      </c>
      <c r="AD4792">
        <v>20</v>
      </c>
      <c r="AE4792">
        <v>100</v>
      </c>
      <c r="AF4792">
        <v>6400</v>
      </c>
      <c r="AG4792">
        <v>215560</v>
      </c>
      <c r="AH4792">
        <v>50000</v>
      </c>
      <c r="AI4792">
        <v>0</v>
      </c>
      <c r="AJ4792">
        <v>108</v>
      </c>
      <c r="AK4792" t="s">
        <v>3</v>
      </c>
      <c r="AL4792">
        <v>0</v>
      </c>
      <c r="AM4792">
        <v>0</v>
      </c>
      <c r="AN4792">
        <v>0</v>
      </c>
      <c r="AO4792">
        <v>0</v>
      </c>
      <c r="AP4792">
        <v>0</v>
      </c>
      <c r="AQ4792">
        <v>0</v>
      </c>
      <c r="AR4792">
        <v>0</v>
      </c>
      <c r="AS4792">
        <v>0</v>
      </c>
      <c r="AT4792">
        <v>0</v>
      </c>
      <c r="AU4792">
        <v>0</v>
      </c>
      <c r="AV4792">
        <v>0</v>
      </c>
      <c r="AW4792">
        <v>0</v>
      </c>
      <c r="AX4792">
        <v>6280</v>
      </c>
      <c r="AY4792">
        <v>21</v>
      </c>
      <c r="AZ4792">
        <v>59</v>
      </c>
      <c r="BA4792">
        <v>3260</v>
      </c>
    </row>
    <row r="4793" spans="1:53" x14ac:dyDescent="0.4">
      <c r="A4793">
        <v>4837</v>
      </c>
      <c r="B4793" s="1">
        <v>44674</v>
      </c>
      <c r="C4793">
        <v>4</v>
      </c>
      <c r="D4793" s="1">
        <v>44675.032638888886</v>
      </c>
      <c r="E4793" s="1">
        <v>44675.10833333333</v>
      </c>
      <c r="F4793">
        <v>7260</v>
      </c>
      <c r="G4793">
        <v>0</v>
      </c>
      <c r="H4793">
        <v>0</v>
      </c>
      <c r="I4793">
        <v>0</v>
      </c>
      <c r="J4793">
        <v>0</v>
      </c>
      <c r="K4793">
        <v>0</v>
      </c>
      <c r="L4793">
        <v>0</v>
      </c>
      <c r="M4793">
        <v>660</v>
      </c>
      <c r="N4793">
        <v>0</v>
      </c>
      <c r="O4793">
        <v>0</v>
      </c>
      <c r="P4793">
        <v>180</v>
      </c>
      <c r="Q4793">
        <v>0</v>
      </c>
      <c r="R4793">
        <v>7440</v>
      </c>
      <c r="S4793">
        <v>0</v>
      </c>
      <c r="T4793">
        <v>0</v>
      </c>
      <c r="U4793">
        <v>0</v>
      </c>
      <c r="V4793">
        <v>10</v>
      </c>
      <c r="W4793">
        <v>3</v>
      </c>
      <c r="X4793">
        <v>0</v>
      </c>
      <c r="Y4793">
        <v>70</v>
      </c>
      <c r="Z4793">
        <v>30</v>
      </c>
      <c r="AA4793">
        <v>114</v>
      </c>
      <c r="AB4793">
        <v>18</v>
      </c>
      <c r="AC4793">
        <v>166</v>
      </c>
      <c r="AD4793">
        <v>20</v>
      </c>
      <c r="AE4793">
        <v>104</v>
      </c>
      <c r="AF4793">
        <v>8836</v>
      </c>
      <c r="AG4793">
        <v>223000</v>
      </c>
      <c r="AH4793">
        <v>50000</v>
      </c>
      <c r="AI4793">
        <v>0</v>
      </c>
      <c r="AJ4793">
        <v>104</v>
      </c>
      <c r="AK4793" t="s">
        <v>60</v>
      </c>
      <c r="AL4793">
        <v>0</v>
      </c>
      <c r="AM4793">
        <v>0</v>
      </c>
      <c r="AN4793">
        <v>0</v>
      </c>
      <c r="AO4793">
        <v>0</v>
      </c>
      <c r="AP4793">
        <v>0</v>
      </c>
      <c r="AQ4793">
        <v>0</v>
      </c>
      <c r="AR4793">
        <v>0</v>
      </c>
      <c r="AS4793">
        <v>0</v>
      </c>
      <c r="AT4793">
        <v>0</v>
      </c>
      <c r="AU4793">
        <v>0</v>
      </c>
      <c r="AV4793">
        <v>0</v>
      </c>
      <c r="AW4793">
        <v>0</v>
      </c>
      <c r="AX4793">
        <v>11697</v>
      </c>
      <c r="AY4793">
        <v>1</v>
      </c>
      <c r="AZ4793">
        <v>2</v>
      </c>
      <c r="BA4793">
        <v>774</v>
      </c>
    </row>
    <row r="4794" spans="1:53" x14ac:dyDescent="0.4">
      <c r="A4794">
        <v>4838</v>
      </c>
      <c r="B4794" s="1">
        <v>44675</v>
      </c>
      <c r="C4794">
        <v>1</v>
      </c>
      <c r="D4794" s="1">
        <v>44675.291666666664</v>
      </c>
      <c r="E4794" s="1">
        <v>44675.402777777781</v>
      </c>
      <c r="F4794">
        <v>0</v>
      </c>
      <c r="G4794">
        <v>0</v>
      </c>
      <c r="H4794">
        <v>0</v>
      </c>
      <c r="I4794">
        <v>0</v>
      </c>
      <c r="J4794">
        <v>0</v>
      </c>
      <c r="K4794">
        <v>0</v>
      </c>
      <c r="L4794">
        <v>0</v>
      </c>
      <c r="M4794">
        <v>0</v>
      </c>
      <c r="N4794">
        <v>0</v>
      </c>
      <c r="O4794">
        <v>0</v>
      </c>
      <c r="P4794">
        <v>0</v>
      </c>
      <c r="Q4794">
        <v>0</v>
      </c>
      <c r="R4794">
        <v>0</v>
      </c>
      <c r="S4794">
        <v>0</v>
      </c>
      <c r="T4794">
        <v>0</v>
      </c>
      <c r="U4794">
        <v>0</v>
      </c>
      <c r="V4794">
        <v>0</v>
      </c>
      <c r="W4794">
        <v>1</v>
      </c>
      <c r="X4794">
        <v>0</v>
      </c>
      <c r="Y4794">
        <v>25</v>
      </c>
      <c r="Z4794">
        <v>13</v>
      </c>
      <c r="AA4794">
        <v>110</v>
      </c>
      <c r="AB4794">
        <v>18</v>
      </c>
      <c r="AC4794">
        <v>139</v>
      </c>
      <c r="AD4794">
        <v>21</v>
      </c>
      <c r="AE4794">
        <v>105</v>
      </c>
      <c r="AF4794">
        <v>0</v>
      </c>
      <c r="AG4794">
        <v>50000</v>
      </c>
      <c r="AH4794">
        <v>50000</v>
      </c>
      <c r="AI4794">
        <v>0</v>
      </c>
      <c r="AJ4794">
        <v>0</v>
      </c>
      <c r="AK4794" t="s">
        <v>6</v>
      </c>
      <c r="AL4794">
        <v>0</v>
      </c>
      <c r="AM4794">
        <v>0</v>
      </c>
      <c r="AN4794">
        <v>0</v>
      </c>
      <c r="AO4794">
        <v>0</v>
      </c>
      <c r="AP4794">
        <v>0</v>
      </c>
      <c r="AQ4794">
        <v>0</v>
      </c>
      <c r="AR4794">
        <v>0</v>
      </c>
      <c r="AS4794">
        <v>0</v>
      </c>
      <c r="AT4794">
        <v>0</v>
      </c>
      <c r="AU4794">
        <v>0</v>
      </c>
      <c r="AV4794">
        <v>0</v>
      </c>
      <c r="AW4794">
        <v>0</v>
      </c>
      <c r="AX4794">
        <v>0</v>
      </c>
      <c r="AY4794">
        <v>0</v>
      </c>
      <c r="AZ4794">
        <v>0</v>
      </c>
      <c r="BA4794">
        <v>0</v>
      </c>
    </row>
    <row r="4795" spans="1:53" x14ac:dyDescent="0.4">
      <c r="A4795">
        <v>4839</v>
      </c>
      <c r="B4795" s="1">
        <v>44675</v>
      </c>
      <c r="C4795">
        <v>2</v>
      </c>
      <c r="D4795" s="1">
        <v>44675.402777777781</v>
      </c>
      <c r="E4795" s="1">
        <v>44675.748611111114</v>
      </c>
      <c r="F4795">
        <v>40695</v>
      </c>
      <c r="G4795">
        <v>3542</v>
      </c>
      <c r="H4795">
        <v>0</v>
      </c>
      <c r="I4795">
        <v>0</v>
      </c>
      <c r="J4795">
        <v>50</v>
      </c>
      <c r="K4795">
        <v>0</v>
      </c>
      <c r="L4795">
        <v>0</v>
      </c>
      <c r="M4795">
        <v>4017</v>
      </c>
      <c r="N4795">
        <v>0</v>
      </c>
      <c r="O4795">
        <v>0</v>
      </c>
      <c r="P4795">
        <v>18270</v>
      </c>
      <c r="Q4795">
        <v>0</v>
      </c>
      <c r="R4795">
        <v>62457</v>
      </c>
      <c r="S4795">
        <v>0</v>
      </c>
      <c r="T4795">
        <v>0</v>
      </c>
      <c r="U4795">
        <v>0</v>
      </c>
      <c r="V4795">
        <v>0</v>
      </c>
      <c r="W4795">
        <v>5</v>
      </c>
      <c r="X4795">
        <v>0</v>
      </c>
      <c r="Y4795">
        <v>61</v>
      </c>
      <c r="Z4795">
        <v>20</v>
      </c>
      <c r="AA4795">
        <v>99</v>
      </c>
      <c r="AB4795">
        <v>16</v>
      </c>
      <c r="AC4795">
        <v>133</v>
      </c>
      <c r="AD4795">
        <v>21</v>
      </c>
      <c r="AE4795">
        <v>102</v>
      </c>
      <c r="AF4795">
        <v>4220</v>
      </c>
      <c r="AG4795">
        <v>112457</v>
      </c>
      <c r="AH4795">
        <v>50000</v>
      </c>
      <c r="AI4795">
        <v>0</v>
      </c>
      <c r="AJ4795">
        <v>118</v>
      </c>
      <c r="AK4795" t="s">
        <v>59</v>
      </c>
      <c r="AL4795">
        <v>0</v>
      </c>
      <c r="AM4795">
        <v>0</v>
      </c>
      <c r="AN4795">
        <v>0</v>
      </c>
      <c r="AO4795">
        <v>0</v>
      </c>
      <c r="AP4795">
        <v>0</v>
      </c>
      <c r="AQ4795">
        <v>0</v>
      </c>
      <c r="AR4795">
        <v>0</v>
      </c>
      <c r="AS4795">
        <v>0</v>
      </c>
      <c r="AT4795">
        <v>0</v>
      </c>
      <c r="AU4795">
        <v>0</v>
      </c>
      <c r="AV4795">
        <v>0</v>
      </c>
      <c r="AW4795">
        <v>0</v>
      </c>
      <c r="AX4795">
        <v>454</v>
      </c>
      <c r="AY4795">
        <v>47</v>
      </c>
      <c r="AZ4795">
        <v>96</v>
      </c>
      <c r="BA4795">
        <v>7267</v>
      </c>
    </row>
    <row r="4796" spans="1:53" x14ac:dyDescent="0.4">
      <c r="A4796">
        <v>4840</v>
      </c>
      <c r="B4796" s="1">
        <v>44676</v>
      </c>
      <c r="C4796">
        <v>1</v>
      </c>
      <c r="D4796" s="1">
        <v>44676.291666666664</v>
      </c>
      <c r="E4796" s="1">
        <v>44676.438888888886</v>
      </c>
      <c r="F4796">
        <v>0</v>
      </c>
      <c r="G4796">
        <v>0</v>
      </c>
      <c r="H4796">
        <v>0</v>
      </c>
      <c r="I4796">
        <v>0</v>
      </c>
      <c r="J4796">
        <v>0</v>
      </c>
      <c r="K4796">
        <v>0</v>
      </c>
      <c r="L4796">
        <v>0</v>
      </c>
      <c r="M4796">
        <v>0</v>
      </c>
      <c r="N4796">
        <v>0</v>
      </c>
      <c r="O4796">
        <v>0</v>
      </c>
      <c r="P4796">
        <v>0</v>
      </c>
      <c r="Q4796">
        <v>0</v>
      </c>
      <c r="R4796">
        <v>0</v>
      </c>
      <c r="S4796">
        <v>0</v>
      </c>
      <c r="T4796">
        <v>0</v>
      </c>
      <c r="U4796">
        <v>0</v>
      </c>
      <c r="V4796">
        <v>0</v>
      </c>
      <c r="W4796">
        <v>1</v>
      </c>
      <c r="X4796">
        <v>0</v>
      </c>
      <c r="Y4796">
        <v>25</v>
      </c>
      <c r="Z4796">
        <v>14</v>
      </c>
      <c r="AA4796">
        <v>106</v>
      </c>
      <c r="AB4796">
        <v>21</v>
      </c>
      <c r="AC4796">
        <v>111</v>
      </c>
      <c r="AD4796">
        <v>28</v>
      </c>
      <c r="AE4796">
        <v>100</v>
      </c>
      <c r="AF4796">
        <v>0</v>
      </c>
      <c r="AG4796">
        <v>50000</v>
      </c>
      <c r="AH4796">
        <v>50000</v>
      </c>
      <c r="AI4796">
        <v>0</v>
      </c>
      <c r="AJ4796">
        <v>0</v>
      </c>
      <c r="AK4796" t="s">
        <v>6</v>
      </c>
      <c r="AL4796">
        <v>0</v>
      </c>
      <c r="AM4796">
        <v>0</v>
      </c>
      <c r="AN4796">
        <v>0</v>
      </c>
      <c r="AO4796">
        <v>0</v>
      </c>
      <c r="AP4796">
        <v>0</v>
      </c>
      <c r="AQ4796">
        <v>0</v>
      </c>
      <c r="AR4796">
        <v>0</v>
      </c>
      <c r="AS4796">
        <v>0</v>
      </c>
      <c r="AT4796">
        <v>0</v>
      </c>
      <c r="AU4796">
        <v>0</v>
      </c>
      <c r="AV4796">
        <v>0</v>
      </c>
      <c r="AW4796">
        <v>0</v>
      </c>
      <c r="AX4796">
        <v>0</v>
      </c>
      <c r="AY4796">
        <v>0</v>
      </c>
      <c r="AZ4796">
        <v>0</v>
      </c>
      <c r="BA4796">
        <v>0</v>
      </c>
    </row>
    <row r="4797" spans="1:53" x14ac:dyDescent="0.4">
      <c r="A4797">
        <v>4841</v>
      </c>
      <c r="B4797" s="1">
        <v>44676</v>
      </c>
      <c r="C4797">
        <v>2</v>
      </c>
      <c r="D4797" s="1">
        <v>44676.438888888886</v>
      </c>
      <c r="E4797" s="1">
        <v>44676.760416666664</v>
      </c>
      <c r="F4797">
        <v>19030</v>
      </c>
      <c r="G4797">
        <v>1628</v>
      </c>
      <c r="H4797">
        <v>0</v>
      </c>
      <c r="I4797">
        <v>0</v>
      </c>
      <c r="J4797">
        <v>0</v>
      </c>
      <c r="K4797">
        <v>0</v>
      </c>
      <c r="L4797">
        <v>0</v>
      </c>
      <c r="M4797">
        <v>1879</v>
      </c>
      <c r="N4797">
        <v>0</v>
      </c>
      <c r="O4797">
        <v>0</v>
      </c>
      <c r="P4797">
        <v>10430</v>
      </c>
      <c r="Q4797">
        <v>0</v>
      </c>
      <c r="R4797">
        <v>31088</v>
      </c>
      <c r="S4797">
        <v>0</v>
      </c>
      <c r="T4797">
        <v>0</v>
      </c>
      <c r="U4797">
        <v>0</v>
      </c>
      <c r="V4797">
        <v>2</v>
      </c>
      <c r="W4797">
        <v>1</v>
      </c>
      <c r="X4797">
        <v>0</v>
      </c>
      <c r="Y4797">
        <v>33</v>
      </c>
      <c r="Z4797">
        <v>19</v>
      </c>
      <c r="AA4797">
        <v>103</v>
      </c>
      <c r="AB4797">
        <v>19</v>
      </c>
      <c r="AC4797">
        <v>124</v>
      </c>
      <c r="AD4797">
        <v>32</v>
      </c>
      <c r="AE4797">
        <v>100</v>
      </c>
      <c r="AF4797">
        <v>838</v>
      </c>
      <c r="AG4797">
        <v>81088</v>
      </c>
      <c r="AH4797">
        <v>50000</v>
      </c>
      <c r="AI4797">
        <v>0</v>
      </c>
      <c r="AJ4797">
        <v>110</v>
      </c>
      <c r="AK4797" t="s">
        <v>61</v>
      </c>
      <c r="AL4797">
        <v>0</v>
      </c>
      <c r="AM4797">
        <v>0</v>
      </c>
      <c r="AN4797">
        <v>0</v>
      </c>
      <c r="AO4797">
        <v>0</v>
      </c>
      <c r="AP4797">
        <v>0</v>
      </c>
      <c r="AQ4797">
        <v>0</v>
      </c>
      <c r="AR4797">
        <v>0</v>
      </c>
      <c r="AS4797">
        <v>0</v>
      </c>
      <c r="AT4797">
        <v>0</v>
      </c>
      <c r="AU4797">
        <v>0</v>
      </c>
      <c r="AV4797">
        <v>0</v>
      </c>
      <c r="AW4797">
        <v>0</v>
      </c>
      <c r="AX4797">
        <v>0</v>
      </c>
      <c r="AY4797">
        <v>35</v>
      </c>
      <c r="AZ4797">
        <v>51</v>
      </c>
      <c r="BA4797">
        <v>4382</v>
      </c>
    </row>
    <row r="4798" spans="1:53" x14ac:dyDescent="0.4">
      <c r="A4798">
        <v>4842</v>
      </c>
      <c r="B4798" s="1">
        <v>44676</v>
      </c>
      <c r="C4798">
        <v>3</v>
      </c>
      <c r="D4798" s="1">
        <v>44676.760416666664</v>
      </c>
      <c r="E4798" s="1">
        <v>44676.951388888891</v>
      </c>
      <c r="F4798">
        <v>23140</v>
      </c>
      <c r="G4798">
        <v>1474</v>
      </c>
      <c r="H4798">
        <v>0</v>
      </c>
      <c r="I4798">
        <v>0</v>
      </c>
      <c r="J4798">
        <v>200</v>
      </c>
      <c r="K4798">
        <v>0</v>
      </c>
      <c r="L4798">
        <v>0</v>
      </c>
      <c r="M4798">
        <v>2217</v>
      </c>
      <c r="N4798">
        <v>0</v>
      </c>
      <c r="O4798">
        <v>0</v>
      </c>
      <c r="P4798">
        <v>-10430</v>
      </c>
      <c r="Q4798">
        <v>0</v>
      </c>
      <c r="R4798">
        <v>13984</v>
      </c>
      <c r="S4798">
        <v>0</v>
      </c>
      <c r="T4798">
        <v>0</v>
      </c>
      <c r="U4798">
        <v>0</v>
      </c>
      <c r="V4798">
        <v>2</v>
      </c>
      <c r="W4798">
        <v>3</v>
      </c>
      <c r="X4798">
        <v>0</v>
      </c>
      <c r="Y4798">
        <v>34</v>
      </c>
      <c r="Z4798">
        <v>18</v>
      </c>
      <c r="AA4798">
        <v>123</v>
      </c>
      <c r="AB4798">
        <v>20</v>
      </c>
      <c r="AC4798">
        <v>131</v>
      </c>
      <c r="AD4798">
        <v>33</v>
      </c>
      <c r="AE4798">
        <v>109</v>
      </c>
      <c r="AF4798">
        <v>2188</v>
      </c>
      <c r="AG4798">
        <v>95072</v>
      </c>
      <c r="AH4798">
        <v>50000</v>
      </c>
      <c r="AI4798">
        <v>0</v>
      </c>
      <c r="AJ4798">
        <v>95</v>
      </c>
      <c r="AK4798" t="s">
        <v>21</v>
      </c>
      <c r="AL4798">
        <v>0</v>
      </c>
      <c r="AM4798">
        <v>0</v>
      </c>
      <c r="AN4798">
        <v>0</v>
      </c>
      <c r="AO4798">
        <v>0</v>
      </c>
      <c r="AP4798">
        <v>0</v>
      </c>
      <c r="AQ4798">
        <v>0</v>
      </c>
      <c r="AR4798">
        <v>0</v>
      </c>
      <c r="AS4798">
        <v>0</v>
      </c>
      <c r="AT4798">
        <v>0</v>
      </c>
      <c r="AU4798">
        <v>0</v>
      </c>
      <c r="AV4798">
        <v>0</v>
      </c>
      <c r="AW4798">
        <v>0</v>
      </c>
      <c r="AX4798">
        <v>0</v>
      </c>
      <c r="AY4798">
        <v>7</v>
      </c>
      <c r="AZ4798">
        <v>14</v>
      </c>
      <c r="BA4798">
        <v>1393</v>
      </c>
    </row>
    <row r="4799" spans="1:53" x14ac:dyDescent="0.4">
      <c r="A4799">
        <v>4843</v>
      </c>
      <c r="B4799" s="1">
        <v>44677</v>
      </c>
      <c r="C4799">
        <v>1</v>
      </c>
      <c r="D4799" s="1">
        <v>44677.291666666664</v>
      </c>
      <c r="E4799" s="1">
        <v>44677.439583333333</v>
      </c>
      <c r="F4799">
        <v>0</v>
      </c>
      <c r="G4799">
        <v>0</v>
      </c>
      <c r="H4799">
        <v>0</v>
      </c>
      <c r="I4799">
        <v>0</v>
      </c>
      <c r="J4799">
        <v>0</v>
      </c>
      <c r="K4799">
        <v>0</v>
      </c>
      <c r="L4799">
        <v>0</v>
      </c>
      <c r="M4799">
        <v>0</v>
      </c>
      <c r="N4799">
        <v>0</v>
      </c>
      <c r="O4799">
        <v>0</v>
      </c>
      <c r="P4799">
        <v>0</v>
      </c>
      <c r="Q4799">
        <v>0</v>
      </c>
      <c r="R4799">
        <v>0</v>
      </c>
      <c r="S4799">
        <v>0</v>
      </c>
      <c r="T4799">
        <v>0</v>
      </c>
      <c r="U4799">
        <v>0</v>
      </c>
      <c r="V4799">
        <v>0</v>
      </c>
      <c r="W4799">
        <v>1</v>
      </c>
      <c r="X4799">
        <v>0</v>
      </c>
      <c r="Y4799">
        <v>28</v>
      </c>
      <c r="Z4799">
        <v>12</v>
      </c>
      <c r="AA4799">
        <v>87</v>
      </c>
      <c r="AB4799">
        <v>17</v>
      </c>
      <c r="AC4799">
        <v>118</v>
      </c>
      <c r="AD4799">
        <v>33</v>
      </c>
      <c r="AE4799">
        <v>105</v>
      </c>
      <c r="AF4799">
        <v>0</v>
      </c>
      <c r="AG4799">
        <v>50000</v>
      </c>
      <c r="AH4799">
        <v>50000</v>
      </c>
      <c r="AI4799">
        <v>0</v>
      </c>
      <c r="AJ4799">
        <v>0</v>
      </c>
      <c r="AK4799" t="s">
        <v>6</v>
      </c>
      <c r="AL4799">
        <v>0</v>
      </c>
      <c r="AM4799">
        <v>0</v>
      </c>
      <c r="AN4799">
        <v>0</v>
      </c>
      <c r="AO4799">
        <v>0</v>
      </c>
      <c r="AP4799">
        <v>0</v>
      </c>
      <c r="AQ4799">
        <v>0</v>
      </c>
      <c r="AR4799">
        <v>0</v>
      </c>
      <c r="AS4799">
        <v>0</v>
      </c>
      <c r="AT4799">
        <v>0</v>
      </c>
      <c r="AU4799">
        <v>0</v>
      </c>
      <c r="AV4799">
        <v>0</v>
      </c>
      <c r="AW4799">
        <v>0</v>
      </c>
      <c r="AX4799">
        <v>0</v>
      </c>
      <c r="AY4799">
        <v>0</v>
      </c>
      <c r="AZ4799">
        <v>0</v>
      </c>
      <c r="BA4799">
        <v>0</v>
      </c>
    </row>
    <row r="4800" spans="1:53" x14ac:dyDescent="0.4">
      <c r="A4800">
        <v>4844</v>
      </c>
      <c r="B4800" s="1">
        <v>44677</v>
      </c>
      <c r="C4800">
        <v>2</v>
      </c>
      <c r="D4800" s="1">
        <v>44677.439583333333</v>
      </c>
      <c r="E4800" s="1">
        <v>44677.739583333336</v>
      </c>
      <c r="F4800">
        <v>9030</v>
      </c>
      <c r="G4800">
        <v>0</v>
      </c>
      <c r="H4800">
        <v>220</v>
      </c>
      <c r="I4800">
        <v>0</v>
      </c>
      <c r="J4800">
        <v>0</v>
      </c>
      <c r="K4800">
        <v>0</v>
      </c>
      <c r="L4800">
        <v>0</v>
      </c>
      <c r="M4800">
        <v>841</v>
      </c>
      <c r="N4800">
        <v>0</v>
      </c>
      <c r="O4800">
        <v>0</v>
      </c>
      <c r="P4800">
        <v>8730</v>
      </c>
      <c r="Q4800">
        <v>0</v>
      </c>
      <c r="R4800">
        <v>17980</v>
      </c>
      <c r="S4800">
        <v>0</v>
      </c>
      <c r="T4800">
        <v>0</v>
      </c>
      <c r="U4800">
        <v>0</v>
      </c>
      <c r="V4800">
        <v>0</v>
      </c>
      <c r="W4800">
        <v>1</v>
      </c>
      <c r="X4800">
        <v>0</v>
      </c>
      <c r="Y4800">
        <v>44</v>
      </c>
      <c r="Z4800">
        <v>15</v>
      </c>
      <c r="AA4800">
        <v>89</v>
      </c>
      <c r="AB4800">
        <v>18</v>
      </c>
      <c r="AC4800">
        <v>141</v>
      </c>
      <c r="AD4800">
        <v>33</v>
      </c>
      <c r="AE4800">
        <v>105</v>
      </c>
      <c r="AF4800">
        <v>0</v>
      </c>
      <c r="AG4800">
        <v>67980</v>
      </c>
      <c r="AH4800">
        <v>50000</v>
      </c>
      <c r="AI4800">
        <v>0</v>
      </c>
      <c r="AJ4800">
        <v>116</v>
      </c>
      <c r="AK4800" t="s">
        <v>54</v>
      </c>
      <c r="AL4800">
        <v>0</v>
      </c>
      <c r="AM4800">
        <v>0</v>
      </c>
      <c r="AN4800">
        <v>0</v>
      </c>
      <c r="AO4800">
        <v>0</v>
      </c>
      <c r="AP4800">
        <v>0</v>
      </c>
      <c r="AQ4800">
        <v>0</v>
      </c>
      <c r="AR4800">
        <v>0</v>
      </c>
      <c r="AS4800">
        <v>0</v>
      </c>
      <c r="AT4800">
        <v>0</v>
      </c>
      <c r="AU4800">
        <v>0</v>
      </c>
      <c r="AV4800">
        <v>0</v>
      </c>
      <c r="AW4800">
        <v>0</v>
      </c>
      <c r="AX4800">
        <v>-600</v>
      </c>
      <c r="AY4800">
        <v>25</v>
      </c>
      <c r="AZ4800">
        <v>30</v>
      </c>
      <c r="BA4800">
        <v>3018</v>
      </c>
    </row>
    <row r="4801" spans="1:53" x14ac:dyDescent="0.4">
      <c r="A4801">
        <v>4845</v>
      </c>
      <c r="B4801" s="1">
        <v>44677</v>
      </c>
      <c r="C4801">
        <v>3</v>
      </c>
      <c r="D4801" s="1">
        <v>44677.739583333336</v>
      </c>
      <c r="E4801" s="1">
        <v>44677.95208333333</v>
      </c>
      <c r="F4801">
        <v>15230</v>
      </c>
      <c r="G4801">
        <v>913</v>
      </c>
      <c r="H4801">
        <v>0</v>
      </c>
      <c r="I4801">
        <v>0</v>
      </c>
      <c r="J4801">
        <v>0</v>
      </c>
      <c r="K4801">
        <v>660</v>
      </c>
      <c r="L4801">
        <v>0</v>
      </c>
      <c r="M4801">
        <v>1528</v>
      </c>
      <c r="N4801">
        <v>0</v>
      </c>
      <c r="O4801">
        <v>0</v>
      </c>
      <c r="P4801">
        <v>-8730</v>
      </c>
      <c r="Q4801">
        <v>0</v>
      </c>
      <c r="R4801">
        <v>8073</v>
      </c>
      <c r="S4801">
        <v>0</v>
      </c>
      <c r="T4801">
        <v>0</v>
      </c>
      <c r="U4801">
        <v>0</v>
      </c>
      <c r="V4801">
        <v>1</v>
      </c>
      <c r="W4801">
        <v>0</v>
      </c>
      <c r="X4801">
        <v>0</v>
      </c>
      <c r="Y4801">
        <v>46</v>
      </c>
      <c r="Z4801">
        <v>17</v>
      </c>
      <c r="AA4801">
        <v>92</v>
      </c>
      <c r="AB4801">
        <v>14</v>
      </c>
      <c r="AC4801">
        <v>140</v>
      </c>
      <c r="AD4801">
        <v>30</v>
      </c>
      <c r="AE4801">
        <v>103</v>
      </c>
      <c r="AF4801">
        <v>0</v>
      </c>
      <c r="AG4801">
        <v>76053</v>
      </c>
      <c r="AH4801">
        <v>50000</v>
      </c>
      <c r="AI4801">
        <v>0</v>
      </c>
      <c r="AJ4801">
        <v>103</v>
      </c>
      <c r="AK4801" t="s">
        <v>7</v>
      </c>
      <c r="AL4801">
        <v>0</v>
      </c>
      <c r="AM4801">
        <v>0</v>
      </c>
      <c r="AN4801">
        <v>0</v>
      </c>
      <c r="AO4801">
        <v>0</v>
      </c>
      <c r="AP4801">
        <v>0</v>
      </c>
      <c r="AQ4801">
        <v>0</v>
      </c>
      <c r="AR4801">
        <v>0</v>
      </c>
      <c r="AS4801">
        <v>0</v>
      </c>
      <c r="AT4801">
        <v>0</v>
      </c>
      <c r="AU4801">
        <v>0</v>
      </c>
      <c r="AV4801">
        <v>0</v>
      </c>
      <c r="AW4801">
        <v>0</v>
      </c>
      <c r="AX4801">
        <v>0</v>
      </c>
      <c r="AY4801">
        <v>5</v>
      </c>
      <c r="AZ4801">
        <v>8</v>
      </c>
      <c r="BA4801">
        <v>1277</v>
      </c>
    </row>
    <row r="4802" spans="1:53" x14ac:dyDescent="0.4">
      <c r="A4802">
        <v>4846</v>
      </c>
      <c r="B4802" s="1">
        <v>44678</v>
      </c>
      <c r="C4802">
        <v>1</v>
      </c>
      <c r="D4802" s="1">
        <v>44678.291666666664</v>
      </c>
      <c r="E4802" s="1">
        <v>44678.740972222222</v>
      </c>
      <c r="F4802">
        <v>8650</v>
      </c>
      <c r="G4802">
        <v>0</v>
      </c>
      <c r="H4802">
        <v>0</v>
      </c>
      <c r="I4802">
        <v>0</v>
      </c>
      <c r="J4802">
        <v>0</v>
      </c>
      <c r="K4802">
        <v>0</v>
      </c>
      <c r="L4802">
        <v>0</v>
      </c>
      <c r="M4802">
        <v>788</v>
      </c>
      <c r="N4802">
        <v>0</v>
      </c>
      <c r="O4802">
        <v>0</v>
      </c>
      <c r="P4802">
        <v>17170</v>
      </c>
      <c r="Q4802">
        <v>0</v>
      </c>
      <c r="R4802">
        <v>25820</v>
      </c>
      <c r="S4802">
        <v>0</v>
      </c>
      <c r="T4802">
        <v>0</v>
      </c>
      <c r="U4802">
        <v>0</v>
      </c>
      <c r="V4802">
        <v>3</v>
      </c>
      <c r="W4802">
        <v>0</v>
      </c>
      <c r="X4802">
        <v>0</v>
      </c>
      <c r="Y4802">
        <v>24</v>
      </c>
      <c r="Z4802">
        <v>19</v>
      </c>
      <c r="AA4802">
        <v>90</v>
      </c>
      <c r="AB4802">
        <v>20</v>
      </c>
      <c r="AC4802">
        <v>147</v>
      </c>
      <c r="AD4802">
        <v>29</v>
      </c>
      <c r="AE4802">
        <v>105</v>
      </c>
      <c r="AF4802">
        <v>600</v>
      </c>
      <c r="AG4802">
        <v>75820</v>
      </c>
      <c r="AH4802">
        <v>50000</v>
      </c>
      <c r="AI4802">
        <v>0</v>
      </c>
      <c r="AJ4802">
        <v>119</v>
      </c>
      <c r="AK4802" t="s">
        <v>56</v>
      </c>
      <c r="AL4802">
        <v>0</v>
      </c>
      <c r="AM4802">
        <v>0</v>
      </c>
      <c r="AN4802">
        <v>0</v>
      </c>
      <c r="AO4802">
        <v>0</v>
      </c>
      <c r="AP4802">
        <v>0</v>
      </c>
      <c r="AQ4802">
        <v>0</v>
      </c>
      <c r="AR4802">
        <v>0</v>
      </c>
      <c r="AS4802">
        <v>0</v>
      </c>
      <c r="AT4802">
        <v>0</v>
      </c>
      <c r="AU4802">
        <v>0</v>
      </c>
      <c r="AV4802">
        <v>0</v>
      </c>
      <c r="AW4802">
        <v>0</v>
      </c>
      <c r="AX4802">
        <v>308</v>
      </c>
      <c r="AY4802">
        <v>30</v>
      </c>
      <c r="AZ4802">
        <v>42</v>
      </c>
      <c r="BA4802">
        <v>3235</v>
      </c>
    </row>
    <row r="4803" spans="1:53" x14ac:dyDescent="0.4">
      <c r="A4803">
        <v>4847</v>
      </c>
      <c r="B4803" s="1">
        <v>44679</v>
      </c>
      <c r="C4803">
        <v>1</v>
      </c>
      <c r="D4803" s="1">
        <v>44679.291666666664</v>
      </c>
      <c r="E4803" s="1">
        <v>44679.741666666669</v>
      </c>
      <c r="F4803">
        <v>15250</v>
      </c>
      <c r="G4803">
        <v>462</v>
      </c>
      <c r="H4803">
        <v>0</v>
      </c>
      <c r="I4803">
        <v>0</v>
      </c>
      <c r="J4803">
        <v>0</v>
      </c>
      <c r="K4803">
        <v>0</v>
      </c>
      <c r="L4803">
        <v>0</v>
      </c>
      <c r="M4803">
        <v>1427</v>
      </c>
      <c r="N4803">
        <v>0</v>
      </c>
      <c r="O4803">
        <v>0</v>
      </c>
      <c r="P4803">
        <v>19920</v>
      </c>
      <c r="Q4803">
        <v>0</v>
      </c>
      <c r="R4803">
        <v>35632</v>
      </c>
      <c r="S4803">
        <v>0</v>
      </c>
      <c r="T4803">
        <v>0</v>
      </c>
      <c r="U4803">
        <v>0</v>
      </c>
      <c r="V4803">
        <v>0</v>
      </c>
      <c r="W4803">
        <v>3</v>
      </c>
      <c r="X4803">
        <v>0</v>
      </c>
      <c r="Y4803">
        <v>50</v>
      </c>
      <c r="Z4803">
        <v>25</v>
      </c>
      <c r="AA4803">
        <v>59</v>
      </c>
      <c r="AB4803">
        <v>13</v>
      </c>
      <c r="AC4803">
        <v>131</v>
      </c>
      <c r="AD4803">
        <v>32</v>
      </c>
      <c r="AE4803">
        <v>112</v>
      </c>
      <c r="AF4803">
        <v>0</v>
      </c>
      <c r="AG4803">
        <v>85632</v>
      </c>
      <c r="AH4803">
        <v>50000</v>
      </c>
      <c r="AI4803">
        <v>0</v>
      </c>
      <c r="AJ4803">
        <v>119</v>
      </c>
      <c r="AK4803" t="s">
        <v>56</v>
      </c>
      <c r="AL4803">
        <v>0</v>
      </c>
      <c r="AM4803">
        <v>0</v>
      </c>
      <c r="AN4803">
        <v>0</v>
      </c>
      <c r="AO4803">
        <v>0</v>
      </c>
      <c r="AP4803">
        <v>0</v>
      </c>
      <c r="AQ4803">
        <v>0</v>
      </c>
      <c r="AR4803">
        <v>0</v>
      </c>
      <c r="AS4803">
        <v>0</v>
      </c>
      <c r="AT4803">
        <v>0</v>
      </c>
      <c r="AU4803">
        <v>0</v>
      </c>
      <c r="AV4803">
        <v>0</v>
      </c>
      <c r="AW4803">
        <v>0</v>
      </c>
      <c r="AX4803">
        <v>594</v>
      </c>
      <c r="AY4803">
        <v>34</v>
      </c>
      <c r="AZ4803">
        <v>56</v>
      </c>
      <c r="BA4803">
        <v>4571</v>
      </c>
    </row>
    <row r="4804" spans="1:53" x14ac:dyDescent="0.4">
      <c r="A4804">
        <v>4848</v>
      </c>
      <c r="B4804" s="1">
        <v>44680</v>
      </c>
      <c r="C4804">
        <v>1</v>
      </c>
      <c r="D4804" s="1">
        <v>44680.291666666664</v>
      </c>
      <c r="E4804" s="1">
        <v>44680.406944444447</v>
      </c>
      <c r="F4804">
        <v>0</v>
      </c>
      <c r="G4804">
        <v>0</v>
      </c>
      <c r="H4804">
        <v>0</v>
      </c>
      <c r="I4804">
        <v>0</v>
      </c>
      <c r="J4804">
        <v>0</v>
      </c>
      <c r="K4804">
        <v>0</v>
      </c>
      <c r="L4804">
        <v>0</v>
      </c>
      <c r="M4804">
        <v>0</v>
      </c>
      <c r="N4804">
        <v>0</v>
      </c>
      <c r="O4804">
        <v>0</v>
      </c>
      <c r="P4804">
        <v>0</v>
      </c>
      <c r="Q4804">
        <v>0</v>
      </c>
      <c r="R4804">
        <v>0</v>
      </c>
      <c r="S4804">
        <v>0</v>
      </c>
      <c r="T4804">
        <v>0</v>
      </c>
      <c r="U4804">
        <v>0</v>
      </c>
      <c r="V4804">
        <v>0</v>
      </c>
      <c r="W4804">
        <v>1</v>
      </c>
      <c r="X4804">
        <v>0</v>
      </c>
      <c r="Y4804">
        <v>29</v>
      </c>
      <c r="Z4804">
        <v>15</v>
      </c>
      <c r="AA4804">
        <v>67</v>
      </c>
      <c r="AB4804">
        <v>9</v>
      </c>
      <c r="AC4804">
        <v>117</v>
      </c>
      <c r="AD4804">
        <v>15</v>
      </c>
      <c r="AE4804">
        <v>105</v>
      </c>
      <c r="AF4804">
        <v>0</v>
      </c>
      <c r="AG4804">
        <v>50000</v>
      </c>
      <c r="AH4804">
        <v>50000</v>
      </c>
      <c r="AI4804">
        <v>0</v>
      </c>
      <c r="AJ4804">
        <v>0</v>
      </c>
      <c r="AK4804" t="s">
        <v>6</v>
      </c>
      <c r="AL4804">
        <v>0</v>
      </c>
      <c r="AM4804">
        <v>0</v>
      </c>
      <c r="AN4804">
        <v>0</v>
      </c>
      <c r="AO4804">
        <v>0</v>
      </c>
      <c r="AP4804">
        <v>0</v>
      </c>
      <c r="AQ4804">
        <v>0</v>
      </c>
      <c r="AR4804">
        <v>0</v>
      </c>
      <c r="AS4804">
        <v>0</v>
      </c>
      <c r="AT4804">
        <v>0</v>
      </c>
      <c r="AU4804">
        <v>0</v>
      </c>
      <c r="AV4804">
        <v>0</v>
      </c>
      <c r="AW4804">
        <v>0</v>
      </c>
      <c r="AX4804">
        <v>0</v>
      </c>
      <c r="AY4804">
        <v>0</v>
      </c>
      <c r="AZ4804">
        <v>0</v>
      </c>
      <c r="BA4804">
        <v>0</v>
      </c>
    </row>
    <row r="4805" spans="1:53" x14ac:dyDescent="0.4">
      <c r="A4805">
        <v>4849</v>
      </c>
      <c r="B4805" s="1">
        <v>44680</v>
      </c>
      <c r="C4805">
        <v>2</v>
      </c>
      <c r="D4805" s="1">
        <v>44680.406944444447</v>
      </c>
      <c r="E4805" s="1">
        <v>44680.773611111108</v>
      </c>
      <c r="F4805">
        <v>51155</v>
      </c>
      <c r="G4805">
        <v>3586</v>
      </c>
      <c r="H4805">
        <v>0</v>
      </c>
      <c r="I4805">
        <v>0</v>
      </c>
      <c r="J4805">
        <v>100</v>
      </c>
      <c r="K4805">
        <v>0</v>
      </c>
      <c r="L4805">
        <v>0</v>
      </c>
      <c r="M4805">
        <v>4969</v>
      </c>
      <c r="N4805">
        <v>0</v>
      </c>
      <c r="O4805">
        <v>0</v>
      </c>
      <c r="P4805">
        <v>9860</v>
      </c>
      <c r="Q4805">
        <v>0</v>
      </c>
      <c r="R4805">
        <v>64501</v>
      </c>
      <c r="S4805">
        <v>0</v>
      </c>
      <c r="T4805">
        <v>0</v>
      </c>
      <c r="U4805">
        <v>0</v>
      </c>
      <c r="V4805">
        <v>3</v>
      </c>
      <c r="W4805">
        <v>0</v>
      </c>
      <c r="X4805">
        <v>0</v>
      </c>
      <c r="Y4805">
        <v>58</v>
      </c>
      <c r="Z4805">
        <v>38</v>
      </c>
      <c r="AA4805">
        <v>44</v>
      </c>
      <c r="AB4805">
        <v>16</v>
      </c>
      <c r="AC4805">
        <v>159</v>
      </c>
      <c r="AD4805">
        <v>14</v>
      </c>
      <c r="AE4805">
        <v>111</v>
      </c>
      <c r="AF4805">
        <v>530</v>
      </c>
      <c r="AG4805">
        <v>114501</v>
      </c>
      <c r="AH4805">
        <v>50000</v>
      </c>
      <c r="AI4805">
        <v>0</v>
      </c>
      <c r="AJ4805">
        <v>118</v>
      </c>
      <c r="AK4805" t="s">
        <v>59</v>
      </c>
      <c r="AL4805">
        <v>0</v>
      </c>
      <c r="AM4805">
        <v>0</v>
      </c>
      <c r="AN4805">
        <v>0</v>
      </c>
      <c r="AO4805">
        <v>0</v>
      </c>
      <c r="AP4805">
        <v>0</v>
      </c>
      <c r="AQ4805">
        <v>0</v>
      </c>
      <c r="AR4805">
        <v>0</v>
      </c>
      <c r="AS4805">
        <v>0</v>
      </c>
      <c r="AT4805">
        <v>0</v>
      </c>
      <c r="AU4805">
        <v>0</v>
      </c>
      <c r="AV4805">
        <v>0</v>
      </c>
      <c r="AW4805">
        <v>0</v>
      </c>
      <c r="AX4805">
        <v>1188</v>
      </c>
      <c r="AY4805">
        <v>48</v>
      </c>
      <c r="AZ4805">
        <v>102</v>
      </c>
      <c r="BA4805">
        <v>7250</v>
      </c>
    </row>
    <row r="4806" spans="1:53" x14ac:dyDescent="0.4">
      <c r="A4806">
        <v>4850</v>
      </c>
      <c r="B4806" s="1">
        <v>44680</v>
      </c>
      <c r="C4806">
        <v>3</v>
      </c>
      <c r="D4806" s="1">
        <v>44680.773611111108</v>
      </c>
      <c r="E4806" s="1">
        <v>44681.006944444445</v>
      </c>
      <c r="F4806">
        <v>50540</v>
      </c>
      <c r="G4806">
        <v>1188</v>
      </c>
      <c r="H4806">
        <v>0</v>
      </c>
      <c r="I4806">
        <v>0</v>
      </c>
      <c r="J4806">
        <v>0</v>
      </c>
      <c r="K4806">
        <v>0</v>
      </c>
      <c r="L4806">
        <v>0</v>
      </c>
      <c r="M4806">
        <v>4702</v>
      </c>
      <c r="N4806">
        <v>0</v>
      </c>
      <c r="O4806">
        <v>0</v>
      </c>
      <c r="P4806">
        <v>14980</v>
      </c>
      <c r="Q4806">
        <v>0</v>
      </c>
      <c r="R4806">
        <v>66708</v>
      </c>
      <c r="S4806">
        <v>0</v>
      </c>
      <c r="T4806">
        <v>0</v>
      </c>
      <c r="U4806">
        <v>0</v>
      </c>
      <c r="V4806">
        <v>7</v>
      </c>
      <c r="W4806">
        <v>1</v>
      </c>
      <c r="X4806">
        <v>0</v>
      </c>
      <c r="Y4806">
        <v>74</v>
      </c>
      <c r="Z4806">
        <v>39</v>
      </c>
      <c r="AA4806">
        <v>61</v>
      </c>
      <c r="AB4806">
        <v>29</v>
      </c>
      <c r="AC4806">
        <v>171</v>
      </c>
      <c r="AD4806">
        <v>14</v>
      </c>
      <c r="AE4806">
        <v>110</v>
      </c>
      <c r="AF4806">
        <v>3269</v>
      </c>
      <c r="AG4806">
        <v>181209</v>
      </c>
      <c r="AH4806">
        <v>50000</v>
      </c>
      <c r="AI4806">
        <v>0</v>
      </c>
      <c r="AJ4806">
        <v>103</v>
      </c>
      <c r="AK4806" t="s">
        <v>7</v>
      </c>
      <c r="AL4806">
        <v>0</v>
      </c>
      <c r="AM4806">
        <v>0</v>
      </c>
      <c r="AN4806">
        <v>0</v>
      </c>
      <c r="AO4806">
        <v>0</v>
      </c>
      <c r="AP4806">
        <v>0</v>
      </c>
      <c r="AQ4806">
        <v>0</v>
      </c>
      <c r="AR4806">
        <v>0</v>
      </c>
      <c r="AS4806">
        <v>0</v>
      </c>
      <c r="AT4806">
        <v>0</v>
      </c>
      <c r="AU4806">
        <v>0</v>
      </c>
      <c r="AV4806">
        <v>0</v>
      </c>
      <c r="AW4806">
        <v>0</v>
      </c>
      <c r="AX4806">
        <v>59135</v>
      </c>
      <c r="AY4806">
        <v>17</v>
      </c>
      <c r="AZ4806">
        <v>40</v>
      </c>
      <c r="BA4806">
        <v>2792</v>
      </c>
    </row>
    <row r="4807" spans="1:53" x14ac:dyDescent="0.4">
      <c r="A4807">
        <v>4851</v>
      </c>
      <c r="B4807" s="1">
        <v>44681</v>
      </c>
      <c r="C4807">
        <v>1</v>
      </c>
      <c r="D4807" s="1">
        <v>44681.291666666664</v>
      </c>
      <c r="E4807" s="1">
        <v>44681.408333333333</v>
      </c>
      <c r="F4807">
        <v>0</v>
      </c>
      <c r="G4807">
        <v>0</v>
      </c>
      <c r="H4807">
        <v>0</v>
      </c>
      <c r="I4807">
        <v>0</v>
      </c>
      <c r="J4807">
        <v>0</v>
      </c>
      <c r="K4807">
        <v>0</v>
      </c>
      <c r="L4807">
        <v>0</v>
      </c>
      <c r="M4807">
        <v>0</v>
      </c>
      <c r="N4807">
        <v>0</v>
      </c>
      <c r="O4807">
        <v>0</v>
      </c>
      <c r="P4807">
        <v>0</v>
      </c>
      <c r="Q4807">
        <v>0</v>
      </c>
      <c r="R4807">
        <v>0</v>
      </c>
      <c r="S4807">
        <v>0</v>
      </c>
      <c r="T4807">
        <v>0</v>
      </c>
      <c r="U4807">
        <v>0</v>
      </c>
      <c r="V4807">
        <v>0</v>
      </c>
      <c r="W4807">
        <v>1</v>
      </c>
      <c r="X4807">
        <v>0</v>
      </c>
      <c r="Y4807">
        <v>30</v>
      </c>
      <c r="Z4807">
        <v>12</v>
      </c>
      <c r="AA4807">
        <v>61</v>
      </c>
      <c r="AB4807">
        <v>27</v>
      </c>
      <c r="AC4807">
        <v>137</v>
      </c>
      <c r="AD4807">
        <v>14</v>
      </c>
      <c r="AE4807">
        <v>110</v>
      </c>
      <c r="AF4807">
        <v>0</v>
      </c>
      <c r="AG4807">
        <v>50000</v>
      </c>
      <c r="AH4807">
        <v>50000</v>
      </c>
      <c r="AI4807">
        <v>0</v>
      </c>
      <c r="AJ4807">
        <v>0</v>
      </c>
      <c r="AK4807" t="s">
        <v>6</v>
      </c>
      <c r="AL4807">
        <v>0</v>
      </c>
      <c r="AM4807">
        <v>0</v>
      </c>
      <c r="AN4807">
        <v>0</v>
      </c>
      <c r="AO4807">
        <v>0</v>
      </c>
      <c r="AP4807">
        <v>0</v>
      </c>
      <c r="AQ4807">
        <v>0</v>
      </c>
      <c r="AR4807">
        <v>0</v>
      </c>
      <c r="AS4807">
        <v>0</v>
      </c>
      <c r="AT4807">
        <v>0</v>
      </c>
      <c r="AU4807">
        <v>0</v>
      </c>
      <c r="AV4807">
        <v>0</v>
      </c>
      <c r="AW4807">
        <v>0</v>
      </c>
      <c r="AX4807">
        <v>0</v>
      </c>
      <c r="AY4807">
        <v>0</v>
      </c>
      <c r="AZ4807">
        <v>0</v>
      </c>
      <c r="BA4807">
        <v>0</v>
      </c>
    </row>
    <row r="4808" spans="1:53" x14ac:dyDescent="0.4">
      <c r="A4808">
        <v>4852</v>
      </c>
      <c r="B4808" s="1">
        <v>44681</v>
      </c>
      <c r="C4808">
        <v>2</v>
      </c>
      <c r="D4808" s="1">
        <v>44681.408333333333</v>
      </c>
      <c r="E4808" s="1">
        <v>44681.751388888886</v>
      </c>
      <c r="F4808">
        <v>43720</v>
      </c>
      <c r="G4808">
        <v>5060</v>
      </c>
      <c r="H4808">
        <v>0</v>
      </c>
      <c r="I4808">
        <v>0</v>
      </c>
      <c r="J4808">
        <v>0</v>
      </c>
      <c r="K4808">
        <v>0</v>
      </c>
      <c r="L4808">
        <v>0</v>
      </c>
      <c r="M4808">
        <v>4434</v>
      </c>
      <c r="N4808">
        <v>0</v>
      </c>
      <c r="O4808">
        <v>0</v>
      </c>
      <c r="P4808">
        <v>17025</v>
      </c>
      <c r="Q4808">
        <v>0</v>
      </c>
      <c r="R4808">
        <v>65805</v>
      </c>
      <c r="S4808">
        <v>0</v>
      </c>
      <c r="T4808">
        <v>0</v>
      </c>
      <c r="U4808">
        <v>0</v>
      </c>
      <c r="V4808">
        <v>3</v>
      </c>
      <c r="W4808">
        <v>0</v>
      </c>
      <c r="X4808">
        <v>0</v>
      </c>
      <c r="Y4808">
        <v>52</v>
      </c>
      <c r="Z4808">
        <v>24</v>
      </c>
      <c r="AA4808">
        <v>84</v>
      </c>
      <c r="AB4808">
        <v>37</v>
      </c>
      <c r="AC4808">
        <v>168</v>
      </c>
      <c r="AD4808">
        <v>15</v>
      </c>
      <c r="AE4808">
        <v>123</v>
      </c>
      <c r="AF4808">
        <v>9677</v>
      </c>
      <c r="AG4808">
        <v>115805</v>
      </c>
      <c r="AH4808">
        <v>50000</v>
      </c>
      <c r="AI4808">
        <v>0</v>
      </c>
      <c r="AJ4808">
        <v>119</v>
      </c>
      <c r="AK4808" t="s">
        <v>56</v>
      </c>
      <c r="AL4808">
        <v>0</v>
      </c>
      <c r="AM4808">
        <v>0</v>
      </c>
      <c r="AN4808">
        <v>0</v>
      </c>
      <c r="AO4808">
        <v>0</v>
      </c>
      <c r="AP4808">
        <v>0</v>
      </c>
      <c r="AQ4808">
        <v>0</v>
      </c>
      <c r="AR4808">
        <v>0</v>
      </c>
      <c r="AS4808">
        <v>0</v>
      </c>
      <c r="AT4808">
        <v>0</v>
      </c>
      <c r="AU4808">
        <v>0</v>
      </c>
      <c r="AV4808">
        <v>0</v>
      </c>
      <c r="AW4808">
        <v>0</v>
      </c>
      <c r="AX4808">
        <v>-26</v>
      </c>
      <c r="AY4808">
        <v>51</v>
      </c>
      <c r="AZ4808">
        <v>96</v>
      </c>
      <c r="BA4808">
        <v>7707</v>
      </c>
    </row>
    <row r="4809" spans="1:53" x14ac:dyDescent="0.4">
      <c r="A4809">
        <v>4853</v>
      </c>
      <c r="B4809" s="1">
        <v>44681</v>
      </c>
      <c r="C4809">
        <v>3</v>
      </c>
      <c r="D4809" s="1">
        <v>44681.751388888886</v>
      </c>
      <c r="E4809" s="1">
        <v>44682.020138888889</v>
      </c>
      <c r="F4809">
        <v>154685</v>
      </c>
      <c r="G4809">
        <v>6952</v>
      </c>
      <c r="H4809">
        <v>0</v>
      </c>
      <c r="I4809">
        <v>0</v>
      </c>
      <c r="J4809">
        <v>100</v>
      </c>
      <c r="K4809">
        <v>2880</v>
      </c>
      <c r="L4809">
        <v>0</v>
      </c>
      <c r="M4809">
        <v>14946</v>
      </c>
      <c r="N4809">
        <v>0</v>
      </c>
      <c r="O4809">
        <v>0</v>
      </c>
      <c r="P4809">
        <v>79675</v>
      </c>
      <c r="Q4809">
        <v>0</v>
      </c>
      <c r="R4809">
        <v>244092</v>
      </c>
      <c r="S4809">
        <v>0</v>
      </c>
      <c r="T4809">
        <v>0</v>
      </c>
      <c r="U4809">
        <v>0</v>
      </c>
      <c r="V4809">
        <v>18</v>
      </c>
      <c r="W4809">
        <v>6</v>
      </c>
      <c r="X4809">
        <v>0</v>
      </c>
      <c r="Y4809">
        <v>75</v>
      </c>
      <c r="Z4809">
        <v>25</v>
      </c>
      <c r="AA4809">
        <v>94</v>
      </c>
      <c r="AB4809">
        <v>36</v>
      </c>
      <c r="AC4809">
        <v>169</v>
      </c>
      <c r="AD4809">
        <v>17</v>
      </c>
      <c r="AE4809">
        <v>131</v>
      </c>
      <c r="AF4809">
        <v>49291</v>
      </c>
      <c r="AG4809">
        <v>359897</v>
      </c>
      <c r="AH4809">
        <v>50000</v>
      </c>
      <c r="AI4809">
        <v>0</v>
      </c>
      <c r="AJ4809">
        <v>103</v>
      </c>
      <c r="AK4809" t="s">
        <v>7</v>
      </c>
      <c r="AL4809">
        <v>0</v>
      </c>
      <c r="AM4809">
        <v>0</v>
      </c>
      <c r="AN4809">
        <v>0</v>
      </c>
      <c r="AO4809">
        <v>0</v>
      </c>
      <c r="AP4809">
        <v>0</v>
      </c>
      <c r="AQ4809">
        <v>0</v>
      </c>
      <c r="AR4809">
        <v>0</v>
      </c>
      <c r="AS4809">
        <v>0</v>
      </c>
      <c r="AT4809">
        <v>0</v>
      </c>
      <c r="AU4809">
        <v>0</v>
      </c>
      <c r="AV4809">
        <v>0</v>
      </c>
      <c r="AW4809">
        <v>0</v>
      </c>
      <c r="AX4809">
        <v>9048</v>
      </c>
      <c r="AY4809">
        <v>26</v>
      </c>
      <c r="AZ4809">
        <v>96</v>
      </c>
      <c r="BA4809">
        <v>4559</v>
      </c>
    </row>
    <row r="4810" spans="1:53" x14ac:dyDescent="0.4">
      <c r="A4810">
        <v>4854</v>
      </c>
      <c r="B4810" s="1">
        <v>44682</v>
      </c>
      <c r="C4810">
        <v>1</v>
      </c>
      <c r="D4810" s="1">
        <v>44682.291666666664</v>
      </c>
      <c r="E4810" s="1">
        <v>44682.392361111109</v>
      </c>
      <c r="F4810">
        <v>0</v>
      </c>
      <c r="G4810">
        <v>0</v>
      </c>
      <c r="H4810">
        <v>0</v>
      </c>
      <c r="I4810">
        <v>0</v>
      </c>
      <c r="J4810">
        <v>0</v>
      </c>
      <c r="K4810">
        <v>0</v>
      </c>
      <c r="L4810">
        <v>0</v>
      </c>
      <c r="M4810">
        <v>0</v>
      </c>
      <c r="N4810">
        <v>0</v>
      </c>
      <c r="O4810">
        <v>0</v>
      </c>
      <c r="P4810">
        <v>0</v>
      </c>
      <c r="Q4810">
        <v>0</v>
      </c>
      <c r="R4810">
        <v>0</v>
      </c>
      <c r="S4810">
        <v>0</v>
      </c>
      <c r="T4810">
        <v>0</v>
      </c>
      <c r="U4810">
        <v>0</v>
      </c>
      <c r="V4810">
        <v>0</v>
      </c>
      <c r="W4810">
        <v>1</v>
      </c>
      <c r="X4810">
        <v>0</v>
      </c>
      <c r="Y4810">
        <v>25</v>
      </c>
      <c r="Z4810">
        <v>11</v>
      </c>
      <c r="AA4810">
        <v>112</v>
      </c>
      <c r="AB4810">
        <v>34</v>
      </c>
      <c r="AC4810">
        <v>138</v>
      </c>
      <c r="AD4810">
        <v>17</v>
      </c>
      <c r="AE4810">
        <v>135</v>
      </c>
      <c r="AF4810">
        <v>0</v>
      </c>
      <c r="AG4810">
        <v>50000</v>
      </c>
      <c r="AH4810">
        <v>50000</v>
      </c>
      <c r="AI4810">
        <v>0</v>
      </c>
      <c r="AJ4810">
        <v>0</v>
      </c>
      <c r="AK4810" t="s">
        <v>6</v>
      </c>
      <c r="AL4810">
        <v>0</v>
      </c>
      <c r="AM4810">
        <v>0</v>
      </c>
      <c r="AN4810">
        <v>0</v>
      </c>
      <c r="AO4810">
        <v>0</v>
      </c>
      <c r="AP4810">
        <v>0</v>
      </c>
      <c r="AQ4810">
        <v>0</v>
      </c>
      <c r="AR4810">
        <v>0</v>
      </c>
      <c r="AS4810">
        <v>0</v>
      </c>
      <c r="AT4810">
        <v>0</v>
      </c>
      <c r="AU4810">
        <v>0</v>
      </c>
      <c r="AV4810">
        <v>0</v>
      </c>
      <c r="AW4810">
        <v>0</v>
      </c>
      <c r="AX4810">
        <v>0</v>
      </c>
      <c r="AY4810">
        <v>0</v>
      </c>
      <c r="AZ4810">
        <v>0</v>
      </c>
      <c r="BA4810">
        <v>0</v>
      </c>
    </row>
    <row r="4811" spans="1:53" x14ac:dyDescent="0.4">
      <c r="A4811">
        <v>4855</v>
      </c>
      <c r="B4811" s="1">
        <v>44682</v>
      </c>
      <c r="C4811">
        <v>2</v>
      </c>
      <c r="D4811" s="1">
        <v>44682.392361111109</v>
      </c>
      <c r="E4811" s="1">
        <v>44682.738194444442</v>
      </c>
      <c r="F4811">
        <v>49230</v>
      </c>
      <c r="G4811">
        <v>880</v>
      </c>
      <c r="H4811">
        <v>0</v>
      </c>
      <c r="I4811">
        <v>0</v>
      </c>
      <c r="J4811">
        <v>0</v>
      </c>
      <c r="K4811">
        <v>800</v>
      </c>
      <c r="L4811">
        <v>0</v>
      </c>
      <c r="M4811">
        <v>4625</v>
      </c>
      <c r="N4811">
        <v>0</v>
      </c>
      <c r="O4811">
        <v>0</v>
      </c>
      <c r="P4811">
        <v>20710</v>
      </c>
      <c r="Q4811">
        <v>0</v>
      </c>
      <c r="R4811">
        <v>71620</v>
      </c>
      <c r="S4811">
        <v>0</v>
      </c>
      <c r="T4811">
        <v>0</v>
      </c>
      <c r="U4811">
        <v>0</v>
      </c>
      <c r="V4811">
        <v>1</v>
      </c>
      <c r="W4811">
        <v>4</v>
      </c>
      <c r="X4811">
        <v>0</v>
      </c>
      <c r="Y4811">
        <v>60</v>
      </c>
      <c r="Z4811">
        <v>25</v>
      </c>
      <c r="AA4811">
        <v>130</v>
      </c>
      <c r="AB4811">
        <v>33</v>
      </c>
      <c r="AC4811">
        <v>168</v>
      </c>
      <c r="AD4811">
        <v>19</v>
      </c>
      <c r="AE4811">
        <v>135</v>
      </c>
      <c r="AF4811">
        <v>2560</v>
      </c>
      <c r="AG4811">
        <v>121620</v>
      </c>
      <c r="AH4811">
        <v>50000</v>
      </c>
      <c r="AI4811">
        <v>0</v>
      </c>
      <c r="AJ4811">
        <v>103</v>
      </c>
      <c r="AK4811" t="s">
        <v>7</v>
      </c>
      <c r="AL4811">
        <v>0</v>
      </c>
      <c r="AM4811">
        <v>0</v>
      </c>
      <c r="AN4811">
        <v>0</v>
      </c>
      <c r="AO4811">
        <v>0</v>
      </c>
      <c r="AP4811">
        <v>0</v>
      </c>
      <c r="AQ4811">
        <v>0</v>
      </c>
      <c r="AR4811">
        <v>0</v>
      </c>
      <c r="AS4811">
        <v>0</v>
      </c>
      <c r="AT4811">
        <v>0</v>
      </c>
      <c r="AU4811">
        <v>0</v>
      </c>
      <c r="AV4811">
        <v>0</v>
      </c>
      <c r="AW4811">
        <v>0</v>
      </c>
      <c r="AX4811">
        <v>308</v>
      </c>
      <c r="AY4811">
        <v>54</v>
      </c>
      <c r="AZ4811">
        <v>115</v>
      </c>
      <c r="BA4811">
        <v>7985</v>
      </c>
    </row>
    <row r="4812" spans="1:53" x14ac:dyDescent="0.4">
      <c r="A4812">
        <v>4856</v>
      </c>
      <c r="B4812" s="1">
        <v>44682</v>
      </c>
      <c r="C4812">
        <v>3</v>
      </c>
      <c r="D4812" s="1">
        <v>44682.738194444442</v>
      </c>
      <c r="E4812" s="1">
        <v>44683.164583333331</v>
      </c>
      <c r="F4812">
        <v>128530</v>
      </c>
      <c r="G4812">
        <v>7106</v>
      </c>
      <c r="H4812">
        <v>0</v>
      </c>
      <c r="I4812">
        <v>0</v>
      </c>
      <c r="J4812">
        <v>200</v>
      </c>
      <c r="K4812">
        <v>0</v>
      </c>
      <c r="L4812">
        <v>0</v>
      </c>
      <c r="M4812">
        <v>12312</v>
      </c>
      <c r="N4812">
        <v>0</v>
      </c>
      <c r="O4812">
        <v>0</v>
      </c>
      <c r="P4812">
        <v>5485</v>
      </c>
      <c r="Q4812">
        <v>0</v>
      </c>
      <c r="R4812">
        <v>140921</v>
      </c>
      <c r="S4812">
        <v>0</v>
      </c>
      <c r="T4812">
        <v>0</v>
      </c>
      <c r="U4812">
        <v>0</v>
      </c>
      <c r="V4812">
        <v>7</v>
      </c>
      <c r="W4812">
        <v>9</v>
      </c>
      <c r="X4812">
        <v>0</v>
      </c>
      <c r="Y4812">
        <v>97</v>
      </c>
      <c r="Z4812">
        <v>29</v>
      </c>
      <c r="AA4812">
        <v>116</v>
      </c>
      <c r="AB4812">
        <v>27</v>
      </c>
      <c r="AC4812">
        <v>156</v>
      </c>
      <c r="AD4812">
        <v>17</v>
      </c>
      <c r="AE4812">
        <v>126</v>
      </c>
      <c r="AF4812">
        <v>21320</v>
      </c>
      <c r="AG4812">
        <v>262541</v>
      </c>
      <c r="AH4812">
        <v>50000</v>
      </c>
      <c r="AI4812">
        <v>0</v>
      </c>
      <c r="AJ4812">
        <v>108</v>
      </c>
      <c r="AK4812" t="s">
        <v>3</v>
      </c>
      <c r="AL4812">
        <v>0</v>
      </c>
      <c r="AM4812">
        <v>0</v>
      </c>
      <c r="AN4812">
        <v>0</v>
      </c>
      <c r="AO4812">
        <v>0</v>
      </c>
      <c r="AP4812">
        <v>0</v>
      </c>
      <c r="AQ4812">
        <v>0</v>
      </c>
      <c r="AR4812">
        <v>0</v>
      </c>
      <c r="AS4812">
        <v>0</v>
      </c>
      <c r="AT4812">
        <v>0</v>
      </c>
      <c r="AU4812">
        <v>0</v>
      </c>
      <c r="AV4812">
        <v>0</v>
      </c>
      <c r="AW4812">
        <v>0</v>
      </c>
      <c r="AX4812">
        <v>1914</v>
      </c>
      <c r="AY4812">
        <v>27</v>
      </c>
      <c r="AZ4812">
        <v>66</v>
      </c>
      <c r="BA4812">
        <v>5250</v>
      </c>
    </row>
    <row r="4813" spans="1:53" x14ac:dyDescent="0.4">
      <c r="A4813">
        <v>4857</v>
      </c>
      <c r="B4813" s="1">
        <v>44683</v>
      </c>
      <c r="C4813">
        <v>1</v>
      </c>
      <c r="D4813" s="1">
        <v>44683.291666666664</v>
      </c>
      <c r="E4813" s="1">
        <v>44683.40902777778</v>
      </c>
      <c r="F4813">
        <v>0</v>
      </c>
      <c r="G4813">
        <v>0</v>
      </c>
      <c r="H4813">
        <v>0</v>
      </c>
      <c r="I4813">
        <v>0</v>
      </c>
      <c r="J4813">
        <v>0</v>
      </c>
      <c r="K4813">
        <v>0</v>
      </c>
      <c r="L4813">
        <v>0</v>
      </c>
      <c r="M4813">
        <v>0</v>
      </c>
      <c r="N4813">
        <v>0</v>
      </c>
      <c r="O4813">
        <v>0</v>
      </c>
      <c r="P4813">
        <v>0</v>
      </c>
      <c r="Q4813">
        <v>0</v>
      </c>
      <c r="R4813">
        <v>0</v>
      </c>
      <c r="S4813">
        <v>0</v>
      </c>
      <c r="T4813">
        <v>0</v>
      </c>
      <c r="U4813">
        <v>0</v>
      </c>
      <c r="V4813">
        <v>0</v>
      </c>
      <c r="W4813">
        <v>1</v>
      </c>
      <c r="X4813">
        <v>0</v>
      </c>
      <c r="Y4813">
        <v>25</v>
      </c>
      <c r="Z4813">
        <v>12</v>
      </c>
      <c r="AA4813">
        <v>113</v>
      </c>
      <c r="AB4813">
        <v>28</v>
      </c>
      <c r="AC4813">
        <v>109</v>
      </c>
      <c r="AD4813">
        <v>17</v>
      </c>
      <c r="AE4813">
        <v>125</v>
      </c>
      <c r="AF4813">
        <v>0</v>
      </c>
      <c r="AG4813">
        <v>50000</v>
      </c>
      <c r="AH4813">
        <v>50000</v>
      </c>
      <c r="AI4813">
        <v>0</v>
      </c>
      <c r="AJ4813">
        <v>0</v>
      </c>
      <c r="AK4813" t="s">
        <v>6</v>
      </c>
      <c r="AL4813">
        <v>0</v>
      </c>
      <c r="AM4813">
        <v>0</v>
      </c>
      <c r="AN4813">
        <v>0</v>
      </c>
      <c r="AO4813">
        <v>0</v>
      </c>
      <c r="AP4813">
        <v>0</v>
      </c>
      <c r="AQ4813">
        <v>0</v>
      </c>
      <c r="AR4813">
        <v>0</v>
      </c>
      <c r="AS4813">
        <v>0</v>
      </c>
      <c r="AT4813">
        <v>0</v>
      </c>
      <c r="AU4813">
        <v>0</v>
      </c>
      <c r="AV4813">
        <v>0</v>
      </c>
      <c r="AW4813">
        <v>0</v>
      </c>
      <c r="AX4813">
        <v>0</v>
      </c>
      <c r="AY4813">
        <v>0</v>
      </c>
      <c r="AZ4813">
        <v>0</v>
      </c>
      <c r="BA4813">
        <v>0</v>
      </c>
    </row>
    <row r="4814" spans="1:53" x14ac:dyDescent="0.4">
      <c r="A4814">
        <v>4858</v>
      </c>
      <c r="B4814" s="1">
        <v>44683</v>
      </c>
      <c r="C4814">
        <v>2</v>
      </c>
      <c r="D4814" s="1">
        <v>44683.40902777778</v>
      </c>
      <c r="E4814" s="1">
        <v>44683.822916666664</v>
      </c>
      <c r="F4814">
        <v>48040</v>
      </c>
      <c r="G4814">
        <v>4378</v>
      </c>
      <c r="H4814">
        <v>0</v>
      </c>
      <c r="I4814">
        <v>0</v>
      </c>
      <c r="J4814">
        <v>0</v>
      </c>
      <c r="K4814">
        <v>0</v>
      </c>
      <c r="L4814">
        <v>0</v>
      </c>
      <c r="M4814">
        <v>4765</v>
      </c>
      <c r="N4814">
        <v>0</v>
      </c>
      <c r="O4814">
        <v>0</v>
      </c>
      <c r="P4814">
        <v>7610</v>
      </c>
      <c r="Q4814">
        <v>0</v>
      </c>
      <c r="R4814">
        <v>60028</v>
      </c>
      <c r="S4814">
        <v>0</v>
      </c>
      <c r="T4814">
        <v>0</v>
      </c>
      <c r="U4814">
        <v>0</v>
      </c>
      <c r="V4814">
        <v>4</v>
      </c>
      <c r="W4814">
        <v>0</v>
      </c>
      <c r="X4814">
        <v>0</v>
      </c>
      <c r="Y4814">
        <v>44</v>
      </c>
      <c r="Z4814">
        <v>22</v>
      </c>
      <c r="AA4814">
        <v>86</v>
      </c>
      <c r="AB4814">
        <v>32</v>
      </c>
      <c r="AC4814">
        <v>110</v>
      </c>
      <c r="AD4814">
        <v>20</v>
      </c>
      <c r="AE4814">
        <v>142</v>
      </c>
      <c r="AF4814">
        <v>3486</v>
      </c>
      <c r="AG4814">
        <v>110028</v>
      </c>
      <c r="AH4814">
        <v>50000</v>
      </c>
      <c r="AI4814">
        <v>0</v>
      </c>
      <c r="AJ4814">
        <v>108</v>
      </c>
      <c r="AK4814" t="s">
        <v>3</v>
      </c>
      <c r="AL4814">
        <v>0</v>
      </c>
      <c r="AM4814">
        <v>0</v>
      </c>
      <c r="AN4814">
        <v>0</v>
      </c>
      <c r="AO4814">
        <v>0</v>
      </c>
      <c r="AP4814">
        <v>0</v>
      </c>
      <c r="AQ4814">
        <v>0</v>
      </c>
      <c r="AR4814">
        <v>0</v>
      </c>
      <c r="AS4814">
        <v>0</v>
      </c>
      <c r="AT4814">
        <v>0</v>
      </c>
      <c r="AU4814">
        <v>0</v>
      </c>
      <c r="AV4814">
        <v>0</v>
      </c>
      <c r="AW4814">
        <v>0</v>
      </c>
      <c r="AX4814">
        <v>11548</v>
      </c>
      <c r="AY4814">
        <v>55</v>
      </c>
      <c r="AZ4814">
        <v>102</v>
      </c>
      <c r="BA4814">
        <v>8099</v>
      </c>
    </row>
    <row r="4815" spans="1:53" x14ac:dyDescent="0.4">
      <c r="A4815">
        <v>4859</v>
      </c>
      <c r="B4815" s="1">
        <v>44684</v>
      </c>
      <c r="C4815">
        <v>1</v>
      </c>
      <c r="D4815" s="1">
        <v>44684.291666666664</v>
      </c>
      <c r="E4815" s="1">
        <v>44684.411111111112</v>
      </c>
      <c r="F4815">
        <v>0</v>
      </c>
      <c r="G4815">
        <v>0</v>
      </c>
      <c r="H4815">
        <v>0</v>
      </c>
      <c r="I4815">
        <v>0</v>
      </c>
      <c r="J4815">
        <v>0</v>
      </c>
      <c r="K4815">
        <v>0</v>
      </c>
      <c r="L4815">
        <v>0</v>
      </c>
      <c r="M4815">
        <v>0</v>
      </c>
      <c r="N4815">
        <v>0</v>
      </c>
      <c r="O4815">
        <v>0</v>
      </c>
      <c r="P4815">
        <v>0</v>
      </c>
      <c r="Q4815">
        <v>0</v>
      </c>
      <c r="R4815">
        <v>0</v>
      </c>
      <c r="S4815">
        <v>0</v>
      </c>
      <c r="T4815">
        <v>0</v>
      </c>
      <c r="U4815">
        <v>0</v>
      </c>
      <c r="V4815">
        <v>0</v>
      </c>
      <c r="W4815">
        <v>1</v>
      </c>
      <c r="X4815">
        <v>0</v>
      </c>
      <c r="Y4815">
        <v>25</v>
      </c>
      <c r="Z4815">
        <v>16</v>
      </c>
      <c r="AA4815">
        <v>93</v>
      </c>
      <c r="AB4815">
        <v>26</v>
      </c>
      <c r="AC4815">
        <v>122</v>
      </c>
      <c r="AD4815">
        <v>19</v>
      </c>
      <c r="AE4815">
        <v>85</v>
      </c>
      <c r="AF4815">
        <v>0</v>
      </c>
      <c r="AG4815">
        <v>50000</v>
      </c>
      <c r="AH4815">
        <v>50000</v>
      </c>
      <c r="AI4815">
        <v>0</v>
      </c>
      <c r="AJ4815">
        <v>0</v>
      </c>
      <c r="AK4815" t="s">
        <v>6</v>
      </c>
      <c r="AL4815">
        <v>0</v>
      </c>
      <c r="AM4815">
        <v>0</v>
      </c>
      <c r="AN4815">
        <v>0</v>
      </c>
      <c r="AO4815">
        <v>0</v>
      </c>
      <c r="AP4815">
        <v>0</v>
      </c>
      <c r="AQ4815">
        <v>0</v>
      </c>
      <c r="AR4815">
        <v>0</v>
      </c>
      <c r="AS4815">
        <v>0</v>
      </c>
      <c r="AT4815">
        <v>0</v>
      </c>
      <c r="AU4815">
        <v>0</v>
      </c>
      <c r="AV4815">
        <v>0</v>
      </c>
      <c r="AW4815">
        <v>0</v>
      </c>
      <c r="AX4815">
        <v>0</v>
      </c>
      <c r="AY4815">
        <v>0</v>
      </c>
      <c r="AZ4815">
        <v>0</v>
      </c>
      <c r="BA4815">
        <v>0</v>
      </c>
    </row>
    <row r="4816" spans="1:53" x14ac:dyDescent="0.4">
      <c r="A4816">
        <v>4860</v>
      </c>
      <c r="B4816" s="1">
        <v>44684</v>
      </c>
      <c r="C4816">
        <v>2</v>
      </c>
      <c r="D4816" s="1">
        <v>44684.411111111112</v>
      </c>
      <c r="E4816" s="1">
        <v>44684.787499999999</v>
      </c>
      <c r="F4816">
        <v>56430</v>
      </c>
      <c r="G4816">
        <v>3256</v>
      </c>
      <c r="H4816">
        <v>0</v>
      </c>
      <c r="I4816">
        <v>0</v>
      </c>
      <c r="J4816">
        <v>200</v>
      </c>
      <c r="K4816">
        <v>0</v>
      </c>
      <c r="L4816">
        <v>0</v>
      </c>
      <c r="M4816">
        <v>5404</v>
      </c>
      <c r="N4816">
        <v>0</v>
      </c>
      <c r="O4816">
        <v>0</v>
      </c>
      <c r="P4816">
        <v>24264</v>
      </c>
      <c r="Q4816">
        <v>0</v>
      </c>
      <c r="R4816">
        <v>83750</v>
      </c>
      <c r="S4816">
        <v>0</v>
      </c>
      <c r="T4816">
        <v>0</v>
      </c>
      <c r="U4816">
        <v>0</v>
      </c>
      <c r="V4816">
        <v>2</v>
      </c>
      <c r="W4816">
        <v>4</v>
      </c>
      <c r="X4816">
        <v>0</v>
      </c>
      <c r="Y4816">
        <v>64</v>
      </c>
      <c r="Z4816">
        <v>17</v>
      </c>
      <c r="AA4816">
        <v>115</v>
      </c>
      <c r="AB4816">
        <v>26</v>
      </c>
      <c r="AC4816">
        <v>172</v>
      </c>
      <c r="AD4816">
        <v>20</v>
      </c>
      <c r="AE4816">
        <v>86</v>
      </c>
      <c r="AF4816">
        <v>6544</v>
      </c>
      <c r="AG4816">
        <v>133750</v>
      </c>
      <c r="AH4816">
        <v>50000</v>
      </c>
      <c r="AI4816">
        <v>0</v>
      </c>
      <c r="AJ4816">
        <v>102</v>
      </c>
      <c r="AK4816" t="s">
        <v>50</v>
      </c>
      <c r="AL4816">
        <v>0</v>
      </c>
      <c r="AM4816">
        <v>0</v>
      </c>
      <c r="AN4816">
        <v>0</v>
      </c>
      <c r="AO4816">
        <v>0</v>
      </c>
      <c r="AP4816">
        <v>0</v>
      </c>
      <c r="AQ4816">
        <v>0</v>
      </c>
      <c r="AR4816">
        <v>0</v>
      </c>
      <c r="AS4816">
        <v>0</v>
      </c>
      <c r="AT4816">
        <v>0</v>
      </c>
      <c r="AU4816">
        <v>0</v>
      </c>
      <c r="AV4816">
        <v>0</v>
      </c>
      <c r="AW4816">
        <v>0</v>
      </c>
      <c r="AX4816">
        <v>902</v>
      </c>
      <c r="AY4816">
        <v>61</v>
      </c>
      <c r="AZ4816">
        <v>131</v>
      </c>
      <c r="BA4816">
        <v>8915</v>
      </c>
    </row>
    <row r="4817" spans="1:53" x14ac:dyDescent="0.4">
      <c r="A4817">
        <v>4861</v>
      </c>
      <c r="B4817" s="1">
        <v>44685</v>
      </c>
      <c r="C4817">
        <v>1</v>
      </c>
      <c r="D4817" s="1">
        <v>44685.291666666664</v>
      </c>
      <c r="E4817" s="1">
        <v>44685.393750000003</v>
      </c>
      <c r="F4817">
        <v>0</v>
      </c>
      <c r="G4817">
        <v>0</v>
      </c>
      <c r="H4817">
        <v>0</v>
      </c>
      <c r="I4817">
        <v>0</v>
      </c>
      <c r="J4817">
        <v>0</v>
      </c>
      <c r="K4817">
        <v>0</v>
      </c>
      <c r="L4817">
        <v>0</v>
      </c>
      <c r="M4817">
        <v>0</v>
      </c>
      <c r="N4817">
        <v>0</v>
      </c>
      <c r="O4817">
        <v>0</v>
      </c>
      <c r="P4817">
        <v>0</v>
      </c>
      <c r="Q4817">
        <v>0</v>
      </c>
      <c r="R4817">
        <v>0</v>
      </c>
      <c r="S4817">
        <v>0</v>
      </c>
      <c r="T4817">
        <v>0</v>
      </c>
      <c r="U4817">
        <v>0</v>
      </c>
      <c r="V4817">
        <v>0</v>
      </c>
      <c r="W4817">
        <v>1</v>
      </c>
      <c r="X4817">
        <v>0</v>
      </c>
      <c r="Y4817">
        <v>25</v>
      </c>
      <c r="Z4817">
        <v>13</v>
      </c>
      <c r="AA4817">
        <v>108</v>
      </c>
      <c r="AB4817">
        <v>22</v>
      </c>
      <c r="AC4817">
        <v>141</v>
      </c>
      <c r="AD4817">
        <v>21</v>
      </c>
      <c r="AE4817">
        <v>85</v>
      </c>
      <c r="AF4817">
        <v>0</v>
      </c>
      <c r="AG4817">
        <v>50000</v>
      </c>
      <c r="AH4817">
        <v>50000</v>
      </c>
      <c r="AI4817">
        <v>0</v>
      </c>
      <c r="AJ4817">
        <v>0</v>
      </c>
      <c r="AK4817" t="s">
        <v>6</v>
      </c>
      <c r="AL4817">
        <v>0</v>
      </c>
      <c r="AM4817">
        <v>0</v>
      </c>
      <c r="AN4817">
        <v>0</v>
      </c>
      <c r="AO4817">
        <v>0</v>
      </c>
      <c r="AP4817">
        <v>0</v>
      </c>
      <c r="AQ4817">
        <v>0</v>
      </c>
      <c r="AR4817">
        <v>0</v>
      </c>
      <c r="AS4817">
        <v>0</v>
      </c>
      <c r="AT4817">
        <v>0</v>
      </c>
      <c r="AU4817">
        <v>0</v>
      </c>
      <c r="AV4817">
        <v>0</v>
      </c>
      <c r="AW4817">
        <v>0</v>
      </c>
      <c r="AX4817">
        <v>0</v>
      </c>
      <c r="AY4817">
        <v>0</v>
      </c>
      <c r="AZ4817">
        <v>0</v>
      </c>
      <c r="BA4817">
        <v>0</v>
      </c>
    </row>
    <row r="4818" spans="1:53" x14ac:dyDescent="0.4">
      <c r="A4818">
        <v>4862</v>
      </c>
      <c r="B4818" s="1">
        <v>44685</v>
      </c>
      <c r="C4818">
        <v>2</v>
      </c>
      <c r="D4818" s="1">
        <v>44685.393750000003</v>
      </c>
      <c r="E4818" s="1">
        <v>44685.740972222222</v>
      </c>
      <c r="F4818">
        <v>49310</v>
      </c>
      <c r="G4818">
        <v>594</v>
      </c>
      <c r="H4818">
        <v>0</v>
      </c>
      <c r="I4818">
        <v>0</v>
      </c>
      <c r="J4818">
        <v>300</v>
      </c>
      <c r="K4818">
        <v>0</v>
      </c>
      <c r="L4818">
        <v>0</v>
      </c>
      <c r="M4818">
        <v>4505</v>
      </c>
      <c r="N4818">
        <v>0</v>
      </c>
      <c r="O4818">
        <v>0</v>
      </c>
      <c r="P4818">
        <v>30490</v>
      </c>
      <c r="Q4818">
        <v>0</v>
      </c>
      <c r="R4818">
        <v>80094</v>
      </c>
      <c r="S4818">
        <v>0</v>
      </c>
      <c r="T4818">
        <v>0</v>
      </c>
      <c r="U4818">
        <v>0</v>
      </c>
      <c r="V4818">
        <v>1</v>
      </c>
      <c r="W4818">
        <v>2</v>
      </c>
      <c r="X4818">
        <v>0</v>
      </c>
      <c r="Y4818">
        <v>65</v>
      </c>
      <c r="Z4818">
        <v>38</v>
      </c>
      <c r="AA4818">
        <v>101</v>
      </c>
      <c r="AB4818">
        <v>21</v>
      </c>
      <c r="AC4818">
        <v>199</v>
      </c>
      <c r="AD4818">
        <v>23</v>
      </c>
      <c r="AE4818">
        <v>83</v>
      </c>
      <c r="AF4818">
        <v>12756</v>
      </c>
      <c r="AG4818">
        <v>130094</v>
      </c>
      <c r="AH4818">
        <v>50000</v>
      </c>
      <c r="AI4818">
        <v>0</v>
      </c>
      <c r="AJ4818">
        <v>115</v>
      </c>
      <c r="AK4818" t="s">
        <v>55</v>
      </c>
      <c r="AL4818">
        <v>0</v>
      </c>
      <c r="AM4818">
        <v>0</v>
      </c>
      <c r="AN4818">
        <v>0</v>
      </c>
      <c r="AO4818">
        <v>0</v>
      </c>
      <c r="AP4818">
        <v>0</v>
      </c>
      <c r="AQ4818">
        <v>0</v>
      </c>
      <c r="AR4818">
        <v>0</v>
      </c>
      <c r="AS4818">
        <v>0</v>
      </c>
      <c r="AT4818">
        <v>0</v>
      </c>
      <c r="AU4818">
        <v>0</v>
      </c>
      <c r="AV4818">
        <v>0</v>
      </c>
      <c r="AW4818">
        <v>0</v>
      </c>
      <c r="AX4818">
        <v>-12</v>
      </c>
      <c r="AY4818">
        <v>54</v>
      </c>
      <c r="AZ4818">
        <v>126</v>
      </c>
      <c r="BA4818">
        <v>8218</v>
      </c>
    </row>
    <row r="4819" spans="1:53" x14ac:dyDescent="0.4">
      <c r="A4819">
        <v>4863</v>
      </c>
      <c r="B4819" s="1">
        <v>44686</v>
      </c>
      <c r="C4819">
        <v>1</v>
      </c>
      <c r="D4819" s="1">
        <v>44686.291666666664</v>
      </c>
      <c r="E4819" s="1">
        <v>44686.395138888889</v>
      </c>
      <c r="F4819">
        <v>0</v>
      </c>
      <c r="G4819">
        <v>0</v>
      </c>
      <c r="H4819">
        <v>0</v>
      </c>
      <c r="I4819">
        <v>0</v>
      </c>
      <c r="J4819">
        <v>0</v>
      </c>
      <c r="K4819">
        <v>0</v>
      </c>
      <c r="L4819">
        <v>0</v>
      </c>
      <c r="M4819">
        <v>0</v>
      </c>
      <c r="N4819">
        <v>0</v>
      </c>
      <c r="O4819">
        <v>0</v>
      </c>
      <c r="P4819">
        <v>0</v>
      </c>
      <c r="Q4819">
        <v>0</v>
      </c>
      <c r="R4819">
        <v>0</v>
      </c>
      <c r="S4819">
        <v>0</v>
      </c>
      <c r="T4819">
        <v>0</v>
      </c>
      <c r="U4819">
        <v>0</v>
      </c>
      <c r="V4819">
        <v>0</v>
      </c>
      <c r="W4819">
        <v>1</v>
      </c>
      <c r="X4819">
        <v>0</v>
      </c>
      <c r="Y4819">
        <v>25</v>
      </c>
      <c r="Z4819">
        <v>13</v>
      </c>
      <c r="AA4819">
        <v>109</v>
      </c>
      <c r="AB4819">
        <v>23</v>
      </c>
      <c r="AC4819">
        <v>124</v>
      </c>
      <c r="AD4819">
        <v>24</v>
      </c>
      <c r="AE4819">
        <v>90</v>
      </c>
      <c r="AF4819">
        <v>0</v>
      </c>
      <c r="AG4819">
        <v>50000</v>
      </c>
      <c r="AH4819">
        <v>50000</v>
      </c>
      <c r="AI4819">
        <v>0</v>
      </c>
      <c r="AJ4819">
        <v>0</v>
      </c>
      <c r="AK4819" t="s">
        <v>6</v>
      </c>
      <c r="AL4819">
        <v>0</v>
      </c>
      <c r="AM4819">
        <v>0</v>
      </c>
      <c r="AN4819">
        <v>0</v>
      </c>
      <c r="AO4819">
        <v>0</v>
      </c>
      <c r="AP4819">
        <v>0</v>
      </c>
      <c r="AQ4819">
        <v>0</v>
      </c>
      <c r="AR4819">
        <v>0</v>
      </c>
      <c r="AS4819">
        <v>0</v>
      </c>
      <c r="AT4819">
        <v>0</v>
      </c>
      <c r="AU4819">
        <v>0</v>
      </c>
      <c r="AV4819">
        <v>0</v>
      </c>
      <c r="AW4819">
        <v>0</v>
      </c>
      <c r="AX4819">
        <v>0</v>
      </c>
      <c r="AY4819">
        <v>0</v>
      </c>
      <c r="AZ4819">
        <v>0</v>
      </c>
      <c r="BA4819">
        <v>0</v>
      </c>
    </row>
    <row r="4820" spans="1:53" x14ac:dyDescent="0.4">
      <c r="A4820">
        <v>4864</v>
      </c>
      <c r="B4820" s="1">
        <v>44686</v>
      </c>
      <c r="C4820">
        <v>2</v>
      </c>
      <c r="D4820" s="1">
        <v>44686.395138888889</v>
      </c>
      <c r="E4820" s="1">
        <v>44686.740277777775</v>
      </c>
      <c r="F4820">
        <v>46260</v>
      </c>
      <c r="G4820">
        <v>3564</v>
      </c>
      <c r="H4820">
        <v>0</v>
      </c>
      <c r="I4820">
        <v>0</v>
      </c>
      <c r="J4820">
        <v>0</v>
      </c>
      <c r="K4820">
        <v>800</v>
      </c>
      <c r="L4820">
        <v>0</v>
      </c>
      <c r="M4820">
        <v>4599</v>
      </c>
      <c r="N4820">
        <v>0</v>
      </c>
      <c r="O4820">
        <v>0</v>
      </c>
      <c r="P4820">
        <v>26370</v>
      </c>
      <c r="Q4820">
        <v>0</v>
      </c>
      <c r="R4820">
        <v>76994</v>
      </c>
      <c r="S4820">
        <v>0</v>
      </c>
      <c r="T4820">
        <v>0</v>
      </c>
      <c r="U4820">
        <v>0</v>
      </c>
      <c r="V4820">
        <v>1</v>
      </c>
      <c r="W4820">
        <v>2</v>
      </c>
      <c r="X4820">
        <v>0</v>
      </c>
      <c r="Y4820">
        <v>69</v>
      </c>
      <c r="Z4820">
        <v>40</v>
      </c>
      <c r="AA4820">
        <v>150</v>
      </c>
      <c r="AB4820">
        <v>20</v>
      </c>
      <c r="AC4820">
        <v>186</v>
      </c>
      <c r="AD4820">
        <v>26</v>
      </c>
      <c r="AE4820">
        <v>104</v>
      </c>
      <c r="AF4820">
        <v>0</v>
      </c>
      <c r="AG4820">
        <v>127094</v>
      </c>
      <c r="AH4820">
        <v>50000</v>
      </c>
      <c r="AI4820">
        <v>100</v>
      </c>
      <c r="AJ4820">
        <v>118</v>
      </c>
      <c r="AK4820" t="s">
        <v>59</v>
      </c>
      <c r="AL4820">
        <v>0</v>
      </c>
      <c r="AM4820">
        <v>0</v>
      </c>
      <c r="AN4820">
        <v>0</v>
      </c>
      <c r="AO4820">
        <v>0</v>
      </c>
      <c r="AP4820">
        <v>0</v>
      </c>
      <c r="AQ4820">
        <v>0</v>
      </c>
      <c r="AR4820">
        <v>0</v>
      </c>
      <c r="AS4820">
        <v>0</v>
      </c>
      <c r="AT4820">
        <v>0</v>
      </c>
      <c r="AU4820">
        <v>0</v>
      </c>
      <c r="AV4820">
        <v>0</v>
      </c>
      <c r="AW4820">
        <v>0</v>
      </c>
      <c r="AX4820">
        <v>876</v>
      </c>
      <c r="AY4820">
        <v>54</v>
      </c>
      <c r="AZ4820">
        <v>118</v>
      </c>
      <c r="BA4820">
        <v>8393</v>
      </c>
    </row>
    <row r="4821" spans="1:53" x14ac:dyDescent="0.4">
      <c r="A4821">
        <v>4865</v>
      </c>
      <c r="B4821" s="1">
        <v>44687</v>
      </c>
      <c r="C4821">
        <v>1</v>
      </c>
      <c r="D4821" s="1">
        <v>44687.291666666664</v>
      </c>
      <c r="E4821" s="1">
        <v>44687.390972222223</v>
      </c>
      <c r="F4821">
        <v>0</v>
      </c>
      <c r="G4821">
        <v>0</v>
      </c>
      <c r="H4821">
        <v>0</v>
      </c>
      <c r="I4821">
        <v>0</v>
      </c>
      <c r="J4821">
        <v>0</v>
      </c>
      <c r="K4821">
        <v>0</v>
      </c>
      <c r="L4821">
        <v>0</v>
      </c>
      <c r="M4821">
        <v>0</v>
      </c>
      <c r="N4821">
        <v>0</v>
      </c>
      <c r="O4821">
        <v>0</v>
      </c>
      <c r="P4821">
        <v>0</v>
      </c>
      <c r="Q4821">
        <v>0</v>
      </c>
      <c r="R4821">
        <v>0</v>
      </c>
      <c r="S4821">
        <v>0</v>
      </c>
      <c r="T4821">
        <v>0</v>
      </c>
      <c r="U4821">
        <v>0</v>
      </c>
      <c r="V4821">
        <v>3</v>
      </c>
      <c r="W4821">
        <v>1</v>
      </c>
      <c r="X4821">
        <v>0</v>
      </c>
      <c r="Y4821">
        <v>25</v>
      </c>
      <c r="Z4821">
        <v>10</v>
      </c>
      <c r="AA4821">
        <v>129</v>
      </c>
      <c r="AB4821">
        <v>15</v>
      </c>
      <c r="AC4821">
        <v>114</v>
      </c>
      <c r="AD4821">
        <v>22</v>
      </c>
      <c r="AE4821">
        <v>100</v>
      </c>
      <c r="AF4821">
        <v>0</v>
      </c>
      <c r="AG4821">
        <v>50000</v>
      </c>
      <c r="AH4821">
        <v>50000</v>
      </c>
      <c r="AI4821">
        <v>0</v>
      </c>
      <c r="AJ4821">
        <v>0</v>
      </c>
      <c r="AK4821" t="s">
        <v>6</v>
      </c>
      <c r="AL4821">
        <v>0</v>
      </c>
      <c r="AM4821">
        <v>0</v>
      </c>
      <c r="AN4821">
        <v>0</v>
      </c>
      <c r="AO4821">
        <v>0</v>
      </c>
      <c r="AP4821">
        <v>0</v>
      </c>
      <c r="AQ4821">
        <v>0</v>
      </c>
      <c r="AR4821">
        <v>0</v>
      </c>
      <c r="AS4821">
        <v>0</v>
      </c>
      <c r="AT4821">
        <v>0</v>
      </c>
      <c r="AU4821">
        <v>0</v>
      </c>
      <c r="AV4821">
        <v>0</v>
      </c>
      <c r="AW4821">
        <v>0</v>
      </c>
      <c r="AX4821">
        <v>0</v>
      </c>
      <c r="AY4821">
        <v>0</v>
      </c>
      <c r="AZ4821">
        <v>0</v>
      </c>
      <c r="BA4821">
        <v>0</v>
      </c>
    </row>
    <row r="4822" spans="1:53" x14ac:dyDescent="0.4">
      <c r="A4822">
        <v>4866</v>
      </c>
      <c r="B4822" s="1">
        <v>44687</v>
      </c>
      <c r="C4822">
        <v>2</v>
      </c>
      <c r="D4822" s="1">
        <v>44687.390972222223</v>
      </c>
      <c r="E4822" s="1">
        <v>44687.972916666666</v>
      </c>
      <c r="F4822">
        <v>149640</v>
      </c>
      <c r="G4822">
        <v>7645</v>
      </c>
      <c r="H4822">
        <v>0</v>
      </c>
      <c r="I4822">
        <v>0</v>
      </c>
      <c r="J4822">
        <v>0</v>
      </c>
      <c r="K4822">
        <v>800</v>
      </c>
      <c r="L4822">
        <v>0</v>
      </c>
      <c r="M4822">
        <v>14368</v>
      </c>
      <c r="N4822">
        <v>0</v>
      </c>
      <c r="O4822">
        <v>0</v>
      </c>
      <c r="P4822">
        <v>7700</v>
      </c>
      <c r="Q4822">
        <v>0</v>
      </c>
      <c r="R4822">
        <v>165785</v>
      </c>
      <c r="S4822">
        <v>0</v>
      </c>
      <c r="T4822">
        <v>0</v>
      </c>
      <c r="U4822">
        <v>0</v>
      </c>
      <c r="V4822">
        <v>11</v>
      </c>
      <c r="W4822">
        <v>2</v>
      </c>
      <c r="X4822">
        <v>0</v>
      </c>
      <c r="Y4822">
        <v>68</v>
      </c>
      <c r="Z4822">
        <v>8</v>
      </c>
      <c r="AA4822">
        <v>108</v>
      </c>
      <c r="AB4822">
        <v>6</v>
      </c>
      <c r="AC4822">
        <v>114</v>
      </c>
      <c r="AD4822">
        <v>20</v>
      </c>
      <c r="AE4822">
        <v>93</v>
      </c>
      <c r="AF4822">
        <v>11352</v>
      </c>
      <c r="AG4822">
        <v>215785</v>
      </c>
      <c r="AH4822">
        <v>50000</v>
      </c>
      <c r="AI4822">
        <v>0</v>
      </c>
      <c r="AJ4822">
        <v>108</v>
      </c>
      <c r="AK4822" t="s">
        <v>3</v>
      </c>
      <c r="AL4822">
        <v>0</v>
      </c>
      <c r="AM4822">
        <v>0</v>
      </c>
      <c r="AN4822">
        <v>0</v>
      </c>
      <c r="AO4822">
        <v>0</v>
      </c>
      <c r="AP4822">
        <v>0</v>
      </c>
      <c r="AQ4822">
        <v>0</v>
      </c>
      <c r="AR4822">
        <v>0</v>
      </c>
      <c r="AS4822">
        <v>0</v>
      </c>
      <c r="AT4822">
        <v>0</v>
      </c>
      <c r="AU4822">
        <v>0</v>
      </c>
      <c r="AV4822">
        <v>0</v>
      </c>
      <c r="AW4822">
        <v>0</v>
      </c>
      <c r="AX4822">
        <v>8220</v>
      </c>
      <c r="AY4822">
        <v>66</v>
      </c>
      <c r="AZ4822">
        <v>141</v>
      </c>
      <c r="BA4822">
        <v>9667</v>
      </c>
    </row>
    <row r="4823" spans="1:53" x14ac:dyDescent="0.4">
      <c r="A4823">
        <v>4867</v>
      </c>
      <c r="B4823" s="1">
        <v>44687</v>
      </c>
      <c r="C4823">
        <v>3</v>
      </c>
      <c r="D4823" s="1">
        <v>44687.972916666666</v>
      </c>
      <c r="E4823" s="1">
        <v>44688.077777777777</v>
      </c>
      <c r="F4823">
        <v>13560</v>
      </c>
      <c r="G4823">
        <v>0</v>
      </c>
      <c r="H4823">
        <v>0</v>
      </c>
      <c r="I4823">
        <v>0</v>
      </c>
      <c r="J4823">
        <v>0</v>
      </c>
      <c r="K4823">
        <v>0</v>
      </c>
      <c r="L4823">
        <v>0</v>
      </c>
      <c r="M4823">
        <v>1233</v>
      </c>
      <c r="N4823">
        <v>0</v>
      </c>
      <c r="O4823">
        <v>0</v>
      </c>
      <c r="P4823">
        <v>33400</v>
      </c>
      <c r="Q4823">
        <v>0</v>
      </c>
      <c r="R4823">
        <v>46960</v>
      </c>
      <c r="S4823">
        <v>0</v>
      </c>
      <c r="T4823">
        <v>0</v>
      </c>
      <c r="U4823">
        <v>0</v>
      </c>
      <c r="V4823">
        <v>14</v>
      </c>
      <c r="W4823">
        <v>4</v>
      </c>
      <c r="X4823">
        <v>0</v>
      </c>
      <c r="Y4823">
        <v>74</v>
      </c>
      <c r="Z4823">
        <v>9</v>
      </c>
      <c r="AA4823">
        <v>103</v>
      </c>
      <c r="AB4823">
        <v>5</v>
      </c>
      <c r="AC4823">
        <v>110</v>
      </c>
      <c r="AD4823">
        <v>19</v>
      </c>
      <c r="AE4823">
        <v>88</v>
      </c>
      <c r="AF4823">
        <v>12412</v>
      </c>
      <c r="AG4823">
        <v>262745</v>
      </c>
      <c r="AH4823">
        <v>50000</v>
      </c>
      <c r="AI4823">
        <v>0</v>
      </c>
      <c r="AJ4823">
        <v>103</v>
      </c>
      <c r="AK4823" t="s">
        <v>7</v>
      </c>
      <c r="AL4823">
        <v>0</v>
      </c>
      <c r="AM4823">
        <v>0</v>
      </c>
      <c r="AN4823">
        <v>0</v>
      </c>
      <c r="AO4823">
        <v>0</v>
      </c>
      <c r="AP4823">
        <v>0</v>
      </c>
      <c r="AQ4823">
        <v>0</v>
      </c>
      <c r="AR4823">
        <v>0</v>
      </c>
      <c r="AS4823">
        <v>0</v>
      </c>
      <c r="AT4823">
        <v>0</v>
      </c>
      <c r="AU4823">
        <v>0</v>
      </c>
      <c r="AV4823">
        <v>0</v>
      </c>
      <c r="AW4823">
        <v>0</v>
      </c>
      <c r="AX4823">
        <v>680</v>
      </c>
      <c r="AY4823">
        <v>2</v>
      </c>
      <c r="AZ4823">
        <v>14</v>
      </c>
      <c r="BA4823">
        <v>573</v>
      </c>
    </row>
    <row r="4824" spans="1:53" x14ac:dyDescent="0.4">
      <c r="A4824">
        <v>4868</v>
      </c>
      <c r="B4824" s="1">
        <v>44688</v>
      </c>
      <c r="C4824">
        <v>1</v>
      </c>
      <c r="D4824" s="1">
        <v>44688.291666666664</v>
      </c>
      <c r="E4824" s="1">
        <v>44688.406944444447</v>
      </c>
      <c r="F4824">
        <v>0</v>
      </c>
      <c r="G4824">
        <v>0</v>
      </c>
      <c r="H4824">
        <v>0</v>
      </c>
      <c r="I4824">
        <v>0</v>
      </c>
      <c r="J4824">
        <v>0</v>
      </c>
      <c r="K4824">
        <v>0</v>
      </c>
      <c r="L4824">
        <v>0</v>
      </c>
      <c r="M4824">
        <v>0</v>
      </c>
      <c r="N4824">
        <v>0</v>
      </c>
      <c r="O4824">
        <v>0</v>
      </c>
      <c r="P4824">
        <v>0</v>
      </c>
      <c r="Q4824">
        <v>0</v>
      </c>
      <c r="R4824">
        <v>0</v>
      </c>
      <c r="S4824">
        <v>0</v>
      </c>
      <c r="T4824">
        <v>0</v>
      </c>
      <c r="U4824">
        <v>0</v>
      </c>
      <c r="V4824">
        <v>0</v>
      </c>
      <c r="W4824">
        <v>1</v>
      </c>
      <c r="X4824">
        <v>0</v>
      </c>
      <c r="Y4824">
        <v>29</v>
      </c>
      <c r="Z4824">
        <v>9</v>
      </c>
      <c r="AA4824">
        <v>100</v>
      </c>
      <c r="AB4824">
        <v>5</v>
      </c>
      <c r="AC4824">
        <v>107</v>
      </c>
      <c r="AD4824">
        <v>19</v>
      </c>
      <c r="AE4824">
        <v>85</v>
      </c>
      <c r="AF4824">
        <v>0</v>
      </c>
      <c r="AG4824">
        <v>50000</v>
      </c>
      <c r="AH4824">
        <v>50000</v>
      </c>
      <c r="AI4824">
        <v>0</v>
      </c>
      <c r="AJ4824">
        <v>0</v>
      </c>
      <c r="AK4824" t="s">
        <v>6</v>
      </c>
      <c r="AL4824">
        <v>0</v>
      </c>
      <c r="AM4824">
        <v>0</v>
      </c>
      <c r="AN4824">
        <v>0</v>
      </c>
      <c r="AO4824">
        <v>0</v>
      </c>
      <c r="AP4824">
        <v>0</v>
      </c>
      <c r="AQ4824">
        <v>0</v>
      </c>
      <c r="AR4824">
        <v>0</v>
      </c>
      <c r="AS4824">
        <v>0</v>
      </c>
      <c r="AT4824">
        <v>0</v>
      </c>
      <c r="AU4824">
        <v>0</v>
      </c>
      <c r="AV4824">
        <v>0</v>
      </c>
      <c r="AW4824">
        <v>0</v>
      </c>
      <c r="AX4824">
        <v>0</v>
      </c>
      <c r="AY4824">
        <v>0</v>
      </c>
      <c r="AZ4824">
        <v>0</v>
      </c>
      <c r="BA4824">
        <v>0</v>
      </c>
    </row>
    <row r="4825" spans="1:53" x14ac:dyDescent="0.4">
      <c r="A4825">
        <v>4869</v>
      </c>
      <c r="B4825" s="1">
        <v>44688</v>
      </c>
      <c r="C4825">
        <v>2</v>
      </c>
      <c r="D4825" s="1">
        <v>44688.406944444447</v>
      </c>
      <c r="E4825" s="1">
        <v>44688.736111111109</v>
      </c>
      <c r="F4825">
        <v>41675</v>
      </c>
      <c r="G4825">
        <v>2112</v>
      </c>
      <c r="H4825">
        <v>0</v>
      </c>
      <c r="I4825">
        <v>0</v>
      </c>
      <c r="J4825">
        <v>100</v>
      </c>
      <c r="K4825">
        <v>0</v>
      </c>
      <c r="L4825">
        <v>0</v>
      </c>
      <c r="M4825">
        <v>3972</v>
      </c>
      <c r="N4825">
        <v>0</v>
      </c>
      <c r="O4825">
        <v>0</v>
      </c>
      <c r="P4825">
        <v>20020</v>
      </c>
      <c r="Q4825">
        <v>0</v>
      </c>
      <c r="R4825">
        <v>63707</v>
      </c>
      <c r="S4825">
        <v>0</v>
      </c>
      <c r="T4825">
        <v>0</v>
      </c>
      <c r="U4825">
        <v>0</v>
      </c>
      <c r="V4825">
        <v>1</v>
      </c>
      <c r="W4825">
        <v>2</v>
      </c>
      <c r="X4825">
        <v>0</v>
      </c>
      <c r="Y4825">
        <v>68</v>
      </c>
      <c r="Z4825">
        <v>17</v>
      </c>
      <c r="AA4825">
        <v>110</v>
      </c>
      <c r="AB4825">
        <v>13</v>
      </c>
      <c r="AC4825">
        <v>113</v>
      </c>
      <c r="AD4825">
        <v>15</v>
      </c>
      <c r="AE4825">
        <v>86</v>
      </c>
      <c r="AF4825">
        <v>4266</v>
      </c>
      <c r="AG4825">
        <v>113707</v>
      </c>
      <c r="AH4825">
        <v>50000</v>
      </c>
      <c r="AI4825">
        <v>0</v>
      </c>
      <c r="AJ4825">
        <v>118</v>
      </c>
      <c r="AK4825" t="s">
        <v>59</v>
      </c>
      <c r="AL4825">
        <v>0</v>
      </c>
      <c r="AM4825">
        <v>0</v>
      </c>
      <c r="AN4825">
        <v>0</v>
      </c>
      <c r="AO4825">
        <v>0</v>
      </c>
      <c r="AP4825">
        <v>0</v>
      </c>
      <c r="AQ4825">
        <v>0</v>
      </c>
      <c r="AR4825">
        <v>0</v>
      </c>
      <c r="AS4825">
        <v>0</v>
      </c>
      <c r="AT4825">
        <v>0</v>
      </c>
      <c r="AU4825">
        <v>0</v>
      </c>
      <c r="AV4825">
        <v>0</v>
      </c>
      <c r="AW4825">
        <v>0</v>
      </c>
      <c r="AX4825">
        <v>1034</v>
      </c>
      <c r="AY4825">
        <v>46</v>
      </c>
      <c r="AZ4825">
        <v>103</v>
      </c>
      <c r="BA4825">
        <v>6939</v>
      </c>
    </row>
    <row r="4826" spans="1:53" x14ac:dyDescent="0.4">
      <c r="A4826">
        <v>4870</v>
      </c>
      <c r="B4826" s="1">
        <v>44688</v>
      </c>
      <c r="C4826">
        <v>3</v>
      </c>
      <c r="D4826" s="1">
        <v>44688.736111111109</v>
      </c>
      <c r="E4826" s="1">
        <v>44688.957638888889</v>
      </c>
      <c r="F4826">
        <v>77120</v>
      </c>
      <c r="G4826">
        <v>1760</v>
      </c>
      <c r="H4826">
        <v>0</v>
      </c>
      <c r="I4826">
        <v>0</v>
      </c>
      <c r="J4826">
        <v>300</v>
      </c>
      <c r="K4826">
        <v>0</v>
      </c>
      <c r="L4826">
        <v>0</v>
      </c>
      <c r="M4826">
        <v>7144</v>
      </c>
      <c r="N4826">
        <v>0</v>
      </c>
      <c r="O4826">
        <v>0</v>
      </c>
      <c r="P4826">
        <v>-9940</v>
      </c>
      <c r="Q4826">
        <v>0</v>
      </c>
      <c r="R4826">
        <v>68640</v>
      </c>
      <c r="S4826">
        <v>0</v>
      </c>
      <c r="T4826">
        <v>0</v>
      </c>
      <c r="U4826">
        <v>0</v>
      </c>
      <c r="V4826">
        <v>1</v>
      </c>
      <c r="W4826">
        <v>4</v>
      </c>
      <c r="X4826">
        <v>0</v>
      </c>
      <c r="Y4826">
        <v>104</v>
      </c>
      <c r="Z4826">
        <v>16</v>
      </c>
      <c r="AA4826">
        <v>101</v>
      </c>
      <c r="AB4826">
        <v>12</v>
      </c>
      <c r="AC4826">
        <v>117</v>
      </c>
      <c r="AD4826">
        <v>17</v>
      </c>
      <c r="AE4826">
        <v>88</v>
      </c>
      <c r="AF4826">
        <v>28304</v>
      </c>
      <c r="AG4826">
        <v>182347</v>
      </c>
      <c r="AH4826">
        <v>50000</v>
      </c>
      <c r="AI4826">
        <v>0</v>
      </c>
      <c r="AJ4826">
        <v>108</v>
      </c>
      <c r="AK4826" t="s">
        <v>3</v>
      </c>
      <c r="AL4826">
        <v>0</v>
      </c>
      <c r="AM4826">
        <v>0</v>
      </c>
      <c r="AN4826">
        <v>0</v>
      </c>
      <c r="AO4826">
        <v>0</v>
      </c>
      <c r="AP4826">
        <v>0</v>
      </c>
      <c r="AQ4826">
        <v>0</v>
      </c>
      <c r="AR4826">
        <v>0</v>
      </c>
      <c r="AS4826">
        <v>0</v>
      </c>
      <c r="AT4826">
        <v>0</v>
      </c>
      <c r="AU4826">
        <v>0</v>
      </c>
      <c r="AV4826">
        <v>0</v>
      </c>
      <c r="AW4826">
        <v>0</v>
      </c>
      <c r="AX4826">
        <v>41739</v>
      </c>
      <c r="AY4826">
        <v>32</v>
      </c>
      <c r="AZ4826">
        <v>71</v>
      </c>
      <c r="BA4826">
        <v>3978</v>
      </c>
    </row>
    <row r="4827" spans="1:53" x14ac:dyDescent="0.4">
      <c r="A4827">
        <v>4871</v>
      </c>
      <c r="B4827" s="1">
        <v>44688</v>
      </c>
      <c r="C4827">
        <v>4</v>
      </c>
      <c r="D4827" s="1">
        <v>44688.957638888889</v>
      </c>
      <c r="E4827" s="1">
        <v>44689.109027777777</v>
      </c>
      <c r="F4827">
        <v>74800</v>
      </c>
      <c r="G4827">
        <v>4939</v>
      </c>
      <c r="H4827">
        <v>0</v>
      </c>
      <c r="I4827">
        <v>0</v>
      </c>
      <c r="J4827">
        <v>3120</v>
      </c>
      <c r="K4827">
        <v>0</v>
      </c>
      <c r="L4827">
        <v>0</v>
      </c>
      <c r="M4827">
        <v>6966</v>
      </c>
      <c r="N4827">
        <v>0</v>
      </c>
      <c r="O4827">
        <v>0</v>
      </c>
      <c r="P4827">
        <v>720</v>
      </c>
      <c r="Q4827">
        <v>0</v>
      </c>
      <c r="R4827">
        <v>77339</v>
      </c>
      <c r="S4827">
        <v>0</v>
      </c>
      <c r="T4827">
        <v>0</v>
      </c>
      <c r="U4827">
        <v>0</v>
      </c>
      <c r="V4827">
        <v>7</v>
      </c>
      <c r="W4827">
        <v>3</v>
      </c>
      <c r="X4827">
        <v>0</v>
      </c>
      <c r="Y4827">
        <v>117</v>
      </c>
      <c r="Z4827">
        <v>14</v>
      </c>
      <c r="AA4827">
        <v>120</v>
      </c>
      <c r="AB4827">
        <v>13</v>
      </c>
      <c r="AC4827">
        <v>111</v>
      </c>
      <c r="AD4827">
        <v>22</v>
      </c>
      <c r="AE4827">
        <v>94</v>
      </c>
      <c r="AF4827">
        <v>36722</v>
      </c>
      <c r="AG4827">
        <v>259686</v>
      </c>
      <c r="AH4827">
        <v>50000</v>
      </c>
      <c r="AI4827">
        <v>0</v>
      </c>
      <c r="AJ4827">
        <v>108</v>
      </c>
      <c r="AK4827" t="s">
        <v>3</v>
      </c>
      <c r="AL4827">
        <v>0</v>
      </c>
      <c r="AM4827">
        <v>0</v>
      </c>
      <c r="AN4827">
        <v>0</v>
      </c>
      <c r="AO4827">
        <v>0</v>
      </c>
      <c r="AP4827">
        <v>0</v>
      </c>
      <c r="AQ4827">
        <v>0</v>
      </c>
      <c r="AR4827">
        <v>0</v>
      </c>
      <c r="AS4827">
        <v>0</v>
      </c>
      <c r="AT4827">
        <v>0</v>
      </c>
      <c r="AU4827">
        <v>0</v>
      </c>
      <c r="AV4827">
        <v>0</v>
      </c>
      <c r="AW4827">
        <v>0</v>
      </c>
      <c r="AX4827">
        <v>1056</v>
      </c>
      <c r="AY4827">
        <v>5</v>
      </c>
      <c r="AZ4827">
        <v>13</v>
      </c>
      <c r="BA4827">
        <v>1528</v>
      </c>
    </row>
    <row r="4828" spans="1:53" x14ac:dyDescent="0.4">
      <c r="A4828">
        <v>4872</v>
      </c>
      <c r="B4828" s="1">
        <v>44689</v>
      </c>
      <c r="C4828">
        <v>1</v>
      </c>
      <c r="D4828" s="1">
        <v>44689.291666666664</v>
      </c>
      <c r="E4828" s="1">
        <v>44689.406944444447</v>
      </c>
      <c r="F4828">
        <v>0</v>
      </c>
      <c r="G4828">
        <v>0</v>
      </c>
      <c r="H4828">
        <v>0</v>
      </c>
      <c r="I4828">
        <v>0</v>
      </c>
      <c r="J4828">
        <v>0</v>
      </c>
      <c r="K4828">
        <v>0</v>
      </c>
      <c r="L4828">
        <v>0</v>
      </c>
      <c r="M4828">
        <v>0</v>
      </c>
      <c r="N4828">
        <v>0</v>
      </c>
      <c r="O4828">
        <v>0</v>
      </c>
      <c r="P4828">
        <v>0</v>
      </c>
      <c r="Q4828">
        <v>0</v>
      </c>
      <c r="R4828">
        <v>0</v>
      </c>
      <c r="S4828">
        <v>0</v>
      </c>
      <c r="T4828">
        <v>0</v>
      </c>
      <c r="U4828">
        <v>0</v>
      </c>
      <c r="V4828">
        <v>0</v>
      </c>
      <c r="W4828">
        <v>1</v>
      </c>
      <c r="X4828">
        <v>0</v>
      </c>
      <c r="Y4828">
        <v>25</v>
      </c>
      <c r="Z4828">
        <v>12</v>
      </c>
      <c r="AA4828">
        <v>120</v>
      </c>
      <c r="AB4828">
        <v>13</v>
      </c>
      <c r="AC4828">
        <v>116</v>
      </c>
      <c r="AD4828">
        <v>19</v>
      </c>
      <c r="AE4828">
        <v>95</v>
      </c>
      <c r="AF4828">
        <v>0</v>
      </c>
      <c r="AG4828">
        <v>50000</v>
      </c>
      <c r="AH4828">
        <v>50000</v>
      </c>
      <c r="AI4828">
        <v>0</v>
      </c>
      <c r="AJ4828">
        <v>0</v>
      </c>
      <c r="AK4828" t="s">
        <v>6</v>
      </c>
      <c r="AL4828">
        <v>0</v>
      </c>
      <c r="AM4828">
        <v>0</v>
      </c>
      <c r="AN4828">
        <v>0</v>
      </c>
      <c r="AO4828">
        <v>0</v>
      </c>
      <c r="AP4828">
        <v>0</v>
      </c>
      <c r="AQ4828">
        <v>0</v>
      </c>
      <c r="AR4828">
        <v>0</v>
      </c>
      <c r="AS4828">
        <v>0</v>
      </c>
      <c r="AT4828">
        <v>0</v>
      </c>
      <c r="AU4828">
        <v>0</v>
      </c>
      <c r="AV4828">
        <v>0</v>
      </c>
      <c r="AW4828">
        <v>0</v>
      </c>
      <c r="AX4828">
        <v>0</v>
      </c>
      <c r="AY4828">
        <v>0</v>
      </c>
      <c r="AZ4828">
        <v>0</v>
      </c>
      <c r="BA4828">
        <v>0</v>
      </c>
    </row>
    <row r="4829" spans="1:53" x14ac:dyDescent="0.4">
      <c r="A4829">
        <v>4873</v>
      </c>
      <c r="B4829" s="1">
        <v>44689</v>
      </c>
      <c r="C4829">
        <v>2</v>
      </c>
      <c r="D4829" s="1">
        <v>44689.406944444447</v>
      </c>
      <c r="E4829" s="1">
        <v>44689.755555555559</v>
      </c>
      <c r="F4829">
        <v>52785</v>
      </c>
      <c r="G4829">
        <v>2090</v>
      </c>
      <c r="H4829">
        <v>0</v>
      </c>
      <c r="I4829">
        <v>0</v>
      </c>
      <c r="J4829">
        <v>0</v>
      </c>
      <c r="K4829">
        <v>0</v>
      </c>
      <c r="L4829">
        <v>0</v>
      </c>
      <c r="M4829">
        <v>4988</v>
      </c>
      <c r="N4829">
        <v>0</v>
      </c>
      <c r="O4829">
        <v>0</v>
      </c>
      <c r="P4829">
        <v>11710</v>
      </c>
      <c r="Q4829">
        <v>0</v>
      </c>
      <c r="R4829">
        <v>66585</v>
      </c>
      <c r="S4829">
        <v>0</v>
      </c>
      <c r="T4829">
        <v>0</v>
      </c>
      <c r="U4829">
        <v>0</v>
      </c>
      <c r="V4829">
        <v>2</v>
      </c>
      <c r="W4829">
        <v>2</v>
      </c>
      <c r="X4829">
        <v>0</v>
      </c>
      <c r="Y4829">
        <v>48</v>
      </c>
      <c r="Z4829">
        <v>43</v>
      </c>
      <c r="AA4829">
        <v>130</v>
      </c>
      <c r="AB4829">
        <v>11</v>
      </c>
      <c r="AC4829">
        <v>142</v>
      </c>
      <c r="AD4829">
        <v>21</v>
      </c>
      <c r="AE4829">
        <v>90</v>
      </c>
      <c r="AF4829">
        <v>1950</v>
      </c>
      <c r="AG4829">
        <v>116615</v>
      </c>
      <c r="AH4829">
        <v>50000</v>
      </c>
      <c r="AI4829">
        <v>30</v>
      </c>
      <c r="AJ4829">
        <v>115</v>
      </c>
      <c r="AK4829" t="s">
        <v>55</v>
      </c>
      <c r="AL4829">
        <v>0</v>
      </c>
      <c r="AM4829">
        <v>0</v>
      </c>
      <c r="AN4829">
        <v>0</v>
      </c>
      <c r="AO4829">
        <v>0</v>
      </c>
      <c r="AP4829">
        <v>0</v>
      </c>
      <c r="AQ4829">
        <v>0</v>
      </c>
      <c r="AR4829">
        <v>0</v>
      </c>
      <c r="AS4829">
        <v>0</v>
      </c>
      <c r="AT4829">
        <v>0</v>
      </c>
      <c r="AU4829">
        <v>0</v>
      </c>
      <c r="AV4829">
        <v>0</v>
      </c>
      <c r="AW4829">
        <v>0</v>
      </c>
      <c r="AX4829">
        <v>-1060</v>
      </c>
      <c r="AY4829">
        <v>49</v>
      </c>
      <c r="AZ4829">
        <v>107</v>
      </c>
      <c r="BA4829">
        <v>7542</v>
      </c>
    </row>
    <row r="4830" spans="1:53" x14ac:dyDescent="0.4">
      <c r="A4830">
        <v>4874</v>
      </c>
      <c r="B4830" s="1">
        <v>44689</v>
      </c>
      <c r="C4830">
        <v>3</v>
      </c>
      <c r="D4830" s="1">
        <v>44689.755555555559</v>
      </c>
      <c r="E4830" s="1">
        <v>44690.010416666664</v>
      </c>
      <c r="F4830">
        <v>37870</v>
      </c>
      <c r="G4830">
        <v>3344</v>
      </c>
      <c r="H4830">
        <v>0</v>
      </c>
      <c r="I4830">
        <v>0</v>
      </c>
      <c r="J4830">
        <v>0</v>
      </c>
      <c r="K4830">
        <v>0</v>
      </c>
      <c r="L4830">
        <v>0</v>
      </c>
      <c r="M4830">
        <v>3744</v>
      </c>
      <c r="N4830">
        <v>0</v>
      </c>
      <c r="O4830">
        <v>0</v>
      </c>
      <c r="P4830">
        <v>-1510</v>
      </c>
      <c r="Q4830">
        <v>0</v>
      </c>
      <c r="R4830">
        <v>39704</v>
      </c>
      <c r="S4830">
        <v>0</v>
      </c>
      <c r="T4830">
        <v>0</v>
      </c>
      <c r="U4830">
        <v>0</v>
      </c>
      <c r="V4830">
        <v>6</v>
      </c>
      <c r="W4830">
        <v>1</v>
      </c>
      <c r="X4830">
        <v>0</v>
      </c>
      <c r="Y4830">
        <v>48</v>
      </c>
      <c r="Z4830">
        <v>43</v>
      </c>
      <c r="AA4830">
        <v>131</v>
      </c>
      <c r="AB4830">
        <v>10</v>
      </c>
      <c r="AC4830">
        <v>142</v>
      </c>
      <c r="AD4830">
        <v>22</v>
      </c>
      <c r="AE4830">
        <v>89</v>
      </c>
      <c r="AF4830">
        <v>6570</v>
      </c>
      <c r="AG4830">
        <v>156289</v>
      </c>
      <c r="AH4830">
        <v>50000</v>
      </c>
      <c r="AI4830">
        <v>0</v>
      </c>
      <c r="AJ4830">
        <v>108</v>
      </c>
      <c r="AK4830" t="s">
        <v>3</v>
      </c>
      <c r="AL4830">
        <v>0</v>
      </c>
      <c r="AM4830">
        <v>0</v>
      </c>
      <c r="AN4830">
        <v>0</v>
      </c>
      <c r="AO4830">
        <v>0</v>
      </c>
      <c r="AP4830">
        <v>0</v>
      </c>
      <c r="AQ4830">
        <v>0</v>
      </c>
      <c r="AR4830">
        <v>0</v>
      </c>
      <c r="AS4830">
        <v>0</v>
      </c>
      <c r="AT4830">
        <v>0</v>
      </c>
      <c r="AU4830">
        <v>0</v>
      </c>
      <c r="AV4830">
        <v>0</v>
      </c>
      <c r="AW4830">
        <v>0</v>
      </c>
      <c r="AX4830">
        <v>0</v>
      </c>
      <c r="AY4830">
        <v>11</v>
      </c>
      <c r="AZ4830">
        <v>26</v>
      </c>
      <c r="BA4830">
        <v>1817</v>
      </c>
    </row>
    <row r="4831" spans="1:53" x14ac:dyDescent="0.4">
      <c r="A4831">
        <v>4875</v>
      </c>
      <c r="B4831" s="1">
        <v>44690</v>
      </c>
      <c r="C4831">
        <v>1</v>
      </c>
      <c r="D4831" s="1">
        <v>44690.291666666664</v>
      </c>
      <c r="E4831" s="1">
        <v>44690.744444444441</v>
      </c>
      <c r="F4831">
        <v>7210</v>
      </c>
      <c r="G4831">
        <v>1210</v>
      </c>
      <c r="H4831">
        <v>0</v>
      </c>
      <c r="I4831">
        <v>0</v>
      </c>
      <c r="J4831">
        <v>100</v>
      </c>
      <c r="K4831">
        <v>0</v>
      </c>
      <c r="L4831">
        <v>0</v>
      </c>
      <c r="M4831">
        <v>759</v>
      </c>
      <c r="N4831">
        <v>0</v>
      </c>
      <c r="O4831">
        <v>0</v>
      </c>
      <c r="P4831">
        <v>17890</v>
      </c>
      <c r="Q4831">
        <v>0</v>
      </c>
      <c r="R4831">
        <v>26210</v>
      </c>
      <c r="S4831">
        <v>0</v>
      </c>
      <c r="T4831">
        <v>0</v>
      </c>
      <c r="U4831">
        <v>0</v>
      </c>
      <c r="V4831">
        <v>1</v>
      </c>
      <c r="W4831">
        <v>0</v>
      </c>
      <c r="X4831">
        <v>0</v>
      </c>
      <c r="Y4831">
        <v>42</v>
      </c>
      <c r="Z4831">
        <v>11</v>
      </c>
      <c r="AA4831">
        <v>152</v>
      </c>
      <c r="AB4831">
        <v>10</v>
      </c>
      <c r="AC4831">
        <v>147</v>
      </c>
      <c r="AD4831">
        <v>21</v>
      </c>
      <c r="AE4831">
        <v>85</v>
      </c>
      <c r="AF4831">
        <v>1350</v>
      </c>
      <c r="AG4831">
        <v>76210</v>
      </c>
      <c r="AH4831">
        <v>50000</v>
      </c>
      <c r="AI4831">
        <v>0</v>
      </c>
      <c r="AJ4831">
        <v>119</v>
      </c>
      <c r="AK4831" t="s">
        <v>56</v>
      </c>
      <c r="AL4831">
        <v>0</v>
      </c>
      <c r="AM4831">
        <v>0</v>
      </c>
      <c r="AN4831">
        <v>0</v>
      </c>
      <c r="AO4831">
        <v>0</v>
      </c>
      <c r="AP4831">
        <v>0</v>
      </c>
      <c r="AQ4831">
        <v>0</v>
      </c>
      <c r="AR4831">
        <v>0</v>
      </c>
      <c r="AS4831">
        <v>0</v>
      </c>
      <c r="AT4831">
        <v>0</v>
      </c>
      <c r="AU4831">
        <v>0</v>
      </c>
      <c r="AV4831">
        <v>0</v>
      </c>
      <c r="AW4831">
        <v>0</v>
      </c>
      <c r="AX4831">
        <v>-1388</v>
      </c>
      <c r="AY4831">
        <v>26</v>
      </c>
      <c r="AZ4831">
        <v>40</v>
      </c>
      <c r="BA4831">
        <v>3220</v>
      </c>
    </row>
    <row r="4832" spans="1:53" x14ac:dyDescent="0.4">
      <c r="A4832">
        <v>4876</v>
      </c>
      <c r="B4832" s="1">
        <v>44691</v>
      </c>
      <c r="C4832">
        <v>1</v>
      </c>
      <c r="D4832" s="1">
        <v>44691.291666666664</v>
      </c>
      <c r="E4832" s="1">
        <v>44691.443055555559</v>
      </c>
      <c r="F4832">
        <v>0</v>
      </c>
      <c r="G4832">
        <v>0</v>
      </c>
      <c r="H4832">
        <v>0</v>
      </c>
      <c r="I4832">
        <v>0</v>
      </c>
      <c r="J4832">
        <v>0</v>
      </c>
      <c r="K4832">
        <v>0</v>
      </c>
      <c r="L4832">
        <v>0</v>
      </c>
      <c r="M4832">
        <v>0</v>
      </c>
      <c r="N4832">
        <v>0</v>
      </c>
      <c r="O4832">
        <v>0</v>
      </c>
      <c r="P4832">
        <v>0</v>
      </c>
      <c r="Q4832">
        <v>0</v>
      </c>
      <c r="R4832">
        <v>0</v>
      </c>
      <c r="S4832">
        <v>0</v>
      </c>
      <c r="T4832">
        <v>0</v>
      </c>
      <c r="U4832">
        <v>0</v>
      </c>
      <c r="V4832">
        <v>0</v>
      </c>
      <c r="W4832">
        <v>0</v>
      </c>
      <c r="X4832">
        <v>0</v>
      </c>
      <c r="Y4832">
        <v>32</v>
      </c>
      <c r="Z4832">
        <v>9</v>
      </c>
      <c r="AA4832">
        <v>113</v>
      </c>
      <c r="AB4832">
        <v>11</v>
      </c>
      <c r="AC4832">
        <v>146</v>
      </c>
      <c r="AD4832">
        <v>22</v>
      </c>
      <c r="AE4832">
        <v>80</v>
      </c>
      <c r="AF4832">
        <v>0</v>
      </c>
      <c r="AG4832">
        <v>50000</v>
      </c>
      <c r="AH4832">
        <v>50000</v>
      </c>
      <c r="AI4832">
        <v>0</v>
      </c>
      <c r="AJ4832">
        <v>0</v>
      </c>
      <c r="AK4832" t="s">
        <v>6</v>
      </c>
      <c r="AL4832">
        <v>0</v>
      </c>
      <c r="AM4832">
        <v>0</v>
      </c>
      <c r="AN4832">
        <v>0</v>
      </c>
      <c r="AO4832">
        <v>0</v>
      </c>
      <c r="AP4832">
        <v>0</v>
      </c>
      <c r="AQ4832">
        <v>0</v>
      </c>
      <c r="AR4832">
        <v>0</v>
      </c>
      <c r="AS4832">
        <v>0</v>
      </c>
      <c r="AT4832">
        <v>0</v>
      </c>
      <c r="AU4832">
        <v>0</v>
      </c>
      <c r="AV4832">
        <v>0</v>
      </c>
      <c r="AW4832">
        <v>0</v>
      </c>
      <c r="AX4832">
        <v>0</v>
      </c>
      <c r="AY4832">
        <v>0</v>
      </c>
      <c r="AZ4832">
        <v>0</v>
      </c>
      <c r="BA4832">
        <v>0</v>
      </c>
    </row>
    <row r="4833" spans="1:53" x14ac:dyDescent="0.4">
      <c r="A4833">
        <v>4877</v>
      </c>
      <c r="B4833" s="1">
        <v>44691</v>
      </c>
      <c r="C4833">
        <v>2</v>
      </c>
      <c r="D4833" s="1">
        <v>44691.443055555559</v>
      </c>
      <c r="E4833" s="1">
        <v>44691.746527777781</v>
      </c>
      <c r="F4833">
        <v>13350</v>
      </c>
      <c r="G4833">
        <v>0</v>
      </c>
      <c r="H4833">
        <v>0</v>
      </c>
      <c r="I4833">
        <v>0</v>
      </c>
      <c r="J4833">
        <v>0</v>
      </c>
      <c r="K4833">
        <v>0</v>
      </c>
      <c r="L4833">
        <v>0</v>
      </c>
      <c r="M4833">
        <v>1214</v>
      </c>
      <c r="N4833">
        <v>0</v>
      </c>
      <c r="O4833">
        <v>0</v>
      </c>
      <c r="P4833">
        <v>7990</v>
      </c>
      <c r="Q4833">
        <v>0</v>
      </c>
      <c r="R4833">
        <v>21340</v>
      </c>
      <c r="S4833">
        <v>0</v>
      </c>
      <c r="T4833">
        <v>0</v>
      </c>
      <c r="U4833">
        <v>0</v>
      </c>
      <c r="V4833">
        <v>2</v>
      </c>
      <c r="W4833">
        <v>1</v>
      </c>
      <c r="X4833">
        <v>0</v>
      </c>
      <c r="Y4833">
        <v>26</v>
      </c>
      <c r="Z4833">
        <v>14</v>
      </c>
      <c r="AA4833">
        <v>109</v>
      </c>
      <c r="AB4833">
        <v>14</v>
      </c>
      <c r="AC4833">
        <v>155</v>
      </c>
      <c r="AD4833">
        <v>22</v>
      </c>
      <c r="AE4833">
        <v>80</v>
      </c>
      <c r="AF4833">
        <v>0</v>
      </c>
      <c r="AG4833">
        <v>71340</v>
      </c>
      <c r="AH4833">
        <v>50000</v>
      </c>
      <c r="AI4833">
        <v>0</v>
      </c>
      <c r="AJ4833">
        <v>116</v>
      </c>
      <c r="AK4833" t="s">
        <v>54</v>
      </c>
      <c r="AL4833">
        <v>0</v>
      </c>
      <c r="AM4833">
        <v>0</v>
      </c>
      <c r="AN4833">
        <v>0</v>
      </c>
      <c r="AO4833">
        <v>0</v>
      </c>
      <c r="AP4833">
        <v>0</v>
      </c>
      <c r="AQ4833">
        <v>0</v>
      </c>
      <c r="AR4833">
        <v>0</v>
      </c>
      <c r="AS4833">
        <v>0</v>
      </c>
      <c r="AT4833">
        <v>0</v>
      </c>
      <c r="AU4833">
        <v>0</v>
      </c>
      <c r="AV4833">
        <v>0</v>
      </c>
      <c r="AW4833">
        <v>0</v>
      </c>
      <c r="AX4833">
        <v>-444</v>
      </c>
      <c r="AY4833">
        <v>27</v>
      </c>
      <c r="AZ4833">
        <v>36</v>
      </c>
      <c r="BA4833">
        <v>3167</v>
      </c>
    </row>
    <row r="4834" spans="1:53" x14ac:dyDescent="0.4">
      <c r="A4834">
        <v>4878</v>
      </c>
      <c r="B4834" s="1">
        <v>44692</v>
      </c>
      <c r="C4834">
        <v>1</v>
      </c>
      <c r="D4834" s="1">
        <v>44692.291666666664</v>
      </c>
      <c r="E4834" s="1">
        <v>44692.743055555555</v>
      </c>
      <c r="F4834">
        <v>9050</v>
      </c>
      <c r="G4834">
        <v>440</v>
      </c>
      <c r="H4834">
        <v>0</v>
      </c>
      <c r="I4834">
        <v>0</v>
      </c>
      <c r="J4834">
        <v>0</v>
      </c>
      <c r="K4834">
        <v>0</v>
      </c>
      <c r="L4834">
        <v>0</v>
      </c>
      <c r="M4834">
        <v>862</v>
      </c>
      <c r="N4834">
        <v>0</v>
      </c>
      <c r="O4834">
        <v>0</v>
      </c>
      <c r="P4834">
        <v>8280</v>
      </c>
      <c r="Q4834">
        <v>0</v>
      </c>
      <c r="R4834">
        <v>17770</v>
      </c>
      <c r="S4834">
        <v>0</v>
      </c>
      <c r="T4834">
        <v>0</v>
      </c>
      <c r="U4834">
        <v>0</v>
      </c>
      <c r="V4834">
        <v>1</v>
      </c>
      <c r="W4834">
        <v>0</v>
      </c>
      <c r="X4834">
        <v>0</v>
      </c>
      <c r="Y4834">
        <v>27</v>
      </c>
      <c r="Z4834">
        <v>22</v>
      </c>
      <c r="AA4834">
        <v>118</v>
      </c>
      <c r="AB4834">
        <v>12</v>
      </c>
      <c r="AC4834">
        <v>136</v>
      </c>
      <c r="AD4834">
        <v>20</v>
      </c>
      <c r="AE4834">
        <v>72</v>
      </c>
      <c r="AF4834">
        <v>5838</v>
      </c>
      <c r="AG4834">
        <v>67770</v>
      </c>
      <c r="AH4834">
        <v>50000</v>
      </c>
      <c r="AI4834">
        <v>0</v>
      </c>
      <c r="AJ4834">
        <v>119</v>
      </c>
      <c r="AK4834" t="s">
        <v>56</v>
      </c>
      <c r="AL4834">
        <v>0</v>
      </c>
      <c r="AM4834">
        <v>0</v>
      </c>
      <c r="AN4834">
        <v>0</v>
      </c>
      <c r="AO4834">
        <v>0</v>
      </c>
      <c r="AP4834">
        <v>0</v>
      </c>
      <c r="AQ4834">
        <v>0</v>
      </c>
      <c r="AR4834">
        <v>0</v>
      </c>
      <c r="AS4834">
        <v>0</v>
      </c>
      <c r="AT4834">
        <v>0</v>
      </c>
      <c r="AU4834">
        <v>0</v>
      </c>
      <c r="AV4834">
        <v>0</v>
      </c>
      <c r="AW4834">
        <v>0</v>
      </c>
      <c r="AX4834">
        <v>0</v>
      </c>
      <c r="AY4834">
        <v>23</v>
      </c>
      <c r="AZ4834">
        <v>28</v>
      </c>
      <c r="BA4834">
        <v>2834</v>
      </c>
    </row>
    <row r="4835" spans="1:53" x14ac:dyDescent="0.4">
      <c r="A4835">
        <v>4879</v>
      </c>
      <c r="B4835" s="1">
        <v>44692</v>
      </c>
      <c r="C4835">
        <v>2</v>
      </c>
      <c r="D4835" s="1">
        <v>44692.743055555555</v>
      </c>
      <c r="E4835" s="1">
        <v>44692.956944444442</v>
      </c>
      <c r="F4835">
        <v>18520</v>
      </c>
      <c r="G4835">
        <v>594</v>
      </c>
      <c r="H4835">
        <v>0</v>
      </c>
      <c r="I4835">
        <v>0</v>
      </c>
      <c r="J4835">
        <v>0</v>
      </c>
      <c r="K4835">
        <v>0</v>
      </c>
      <c r="L4835">
        <v>0</v>
      </c>
      <c r="M4835">
        <v>1735</v>
      </c>
      <c r="N4835">
        <v>0</v>
      </c>
      <c r="O4835">
        <v>0</v>
      </c>
      <c r="P4835">
        <v>720</v>
      </c>
      <c r="Q4835">
        <v>0</v>
      </c>
      <c r="R4835">
        <v>19834</v>
      </c>
      <c r="S4835">
        <v>0</v>
      </c>
      <c r="T4835">
        <v>0</v>
      </c>
      <c r="U4835">
        <v>0</v>
      </c>
      <c r="V4835">
        <v>2</v>
      </c>
      <c r="W4835">
        <v>2</v>
      </c>
      <c r="X4835">
        <v>0</v>
      </c>
      <c r="Y4835">
        <v>27</v>
      </c>
      <c r="Z4835">
        <v>20</v>
      </c>
      <c r="AA4835">
        <v>125</v>
      </c>
      <c r="AB4835">
        <v>13</v>
      </c>
      <c r="AC4835">
        <v>144</v>
      </c>
      <c r="AD4835">
        <v>21</v>
      </c>
      <c r="AE4835">
        <v>71</v>
      </c>
      <c r="AF4835">
        <v>5838</v>
      </c>
      <c r="AG4835">
        <v>87604</v>
      </c>
      <c r="AH4835">
        <v>50000</v>
      </c>
      <c r="AI4835">
        <v>0</v>
      </c>
      <c r="AJ4835">
        <v>29</v>
      </c>
      <c r="AK4835" t="s">
        <v>62</v>
      </c>
      <c r="AL4835">
        <v>0</v>
      </c>
      <c r="AM4835">
        <v>0</v>
      </c>
      <c r="AN4835">
        <v>0</v>
      </c>
      <c r="AO4835">
        <v>0</v>
      </c>
      <c r="AP4835">
        <v>0</v>
      </c>
      <c r="AQ4835">
        <v>0</v>
      </c>
      <c r="AR4835">
        <v>0</v>
      </c>
      <c r="AS4835">
        <v>0</v>
      </c>
      <c r="AT4835">
        <v>0</v>
      </c>
      <c r="AU4835">
        <v>0</v>
      </c>
      <c r="AV4835">
        <v>0</v>
      </c>
      <c r="AW4835">
        <v>0</v>
      </c>
      <c r="AX4835">
        <v>0</v>
      </c>
      <c r="AY4835">
        <v>9</v>
      </c>
      <c r="AZ4835">
        <v>18</v>
      </c>
      <c r="BA4835">
        <v>1586</v>
      </c>
    </row>
    <row r="4836" spans="1:53" x14ac:dyDescent="0.4">
      <c r="A4836">
        <v>4880</v>
      </c>
      <c r="B4836" s="1">
        <v>44693</v>
      </c>
      <c r="C4836">
        <v>1</v>
      </c>
      <c r="D4836" s="1">
        <v>44693.291666666664</v>
      </c>
      <c r="E4836" s="1">
        <v>44693.443055555559</v>
      </c>
      <c r="F4836">
        <v>0</v>
      </c>
      <c r="G4836">
        <v>0</v>
      </c>
      <c r="H4836">
        <v>0</v>
      </c>
      <c r="I4836">
        <v>0</v>
      </c>
      <c r="J4836">
        <v>0</v>
      </c>
      <c r="K4836">
        <v>0</v>
      </c>
      <c r="L4836">
        <v>0</v>
      </c>
      <c r="M4836">
        <v>0</v>
      </c>
      <c r="N4836">
        <v>0</v>
      </c>
      <c r="O4836">
        <v>0</v>
      </c>
      <c r="P4836">
        <v>0</v>
      </c>
      <c r="Q4836">
        <v>0</v>
      </c>
      <c r="R4836">
        <v>0</v>
      </c>
      <c r="S4836">
        <v>0</v>
      </c>
      <c r="T4836">
        <v>0</v>
      </c>
      <c r="U4836">
        <v>0</v>
      </c>
      <c r="V4836">
        <v>0</v>
      </c>
      <c r="W4836">
        <v>1</v>
      </c>
      <c r="X4836">
        <v>0</v>
      </c>
      <c r="Y4836">
        <v>25</v>
      </c>
      <c r="Z4836">
        <v>11</v>
      </c>
      <c r="AA4836">
        <v>125</v>
      </c>
      <c r="AB4836">
        <v>14</v>
      </c>
      <c r="AC4836">
        <v>113</v>
      </c>
      <c r="AD4836">
        <v>20</v>
      </c>
      <c r="AE4836">
        <v>70</v>
      </c>
      <c r="AF4836">
        <v>0</v>
      </c>
      <c r="AG4836">
        <v>50000</v>
      </c>
      <c r="AH4836">
        <v>50000</v>
      </c>
      <c r="AI4836">
        <v>0</v>
      </c>
      <c r="AJ4836">
        <v>0</v>
      </c>
      <c r="AK4836" t="s">
        <v>6</v>
      </c>
      <c r="AL4836">
        <v>0</v>
      </c>
      <c r="AM4836">
        <v>0</v>
      </c>
      <c r="AN4836">
        <v>0</v>
      </c>
      <c r="AO4836">
        <v>0</v>
      </c>
      <c r="AP4836">
        <v>0</v>
      </c>
      <c r="AQ4836">
        <v>0</v>
      </c>
      <c r="AR4836">
        <v>0</v>
      </c>
      <c r="AS4836">
        <v>0</v>
      </c>
      <c r="AT4836">
        <v>0</v>
      </c>
      <c r="AU4836">
        <v>0</v>
      </c>
      <c r="AV4836">
        <v>0</v>
      </c>
      <c r="AW4836">
        <v>0</v>
      </c>
      <c r="AX4836">
        <v>0</v>
      </c>
      <c r="AY4836">
        <v>0</v>
      </c>
      <c r="AZ4836">
        <v>0</v>
      </c>
      <c r="BA4836">
        <v>0</v>
      </c>
    </row>
    <row r="4837" spans="1:53" x14ac:dyDescent="0.4">
      <c r="A4837">
        <v>4881</v>
      </c>
      <c r="B4837" s="1">
        <v>44693</v>
      </c>
      <c r="C4837">
        <v>2</v>
      </c>
      <c r="D4837" s="1">
        <v>44693.443055555559</v>
      </c>
      <c r="E4837" s="1">
        <v>44693.744444444441</v>
      </c>
      <c r="F4837">
        <v>15660</v>
      </c>
      <c r="G4837">
        <v>462</v>
      </c>
      <c r="H4837">
        <v>0</v>
      </c>
      <c r="I4837">
        <v>0</v>
      </c>
      <c r="J4837">
        <v>0</v>
      </c>
      <c r="K4837">
        <v>0</v>
      </c>
      <c r="L4837">
        <v>0</v>
      </c>
      <c r="M4837">
        <v>1467</v>
      </c>
      <c r="N4837">
        <v>0</v>
      </c>
      <c r="O4837">
        <v>0</v>
      </c>
      <c r="P4837">
        <v>12150</v>
      </c>
      <c r="Q4837">
        <v>0</v>
      </c>
      <c r="R4837">
        <v>28272</v>
      </c>
      <c r="S4837">
        <v>0</v>
      </c>
      <c r="T4837">
        <v>0</v>
      </c>
      <c r="U4837">
        <v>0</v>
      </c>
      <c r="V4837">
        <v>0</v>
      </c>
      <c r="W4837">
        <v>2</v>
      </c>
      <c r="X4837">
        <v>0</v>
      </c>
      <c r="Y4837">
        <v>44</v>
      </c>
      <c r="Z4837">
        <v>14</v>
      </c>
      <c r="AA4837">
        <v>136</v>
      </c>
      <c r="AB4837">
        <v>21</v>
      </c>
      <c r="AC4837">
        <v>124</v>
      </c>
      <c r="AD4837">
        <v>21</v>
      </c>
      <c r="AE4837">
        <v>77</v>
      </c>
      <c r="AF4837">
        <v>1200</v>
      </c>
      <c r="AG4837">
        <v>78272</v>
      </c>
      <c r="AH4837">
        <v>50000</v>
      </c>
      <c r="AI4837">
        <v>0</v>
      </c>
      <c r="AJ4837">
        <v>116</v>
      </c>
      <c r="AK4837" t="s">
        <v>54</v>
      </c>
      <c r="AL4837">
        <v>0</v>
      </c>
      <c r="AM4837">
        <v>0</v>
      </c>
      <c r="AN4837">
        <v>0</v>
      </c>
      <c r="AO4837">
        <v>0</v>
      </c>
      <c r="AP4837">
        <v>0</v>
      </c>
      <c r="AQ4837">
        <v>0</v>
      </c>
      <c r="AR4837">
        <v>0</v>
      </c>
      <c r="AS4837">
        <v>0</v>
      </c>
      <c r="AT4837">
        <v>0</v>
      </c>
      <c r="AU4837">
        <v>0</v>
      </c>
      <c r="AV4837">
        <v>0</v>
      </c>
      <c r="AW4837">
        <v>0</v>
      </c>
      <c r="AX4837">
        <v>1034</v>
      </c>
      <c r="AY4837">
        <v>30</v>
      </c>
      <c r="AZ4837">
        <v>47</v>
      </c>
      <c r="BA4837">
        <v>4334</v>
      </c>
    </row>
    <row r="4838" spans="1:53" x14ac:dyDescent="0.4">
      <c r="A4838">
        <v>4882</v>
      </c>
      <c r="B4838" s="1">
        <v>44694</v>
      </c>
      <c r="C4838">
        <v>1</v>
      </c>
      <c r="D4838" s="1">
        <v>44694.291666666664</v>
      </c>
      <c r="E4838" s="1">
        <v>44694.744444444441</v>
      </c>
      <c r="F4838">
        <v>20710</v>
      </c>
      <c r="G4838">
        <v>4257</v>
      </c>
      <c r="H4838">
        <v>0</v>
      </c>
      <c r="I4838">
        <v>0</v>
      </c>
      <c r="J4838">
        <v>0</v>
      </c>
      <c r="K4838">
        <v>0</v>
      </c>
      <c r="L4838">
        <v>0</v>
      </c>
      <c r="M4838">
        <v>2271</v>
      </c>
      <c r="N4838">
        <v>0</v>
      </c>
      <c r="O4838">
        <v>0</v>
      </c>
      <c r="P4838">
        <v>17610</v>
      </c>
      <c r="Q4838">
        <v>0</v>
      </c>
      <c r="R4838">
        <v>42577</v>
      </c>
      <c r="S4838">
        <v>0</v>
      </c>
      <c r="T4838">
        <v>0</v>
      </c>
      <c r="U4838">
        <v>0</v>
      </c>
      <c r="V4838">
        <v>1</v>
      </c>
      <c r="W4838">
        <v>1</v>
      </c>
      <c r="X4838">
        <v>0</v>
      </c>
      <c r="Y4838">
        <v>45</v>
      </c>
      <c r="Z4838">
        <v>18</v>
      </c>
      <c r="AA4838">
        <v>138</v>
      </c>
      <c r="AB4838">
        <v>23</v>
      </c>
      <c r="AC4838">
        <v>154</v>
      </c>
      <c r="AD4838">
        <v>21</v>
      </c>
      <c r="AE4838">
        <v>75</v>
      </c>
      <c r="AF4838">
        <v>6907</v>
      </c>
      <c r="AG4838">
        <v>92577</v>
      </c>
      <c r="AH4838">
        <v>50000</v>
      </c>
      <c r="AI4838">
        <v>0</v>
      </c>
      <c r="AJ4838">
        <v>119</v>
      </c>
      <c r="AK4838" t="s">
        <v>56</v>
      </c>
      <c r="AL4838">
        <v>0</v>
      </c>
      <c r="AM4838">
        <v>0</v>
      </c>
      <c r="AN4838">
        <v>0</v>
      </c>
      <c r="AO4838">
        <v>0</v>
      </c>
      <c r="AP4838">
        <v>0</v>
      </c>
      <c r="AQ4838">
        <v>0</v>
      </c>
      <c r="AR4838">
        <v>0</v>
      </c>
      <c r="AS4838">
        <v>0</v>
      </c>
      <c r="AT4838">
        <v>0</v>
      </c>
      <c r="AU4838">
        <v>0</v>
      </c>
      <c r="AV4838">
        <v>0</v>
      </c>
      <c r="AW4838">
        <v>0</v>
      </c>
      <c r="AX4838">
        <v>0</v>
      </c>
      <c r="AY4838">
        <v>43</v>
      </c>
      <c r="AZ4838">
        <v>63</v>
      </c>
      <c r="BA4838">
        <v>5572</v>
      </c>
    </row>
    <row r="4839" spans="1:53" x14ac:dyDescent="0.4">
      <c r="A4839">
        <v>4883</v>
      </c>
      <c r="B4839" s="1">
        <v>44694</v>
      </c>
      <c r="C4839">
        <v>2</v>
      </c>
      <c r="D4839" s="1">
        <v>44694.744444444441</v>
      </c>
      <c r="E4839" s="1">
        <v>44694.974999999999</v>
      </c>
      <c r="F4839">
        <v>86960</v>
      </c>
      <c r="G4839">
        <v>2167</v>
      </c>
      <c r="H4839">
        <v>0</v>
      </c>
      <c r="I4839">
        <v>0</v>
      </c>
      <c r="J4839">
        <v>0</v>
      </c>
      <c r="K4839">
        <v>0</v>
      </c>
      <c r="L4839">
        <v>0</v>
      </c>
      <c r="M4839">
        <v>8104</v>
      </c>
      <c r="N4839">
        <v>0</v>
      </c>
      <c r="O4839">
        <v>0</v>
      </c>
      <c r="P4839">
        <v>-10810</v>
      </c>
      <c r="Q4839">
        <v>0</v>
      </c>
      <c r="R4839">
        <v>78317</v>
      </c>
      <c r="S4839">
        <v>0</v>
      </c>
      <c r="T4839">
        <v>0</v>
      </c>
      <c r="U4839">
        <v>0</v>
      </c>
      <c r="V4839">
        <v>3</v>
      </c>
      <c r="W4839">
        <v>6</v>
      </c>
      <c r="X4839">
        <v>0</v>
      </c>
      <c r="Y4839">
        <v>76</v>
      </c>
      <c r="Z4839">
        <v>18</v>
      </c>
      <c r="AA4839">
        <v>143</v>
      </c>
      <c r="AB4839">
        <v>20</v>
      </c>
      <c r="AC4839">
        <v>154</v>
      </c>
      <c r="AD4839">
        <v>20</v>
      </c>
      <c r="AE4839">
        <v>79</v>
      </c>
      <c r="AF4839">
        <v>8875</v>
      </c>
      <c r="AG4839">
        <v>170894</v>
      </c>
      <c r="AH4839">
        <v>50000</v>
      </c>
      <c r="AI4839">
        <v>0</v>
      </c>
      <c r="AJ4839">
        <v>108</v>
      </c>
      <c r="AK4839" t="s">
        <v>3</v>
      </c>
      <c r="AL4839">
        <v>0</v>
      </c>
      <c r="AM4839">
        <v>0</v>
      </c>
      <c r="AN4839">
        <v>0</v>
      </c>
      <c r="AO4839">
        <v>0</v>
      </c>
      <c r="AP4839">
        <v>0</v>
      </c>
      <c r="AQ4839">
        <v>0</v>
      </c>
      <c r="AR4839">
        <v>0</v>
      </c>
      <c r="AS4839">
        <v>0</v>
      </c>
      <c r="AT4839">
        <v>0</v>
      </c>
      <c r="AU4839">
        <v>0</v>
      </c>
      <c r="AV4839">
        <v>0</v>
      </c>
      <c r="AW4839">
        <v>0</v>
      </c>
      <c r="AX4839">
        <v>27100</v>
      </c>
      <c r="AY4839">
        <v>16</v>
      </c>
      <c r="AZ4839">
        <v>62</v>
      </c>
      <c r="BA4839">
        <v>2663</v>
      </c>
    </row>
    <row r="4840" spans="1:53" x14ac:dyDescent="0.4">
      <c r="A4840">
        <v>4884</v>
      </c>
      <c r="B4840" s="1">
        <v>44695</v>
      </c>
      <c r="C4840">
        <v>1</v>
      </c>
      <c r="D4840" s="1">
        <v>44695.291666666664</v>
      </c>
      <c r="E4840" s="1">
        <v>44695.447222222225</v>
      </c>
      <c r="F4840">
        <v>0</v>
      </c>
      <c r="G4840">
        <v>0</v>
      </c>
      <c r="H4840">
        <v>0</v>
      </c>
      <c r="I4840">
        <v>0</v>
      </c>
      <c r="J4840">
        <v>0</v>
      </c>
      <c r="K4840">
        <v>0</v>
      </c>
      <c r="L4840">
        <v>0</v>
      </c>
      <c r="M4840">
        <v>0</v>
      </c>
      <c r="N4840">
        <v>0</v>
      </c>
      <c r="O4840">
        <v>0</v>
      </c>
      <c r="P4840">
        <v>0</v>
      </c>
      <c r="Q4840">
        <v>0</v>
      </c>
      <c r="R4840">
        <v>0</v>
      </c>
      <c r="S4840">
        <v>0</v>
      </c>
      <c r="T4840">
        <v>0</v>
      </c>
      <c r="U4840">
        <v>0</v>
      </c>
      <c r="V4840">
        <v>0</v>
      </c>
      <c r="W4840">
        <v>1</v>
      </c>
      <c r="X4840">
        <v>0</v>
      </c>
      <c r="Y4840">
        <v>25</v>
      </c>
      <c r="Z4840">
        <v>10</v>
      </c>
      <c r="AA4840">
        <v>126</v>
      </c>
      <c r="AB4840">
        <v>21</v>
      </c>
      <c r="AC4840">
        <v>118</v>
      </c>
      <c r="AD4840">
        <v>18</v>
      </c>
      <c r="AE4840">
        <v>80</v>
      </c>
      <c r="AF4840">
        <v>0</v>
      </c>
      <c r="AG4840">
        <v>50000</v>
      </c>
      <c r="AH4840">
        <v>50000</v>
      </c>
      <c r="AI4840">
        <v>0</v>
      </c>
      <c r="AJ4840">
        <v>0</v>
      </c>
      <c r="AK4840" t="s">
        <v>6</v>
      </c>
      <c r="AL4840">
        <v>0</v>
      </c>
      <c r="AM4840">
        <v>0</v>
      </c>
      <c r="AN4840">
        <v>0</v>
      </c>
      <c r="AO4840">
        <v>0</v>
      </c>
      <c r="AP4840">
        <v>0</v>
      </c>
      <c r="AQ4840">
        <v>0</v>
      </c>
      <c r="AR4840">
        <v>0</v>
      </c>
      <c r="AS4840">
        <v>0</v>
      </c>
      <c r="AT4840">
        <v>0</v>
      </c>
      <c r="AU4840">
        <v>0</v>
      </c>
      <c r="AV4840">
        <v>0</v>
      </c>
      <c r="AW4840">
        <v>0</v>
      </c>
      <c r="AX4840">
        <v>0</v>
      </c>
      <c r="AY4840">
        <v>0</v>
      </c>
      <c r="AZ4840">
        <v>0</v>
      </c>
      <c r="BA4840">
        <v>0</v>
      </c>
    </row>
    <row r="4841" spans="1:53" x14ac:dyDescent="0.4">
      <c r="A4841">
        <v>4885</v>
      </c>
      <c r="B4841" s="1">
        <v>44695</v>
      </c>
      <c r="C4841">
        <v>2</v>
      </c>
      <c r="D4841" s="1">
        <v>44695.447222222225</v>
      </c>
      <c r="E4841" s="1">
        <v>44695.751388888886</v>
      </c>
      <c r="F4841">
        <v>29310</v>
      </c>
      <c r="G4841">
        <v>3278</v>
      </c>
      <c r="H4841">
        <v>0</v>
      </c>
      <c r="I4841">
        <v>0</v>
      </c>
      <c r="J4841">
        <v>0</v>
      </c>
      <c r="K4841">
        <v>0</v>
      </c>
      <c r="L4841">
        <v>0</v>
      </c>
      <c r="M4841">
        <v>2963</v>
      </c>
      <c r="N4841">
        <v>0</v>
      </c>
      <c r="O4841">
        <v>0</v>
      </c>
      <c r="P4841">
        <v>16280</v>
      </c>
      <c r="Q4841">
        <v>0</v>
      </c>
      <c r="R4841">
        <v>48868</v>
      </c>
      <c r="S4841">
        <v>0</v>
      </c>
      <c r="T4841">
        <v>0</v>
      </c>
      <c r="U4841">
        <v>0</v>
      </c>
      <c r="V4841">
        <v>2</v>
      </c>
      <c r="W4841">
        <v>3</v>
      </c>
      <c r="X4841">
        <v>0</v>
      </c>
      <c r="Y4841">
        <v>34</v>
      </c>
      <c r="Z4841">
        <v>19</v>
      </c>
      <c r="AA4841">
        <v>95</v>
      </c>
      <c r="AB4841">
        <v>18</v>
      </c>
      <c r="AC4841">
        <v>142</v>
      </c>
      <c r="AD4841">
        <v>16</v>
      </c>
      <c r="AE4841">
        <v>71</v>
      </c>
      <c r="AF4841">
        <v>8623</v>
      </c>
      <c r="AG4841">
        <v>99094</v>
      </c>
      <c r="AH4841">
        <v>50000</v>
      </c>
      <c r="AI4841">
        <v>226</v>
      </c>
      <c r="AJ4841">
        <v>119</v>
      </c>
      <c r="AK4841" t="s">
        <v>56</v>
      </c>
      <c r="AL4841">
        <v>0</v>
      </c>
      <c r="AM4841">
        <v>0</v>
      </c>
      <c r="AN4841">
        <v>0</v>
      </c>
      <c r="AO4841">
        <v>0</v>
      </c>
      <c r="AP4841">
        <v>0</v>
      </c>
      <c r="AQ4841">
        <v>0</v>
      </c>
      <c r="AR4841">
        <v>0</v>
      </c>
      <c r="AS4841">
        <v>0</v>
      </c>
      <c r="AT4841">
        <v>0</v>
      </c>
      <c r="AU4841">
        <v>0</v>
      </c>
      <c r="AV4841">
        <v>0</v>
      </c>
      <c r="AW4841">
        <v>0</v>
      </c>
      <c r="AX4841">
        <v>-996</v>
      </c>
      <c r="AY4841">
        <v>40</v>
      </c>
      <c r="AZ4841">
        <v>73</v>
      </c>
      <c r="BA4841">
        <v>5222</v>
      </c>
    </row>
    <row r="4842" spans="1:53" x14ac:dyDescent="0.4">
      <c r="A4842">
        <v>4886</v>
      </c>
      <c r="B4842" s="1">
        <v>44695</v>
      </c>
      <c r="C4842">
        <v>3</v>
      </c>
      <c r="D4842" s="1">
        <v>44695.751388888886</v>
      </c>
      <c r="E4842" s="1">
        <v>44695.970138888886</v>
      </c>
      <c r="F4842">
        <v>97480</v>
      </c>
      <c r="G4842">
        <v>4158</v>
      </c>
      <c r="H4842">
        <v>0</v>
      </c>
      <c r="I4842">
        <v>0</v>
      </c>
      <c r="J4842">
        <v>100</v>
      </c>
      <c r="K4842">
        <v>1520</v>
      </c>
      <c r="L4842">
        <v>0</v>
      </c>
      <c r="M4842">
        <v>9369</v>
      </c>
      <c r="N4842">
        <v>0</v>
      </c>
      <c r="O4842">
        <v>0</v>
      </c>
      <c r="P4842">
        <v>-4380</v>
      </c>
      <c r="Q4842">
        <v>0</v>
      </c>
      <c r="R4842">
        <v>98678</v>
      </c>
      <c r="S4842">
        <v>0</v>
      </c>
      <c r="T4842">
        <v>0</v>
      </c>
      <c r="U4842">
        <v>0</v>
      </c>
      <c r="V4842">
        <v>4</v>
      </c>
      <c r="W4842">
        <v>1</v>
      </c>
      <c r="X4842">
        <v>0</v>
      </c>
      <c r="Y4842">
        <v>79</v>
      </c>
      <c r="Z4842">
        <v>12</v>
      </c>
      <c r="AA4842">
        <v>98</v>
      </c>
      <c r="AB4842">
        <v>20</v>
      </c>
      <c r="AC4842">
        <v>157</v>
      </c>
      <c r="AD4842">
        <v>17</v>
      </c>
      <c r="AE4842">
        <v>86</v>
      </c>
      <c r="AF4842">
        <v>55005</v>
      </c>
      <c r="AG4842">
        <v>197546</v>
      </c>
      <c r="AH4842">
        <v>50000</v>
      </c>
      <c r="AI4842">
        <v>0</v>
      </c>
      <c r="AJ4842">
        <v>108</v>
      </c>
      <c r="AK4842" t="s">
        <v>3</v>
      </c>
      <c r="AL4842">
        <v>0</v>
      </c>
      <c r="AM4842">
        <v>0</v>
      </c>
      <c r="AN4842">
        <v>0</v>
      </c>
      <c r="AO4842">
        <v>0</v>
      </c>
      <c r="AP4842">
        <v>0</v>
      </c>
      <c r="AQ4842">
        <v>0</v>
      </c>
      <c r="AR4842">
        <v>0</v>
      </c>
      <c r="AS4842">
        <v>0</v>
      </c>
      <c r="AT4842">
        <v>0</v>
      </c>
      <c r="AU4842">
        <v>0</v>
      </c>
      <c r="AV4842">
        <v>0</v>
      </c>
      <c r="AW4842">
        <v>0</v>
      </c>
      <c r="AX4842">
        <v>7362</v>
      </c>
      <c r="AY4842">
        <v>27</v>
      </c>
      <c r="AZ4842">
        <v>70</v>
      </c>
      <c r="BA4842">
        <v>4038</v>
      </c>
    </row>
    <row r="4843" spans="1:53" x14ac:dyDescent="0.4">
      <c r="A4843">
        <v>4887</v>
      </c>
      <c r="B4843" s="1">
        <v>44696</v>
      </c>
      <c r="C4843">
        <v>1</v>
      </c>
      <c r="D4843" s="1">
        <v>44696.291666666664</v>
      </c>
      <c r="E4843" s="1">
        <v>44696.402083333334</v>
      </c>
      <c r="F4843">
        <v>0</v>
      </c>
      <c r="G4843">
        <v>0</v>
      </c>
      <c r="H4843">
        <v>0</v>
      </c>
      <c r="I4843">
        <v>0</v>
      </c>
      <c r="J4843">
        <v>0</v>
      </c>
      <c r="K4843">
        <v>0</v>
      </c>
      <c r="L4843">
        <v>0</v>
      </c>
      <c r="M4843">
        <v>0</v>
      </c>
      <c r="N4843">
        <v>0</v>
      </c>
      <c r="O4843">
        <v>0</v>
      </c>
      <c r="P4843">
        <v>0</v>
      </c>
      <c r="Q4843">
        <v>0</v>
      </c>
      <c r="R4843">
        <v>0</v>
      </c>
      <c r="S4843">
        <v>0</v>
      </c>
      <c r="T4843">
        <v>0</v>
      </c>
      <c r="U4843">
        <v>0</v>
      </c>
      <c r="V4843">
        <v>0</v>
      </c>
      <c r="W4843">
        <v>0</v>
      </c>
      <c r="X4843">
        <v>0</v>
      </c>
      <c r="Y4843">
        <v>31</v>
      </c>
      <c r="Z4843">
        <v>12</v>
      </c>
      <c r="AA4843">
        <v>106</v>
      </c>
      <c r="AB4843">
        <v>22</v>
      </c>
      <c r="AC4843">
        <v>113</v>
      </c>
      <c r="AD4843">
        <v>17</v>
      </c>
      <c r="AE4843">
        <v>85</v>
      </c>
      <c r="AF4843">
        <v>0</v>
      </c>
      <c r="AG4843">
        <v>50000</v>
      </c>
      <c r="AH4843">
        <v>50000</v>
      </c>
      <c r="AI4843">
        <v>0</v>
      </c>
      <c r="AJ4843">
        <v>0</v>
      </c>
      <c r="AK4843" t="s">
        <v>6</v>
      </c>
      <c r="AL4843">
        <v>0</v>
      </c>
      <c r="AM4843">
        <v>0</v>
      </c>
      <c r="AN4843">
        <v>0</v>
      </c>
      <c r="AO4843">
        <v>0</v>
      </c>
      <c r="AP4843">
        <v>0</v>
      </c>
      <c r="AQ4843">
        <v>0</v>
      </c>
      <c r="AR4843">
        <v>0</v>
      </c>
      <c r="AS4843">
        <v>0</v>
      </c>
      <c r="AT4843">
        <v>0</v>
      </c>
      <c r="AU4843">
        <v>0</v>
      </c>
      <c r="AV4843">
        <v>0</v>
      </c>
      <c r="AW4843">
        <v>0</v>
      </c>
      <c r="AX4843">
        <v>0</v>
      </c>
      <c r="AY4843">
        <v>0</v>
      </c>
      <c r="AZ4843">
        <v>0</v>
      </c>
      <c r="BA4843">
        <v>0</v>
      </c>
    </row>
    <row r="4844" spans="1:53" x14ac:dyDescent="0.4">
      <c r="A4844">
        <v>4888</v>
      </c>
      <c r="B4844" s="1">
        <v>44696</v>
      </c>
      <c r="C4844">
        <v>2</v>
      </c>
      <c r="D4844" s="1">
        <v>44696.402083333334</v>
      </c>
      <c r="E4844" s="1">
        <v>44696.740277777775</v>
      </c>
      <c r="F4844">
        <v>42040</v>
      </c>
      <c r="G4844">
        <v>1936</v>
      </c>
      <c r="H4844">
        <v>0</v>
      </c>
      <c r="I4844">
        <v>0</v>
      </c>
      <c r="J4844">
        <v>0</v>
      </c>
      <c r="K4844">
        <v>400</v>
      </c>
      <c r="L4844">
        <v>0</v>
      </c>
      <c r="M4844">
        <v>4033</v>
      </c>
      <c r="N4844">
        <v>0</v>
      </c>
      <c r="O4844">
        <v>0</v>
      </c>
      <c r="P4844">
        <v>14900</v>
      </c>
      <c r="Q4844">
        <v>0</v>
      </c>
      <c r="R4844">
        <v>59276</v>
      </c>
      <c r="S4844">
        <v>0</v>
      </c>
      <c r="T4844">
        <v>0</v>
      </c>
      <c r="U4844">
        <v>0</v>
      </c>
      <c r="V4844">
        <v>1</v>
      </c>
      <c r="W4844">
        <v>1</v>
      </c>
      <c r="X4844">
        <v>0</v>
      </c>
      <c r="Y4844">
        <v>70</v>
      </c>
      <c r="Z4844">
        <v>24</v>
      </c>
      <c r="AA4844">
        <v>86</v>
      </c>
      <c r="AB4844">
        <v>31</v>
      </c>
      <c r="AC4844">
        <v>143</v>
      </c>
      <c r="AD4844">
        <v>16</v>
      </c>
      <c r="AE4844">
        <v>86</v>
      </c>
      <c r="AF4844">
        <v>530</v>
      </c>
      <c r="AG4844">
        <v>109276</v>
      </c>
      <c r="AH4844">
        <v>50000</v>
      </c>
      <c r="AI4844">
        <v>0</v>
      </c>
      <c r="AJ4844">
        <v>115</v>
      </c>
      <c r="AK4844" t="s">
        <v>55</v>
      </c>
      <c r="AL4844">
        <v>0</v>
      </c>
      <c r="AM4844">
        <v>0</v>
      </c>
      <c r="AN4844">
        <v>0</v>
      </c>
      <c r="AO4844">
        <v>0</v>
      </c>
      <c r="AP4844">
        <v>0</v>
      </c>
      <c r="AQ4844">
        <v>0</v>
      </c>
      <c r="AR4844">
        <v>0</v>
      </c>
      <c r="AS4844">
        <v>0</v>
      </c>
      <c r="AT4844">
        <v>0</v>
      </c>
      <c r="AU4844">
        <v>0</v>
      </c>
      <c r="AV4844">
        <v>0</v>
      </c>
      <c r="AW4844">
        <v>0</v>
      </c>
      <c r="AX4844">
        <v>0</v>
      </c>
      <c r="AY4844">
        <v>43</v>
      </c>
      <c r="AZ4844">
        <v>90</v>
      </c>
      <c r="BA4844">
        <v>6875</v>
      </c>
    </row>
    <row r="4845" spans="1:53" x14ac:dyDescent="0.4">
      <c r="A4845">
        <v>4889</v>
      </c>
      <c r="B4845" s="1">
        <v>44697</v>
      </c>
      <c r="C4845">
        <v>1</v>
      </c>
      <c r="D4845" s="1">
        <v>44697.291666666664</v>
      </c>
      <c r="E4845" s="1">
        <v>44697.759027777778</v>
      </c>
      <c r="F4845">
        <v>25730</v>
      </c>
      <c r="G4845">
        <v>2112</v>
      </c>
      <c r="H4845">
        <v>0</v>
      </c>
      <c r="I4845">
        <v>0</v>
      </c>
      <c r="J4845">
        <v>200</v>
      </c>
      <c r="K4845">
        <v>0</v>
      </c>
      <c r="L4845">
        <v>0</v>
      </c>
      <c r="M4845">
        <v>2517</v>
      </c>
      <c r="N4845">
        <v>0</v>
      </c>
      <c r="O4845">
        <v>0</v>
      </c>
      <c r="P4845">
        <v>14890</v>
      </c>
      <c r="Q4845">
        <v>0</v>
      </c>
      <c r="R4845">
        <v>42532</v>
      </c>
      <c r="S4845">
        <v>0</v>
      </c>
      <c r="T4845">
        <v>0</v>
      </c>
      <c r="U4845">
        <v>0</v>
      </c>
      <c r="V4845">
        <v>1</v>
      </c>
      <c r="W4845">
        <v>2</v>
      </c>
      <c r="X4845">
        <v>0</v>
      </c>
      <c r="Y4845">
        <v>47</v>
      </c>
      <c r="Z4845">
        <v>19</v>
      </c>
      <c r="AA4845">
        <v>111</v>
      </c>
      <c r="AB4845">
        <v>33</v>
      </c>
      <c r="AC4845">
        <v>151</v>
      </c>
      <c r="AD4845">
        <v>21</v>
      </c>
      <c r="AE4845">
        <v>77</v>
      </c>
      <c r="AF4845">
        <v>1590</v>
      </c>
      <c r="AG4845">
        <v>92532</v>
      </c>
      <c r="AH4845">
        <v>50000</v>
      </c>
      <c r="AI4845">
        <v>0</v>
      </c>
      <c r="AJ4845">
        <v>118</v>
      </c>
      <c r="AK4845" t="s">
        <v>59</v>
      </c>
      <c r="AL4845">
        <v>0</v>
      </c>
      <c r="AM4845">
        <v>0</v>
      </c>
      <c r="AN4845">
        <v>0</v>
      </c>
      <c r="AO4845">
        <v>0</v>
      </c>
      <c r="AP4845">
        <v>0</v>
      </c>
      <c r="AQ4845">
        <v>0</v>
      </c>
      <c r="AR4845">
        <v>0</v>
      </c>
      <c r="AS4845">
        <v>0</v>
      </c>
      <c r="AT4845">
        <v>0</v>
      </c>
      <c r="AU4845">
        <v>0</v>
      </c>
      <c r="AV4845">
        <v>0</v>
      </c>
      <c r="AW4845">
        <v>0</v>
      </c>
      <c r="AX4845">
        <v>1628</v>
      </c>
      <c r="AY4845">
        <v>41</v>
      </c>
      <c r="AZ4845">
        <v>67</v>
      </c>
      <c r="BA4845">
        <v>5912</v>
      </c>
    </row>
    <row r="4846" spans="1:53" x14ac:dyDescent="0.4">
      <c r="A4846">
        <v>4890</v>
      </c>
      <c r="B4846" s="1">
        <v>44698</v>
      </c>
      <c r="C4846">
        <v>1</v>
      </c>
      <c r="D4846" s="1">
        <v>44698.291666666664</v>
      </c>
      <c r="E4846" s="1">
        <v>44698.744444444441</v>
      </c>
      <c r="F4846">
        <v>14600</v>
      </c>
      <c r="G4846">
        <v>0</v>
      </c>
      <c r="H4846">
        <v>0</v>
      </c>
      <c r="I4846">
        <v>0</v>
      </c>
      <c r="J4846">
        <v>0</v>
      </c>
      <c r="K4846">
        <v>0</v>
      </c>
      <c r="L4846">
        <v>0</v>
      </c>
      <c r="M4846">
        <v>1329</v>
      </c>
      <c r="N4846">
        <v>0</v>
      </c>
      <c r="O4846">
        <v>0</v>
      </c>
      <c r="P4846">
        <v>8570</v>
      </c>
      <c r="Q4846">
        <v>0</v>
      </c>
      <c r="R4846">
        <v>23170</v>
      </c>
      <c r="S4846">
        <v>0</v>
      </c>
      <c r="T4846">
        <v>0</v>
      </c>
      <c r="U4846">
        <v>0</v>
      </c>
      <c r="V4846">
        <v>0</v>
      </c>
      <c r="W4846">
        <v>3</v>
      </c>
      <c r="X4846">
        <v>0</v>
      </c>
      <c r="Y4846">
        <v>36</v>
      </c>
      <c r="Z4846">
        <v>13</v>
      </c>
      <c r="AA4846">
        <v>118</v>
      </c>
      <c r="AB4846">
        <v>33</v>
      </c>
      <c r="AC4846">
        <v>149</v>
      </c>
      <c r="AD4846">
        <v>24</v>
      </c>
      <c r="AE4846">
        <v>80</v>
      </c>
      <c r="AF4846">
        <v>530</v>
      </c>
      <c r="AG4846">
        <v>73170</v>
      </c>
      <c r="AH4846">
        <v>50000</v>
      </c>
      <c r="AI4846">
        <v>0</v>
      </c>
      <c r="AJ4846">
        <v>119</v>
      </c>
      <c r="AK4846" t="s">
        <v>56</v>
      </c>
      <c r="AL4846">
        <v>0</v>
      </c>
      <c r="AM4846">
        <v>0</v>
      </c>
      <c r="AN4846">
        <v>0</v>
      </c>
      <c r="AO4846">
        <v>0</v>
      </c>
      <c r="AP4846">
        <v>0</v>
      </c>
      <c r="AQ4846">
        <v>0</v>
      </c>
      <c r="AR4846">
        <v>0</v>
      </c>
      <c r="AS4846">
        <v>0</v>
      </c>
      <c r="AT4846">
        <v>0</v>
      </c>
      <c r="AU4846">
        <v>0</v>
      </c>
      <c r="AV4846">
        <v>0</v>
      </c>
      <c r="AW4846">
        <v>0</v>
      </c>
      <c r="AX4846">
        <v>0</v>
      </c>
      <c r="AY4846">
        <v>26</v>
      </c>
      <c r="AZ4846">
        <v>37</v>
      </c>
      <c r="BA4846">
        <v>3934</v>
      </c>
    </row>
    <row r="4847" spans="1:53" x14ac:dyDescent="0.4">
      <c r="A4847">
        <v>4891</v>
      </c>
      <c r="B4847" s="1">
        <v>44698</v>
      </c>
      <c r="C4847">
        <v>2</v>
      </c>
      <c r="D4847" s="1">
        <v>44698.744444444441</v>
      </c>
      <c r="E4847" s="1">
        <v>44698.959027777775</v>
      </c>
      <c r="F4847">
        <v>16100</v>
      </c>
      <c r="G4847">
        <v>594</v>
      </c>
      <c r="H4847">
        <v>0</v>
      </c>
      <c r="I4847">
        <v>0</v>
      </c>
      <c r="J4847">
        <v>0</v>
      </c>
      <c r="K4847">
        <v>0</v>
      </c>
      <c r="L4847">
        <v>0</v>
      </c>
      <c r="M4847">
        <v>1517</v>
      </c>
      <c r="N4847">
        <v>0</v>
      </c>
      <c r="O4847">
        <v>0</v>
      </c>
      <c r="P4847">
        <v>-8570</v>
      </c>
      <c r="Q4847">
        <v>0</v>
      </c>
      <c r="R4847">
        <v>8124</v>
      </c>
      <c r="S4847">
        <v>0</v>
      </c>
      <c r="T4847">
        <v>0</v>
      </c>
      <c r="U4847">
        <v>0</v>
      </c>
      <c r="V4847">
        <v>1</v>
      </c>
      <c r="W4847">
        <v>1</v>
      </c>
      <c r="X4847">
        <v>0</v>
      </c>
      <c r="Y4847">
        <v>37</v>
      </c>
      <c r="Z4847">
        <v>12</v>
      </c>
      <c r="AA4847">
        <v>129</v>
      </c>
      <c r="AB4847">
        <v>33</v>
      </c>
      <c r="AC4847">
        <v>147</v>
      </c>
      <c r="AD4847">
        <v>22</v>
      </c>
      <c r="AE4847">
        <v>75</v>
      </c>
      <c r="AF4847">
        <v>7089</v>
      </c>
      <c r="AG4847">
        <v>81294</v>
      </c>
      <c r="AH4847">
        <v>50000</v>
      </c>
      <c r="AI4847">
        <v>0</v>
      </c>
      <c r="AJ4847">
        <v>108</v>
      </c>
      <c r="AK4847" t="s">
        <v>3</v>
      </c>
      <c r="AL4847">
        <v>0</v>
      </c>
      <c r="AM4847">
        <v>0</v>
      </c>
      <c r="AN4847">
        <v>0</v>
      </c>
      <c r="AO4847">
        <v>0</v>
      </c>
      <c r="AP4847">
        <v>0</v>
      </c>
      <c r="AQ4847">
        <v>0</v>
      </c>
      <c r="AR4847">
        <v>0</v>
      </c>
      <c r="AS4847">
        <v>0</v>
      </c>
      <c r="AT4847">
        <v>0</v>
      </c>
      <c r="AU4847">
        <v>0</v>
      </c>
      <c r="AV4847">
        <v>0</v>
      </c>
      <c r="AW4847">
        <v>0</v>
      </c>
      <c r="AX4847">
        <v>0</v>
      </c>
      <c r="AY4847">
        <v>3</v>
      </c>
      <c r="AZ4847">
        <v>9</v>
      </c>
      <c r="BA4847">
        <v>669</v>
      </c>
    </row>
    <row r="4848" spans="1:53" x14ac:dyDescent="0.4">
      <c r="A4848">
        <v>4892</v>
      </c>
      <c r="B4848" s="1">
        <v>44699</v>
      </c>
      <c r="C4848">
        <v>1</v>
      </c>
      <c r="D4848" s="1">
        <v>44699.291666666664</v>
      </c>
      <c r="E4848" s="1">
        <v>44699.44027777778</v>
      </c>
      <c r="F4848">
        <v>0</v>
      </c>
      <c r="G4848">
        <v>0</v>
      </c>
      <c r="H4848">
        <v>0</v>
      </c>
      <c r="I4848">
        <v>0</v>
      </c>
      <c r="J4848">
        <v>0</v>
      </c>
      <c r="K4848">
        <v>0</v>
      </c>
      <c r="L4848">
        <v>0</v>
      </c>
      <c r="M4848">
        <v>0</v>
      </c>
      <c r="N4848">
        <v>0</v>
      </c>
      <c r="O4848">
        <v>0</v>
      </c>
      <c r="P4848">
        <v>0</v>
      </c>
      <c r="Q4848">
        <v>0</v>
      </c>
      <c r="R4848">
        <v>0</v>
      </c>
      <c r="S4848">
        <v>0</v>
      </c>
      <c r="T4848">
        <v>0</v>
      </c>
      <c r="U4848">
        <v>0</v>
      </c>
      <c r="V4848">
        <v>0</v>
      </c>
      <c r="W4848">
        <v>1</v>
      </c>
      <c r="X4848">
        <v>0</v>
      </c>
      <c r="Y4848">
        <v>25</v>
      </c>
      <c r="Z4848">
        <v>10</v>
      </c>
      <c r="AA4848">
        <v>123</v>
      </c>
      <c r="AB4848">
        <v>24</v>
      </c>
      <c r="AC4848">
        <v>132</v>
      </c>
      <c r="AD4848">
        <v>21</v>
      </c>
      <c r="AE4848">
        <v>75</v>
      </c>
      <c r="AF4848">
        <v>0</v>
      </c>
      <c r="AG4848">
        <v>50000</v>
      </c>
      <c r="AH4848">
        <v>50000</v>
      </c>
      <c r="AI4848">
        <v>0</v>
      </c>
      <c r="AJ4848">
        <v>0</v>
      </c>
      <c r="AK4848" t="s">
        <v>6</v>
      </c>
      <c r="AL4848">
        <v>0</v>
      </c>
      <c r="AM4848">
        <v>0</v>
      </c>
      <c r="AN4848">
        <v>0</v>
      </c>
      <c r="AO4848">
        <v>0</v>
      </c>
      <c r="AP4848">
        <v>0</v>
      </c>
      <c r="AQ4848">
        <v>0</v>
      </c>
      <c r="AR4848">
        <v>0</v>
      </c>
      <c r="AS4848">
        <v>0</v>
      </c>
      <c r="AT4848">
        <v>0</v>
      </c>
      <c r="AU4848">
        <v>0</v>
      </c>
      <c r="AV4848">
        <v>0</v>
      </c>
      <c r="AW4848">
        <v>0</v>
      </c>
      <c r="AX4848">
        <v>0</v>
      </c>
      <c r="AY4848">
        <v>0</v>
      </c>
      <c r="AZ4848">
        <v>0</v>
      </c>
      <c r="BA4848">
        <v>0</v>
      </c>
    </row>
    <row r="4849" spans="1:53" x14ac:dyDescent="0.4">
      <c r="A4849">
        <v>4893</v>
      </c>
      <c r="B4849" s="1">
        <v>44699</v>
      </c>
      <c r="C4849">
        <v>2</v>
      </c>
      <c r="D4849" s="1">
        <v>44699.44027777778</v>
      </c>
      <c r="E4849" s="1">
        <v>44699.743750000001</v>
      </c>
      <c r="F4849">
        <v>22930</v>
      </c>
      <c r="G4849">
        <v>0</v>
      </c>
      <c r="H4849">
        <v>0</v>
      </c>
      <c r="I4849">
        <v>0</v>
      </c>
      <c r="J4849">
        <v>0</v>
      </c>
      <c r="K4849">
        <v>0</v>
      </c>
      <c r="L4849">
        <v>0</v>
      </c>
      <c r="M4849">
        <v>2084</v>
      </c>
      <c r="N4849">
        <v>0</v>
      </c>
      <c r="O4849">
        <v>0</v>
      </c>
      <c r="P4849">
        <v>19660</v>
      </c>
      <c r="Q4849">
        <v>0</v>
      </c>
      <c r="R4849">
        <v>42590</v>
      </c>
      <c r="S4849">
        <v>0</v>
      </c>
      <c r="T4849">
        <v>0</v>
      </c>
      <c r="U4849">
        <v>0</v>
      </c>
      <c r="V4849">
        <v>2</v>
      </c>
      <c r="W4849">
        <v>2</v>
      </c>
      <c r="X4849">
        <v>0</v>
      </c>
      <c r="Y4849">
        <v>37</v>
      </c>
      <c r="Z4849">
        <v>18</v>
      </c>
      <c r="AA4849">
        <v>127</v>
      </c>
      <c r="AB4849">
        <v>19</v>
      </c>
      <c r="AC4849">
        <v>148</v>
      </c>
      <c r="AD4849">
        <v>21</v>
      </c>
      <c r="AE4849">
        <v>75</v>
      </c>
      <c r="AF4849">
        <v>1280</v>
      </c>
      <c r="AG4849">
        <v>92590</v>
      </c>
      <c r="AH4849">
        <v>50000</v>
      </c>
      <c r="AI4849">
        <v>0</v>
      </c>
      <c r="AJ4849">
        <v>116</v>
      </c>
      <c r="AK4849" t="s">
        <v>54</v>
      </c>
      <c r="AL4849">
        <v>0</v>
      </c>
      <c r="AM4849">
        <v>0</v>
      </c>
      <c r="AN4849">
        <v>0</v>
      </c>
      <c r="AO4849">
        <v>0</v>
      </c>
      <c r="AP4849">
        <v>0</v>
      </c>
      <c r="AQ4849">
        <v>0</v>
      </c>
      <c r="AR4849">
        <v>0</v>
      </c>
      <c r="AS4849">
        <v>0</v>
      </c>
      <c r="AT4849">
        <v>0</v>
      </c>
      <c r="AU4849">
        <v>0</v>
      </c>
      <c r="AV4849">
        <v>0</v>
      </c>
      <c r="AW4849">
        <v>0</v>
      </c>
      <c r="AX4849">
        <v>-1150</v>
      </c>
      <c r="AY4849">
        <v>38</v>
      </c>
      <c r="AZ4849">
        <v>70</v>
      </c>
      <c r="BA4849">
        <v>5102</v>
      </c>
    </row>
    <row r="4850" spans="1:53" x14ac:dyDescent="0.4">
      <c r="A4850">
        <v>4894</v>
      </c>
      <c r="B4850" s="1">
        <v>44700</v>
      </c>
      <c r="C4850">
        <v>1</v>
      </c>
      <c r="D4850" s="1">
        <v>44700.291666666664</v>
      </c>
      <c r="E4850" s="1">
        <v>44700.739583333336</v>
      </c>
      <c r="F4850">
        <v>18280</v>
      </c>
      <c r="G4850">
        <v>880</v>
      </c>
      <c r="H4850">
        <v>0</v>
      </c>
      <c r="I4850">
        <v>0</v>
      </c>
      <c r="J4850">
        <v>100</v>
      </c>
      <c r="K4850">
        <v>0</v>
      </c>
      <c r="L4850">
        <v>0</v>
      </c>
      <c r="M4850">
        <v>1732</v>
      </c>
      <c r="N4850">
        <v>0</v>
      </c>
      <c r="O4850">
        <v>0</v>
      </c>
      <c r="P4850">
        <v>10920</v>
      </c>
      <c r="Q4850">
        <v>0</v>
      </c>
      <c r="R4850">
        <v>29980</v>
      </c>
      <c r="S4850">
        <v>0</v>
      </c>
      <c r="T4850">
        <v>0</v>
      </c>
      <c r="U4850">
        <v>0</v>
      </c>
      <c r="V4850">
        <v>0</v>
      </c>
      <c r="W4850">
        <v>3</v>
      </c>
      <c r="X4850">
        <v>0</v>
      </c>
      <c r="Y4850">
        <v>40</v>
      </c>
      <c r="Z4850">
        <v>18</v>
      </c>
      <c r="AA4850">
        <v>105</v>
      </c>
      <c r="AB4850">
        <v>16</v>
      </c>
      <c r="AC4850">
        <v>134</v>
      </c>
      <c r="AD4850">
        <v>25</v>
      </c>
      <c r="AE4850">
        <v>75</v>
      </c>
      <c r="AF4850">
        <v>3140</v>
      </c>
      <c r="AG4850">
        <v>79980</v>
      </c>
      <c r="AH4850">
        <v>50000</v>
      </c>
      <c r="AI4850">
        <v>0</v>
      </c>
      <c r="AJ4850">
        <v>119</v>
      </c>
      <c r="AK4850" t="s">
        <v>56</v>
      </c>
      <c r="AL4850">
        <v>0</v>
      </c>
      <c r="AM4850">
        <v>0</v>
      </c>
      <c r="AN4850">
        <v>0</v>
      </c>
      <c r="AO4850">
        <v>0</v>
      </c>
      <c r="AP4850">
        <v>0</v>
      </c>
      <c r="AQ4850">
        <v>0</v>
      </c>
      <c r="AR4850">
        <v>0</v>
      </c>
      <c r="AS4850">
        <v>0</v>
      </c>
      <c r="AT4850">
        <v>0</v>
      </c>
      <c r="AU4850">
        <v>0</v>
      </c>
      <c r="AV4850">
        <v>0</v>
      </c>
      <c r="AW4850">
        <v>0</v>
      </c>
      <c r="AX4850">
        <v>308</v>
      </c>
      <c r="AY4850">
        <v>34</v>
      </c>
      <c r="AZ4850">
        <v>49</v>
      </c>
      <c r="BA4850">
        <v>4672</v>
      </c>
    </row>
    <row r="4851" spans="1:53" x14ac:dyDescent="0.4">
      <c r="A4851">
        <v>4895</v>
      </c>
      <c r="B4851" s="1">
        <v>44701</v>
      </c>
      <c r="C4851">
        <v>1</v>
      </c>
      <c r="D4851" s="1">
        <v>44701.291666666664</v>
      </c>
      <c r="E4851" s="1">
        <v>44701.445833333331</v>
      </c>
      <c r="F4851">
        <v>0</v>
      </c>
      <c r="G4851">
        <v>0</v>
      </c>
      <c r="H4851">
        <v>0</v>
      </c>
      <c r="I4851">
        <v>0</v>
      </c>
      <c r="J4851">
        <v>0</v>
      </c>
      <c r="K4851">
        <v>0</v>
      </c>
      <c r="L4851">
        <v>0</v>
      </c>
      <c r="M4851">
        <v>0</v>
      </c>
      <c r="N4851">
        <v>0</v>
      </c>
      <c r="O4851">
        <v>0</v>
      </c>
      <c r="P4851">
        <v>0</v>
      </c>
      <c r="Q4851">
        <v>0</v>
      </c>
      <c r="R4851">
        <v>0</v>
      </c>
      <c r="S4851">
        <v>0</v>
      </c>
      <c r="T4851">
        <v>0</v>
      </c>
      <c r="U4851">
        <v>0</v>
      </c>
      <c r="V4851">
        <v>0</v>
      </c>
      <c r="W4851">
        <v>1</v>
      </c>
      <c r="X4851">
        <v>0</v>
      </c>
      <c r="Y4851">
        <v>25</v>
      </c>
      <c r="Z4851">
        <v>14</v>
      </c>
      <c r="AA4851">
        <v>105</v>
      </c>
      <c r="AB4851">
        <v>17</v>
      </c>
      <c r="AC4851">
        <v>144</v>
      </c>
      <c r="AD4851">
        <v>27</v>
      </c>
      <c r="AE4851">
        <v>75</v>
      </c>
      <c r="AF4851">
        <v>0</v>
      </c>
      <c r="AG4851">
        <v>50000</v>
      </c>
      <c r="AH4851">
        <v>50000</v>
      </c>
      <c r="AI4851">
        <v>0</v>
      </c>
      <c r="AJ4851">
        <v>0</v>
      </c>
      <c r="AK4851" t="s">
        <v>6</v>
      </c>
      <c r="AL4851">
        <v>0</v>
      </c>
      <c r="AM4851">
        <v>0</v>
      </c>
      <c r="AN4851">
        <v>0</v>
      </c>
      <c r="AO4851">
        <v>0</v>
      </c>
      <c r="AP4851">
        <v>0</v>
      </c>
      <c r="AQ4851">
        <v>0</v>
      </c>
      <c r="AR4851">
        <v>0</v>
      </c>
      <c r="AS4851">
        <v>0</v>
      </c>
      <c r="AT4851">
        <v>0</v>
      </c>
      <c r="AU4851">
        <v>0</v>
      </c>
      <c r="AV4851">
        <v>0</v>
      </c>
      <c r="AW4851">
        <v>0</v>
      </c>
      <c r="AX4851">
        <v>0</v>
      </c>
      <c r="AY4851">
        <v>0</v>
      </c>
      <c r="AZ4851">
        <v>0</v>
      </c>
      <c r="BA4851">
        <v>0</v>
      </c>
    </row>
    <row r="4852" spans="1:53" x14ac:dyDescent="0.4">
      <c r="A4852">
        <v>4896</v>
      </c>
      <c r="B4852" s="1">
        <v>44701</v>
      </c>
      <c r="C4852">
        <v>2</v>
      </c>
      <c r="D4852" s="1">
        <v>44701.445833333331</v>
      </c>
      <c r="E4852" s="1">
        <v>44701.753472222219</v>
      </c>
      <c r="F4852">
        <v>33190</v>
      </c>
      <c r="G4852">
        <v>1034</v>
      </c>
      <c r="H4852">
        <v>0</v>
      </c>
      <c r="I4852">
        <v>0</v>
      </c>
      <c r="J4852">
        <v>0</v>
      </c>
      <c r="K4852">
        <v>0</v>
      </c>
      <c r="L4852">
        <v>0</v>
      </c>
      <c r="M4852">
        <v>3108</v>
      </c>
      <c r="N4852">
        <v>0</v>
      </c>
      <c r="O4852">
        <v>0</v>
      </c>
      <c r="P4852">
        <v>20360</v>
      </c>
      <c r="Q4852">
        <v>0</v>
      </c>
      <c r="R4852">
        <v>54584</v>
      </c>
      <c r="S4852">
        <v>0</v>
      </c>
      <c r="T4852">
        <v>0</v>
      </c>
      <c r="U4852">
        <v>0</v>
      </c>
      <c r="V4852">
        <v>1</v>
      </c>
      <c r="W4852">
        <v>2</v>
      </c>
      <c r="X4852">
        <v>0</v>
      </c>
      <c r="Y4852">
        <v>54</v>
      </c>
      <c r="Z4852">
        <v>28</v>
      </c>
      <c r="AA4852">
        <v>136</v>
      </c>
      <c r="AB4852">
        <v>21</v>
      </c>
      <c r="AC4852">
        <v>171</v>
      </c>
      <c r="AD4852">
        <v>29</v>
      </c>
      <c r="AE4852">
        <v>79</v>
      </c>
      <c r="AF4852">
        <v>0</v>
      </c>
      <c r="AG4852">
        <v>104584</v>
      </c>
      <c r="AH4852">
        <v>50000</v>
      </c>
      <c r="AI4852">
        <v>0</v>
      </c>
      <c r="AJ4852">
        <v>103</v>
      </c>
      <c r="AK4852" t="s">
        <v>7</v>
      </c>
      <c r="AL4852">
        <v>0</v>
      </c>
      <c r="AM4852">
        <v>0</v>
      </c>
      <c r="AN4852">
        <v>0</v>
      </c>
      <c r="AO4852">
        <v>0</v>
      </c>
      <c r="AP4852">
        <v>0</v>
      </c>
      <c r="AQ4852">
        <v>0</v>
      </c>
      <c r="AR4852">
        <v>0</v>
      </c>
      <c r="AS4852">
        <v>0</v>
      </c>
      <c r="AT4852">
        <v>0</v>
      </c>
      <c r="AU4852">
        <v>0</v>
      </c>
      <c r="AV4852">
        <v>0</v>
      </c>
      <c r="AW4852">
        <v>0</v>
      </c>
      <c r="AX4852">
        <v>0</v>
      </c>
      <c r="AY4852">
        <v>50</v>
      </c>
      <c r="AZ4852">
        <v>91</v>
      </c>
      <c r="BA4852">
        <v>6479</v>
      </c>
    </row>
    <row r="4853" spans="1:53" x14ac:dyDescent="0.4">
      <c r="A4853">
        <v>4897</v>
      </c>
      <c r="B4853" s="1">
        <v>44701</v>
      </c>
      <c r="C4853">
        <v>3</v>
      </c>
      <c r="D4853" s="1">
        <v>44701.753472222219</v>
      </c>
      <c r="E4853" s="1">
        <v>44701.967361111114</v>
      </c>
      <c r="F4853">
        <v>56820</v>
      </c>
      <c r="G4853">
        <v>440</v>
      </c>
      <c r="H4853">
        <v>0</v>
      </c>
      <c r="I4853">
        <v>0</v>
      </c>
      <c r="J4853">
        <v>100</v>
      </c>
      <c r="K4853">
        <v>0</v>
      </c>
      <c r="L4853">
        <v>0</v>
      </c>
      <c r="M4853">
        <v>5197</v>
      </c>
      <c r="N4853">
        <v>0</v>
      </c>
      <c r="O4853">
        <v>0</v>
      </c>
      <c r="P4853">
        <v>-9980</v>
      </c>
      <c r="Q4853">
        <v>0</v>
      </c>
      <c r="R4853">
        <v>47180</v>
      </c>
      <c r="S4853">
        <v>0</v>
      </c>
      <c r="T4853">
        <v>0</v>
      </c>
      <c r="U4853">
        <v>0</v>
      </c>
      <c r="V4853">
        <v>2</v>
      </c>
      <c r="W4853">
        <v>5</v>
      </c>
      <c r="X4853">
        <v>0</v>
      </c>
      <c r="Y4853">
        <v>75</v>
      </c>
      <c r="Z4853">
        <v>25</v>
      </c>
      <c r="AA4853">
        <v>133</v>
      </c>
      <c r="AB4853">
        <v>16</v>
      </c>
      <c r="AC4853">
        <v>154</v>
      </c>
      <c r="AD4853">
        <v>29</v>
      </c>
      <c r="AE4853">
        <v>79</v>
      </c>
      <c r="AF4853">
        <v>3400</v>
      </c>
      <c r="AG4853">
        <v>151764</v>
      </c>
      <c r="AH4853">
        <v>50000</v>
      </c>
      <c r="AI4853">
        <v>0</v>
      </c>
      <c r="AJ4853">
        <v>119</v>
      </c>
      <c r="AK4853" t="s">
        <v>56</v>
      </c>
      <c r="AL4853">
        <v>0</v>
      </c>
      <c r="AM4853">
        <v>0</v>
      </c>
      <c r="AN4853">
        <v>0</v>
      </c>
      <c r="AO4853">
        <v>0</v>
      </c>
      <c r="AP4853">
        <v>0</v>
      </c>
      <c r="AQ4853">
        <v>0</v>
      </c>
      <c r="AR4853">
        <v>0</v>
      </c>
      <c r="AS4853">
        <v>0</v>
      </c>
      <c r="AT4853">
        <v>0</v>
      </c>
      <c r="AU4853">
        <v>0</v>
      </c>
      <c r="AV4853">
        <v>0</v>
      </c>
      <c r="AW4853">
        <v>0</v>
      </c>
      <c r="AX4853">
        <v>10840</v>
      </c>
      <c r="AY4853">
        <v>22</v>
      </c>
      <c r="AZ4853">
        <v>42</v>
      </c>
      <c r="BA4853">
        <v>3203</v>
      </c>
    </row>
    <row r="4854" spans="1:53" x14ac:dyDescent="0.4">
      <c r="A4854">
        <v>4898</v>
      </c>
      <c r="B4854" s="1">
        <v>44702</v>
      </c>
      <c r="C4854">
        <v>1</v>
      </c>
      <c r="D4854" s="1">
        <v>44702.291666666664</v>
      </c>
      <c r="E4854" s="1">
        <v>44702.412499999999</v>
      </c>
      <c r="F4854">
        <v>0</v>
      </c>
      <c r="G4854">
        <v>0</v>
      </c>
      <c r="H4854">
        <v>0</v>
      </c>
      <c r="I4854">
        <v>0</v>
      </c>
      <c r="J4854">
        <v>0</v>
      </c>
      <c r="K4854">
        <v>0</v>
      </c>
      <c r="L4854">
        <v>0</v>
      </c>
      <c r="M4854">
        <v>0</v>
      </c>
      <c r="N4854">
        <v>0</v>
      </c>
      <c r="O4854">
        <v>0</v>
      </c>
      <c r="P4854">
        <v>0</v>
      </c>
      <c r="Q4854">
        <v>0</v>
      </c>
      <c r="R4854">
        <v>0</v>
      </c>
      <c r="S4854">
        <v>0</v>
      </c>
      <c r="T4854">
        <v>0</v>
      </c>
      <c r="U4854">
        <v>0</v>
      </c>
      <c r="V4854">
        <v>0</v>
      </c>
      <c r="W4854">
        <v>1</v>
      </c>
      <c r="X4854">
        <v>0</v>
      </c>
      <c r="Y4854">
        <v>25</v>
      </c>
      <c r="Z4854">
        <v>10</v>
      </c>
      <c r="AA4854">
        <v>128</v>
      </c>
      <c r="AB4854">
        <v>11</v>
      </c>
      <c r="AC4854">
        <v>143</v>
      </c>
      <c r="AD4854">
        <v>29</v>
      </c>
      <c r="AE4854">
        <v>75</v>
      </c>
      <c r="AF4854">
        <v>0</v>
      </c>
      <c r="AG4854">
        <v>50000</v>
      </c>
      <c r="AH4854">
        <v>50000</v>
      </c>
      <c r="AI4854">
        <v>0</v>
      </c>
      <c r="AJ4854">
        <v>0</v>
      </c>
      <c r="AK4854" t="s">
        <v>6</v>
      </c>
      <c r="AL4854">
        <v>0</v>
      </c>
      <c r="AM4854">
        <v>0</v>
      </c>
      <c r="AN4854">
        <v>0</v>
      </c>
      <c r="AO4854">
        <v>0</v>
      </c>
      <c r="AP4854">
        <v>0</v>
      </c>
      <c r="AQ4854">
        <v>0</v>
      </c>
      <c r="AR4854">
        <v>0</v>
      </c>
      <c r="AS4854">
        <v>0</v>
      </c>
      <c r="AT4854">
        <v>0</v>
      </c>
      <c r="AU4854">
        <v>0</v>
      </c>
      <c r="AV4854">
        <v>0</v>
      </c>
      <c r="AW4854">
        <v>0</v>
      </c>
      <c r="AX4854">
        <v>0</v>
      </c>
      <c r="AY4854">
        <v>0</v>
      </c>
      <c r="AZ4854">
        <v>0</v>
      </c>
      <c r="BA4854">
        <v>0</v>
      </c>
    </row>
    <row r="4855" spans="1:53" x14ac:dyDescent="0.4">
      <c r="A4855">
        <v>4899</v>
      </c>
      <c r="B4855" s="1">
        <v>44702</v>
      </c>
      <c r="C4855">
        <v>2</v>
      </c>
      <c r="D4855" s="1">
        <v>44702.412499999999</v>
      </c>
      <c r="E4855" s="1">
        <v>44702.743750000001</v>
      </c>
      <c r="F4855">
        <v>42130</v>
      </c>
      <c r="G4855">
        <v>1320</v>
      </c>
      <c r="H4855">
        <v>0</v>
      </c>
      <c r="I4855">
        <v>0</v>
      </c>
      <c r="J4855">
        <v>0</v>
      </c>
      <c r="K4855">
        <v>0</v>
      </c>
      <c r="L4855">
        <v>0</v>
      </c>
      <c r="M4855">
        <v>3948</v>
      </c>
      <c r="N4855">
        <v>0</v>
      </c>
      <c r="O4855">
        <v>0</v>
      </c>
      <c r="P4855">
        <v>19770</v>
      </c>
      <c r="Q4855">
        <v>0</v>
      </c>
      <c r="R4855">
        <v>63220</v>
      </c>
      <c r="S4855">
        <v>0</v>
      </c>
      <c r="T4855">
        <v>0</v>
      </c>
      <c r="U4855">
        <v>0</v>
      </c>
      <c r="V4855">
        <v>2</v>
      </c>
      <c r="W4855">
        <v>0</v>
      </c>
      <c r="X4855">
        <v>0</v>
      </c>
      <c r="Y4855">
        <v>46</v>
      </c>
      <c r="Z4855">
        <v>20</v>
      </c>
      <c r="AA4855">
        <v>194</v>
      </c>
      <c r="AB4855">
        <v>20</v>
      </c>
      <c r="AC4855">
        <v>159</v>
      </c>
      <c r="AD4855">
        <v>28</v>
      </c>
      <c r="AE4855">
        <v>72</v>
      </c>
      <c r="AF4855">
        <v>15018</v>
      </c>
      <c r="AG4855">
        <v>113220</v>
      </c>
      <c r="AH4855">
        <v>50000</v>
      </c>
      <c r="AI4855">
        <v>0</v>
      </c>
      <c r="AJ4855">
        <v>103</v>
      </c>
      <c r="AK4855" t="s">
        <v>7</v>
      </c>
      <c r="AL4855">
        <v>0</v>
      </c>
      <c r="AM4855">
        <v>0</v>
      </c>
      <c r="AN4855">
        <v>0</v>
      </c>
      <c r="AO4855">
        <v>0</v>
      </c>
      <c r="AP4855">
        <v>0</v>
      </c>
      <c r="AQ4855">
        <v>0</v>
      </c>
      <c r="AR4855">
        <v>0</v>
      </c>
      <c r="AS4855">
        <v>0</v>
      </c>
      <c r="AT4855">
        <v>0</v>
      </c>
      <c r="AU4855">
        <v>0</v>
      </c>
      <c r="AV4855">
        <v>0</v>
      </c>
      <c r="AW4855">
        <v>0</v>
      </c>
      <c r="AX4855">
        <v>-3180</v>
      </c>
      <c r="AY4855">
        <v>47</v>
      </c>
      <c r="AZ4855">
        <v>104</v>
      </c>
      <c r="BA4855">
        <v>6536</v>
      </c>
    </row>
    <row r="4856" spans="1:53" x14ac:dyDescent="0.4">
      <c r="A4856">
        <v>4900</v>
      </c>
      <c r="B4856" s="1">
        <v>44702</v>
      </c>
      <c r="C4856">
        <v>3</v>
      </c>
      <c r="D4856" s="1">
        <v>44702.743750000001</v>
      </c>
      <c r="E4856" s="1">
        <v>44702.96597222222</v>
      </c>
      <c r="F4856">
        <v>57820</v>
      </c>
      <c r="G4856">
        <v>418</v>
      </c>
      <c r="H4856">
        <v>0</v>
      </c>
      <c r="I4856">
        <v>0</v>
      </c>
      <c r="J4856">
        <v>0</v>
      </c>
      <c r="K4856">
        <v>2040</v>
      </c>
      <c r="L4856">
        <v>0</v>
      </c>
      <c r="M4856">
        <v>5481</v>
      </c>
      <c r="N4856">
        <v>0</v>
      </c>
      <c r="O4856">
        <v>0</v>
      </c>
      <c r="P4856">
        <v>7030</v>
      </c>
      <c r="Q4856">
        <v>0</v>
      </c>
      <c r="R4856">
        <v>67308</v>
      </c>
      <c r="S4856">
        <v>0</v>
      </c>
      <c r="T4856">
        <v>0</v>
      </c>
      <c r="U4856">
        <v>0</v>
      </c>
      <c r="V4856">
        <v>8</v>
      </c>
      <c r="W4856">
        <v>1</v>
      </c>
      <c r="X4856">
        <v>0</v>
      </c>
      <c r="Y4856">
        <v>33</v>
      </c>
      <c r="Z4856">
        <v>21</v>
      </c>
      <c r="AA4856">
        <v>208</v>
      </c>
      <c r="AB4856">
        <v>19</v>
      </c>
      <c r="AC4856">
        <v>163</v>
      </c>
      <c r="AD4856">
        <v>28</v>
      </c>
      <c r="AE4856">
        <v>72</v>
      </c>
      <c r="AF4856">
        <v>28436</v>
      </c>
      <c r="AG4856">
        <v>180528</v>
      </c>
      <c r="AH4856">
        <v>50000</v>
      </c>
      <c r="AI4856">
        <v>0</v>
      </c>
      <c r="AJ4856">
        <v>108</v>
      </c>
      <c r="AK4856" t="s">
        <v>3</v>
      </c>
      <c r="AL4856">
        <v>0</v>
      </c>
      <c r="AM4856">
        <v>0</v>
      </c>
      <c r="AN4856">
        <v>0</v>
      </c>
      <c r="AO4856">
        <v>0</v>
      </c>
      <c r="AP4856">
        <v>0</v>
      </c>
      <c r="AQ4856">
        <v>0</v>
      </c>
      <c r="AR4856">
        <v>0</v>
      </c>
      <c r="AS4856">
        <v>0</v>
      </c>
      <c r="AT4856">
        <v>0</v>
      </c>
      <c r="AU4856">
        <v>0</v>
      </c>
      <c r="AV4856">
        <v>0</v>
      </c>
      <c r="AW4856">
        <v>0</v>
      </c>
      <c r="AX4856">
        <v>20760</v>
      </c>
      <c r="AY4856">
        <v>22</v>
      </c>
      <c r="AZ4856">
        <v>59</v>
      </c>
      <c r="BA4856">
        <v>2847</v>
      </c>
    </row>
    <row r="4857" spans="1:53" x14ac:dyDescent="0.4">
      <c r="A4857">
        <v>4901</v>
      </c>
      <c r="B4857" s="1">
        <v>44703</v>
      </c>
      <c r="C4857">
        <v>1</v>
      </c>
      <c r="D4857" s="1">
        <v>44703.291666666664</v>
      </c>
      <c r="E4857" s="1">
        <v>44703.4</v>
      </c>
      <c r="F4857">
        <v>0</v>
      </c>
      <c r="G4857">
        <v>0</v>
      </c>
      <c r="H4857">
        <v>0</v>
      </c>
      <c r="I4857">
        <v>0</v>
      </c>
      <c r="J4857">
        <v>0</v>
      </c>
      <c r="K4857">
        <v>0</v>
      </c>
      <c r="L4857">
        <v>0</v>
      </c>
      <c r="M4857">
        <v>0</v>
      </c>
      <c r="N4857">
        <v>0</v>
      </c>
      <c r="O4857">
        <v>0</v>
      </c>
      <c r="P4857">
        <v>0</v>
      </c>
      <c r="Q4857">
        <v>0</v>
      </c>
      <c r="R4857">
        <v>0</v>
      </c>
      <c r="S4857">
        <v>0</v>
      </c>
      <c r="T4857">
        <v>0</v>
      </c>
      <c r="U4857">
        <v>0</v>
      </c>
      <c r="V4857">
        <v>0</v>
      </c>
      <c r="W4857">
        <v>0</v>
      </c>
      <c r="X4857">
        <v>0</v>
      </c>
      <c r="Y4857">
        <v>31</v>
      </c>
      <c r="Z4857">
        <v>11</v>
      </c>
      <c r="AA4857">
        <v>111</v>
      </c>
      <c r="AB4857">
        <v>18</v>
      </c>
      <c r="AC4857">
        <v>129</v>
      </c>
      <c r="AD4857">
        <v>28</v>
      </c>
      <c r="AE4857">
        <v>70</v>
      </c>
      <c r="AF4857">
        <v>0</v>
      </c>
      <c r="AG4857">
        <v>50000</v>
      </c>
      <c r="AH4857">
        <v>50000</v>
      </c>
      <c r="AI4857">
        <v>0</v>
      </c>
      <c r="AJ4857">
        <v>0</v>
      </c>
      <c r="AK4857" t="s">
        <v>6</v>
      </c>
      <c r="AL4857">
        <v>0</v>
      </c>
      <c r="AM4857">
        <v>0</v>
      </c>
      <c r="AN4857">
        <v>0</v>
      </c>
      <c r="AO4857">
        <v>0</v>
      </c>
      <c r="AP4857">
        <v>0</v>
      </c>
      <c r="AQ4857">
        <v>0</v>
      </c>
      <c r="AR4857">
        <v>0</v>
      </c>
      <c r="AS4857">
        <v>0</v>
      </c>
      <c r="AT4857">
        <v>0</v>
      </c>
      <c r="AU4857">
        <v>0</v>
      </c>
      <c r="AV4857">
        <v>0</v>
      </c>
      <c r="AW4857">
        <v>0</v>
      </c>
      <c r="AX4857">
        <v>0</v>
      </c>
      <c r="AY4857">
        <v>0</v>
      </c>
      <c r="AZ4857">
        <v>0</v>
      </c>
      <c r="BA4857">
        <v>0</v>
      </c>
    </row>
    <row r="4858" spans="1:53" x14ac:dyDescent="0.4">
      <c r="A4858">
        <v>4902</v>
      </c>
      <c r="B4858" s="1">
        <v>44703</v>
      </c>
      <c r="C4858">
        <v>2</v>
      </c>
      <c r="D4858" s="1">
        <v>44703.4</v>
      </c>
      <c r="E4858" s="1">
        <v>44703.749305555553</v>
      </c>
      <c r="F4858">
        <v>53420</v>
      </c>
      <c r="G4858">
        <v>3102</v>
      </c>
      <c r="H4858">
        <v>0</v>
      </c>
      <c r="I4858">
        <v>0</v>
      </c>
      <c r="J4858">
        <v>200</v>
      </c>
      <c r="K4858">
        <v>0</v>
      </c>
      <c r="L4858">
        <v>0</v>
      </c>
      <c r="M4858">
        <v>5117</v>
      </c>
      <c r="N4858">
        <v>0</v>
      </c>
      <c r="O4858">
        <v>0</v>
      </c>
      <c r="P4858">
        <v>19630</v>
      </c>
      <c r="Q4858">
        <v>0</v>
      </c>
      <c r="R4858">
        <v>75952</v>
      </c>
      <c r="S4858">
        <v>0</v>
      </c>
      <c r="T4858">
        <v>0</v>
      </c>
      <c r="U4858">
        <v>0</v>
      </c>
      <c r="V4858">
        <v>1</v>
      </c>
      <c r="W4858">
        <v>3</v>
      </c>
      <c r="X4858">
        <v>0</v>
      </c>
      <c r="Y4858">
        <v>77</v>
      </c>
      <c r="Z4858">
        <v>16</v>
      </c>
      <c r="AA4858">
        <v>100</v>
      </c>
      <c r="AB4858">
        <v>25</v>
      </c>
      <c r="AC4858">
        <v>188</v>
      </c>
      <c r="AD4858">
        <v>29</v>
      </c>
      <c r="AE4858">
        <v>77</v>
      </c>
      <c r="AF4858">
        <v>600</v>
      </c>
      <c r="AG4858">
        <v>123952</v>
      </c>
      <c r="AH4858">
        <v>50000</v>
      </c>
      <c r="AI4858">
        <v>-2000</v>
      </c>
      <c r="AJ4858">
        <v>103</v>
      </c>
      <c r="AK4858" t="s">
        <v>7</v>
      </c>
      <c r="AL4858">
        <v>0</v>
      </c>
      <c r="AM4858">
        <v>0</v>
      </c>
      <c r="AN4858">
        <v>0</v>
      </c>
      <c r="AO4858">
        <v>0</v>
      </c>
      <c r="AP4858">
        <v>0</v>
      </c>
      <c r="AQ4858">
        <v>0</v>
      </c>
      <c r="AR4858">
        <v>0</v>
      </c>
      <c r="AS4858">
        <v>0</v>
      </c>
      <c r="AT4858">
        <v>0</v>
      </c>
      <c r="AU4858">
        <v>0</v>
      </c>
      <c r="AV4858">
        <v>0</v>
      </c>
      <c r="AW4858">
        <v>0</v>
      </c>
      <c r="AX4858">
        <v>-2400</v>
      </c>
      <c r="AY4858">
        <v>56</v>
      </c>
      <c r="AZ4858">
        <v>118</v>
      </c>
      <c r="BA4858">
        <v>8204</v>
      </c>
    </row>
    <row r="4859" spans="1:53" x14ac:dyDescent="0.4">
      <c r="A4859">
        <v>4903</v>
      </c>
      <c r="B4859" s="1">
        <v>44703</v>
      </c>
      <c r="C4859">
        <v>3</v>
      </c>
      <c r="D4859" s="1">
        <v>44703.749305555553</v>
      </c>
      <c r="E4859" s="1">
        <v>44703.845138888886</v>
      </c>
      <c r="F4859">
        <v>11310</v>
      </c>
      <c r="G4859">
        <v>594</v>
      </c>
      <c r="H4859">
        <v>0</v>
      </c>
      <c r="I4859">
        <v>0</v>
      </c>
      <c r="J4859">
        <v>0</v>
      </c>
      <c r="K4859">
        <v>0</v>
      </c>
      <c r="L4859">
        <v>0</v>
      </c>
      <c r="M4859">
        <v>1081</v>
      </c>
      <c r="N4859">
        <v>0</v>
      </c>
      <c r="O4859">
        <v>0</v>
      </c>
      <c r="P4859">
        <v>1050</v>
      </c>
      <c r="Q4859">
        <v>0</v>
      </c>
      <c r="R4859">
        <v>12954</v>
      </c>
      <c r="S4859">
        <v>0</v>
      </c>
      <c r="T4859">
        <v>0</v>
      </c>
      <c r="U4859">
        <v>0</v>
      </c>
      <c r="V4859">
        <v>1</v>
      </c>
      <c r="W4859">
        <v>3</v>
      </c>
      <c r="X4859">
        <v>0</v>
      </c>
      <c r="Y4859">
        <v>91</v>
      </c>
      <c r="Z4859">
        <v>18</v>
      </c>
      <c r="AA4859">
        <v>100</v>
      </c>
      <c r="AB4859">
        <v>24</v>
      </c>
      <c r="AC4859">
        <v>189</v>
      </c>
      <c r="AD4859">
        <v>28</v>
      </c>
      <c r="AE4859">
        <v>76</v>
      </c>
      <c r="AF4859">
        <v>600</v>
      </c>
      <c r="AG4859">
        <v>138906</v>
      </c>
      <c r="AH4859">
        <v>50000</v>
      </c>
      <c r="AI4859">
        <v>0</v>
      </c>
      <c r="AJ4859">
        <v>108</v>
      </c>
      <c r="AK4859" t="s">
        <v>3</v>
      </c>
      <c r="AL4859">
        <v>0</v>
      </c>
      <c r="AM4859">
        <v>0</v>
      </c>
      <c r="AN4859">
        <v>0</v>
      </c>
      <c r="AO4859">
        <v>0</v>
      </c>
      <c r="AP4859">
        <v>0</v>
      </c>
      <c r="AQ4859">
        <v>0</v>
      </c>
      <c r="AR4859">
        <v>0</v>
      </c>
      <c r="AS4859">
        <v>0</v>
      </c>
      <c r="AT4859">
        <v>0</v>
      </c>
      <c r="AU4859">
        <v>0</v>
      </c>
      <c r="AV4859">
        <v>0</v>
      </c>
      <c r="AW4859">
        <v>0</v>
      </c>
      <c r="AX4859">
        <v>27728</v>
      </c>
      <c r="AY4859">
        <v>9</v>
      </c>
      <c r="AZ4859">
        <v>23</v>
      </c>
      <c r="BA4859">
        <v>2170</v>
      </c>
    </row>
    <row r="4860" spans="1:53" x14ac:dyDescent="0.4">
      <c r="A4860">
        <v>4904</v>
      </c>
      <c r="B4860" s="1">
        <v>44703</v>
      </c>
      <c r="C4860">
        <v>4</v>
      </c>
      <c r="D4860" s="1">
        <v>44703.845138888886</v>
      </c>
      <c r="E4860" s="1">
        <v>44703.975694444445</v>
      </c>
      <c r="F4860">
        <v>49580</v>
      </c>
      <c r="G4860">
        <v>2552</v>
      </c>
      <c r="H4860">
        <v>0</v>
      </c>
      <c r="I4860">
        <v>0</v>
      </c>
      <c r="J4860">
        <v>100</v>
      </c>
      <c r="K4860">
        <v>13200</v>
      </c>
      <c r="L4860">
        <v>0</v>
      </c>
      <c r="M4860">
        <v>5930</v>
      </c>
      <c r="N4860">
        <v>0</v>
      </c>
      <c r="O4860">
        <v>0</v>
      </c>
      <c r="P4860">
        <v>-20680</v>
      </c>
      <c r="Q4860">
        <v>0</v>
      </c>
      <c r="R4860">
        <v>44552</v>
      </c>
      <c r="S4860">
        <v>0</v>
      </c>
      <c r="T4860">
        <v>0</v>
      </c>
      <c r="U4860">
        <v>0</v>
      </c>
      <c r="V4860">
        <v>3</v>
      </c>
      <c r="W4860">
        <v>3</v>
      </c>
      <c r="X4860">
        <v>0</v>
      </c>
      <c r="Y4860">
        <v>116</v>
      </c>
      <c r="Z4860">
        <v>18</v>
      </c>
      <c r="AA4860">
        <v>95</v>
      </c>
      <c r="AB4860">
        <v>24</v>
      </c>
      <c r="AC4860">
        <v>193</v>
      </c>
      <c r="AD4860">
        <v>29</v>
      </c>
      <c r="AE4860">
        <v>83</v>
      </c>
      <c r="AF4860">
        <v>600</v>
      </c>
      <c r="AG4860">
        <v>183458</v>
      </c>
      <c r="AH4860">
        <v>50000</v>
      </c>
      <c r="AI4860">
        <v>0</v>
      </c>
      <c r="AJ4860">
        <v>108</v>
      </c>
      <c r="AK4860" t="s">
        <v>3</v>
      </c>
      <c r="AL4860">
        <v>0</v>
      </c>
      <c r="AM4860">
        <v>0</v>
      </c>
      <c r="AN4860">
        <v>0</v>
      </c>
      <c r="AO4860">
        <v>0</v>
      </c>
      <c r="AP4860">
        <v>0</v>
      </c>
      <c r="AQ4860">
        <v>0</v>
      </c>
      <c r="AR4860">
        <v>0</v>
      </c>
      <c r="AS4860">
        <v>0</v>
      </c>
      <c r="AT4860">
        <v>0</v>
      </c>
      <c r="AU4860">
        <v>0</v>
      </c>
      <c r="AV4860">
        <v>0</v>
      </c>
      <c r="AW4860">
        <v>0</v>
      </c>
      <c r="AX4860">
        <v>14278</v>
      </c>
      <c r="AY4860">
        <v>3</v>
      </c>
      <c r="AZ4860">
        <v>15</v>
      </c>
      <c r="BA4860">
        <v>933</v>
      </c>
    </row>
    <row r="4861" spans="1:53" x14ac:dyDescent="0.4">
      <c r="A4861">
        <v>4905</v>
      </c>
      <c r="B4861" s="1">
        <v>44704</v>
      </c>
      <c r="C4861">
        <v>1</v>
      </c>
      <c r="D4861" s="1">
        <v>44704.291666666664</v>
      </c>
      <c r="E4861" s="1">
        <v>44704.749305555553</v>
      </c>
      <c r="F4861">
        <v>22480</v>
      </c>
      <c r="G4861">
        <v>3410</v>
      </c>
      <c r="H4861">
        <v>0</v>
      </c>
      <c r="I4861">
        <v>0</v>
      </c>
      <c r="J4861">
        <v>0</v>
      </c>
      <c r="K4861">
        <v>0</v>
      </c>
      <c r="L4861">
        <v>0</v>
      </c>
      <c r="M4861">
        <v>2354</v>
      </c>
      <c r="N4861">
        <v>0</v>
      </c>
      <c r="O4861">
        <v>0</v>
      </c>
      <c r="P4861">
        <v>13430</v>
      </c>
      <c r="Q4861">
        <v>0</v>
      </c>
      <c r="R4861">
        <v>39320</v>
      </c>
      <c r="S4861">
        <v>0</v>
      </c>
      <c r="T4861">
        <v>0</v>
      </c>
      <c r="U4861">
        <v>0</v>
      </c>
      <c r="V4861">
        <v>1</v>
      </c>
      <c r="W4861">
        <v>5</v>
      </c>
      <c r="X4861">
        <v>0</v>
      </c>
      <c r="Y4861">
        <v>35</v>
      </c>
      <c r="Z4861">
        <v>20</v>
      </c>
      <c r="AA4861">
        <v>64</v>
      </c>
      <c r="AB4861">
        <v>20</v>
      </c>
      <c r="AC4861">
        <v>171</v>
      </c>
      <c r="AD4861">
        <v>28</v>
      </c>
      <c r="AE4861">
        <v>70</v>
      </c>
      <c r="AF4861">
        <v>0</v>
      </c>
      <c r="AG4861">
        <v>89320</v>
      </c>
      <c r="AH4861">
        <v>50000</v>
      </c>
      <c r="AI4861">
        <v>0</v>
      </c>
      <c r="AJ4861">
        <v>118</v>
      </c>
      <c r="AK4861" t="s">
        <v>59</v>
      </c>
      <c r="AL4861">
        <v>0</v>
      </c>
      <c r="AM4861">
        <v>0</v>
      </c>
      <c r="AN4861">
        <v>0</v>
      </c>
      <c r="AO4861">
        <v>0</v>
      </c>
      <c r="AP4861">
        <v>0</v>
      </c>
      <c r="AQ4861">
        <v>0</v>
      </c>
      <c r="AR4861">
        <v>0</v>
      </c>
      <c r="AS4861">
        <v>0</v>
      </c>
      <c r="AT4861">
        <v>0</v>
      </c>
      <c r="AU4861">
        <v>0</v>
      </c>
      <c r="AV4861">
        <v>0</v>
      </c>
      <c r="AW4861">
        <v>0</v>
      </c>
      <c r="AX4861">
        <v>440</v>
      </c>
      <c r="AY4861">
        <v>36</v>
      </c>
      <c r="AZ4861">
        <v>58</v>
      </c>
      <c r="BA4861">
        <v>5646</v>
      </c>
    </row>
    <row r="4862" spans="1:53" x14ac:dyDescent="0.4">
      <c r="A4862">
        <v>4906</v>
      </c>
      <c r="B4862" s="1">
        <v>44705</v>
      </c>
      <c r="C4862">
        <v>1</v>
      </c>
      <c r="D4862" s="1">
        <v>44705.291666666664</v>
      </c>
      <c r="E4862" s="1">
        <v>44705.445833333331</v>
      </c>
      <c r="F4862">
        <v>0</v>
      </c>
      <c r="G4862">
        <v>0</v>
      </c>
      <c r="H4862">
        <v>0</v>
      </c>
      <c r="I4862">
        <v>0</v>
      </c>
      <c r="J4862">
        <v>0</v>
      </c>
      <c r="K4862">
        <v>0</v>
      </c>
      <c r="L4862">
        <v>0</v>
      </c>
      <c r="M4862">
        <v>0</v>
      </c>
      <c r="N4862">
        <v>0</v>
      </c>
      <c r="O4862">
        <v>0</v>
      </c>
      <c r="P4862">
        <v>0</v>
      </c>
      <c r="Q4862">
        <v>0</v>
      </c>
      <c r="R4862">
        <v>0</v>
      </c>
      <c r="S4862">
        <v>0</v>
      </c>
      <c r="T4862">
        <v>0</v>
      </c>
      <c r="U4862">
        <v>0</v>
      </c>
      <c r="V4862">
        <v>0</v>
      </c>
      <c r="W4862">
        <v>0</v>
      </c>
      <c r="X4862">
        <v>0</v>
      </c>
      <c r="Y4862">
        <v>32</v>
      </c>
      <c r="Z4862">
        <v>19</v>
      </c>
      <c r="AA4862">
        <v>58</v>
      </c>
      <c r="AB4862">
        <v>17</v>
      </c>
      <c r="AC4862">
        <v>166</v>
      </c>
      <c r="AD4862">
        <v>25</v>
      </c>
      <c r="AE4862">
        <v>65</v>
      </c>
      <c r="AF4862">
        <v>0</v>
      </c>
      <c r="AG4862">
        <v>50000</v>
      </c>
      <c r="AH4862">
        <v>50000</v>
      </c>
      <c r="AI4862">
        <v>0</v>
      </c>
      <c r="AJ4862">
        <v>0</v>
      </c>
      <c r="AK4862" t="s">
        <v>6</v>
      </c>
      <c r="AL4862">
        <v>0</v>
      </c>
      <c r="AM4862">
        <v>0</v>
      </c>
      <c r="AN4862">
        <v>0</v>
      </c>
      <c r="AO4862">
        <v>0</v>
      </c>
      <c r="AP4862">
        <v>0</v>
      </c>
      <c r="AQ4862">
        <v>0</v>
      </c>
      <c r="AR4862">
        <v>0</v>
      </c>
      <c r="AS4862">
        <v>0</v>
      </c>
      <c r="AT4862">
        <v>0</v>
      </c>
      <c r="AU4862">
        <v>0</v>
      </c>
      <c r="AV4862">
        <v>0</v>
      </c>
      <c r="AW4862">
        <v>0</v>
      </c>
      <c r="AX4862">
        <v>0</v>
      </c>
      <c r="AY4862">
        <v>0</v>
      </c>
      <c r="AZ4862">
        <v>0</v>
      </c>
      <c r="BA4862">
        <v>0</v>
      </c>
    </row>
    <row r="4863" spans="1:53" x14ac:dyDescent="0.4">
      <c r="A4863">
        <v>4907</v>
      </c>
      <c r="B4863" s="1">
        <v>44705</v>
      </c>
      <c r="C4863">
        <v>2</v>
      </c>
      <c r="D4863" s="1">
        <v>44705.445833333331</v>
      </c>
      <c r="E4863" s="1">
        <v>44705.75</v>
      </c>
      <c r="F4863">
        <v>22990</v>
      </c>
      <c r="G4863">
        <v>462</v>
      </c>
      <c r="H4863">
        <v>0</v>
      </c>
      <c r="I4863">
        <v>0</v>
      </c>
      <c r="J4863">
        <v>100</v>
      </c>
      <c r="K4863">
        <v>600</v>
      </c>
      <c r="L4863">
        <v>0</v>
      </c>
      <c r="M4863">
        <v>2177</v>
      </c>
      <c r="N4863">
        <v>0</v>
      </c>
      <c r="O4863">
        <v>0</v>
      </c>
      <c r="P4863">
        <v>11480</v>
      </c>
      <c r="Q4863">
        <v>0</v>
      </c>
      <c r="R4863">
        <v>35432</v>
      </c>
      <c r="S4863">
        <v>0</v>
      </c>
      <c r="T4863">
        <v>0</v>
      </c>
      <c r="U4863">
        <v>0</v>
      </c>
      <c r="V4863">
        <v>1</v>
      </c>
      <c r="W4863">
        <v>2</v>
      </c>
      <c r="X4863">
        <v>0</v>
      </c>
      <c r="Y4863">
        <v>43</v>
      </c>
      <c r="Z4863">
        <v>30</v>
      </c>
      <c r="AA4863">
        <v>37</v>
      </c>
      <c r="AB4863">
        <v>23</v>
      </c>
      <c r="AC4863">
        <v>186</v>
      </c>
      <c r="AD4863">
        <v>25</v>
      </c>
      <c r="AE4863">
        <v>67</v>
      </c>
      <c r="AF4863">
        <v>530</v>
      </c>
      <c r="AG4863">
        <v>85432</v>
      </c>
      <c r="AH4863">
        <v>50000</v>
      </c>
      <c r="AI4863">
        <v>0</v>
      </c>
      <c r="AJ4863">
        <v>116</v>
      </c>
      <c r="AK4863" t="s">
        <v>54</v>
      </c>
      <c r="AL4863">
        <v>0</v>
      </c>
      <c r="AM4863">
        <v>0</v>
      </c>
      <c r="AN4863">
        <v>0</v>
      </c>
      <c r="AO4863">
        <v>0</v>
      </c>
      <c r="AP4863">
        <v>0</v>
      </c>
      <c r="AQ4863">
        <v>0</v>
      </c>
      <c r="AR4863">
        <v>0</v>
      </c>
      <c r="AS4863">
        <v>0</v>
      </c>
      <c r="AT4863">
        <v>0</v>
      </c>
      <c r="AU4863">
        <v>0</v>
      </c>
      <c r="AV4863">
        <v>0</v>
      </c>
      <c r="AW4863">
        <v>0</v>
      </c>
      <c r="AX4863">
        <v>-1238</v>
      </c>
      <c r="AY4863">
        <v>39</v>
      </c>
      <c r="AZ4863">
        <v>56</v>
      </c>
      <c r="BA4863">
        <v>5701</v>
      </c>
    </row>
    <row r="4864" spans="1:53" x14ac:dyDescent="0.4">
      <c r="A4864">
        <v>4908</v>
      </c>
      <c r="B4864" s="1">
        <v>44705</v>
      </c>
      <c r="C4864">
        <v>3</v>
      </c>
      <c r="D4864" s="1">
        <v>44705.75</v>
      </c>
      <c r="E4864" s="1">
        <v>44706.106249999997</v>
      </c>
      <c r="F4864">
        <v>32620</v>
      </c>
      <c r="G4864">
        <v>2398</v>
      </c>
      <c r="H4864">
        <v>0</v>
      </c>
      <c r="I4864">
        <v>0</v>
      </c>
      <c r="J4864">
        <v>100</v>
      </c>
      <c r="K4864">
        <v>0</v>
      </c>
      <c r="L4864">
        <v>0</v>
      </c>
      <c r="M4864">
        <v>3173</v>
      </c>
      <c r="N4864">
        <v>0</v>
      </c>
      <c r="O4864">
        <v>0</v>
      </c>
      <c r="P4864">
        <v>-11480</v>
      </c>
      <c r="Q4864">
        <v>0</v>
      </c>
      <c r="R4864">
        <v>23438</v>
      </c>
      <c r="S4864">
        <v>0</v>
      </c>
      <c r="T4864">
        <v>0</v>
      </c>
      <c r="U4864">
        <v>0</v>
      </c>
      <c r="V4864">
        <v>1</v>
      </c>
      <c r="W4864">
        <v>5</v>
      </c>
      <c r="X4864">
        <v>0</v>
      </c>
      <c r="Y4864">
        <v>47</v>
      </c>
      <c r="Z4864">
        <v>33</v>
      </c>
      <c r="AA4864">
        <v>34</v>
      </c>
      <c r="AB4864">
        <v>27</v>
      </c>
      <c r="AC4864">
        <v>192</v>
      </c>
      <c r="AD4864">
        <v>26</v>
      </c>
      <c r="AE4864">
        <v>73</v>
      </c>
      <c r="AF4864">
        <v>3497</v>
      </c>
      <c r="AG4864">
        <v>108870</v>
      </c>
      <c r="AH4864">
        <v>50000</v>
      </c>
      <c r="AI4864">
        <v>0</v>
      </c>
      <c r="AJ4864">
        <v>108</v>
      </c>
      <c r="AK4864" t="s">
        <v>3</v>
      </c>
      <c r="AL4864">
        <v>0</v>
      </c>
      <c r="AM4864">
        <v>0</v>
      </c>
      <c r="AN4864">
        <v>0</v>
      </c>
      <c r="AO4864">
        <v>0</v>
      </c>
      <c r="AP4864">
        <v>0</v>
      </c>
      <c r="AQ4864">
        <v>0</v>
      </c>
      <c r="AR4864">
        <v>0</v>
      </c>
      <c r="AS4864">
        <v>0</v>
      </c>
      <c r="AT4864">
        <v>0</v>
      </c>
      <c r="AU4864">
        <v>0</v>
      </c>
      <c r="AV4864">
        <v>0</v>
      </c>
      <c r="AW4864">
        <v>0</v>
      </c>
      <c r="AX4864">
        <v>0</v>
      </c>
      <c r="AY4864">
        <v>11</v>
      </c>
      <c r="AZ4864">
        <v>23</v>
      </c>
      <c r="BA4864">
        <v>1892</v>
      </c>
    </row>
    <row r="4865" spans="1:53" x14ac:dyDescent="0.4">
      <c r="A4865">
        <v>4909</v>
      </c>
      <c r="B4865" s="1">
        <v>44706</v>
      </c>
      <c r="C4865">
        <v>1</v>
      </c>
      <c r="D4865" s="1">
        <v>44706.291666666664</v>
      </c>
      <c r="E4865" s="1">
        <v>44706.742361111108</v>
      </c>
      <c r="F4865">
        <v>23650</v>
      </c>
      <c r="G4865">
        <v>1342</v>
      </c>
      <c r="H4865">
        <v>0</v>
      </c>
      <c r="I4865">
        <v>0</v>
      </c>
      <c r="J4865">
        <v>0</v>
      </c>
      <c r="K4865">
        <v>0</v>
      </c>
      <c r="L4865">
        <v>0</v>
      </c>
      <c r="M4865">
        <v>2272</v>
      </c>
      <c r="N4865">
        <v>0</v>
      </c>
      <c r="O4865">
        <v>0</v>
      </c>
      <c r="P4865">
        <v>11510</v>
      </c>
      <c r="Q4865">
        <v>0</v>
      </c>
      <c r="R4865">
        <v>36502</v>
      </c>
      <c r="S4865">
        <v>0</v>
      </c>
      <c r="T4865">
        <v>0</v>
      </c>
      <c r="U4865">
        <v>0</v>
      </c>
      <c r="V4865">
        <v>0</v>
      </c>
      <c r="W4865">
        <v>4</v>
      </c>
      <c r="X4865">
        <v>0</v>
      </c>
      <c r="Y4865">
        <v>40</v>
      </c>
      <c r="Z4865">
        <v>23</v>
      </c>
      <c r="AA4865">
        <v>99</v>
      </c>
      <c r="AB4865">
        <v>28</v>
      </c>
      <c r="AC4865">
        <v>108</v>
      </c>
      <c r="AD4865">
        <v>29</v>
      </c>
      <c r="AE4865">
        <v>77</v>
      </c>
      <c r="AF4865">
        <v>2400</v>
      </c>
      <c r="AG4865">
        <v>86502</v>
      </c>
      <c r="AH4865">
        <v>50000</v>
      </c>
      <c r="AI4865">
        <v>0</v>
      </c>
      <c r="AJ4865">
        <v>108</v>
      </c>
      <c r="AK4865" t="s">
        <v>3</v>
      </c>
      <c r="AL4865">
        <v>0</v>
      </c>
      <c r="AM4865">
        <v>0</v>
      </c>
      <c r="AN4865">
        <v>0</v>
      </c>
      <c r="AO4865">
        <v>0</v>
      </c>
      <c r="AP4865">
        <v>0</v>
      </c>
      <c r="AQ4865">
        <v>0</v>
      </c>
      <c r="AR4865">
        <v>0</v>
      </c>
      <c r="AS4865">
        <v>0</v>
      </c>
      <c r="AT4865">
        <v>0</v>
      </c>
      <c r="AU4865">
        <v>0</v>
      </c>
      <c r="AV4865">
        <v>0</v>
      </c>
      <c r="AW4865">
        <v>0</v>
      </c>
      <c r="AX4865">
        <v>308</v>
      </c>
      <c r="AY4865">
        <v>33</v>
      </c>
      <c r="AZ4865">
        <v>53</v>
      </c>
      <c r="BA4865">
        <v>5301</v>
      </c>
    </row>
    <row r="4866" spans="1:53" x14ac:dyDescent="0.4">
      <c r="A4866">
        <v>4910</v>
      </c>
      <c r="B4866" s="1">
        <v>44706</v>
      </c>
      <c r="C4866">
        <v>2</v>
      </c>
      <c r="D4866" s="1">
        <v>44706.742361111108</v>
      </c>
      <c r="E4866" s="1">
        <v>44707.084027777775</v>
      </c>
      <c r="F4866">
        <v>48170</v>
      </c>
      <c r="G4866">
        <v>2178</v>
      </c>
      <c r="H4866">
        <v>0</v>
      </c>
      <c r="I4866">
        <v>0</v>
      </c>
      <c r="J4866">
        <v>0</v>
      </c>
      <c r="K4866">
        <v>0</v>
      </c>
      <c r="L4866">
        <v>0</v>
      </c>
      <c r="M4866">
        <v>4575</v>
      </c>
      <c r="N4866">
        <v>0</v>
      </c>
      <c r="O4866">
        <v>0</v>
      </c>
      <c r="P4866">
        <v>-4910</v>
      </c>
      <c r="Q4866">
        <v>0</v>
      </c>
      <c r="R4866">
        <v>45438</v>
      </c>
      <c r="S4866">
        <v>0</v>
      </c>
      <c r="T4866">
        <v>0</v>
      </c>
      <c r="U4866">
        <v>0</v>
      </c>
      <c r="V4866">
        <v>4</v>
      </c>
      <c r="W4866">
        <v>4</v>
      </c>
      <c r="X4866">
        <v>0</v>
      </c>
      <c r="Y4866">
        <v>37</v>
      </c>
      <c r="Z4866">
        <v>24</v>
      </c>
      <c r="AA4866">
        <v>107</v>
      </c>
      <c r="AB4866">
        <v>27</v>
      </c>
      <c r="AC4866">
        <v>107</v>
      </c>
      <c r="AD4866">
        <v>29</v>
      </c>
      <c r="AE4866">
        <v>75</v>
      </c>
      <c r="AF4866">
        <v>9600</v>
      </c>
      <c r="AG4866">
        <v>131940</v>
      </c>
      <c r="AH4866">
        <v>50000</v>
      </c>
      <c r="AI4866">
        <v>0</v>
      </c>
      <c r="AJ4866">
        <v>108</v>
      </c>
      <c r="AK4866" t="s">
        <v>3</v>
      </c>
      <c r="AL4866">
        <v>0</v>
      </c>
      <c r="AM4866">
        <v>0</v>
      </c>
      <c r="AN4866">
        <v>0</v>
      </c>
      <c r="AO4866">
        <v>0</v>
      </c>
      <c r="AP4866">
        <v>0</v>
      </c>
      <c r="AQ4866">
        <v>0</v>
      </c>
      <c r="AR4866">
        <v>0</v>
      </c>
      <c r="AS4866">
        <v>0</v>
      </c>
      <c r="AT4866">
        <v>0</v>
      </c>
      <c r="AU4866">
        <v>0</v>
      </c>
      <c r="AV4866">
        <v>0</v>
      </c>
      <c r="AW4866">
        <v>0</v>
      </c>
      <c r="AX4866">
        <v>0</v>
      </c>
      <c r="AY4866">
        <v>12</v>
      </c>
      <c r="AZ4866">
        <v>34</v>
      </c>
      <c r="BA4866">
        <v>1836</v>
      </c>
    </row>
    <row r="4867" spans="1:53" x14ac:dyDescent="0.4">
      <c r="A4867">
        <v>4911</v>
      </c>
      <c r="B4867" s="1">
        <v>44707</v>
      </c>
      <c r="C4867">
        <v>1</v>
      </c>
      <c r="D4867" s="1">
        <v>44707.291666666664</v>
      </c>
      <c r="E4867" s="1">
        <v>44707.443749999999</v>
      </c>
      <c r="F4867">
        <v>0</v>
      </c>
      <c r="G4867">
        <v>0</v>
      </c>
      <c r="H4867">
        <v>0</v>
      </c>
      <c r="I4867">
        <v>0</v>
      </c>
      <c r="J4867">
        <v>0</v>
      </c>
      <c r="K4867">
        <v>0</v>
      </c>
      <c r="L4867">
        <v>0</v>
      </c>
      <c r="M4867">
        <v>0</v>
      </c>
      <c r="N4867">
        <v>0</v>
      </c>
      <c r="O4867">
        <v>0</v>
      </c>
      <c r="P4867">
        <v>0</v>
      </c>
      <c r="Q4867">
        <v>0</v>
      </c>
      <c r="R4867">
        <v>0</v>
      </c>
      <c r="S4867">
        <v>0</v>
      </c>
      <c r="T4867">
        <v>0</v>
      </c>
      <c r="U4867">
        <v>0</v>
      </c>
      <c r="V4867">
        <v>0</v>
      </c>
      <c r="W4867">
        <v>1</v>
      </c>
      <c r="X4867">
        <v>0</v>
      </c>
      <c r="Y4867">
        <v>25</v>
      </c>
      <c r="Z4867">
        <v>14</v>
      </c>
      <c r="AA4867">
        <v>107</v>
      </c>
      <c r="AB4867">
        <v>21</v>
      </c>
      <c r="AC4867">
        <v>107</v>
      </c>
      <c r="AD4867">
        <v>21</v>
      </c>
      <c r="AE4867">
        <v>75</v>
      </c>
      <c r="AF4867">
        <v>0</v>
      </c>
      <c r="AG4867">
        <v>50000</v>
      </c>
      <c r="AH4867">
        <v>50000</v>
      </c>
      <c r="AI4867">
        <v>0</v>
      </c>
      <c r="AJ4867">
        <v>0</v>
      </c>
      <c r="AK4867" t="s">
        <v>6</v>
      </c>
      <c r="AL4867">
        <v>0</v>
      </c>
      <c r="AM4867">
        <v>0</v>
      </c>
      <c r="AN4867">
        <v>0</v>
      </c>
      <c r="AO4867">
        <v>0</v>
      </c>
      <c r="AP4867">
        <v>0</v>
      </c>
      <c r="AQ4867">
        <v>0</v>
      </c>
      <c r="AR4867">
        <v>0</v>
      </c>
      <c r="AS4867">
        <v>0</v>
      </c>
      <c r="AT4867">
        <v>0</v>
      </c>
      <c r="AU4867">
        <v>0</v>
      </c>
      <c r="AV4867">
        <v>0</v>
      </c>
      <c r="AW4867">
        <v>0</v>
      </c>
      <c r="AX4867">
        <v>0</v>
      </c>
      <c r="AY4867">
        <v>0</v>
      </c>
      <c r="AZ4867">
        <v>0</v>
      </c>
      <c r="BA4867">
        <v>0</v>
      </c>
    </row>
    <row r="4868" spans="1:53" x14ac:dyDescent="0.4">
      <c r="A4868">
        <v>4912</v>
      </c>
      <c r="B4868" s="1">
        <v>44707</v>
      </c>
      <c r="C4868">
        <v>2</v>
      </c>
      <c r="D4868" s="1">
        <v>44707.443749999999</v>
      </c>
      <c r="E4868" s="1">
        <v>44707.734027777777</v>
      </c>
      <c r="F4868">
        <v>10840</v>
      </c>
      <c r="G4868">
        <v>308</v>
      </c>
      <c r="H4868">
        <v>0</v>
      </c>
      <c r="I4868">
        <v>0</v>
      </c>
      <c r="J4868">
        <v>0</v>
      </c>
      <c r="K4868">
        <v>0</v>
      </c>
      <c r="L4868">
        <v>0</v>
      </c>
      <c r="M4868">
        <v>1013</v>
      </c>
      <c r="N4868">
        <v>0</v>
      </c>
      <c r="O4868">
        <v>0</v>
      </c>
      <c r="P4868">
        <v>16100</v>
      </c>
      <c r="Q4868">
        <v>0</v>
      </c>
      <c r="R4868">
        <v>27248</v>
      </c>
      <c r="S4868">
        <v>0</v>
      </c>
      <c r="T4868">
        <v>0</v>
      </c>
      <c r="U4868">
        <v>0</v>
      </c>
      <c r="V4868">
        <v>4</v>
      </c>
      <c r="W4868">
        <v>0</v>
      </c>
      <c r="X4868">
        <v>0</v>
      </c>
      <c r="Y4868">
        <v>9</v>
      </c>
      <c r="Z4868">
        <v>23</v>
      </c>
      <c r="AA4868">
        <v>134</v>
      </c>
      <c r="AB4868">
        <v>20</v>
      </c>
      <c r="AC4868">
        <v>122</v>
      </c>
      <c r="AD4868">
        <v>21</v>
      </c>
      <c r="AE4868">
        <v>73</v>
      </c>
      <c r="AF4868">
        <v>950</v>
      </c>
      <c r="AG4868">
        <v>77248</v>
      </c>
      <c r="AH4868">
        <v>50000</v>
      </c>
      <c r="AI4868">
        <v>0</v>
      </c>
      <c r="AJ4868">
        <v>116</v>
      </c>
      <c r="AK4868" t="s">
        <v>54</v>
      </c>
      <c r="AL4868">
        <v>0</v>
      </c>
      <c r="AM4868">
        <v>0</v>
      </c>
      <c r="AN4868">
        <v>0</v>
      </c>
      <c r="AO4868">
        <v>0</v>
      </c>
      <c r="AP4868">
        <v>0</v>
      </c>
      <c r="AQ4868">
        <v>0</v>
      </c>
      <c r="AR4868">
        <v>0</v>
      </c>
      <c r="AS4868">
        <v>0</v>
      </c>
      <c r="AT4868">
        <v>0</v>
      </c>
      <c r="AU4868">
        <v>0</v>
      </c>
      <c r="AV4868">
        <v>0</v>
      </c>
      <c r="AW4868">
        <v>0</v>
      </c>
      <c r="AX4868">
        <v>726</v>
      </c>
      <c r="AY4868">
        <v>29</v>
      </c>
      <c r="AZ4868">
        <v>43</v>
      </c>
      <c r="BA4868">
        <v>3794</v>
      </c>
    </row>
    <row r="4869" spans="1:53" x14ac:dyDescent="0.4">
      <c r="A4869">
        <v>4913</v>
      </c>
      <c r="B4869" s="1">
        <v>44707</v>
      </c>
      <c r="C4869">
        <v>3</v>
      </c>
      <c r="D4869" s="1">
        <v>44707.734027777777</v>
      </c>
      <c r="E4869" s="1">
        <v>44707.959027777775</v>
      </c>
      <c r="F4869">
        <v>32440</v>
      </c>
      <c r="G4869">
        <v>2310</v>
      </c>
      <c r="H4869">
        <v>0</v>
      </c>
      <c r="I4869">
        <v>0</v>
      </c>
      <c r="J4869">
        <v>100</v>
      </c>
      <c r="K4869">
        <v>0</v>
      </c>
      <c r="L4869">
        <v>0</v>
      </c>
      <c r="M4869">
        <v>3149</v>
      </c>
      <c r="N4869">
        <v>0</v>
      </c>
      <c r="O4869">
        <v>0</v>
      </c>
      <c r="P4869">
        <v>-16100</v>
      </c>
      <c r="Q4869">
        <v>0</v>
      </c>
      <c r="R4869">
        <v>18550</v>
      </c>
      <c r="S4869">
        <v>0</v>
      </c>
      <c r="T4869">
        <v>0</v>
      </c>
      <c r="U4869">
        <v>0</v>
      </c>
      <c r="V4869">
        <v>3</v>
      </c>
      <c r="W4869">
        <v>0</v>
      </c>
      <c r="X4869">
        <v>0</v>
      </c>
      <c r="Y4869">
        <v>30</v>
      </c>
      <c r="Z4869">
        <v>15</v>
      </c>
      <c r="AA4869">
        <v>138</v>
      </c>
      <c r="AB4869">
        <v>21</v>
      </c>
      <c r="AC4869">
        <v>130</v>
      </c>
      <c r="AD4869">
        <v>25</v>
      </c>
      <c r="AE4869">
        <v>76</v>
      </c>
      <c r="AF4869">
        <v>11947</v>
      </c>
      <c r="AG4869">
        <v>95798</v>
      </c>
      <c r="AH4869">
        <v>50000</v>
      </c>
      <c r="AI4869">
        <v>0</v>
      </c>
      <c r="AJ4869">
        <v>108</v>
      </c>
      <c r="AK4869" t="s">
        <v>3</v>
      </c>
      <c r="AL4869">
        <v>0</v>
      </c>
      <c r="AM4869">
        <v>0</v>
      </c>
      <c r="AN4869">
        <v>0</v>
      </c>
      <c r="AO4869">
        <v>0</v>
      </c>
      <c r="AP4869">
        <v>0</v>
      </c>
      <c r="AQ4869">
        <v>0</v>
      </c>
      <c r="AR4869">
        <v>0</v>
      </c>
      <c r="AS4869">
        <v>0</v>
      </c>
      <c r="AT4869">
        <v>0</v>
      </c>
      <c r="AU4869">
        <v>0</v>
      </c>
      <c r="AV4869">
        <v>0</v>
      </c>
      <c r="AW4869">
        <v>0</v>
      </c>
      <c r="AX4869">
        <v>7740</v>
      </c>
      <c r="AY4869">
        <v>13</v>
      </c>
      <c r="AZ4869">
        <v>29</v>
      </c>
      <c r="BA4869">
        <v>2848</v>
      </c>
    </row>
    <row r="4870" spans="1:53" x14ac:dyDescent="0.4">
      <c r="A4870">
        <v>4914</v>
      </c>
      <c r="B4870" s="1">
        <v>44708</v>
      </c>
      <c r="C4870">
        <v>1</v>
      </c>
      <c r="D4870" s="1">
        <v>44708.291666666664</v>
      </c>
      <c r="E4870" s="1">
        <v>44708.439583333333</v>
      </c>
      <c r="F4870">
        <v>0</v>
      </c>
      <c r="G4870">
        <v>0</v>
      </c>
      <c r="H4870">
        <v>0</v>
      </c>
      <c r="I4870">
        <v>0</v>
      </c>
      <c r="J4870">
        <v>0</v>
      </c>
      <c r="K4870">
        <v>0</v>
      </c>
      <c r="L4870">
        <v>0</v>
      </c>
      <c r="M4870">
        <v>0</v>
      </c>
      <c r="N4870">
        <v>0</v>
      </c>
      <c r="O4870">
        <v>0</v>
      </c>
      <c r="P4870">
        <v>0</v>
      </c>
      <c r="Q4870">
        <v>0</v>
      </c>
      <c r="R4870">
        <v>0</v>
      </c>
      <c r="S4870">
        <v>0</v>
      </c>
      <c r="T4870">
        <v>0</v>
      </c>
      <c r="U4870">
        <v>0</v>
      </c>
      <c r="V4870">
        <v>0</v>
      </c>
      <c r="W4870">
        <v>1</v>
      </c>
      <c r="X4870">
        <v>0</v>
      </c>
      <c r="Y4870">
        <v>25</v>
      </c>
      <c r="Z4870">
        <v>10</v>
      </c>
      <c r="AA4870">
        <v>123</v>
      </c>
      <c r="AB4870">
        <v>23</v>
      </c>
      <c r="AC4870">
        <v>134</v>
      </c>
      <c r="AD4870">
        <v>26</v>
      </c>
      <c r="AE4870">
        <v>80</v>
      </c>
      <c r="AF4870">
        <v>0</v>
      </c>
      <c r="AG4870">
        <v>50000</v>
      </c>
      <c r="AH4870">
        <v>50000</v>
      </c>
      <c r="AI4870">
        <v>0</v>
      </c>
      <c r="AJ4870">
        <v>0</v>
      </c>
      <c r="AK4870" t="s">
        <v>6</v>
      </c>
      <c r="AL4870">
        <v>0</v>
      </c>
      <c r="AM4870">
        <v>0</v>
      </c>
      <c r="AN4870">
        <v>0</v>
      </c>
      <c r="AO4870">
        <v>0</v>
      </c>
      <c r="AP4870">
        <v>0</v>
      </c>
      <c r="AQ4870">
        <v>0</v>
      </c>
      <c r="AR4870">
        <v>0</v>
      </c>
      <c r="AS4870">
        <v>0</v>
      </c>
      <c r="AT4870">
        <v>0</v>
      </c>
      <c r="AU4870">
        <v>0</v>
      </c>
      <c r="AV4870">
        <v>0</v>
      </c>
      <c r="AW4870">
        <v>0</v>
      </c>
      <c r="AX4870">
        <v>0</v>
      </c>
      <c r="AY4870">
        <v>0</v>
      </c>
      <c r="AZ4870">
        <v>0</v>
      </c>
      <c r="BA4870">
        <v>0</v>
      </c>
    </row>
    <row r="4871" spans="1:53" x14ac:dyDescent="0.4">
      <c r="A4871">
        <v>4915</v>
      </c>
      <c r="B4871" s="1">
        <v>44708</v>
      </c>
      <c r="C4871">
        <v>2</v>
      </c>
      <c r="D4871" s="1">
        <v>44708.439583333333</v>
      </c>
      <c r="E4871" s="1">
        <v>44708.751388888886</v>
      </c>
      <c r="F4871">
        <v>18970</v>
      </c>
      <c r="G4871">
        <v>462</v>
      </c>
      <c r="H4871">
        <v>220</v>
      </c>
      <c r="I4871">
        <v>0</v>
      </c>
      <c r="J4871">
        <v>0</v>
      </c>
      <c r="K4871">
        <v>0</v>
      </c>
      <c r="L4871">
        <v>0</v>
      </c>
      <c r="M4871">
        <v>1786</v>
      </c>
      <c r="N4871">
        <v>0</v>
      </c>
      <c r="O4871">
        <v>0</v>
      </c>
      <c r="P4871">
        <v>10850</v>
      </c>
      <c r="Q4871">
        <v>0</v>
      </c>
      <c r="R4871">
        <v>30502</v>
      </c>
      <c r="S4871">
        <v>0</v>
      </c>
      <c r="T4871">
        <v>0</v>
      </c>
      <c r="U4871">
        <v>0</v>
      </c>
      <c r="V4871">
        <v>2</v>
      </c>
      <c r="W4871">
        <v>1</v>
      </c>
      <c r="X4871">
        <v>0</v>
      </c>
      <c r="Y4871">
        <v>28</v>
      </c>
      <c r="Z4871">
        <v>17</v>
      </c>
      <c r="AA4871">
        <v>121</v>
      </c>
      <c r="AB4871">
        <v>23</v>
      </c>
      <c r="AC4871">
        <v>132</v>
      </c>
      <c r="AD4871">
        <v>26</v>
      </c>
      <c r="AE4871">
        <v>78</v>
      </c>
      <c r="AF4871">
        <v>4224</v>
      </c>
      <c r="AG4871">
        <v>80502</v>
      </c>
      <c r="AH4871">
        <v>50000</v>
      </c>
      <c r="AI4871">
        <v>0</v>
      </c>
      <c r="AJ4871">
        <v>116</v>
      </c>
      <c r="AK4871" t="s">
        <v>54</v>
      </c>
      <c r="AL4871">
        <v>0</v>
      </c>
      <c r="AM4871">
        <v>0</v>
      </c>
      <c r="AN4871">
        <v>0</v>
      </c>
      <c r="AO4871">
        <v>0</v>
      </c>
      <c r="AP4871">
        <v>0</v>
      </c>
      <c r="AQ4871">
        <v>0</v>
      </c>
      <c r="AR4871">
        <v>0</v>
      </c>
      <c r="AS4871">
        <v>0</v>
      </c>
      <c r="AT4871">
        <v>0</v>
      </c>
      <c r="AU4871">
        <v>0</v>
      </c>
      <c r="AV4871">
        <v>0</v>
      </c>
      <c r="AW4871">
        <v>0</v>
      </c>
      <c r="AX4871">
        <v>902</v>
      </c>
      <c r="AY4871">
        <v>37</v>
      </c>
      <c r="AZ4871">
        <v>52</v>
      </c>
      <c r="BA4871">
        <v>4579</v>
      </c>
    </row>
    <row r="4872" spans="1:53" x14ac:dyDescent="0.4">
      <c r="A4872">
        <v>4916</v>
      </c>
      <c r="B4872" s="1">
        <v>44708</v>
      </c>
      <c r="C4872">
        <v>3</v>
      </c>
      <c r="D4872" s="1">
        <v>44708.751388888886</v>
      </c>
      <c r="E4872" s="1">
        <v>44708.95208333333</v>
      </c>
      <c r="F4872">
        <v>47310</v>
      </c>
      <c r="G4872">
        <v>5214</v>
      </c>
      <c r="H4872">
        <v>0</v>
      </c>
      <c r="I4872">
        <v>0</v>
      </c>
      <c r="J4872">
        <v>0</v>
      </c>
      <c r="K4872">
        <v>0</v>
      </c>
      <c r="L4872">
        <v>0</v>
      </c>
      <c r="M4872">
        <v>4773</v>
      </c>
      <c r="N4872">
        <v>0</v>
      </c>
      <c r="O4872">
        <v>0</v>
      </c>
      <c r="P4872">
        <v>-10850</v>
      </c>
      <c r="Q4872">
        <v>0</v>
      </c>
      <c r="R4872">
        <v>41674</v>
      </c>
      <c r="S4872">
        <v>0</v>
      </c>
      <c r="T4872">
        <v>0</v>
      </c>
      <c r="U4872">
        <v>0</v>
      </c>
      <c r="V4872">
        <v>6</v>
      </c>
      <c r="W4872">
        <v>0</v>
      </c>
      <c r="X4872">
        <v>0</v>
      </c>
      <c r="Y4872">
        <v>31</v>
      </c>
      <c r="Z4872">
        <v>21</v>
      </c>
      <c r="AA4872">
        <v>129</v>
      </c>
      <c r="AB4872">
        <v>21</v>
      </c>
      <c r="AC4872">
        <v>123</v>
      </c>
      <c r="AD4872">
        <v>24</v>
      </c>
      <c r="AE4872">
        <v>72</v>
      </c>
      <c r="AF4872">
        <v>5304</v>
      </c>
      <c r="AG4872">
        <v>122176</v>
      </c>
      <c r="AH4872">
        <v>50000</v>
      </c>
      <c r="AI4872">
        <v>0</v>
      </c>
      <c r="AJ4872">
        <v>103</v>
      </c>
      <c r="AK4872" t="s">
        <v>7</v>
      </c>
      <c r="AL4872">
        <v>0</v>
      </c>
      <c r="AM4872">
        <v>0</v>
      </c>
      <c r="AN4872">
        <v>0</v>
      </c>
      <c r="AO4872">
        <v>0</v>
      </c>
      <c r="AP4872">
        <v>0</v>
      </c>
      <c r="AQ4872">
        <v>0</v>
      </c>
      <c r="AR4872">
        <v>0</v>
      </c>
      <c r="AS4872">
        <v>0</v>
      </c>
      <c r="AT4872">
        <v>0</v>
      </c>
      <c r="AU4872">
        <v>0</v>
      </c>
      <c r="AV4872">
        <v>0</v>
      </c>
      <c r="AW4872">
        <v>0</v>
      </c>
      <c r="AX4872">
        <v>10365</v>
      </c>
      <c r="AY4872">
        <v>14</v>
      </c>
      <c r="AZ4872">
        <v>32</v>
      </c>
      <c r="BA4872">
        <v>2159</v>
      </c>
    </row>
    <row r="4873" spans="1:53" x14ac:dyDescent="0.4">
      <c r="A4873">
        <v>4917</v>
      </c>
      <c r="B4873" s="1">
        <v>44709</v>
      </c>
      <c r="C4873">
        <v>1</v>
      </c>
      <c r="D4873" s="1">
        <v>44709.291666666664</v>
      </c>
      <c r="E4873" s="1">
        <v>44709.494444444441</v>
      </c>
      <c r="F4873">
        <v>0</v>
      </c>
      <c r="G4873">
        <v>0</v>
      </c>
      <c r="H4873">
        <v>0</v>
      </c>
      <c r="I4873">
        <v>0</v>
      </c>
      <c r="J4873">
        <v>0</v>
      </c>
      <c r="K4873">
        <v>0</v>
      </c>
      <c r="L4873">
        <v>0</v>
      </c>
      <c r="M4873">
        <v>0</v>
      </c>
      <c r="N4873">
        <v>0</v>
      </c>
      <c r="O4873">
        <v>0</v>
      </c>
      <c r="P4873">
        <v>4960</v>
      </c>
      <c r="Q4873">
        <v>0</v>
      </c>
      <c r="R4873">
        <v>4960</v>
      </c>
      <c r="S4873">
        <v>0</v>
      </c>
      <c r="T4873">
        <v>0</v>
      </c>
      <c r="U4873">
        <v>0</v>
      </c>
      <c r="V4873">
        <v>0</v>
      </c>
      <c r="W4873">
        <v>1</v>
      </c>
      <c r="X4873">
        <v>0</v>
      </c>
      <c r="Y4873">
        <v>29</v>
      </c>
      <c r="Z4873">
        <v>12</v>
      </c>
      <c r="AA4873">
        <v>126</v>
      </c>
      <c r="AB4873">
        <v>20</v>
      </c>
      <c r="AC4873">
        <v>117</v>
      </c>
      <c r="AD4873">
        <v>25</v>
      </c>
      <c r="AE4873">
        <v>65</v>
      </c>
      <c r="AF4873">
        <v>0</v>
      </c>
      <c r="AG4873">
        <v>54960</v>
      </c>
      <c r="AH4873">
        <v>50000</v>
      </c>
      <c r="AI4873">
        <v>0</v>
      </c>
      <c r="AJ4873">
        <v>108</v>
      </c>
      <c r="AK4873" t="s">
        <v>3</v>
      </c>
      <c r="AL4873">
        <v>0</v>
      </c>
      <c r="AM4873">
        <v>0</v>
      </c>
      <c r="AN4873">
        <v>0</v>
      </c>
      <c r="AO4873">
        <v>0</v>
      </c>
      <c r="AP4873">
        <v>0</v>
      </c>
      <c r="AQ4873">
        <v>0</v>
      </c>
      <c r="AR4873">
        <v>0</v>
      </c>
      <c r="AS4873">
        <v>0</v>
      </c>
      <c r="AT4873">
        <v>0</v>
      </c>
      <c r="AU4873">
        <v>0</v>
      </c>
      <c r="AV4873">
        <v>0</v>
      </c>
      <c r="AW4873">
        <v>0</v>
      </c>
      <c r="AX4873">
        <v>-1060</v>
      </c>
      <c r="AY4873">
        <v>5</v>
      </c>
      <c r="AZ4873">
        <v>8</v>
      </c>
      <c r="BA4873">
        <v>89</v>
      </c>
    </row>
    <row r="4874" spans="1:53" x14ac:dyDescent="0.4">
      <c r="A4874">
        <v>4918</v>
      </c>
      <c r="B4874" s="1">
        <v>44709</v>
      </c>
      <c r="C4874">
        <v>2</v>
      </c>
      <c r="D4874" s="1">
        <v>44709.494444444441</v>
      </c>
      <c r="E4874" s="1">
        <v>44709.732638888891</v>
      </c>
      <c r="F4874">
        <v>24900</v>
      </c>
      <c r="G4874">
        <v>308</v>
      </c>
      <c r="H4874">
        <v>0</v>
      </c>
      <c r="I4874">
        <v>0</v>
      </c>
      <c r="J4874">
        <v>0</v>
      </c>
      <c r="K4874">
        <v>0</v>
      </c>
      <c r="L4874">
        <v>0</v>
      </c>
      <c r="M4874">
        <v>2290</v>
      </c>
      <c r="N4874">
        <v>0</v>
      </c>
      <c r="O4874">
        <v>0</v>
      </c>
      <c r="P4874">
        <v>19980</v>
      </c>
      <c r="Q4874">
        <v>0</v>
      </c>
      <c r="R4874">
        <v>45188</v>
      </c>
      <c r="S4874">
        <v>0</v>
      </c>
      <c r="T4874">
        <v>0</v>
      </c>
      <c r="U4874">
        <v>0</v>
      </c>
      <c r="V4874">
        <v>1</v>
      </c>
      <c r="W4874">
        <v>4</v>
      </c>
      <c r="X4874">
        <v>0</v>
      </c>
      <c r="Y4874">
        <v>43</v>
      </c>
      <c r="Z4874">
        <v>16</v>
      </c>
      <c r="AA4874">
        <v>140</v>
      </c>
      <c r="AB4874">
        <v>30</v>
      </c>
      <c r="AC4874">
        <v>129</v>
      </c>
      <c r="AD4874">
        <v>25</v>
      </c>
      <c r="AE4874">
        <v>66</v>
      </c>
      <c r="AF4874">
        <v>2167</v>
      </c>
      <c r="AG4874">
        <v>100148</v>
      </c>
      <c r="AH4874">
        <v>50000</v>
      </c>
      <c r="AI4874">
        <v>0</v>
      </c>
      <c r="AJ4874">
        <v>118</v>
      </c>
      <c r="AK4874" t="s">
        <v>59</v>
      </c>
      <c r="AL4874">
        <v>0</v>
      </c>
      <c r="AM4874">
        <v>0</v>
      </c>
      <c r="AN4874">
        <v>0</v>
      </c>
      <c r="AO4874">
        <v>0</v>
      </c>
      <c r="AP4874">
        <v>0</v>
      </c>
      <c r="AQ4874">
        <v>0</v>
      </c>
      <c r="AR4874">
        <v>0</v>
      </c>
      <c r="AS4874">
        <v>0</v>
      </c>
      <c r="AT4874">
        <v>0</v>
      </c>
      <c r="AU4874">
        <v>0</v>
      </c>
      <c r="AV4874">
        <v>0</v>
      </c>
      <c r="AW4874">
        <v>0</v>
      </c>
      <c r="AX4874">
        <v>-600</v>
      </c>
      <c r="AY4874">
        <v>35</v>
      </c>
      <c r="AZ4874">
        <v>73</v>
      </c>
      <c r="BA4874">
        <v>5297</v>
      </c>
    </row>
    <row r="4875" spans="1:53" x14ac:dyDescent="0.4">
      <c r="A4875">
        <v>4919</v>
      </c>
      <c r="B4875" s="1">
        <v>44709</v>
      </c>
      <c r="C4875">
        <v>3</v>
      </c>
      <c r="D4875" s="1">
        <v>44709.732638888891</v>
      </c>
      <c r="E4875" s="1">
        <v>44709.95208333333</v>
      </c>
      <c r="F4875">
        <v>73100</v>
      </c>
      <c r="G4875">
        <v>5993</v>
      </c>
      <c r="H4875">
        <v>0</v>
      </c>
      <c r="I4875">
        <v>0</v>
      </c>
      <c r="J4875">
        <v>100</v>
      </c>
      <c r="K4875">
        <v>3360</v>
      </c>
      <c r="L4875">
        <v>0</v>
      </c>
      <c r="M4875">
        <v>7487</v>
      </c>
      <c r="N4875">
        <v>0</v>
      </c>
      <c r="O4875">
        <v>0</v>
      </c>
      <c r="P4875">
        <v>-24940</v>
      </c>
      <c r="Q4875">
        <v>0</v>
      </c>
      <c r="R4875">
        <v>57413</v>
      </c>
      <c r="S4875">
        <v>0</v>
      </c>
      <c r="T4875">
        <v>0</v>
      </c>
      <c r="U4875">
        <v>0</v>
      </c>
      <c r="V4875">
        <v>6</v>
      </c>
      <c r="W4875">
        <v>3</v>
      </c>
      <c r="X4875">
        <v>0</v>
      </c>
      <c r="Y4875">
        <v>54</v>
      </c>
      <c r="Z4875">
        <v>18</v>
      </c>
      <c r="AA4875">
        <v>146</v>
      </c>
      <c r="AB4875">
        <v>28</v>
      </c>
      <c r="AC4875">
        <v>121</v>
      </c>
      <c r="AD4875">
        <v>24</v>
      </c>
      <c r="AE4875">
        <v>64</v>
      </c>
      <c r="AF4875">
        <v>2167</v>
      </c>
      <c r="AG4875">
        <v>157561</v>
      </c>
      <c r="AH4875">
        <v>50000</v>
      </c>
      <c r="AI4875">
        <v>0</v>
      </c>
      <c r="AJ4875">
        <v>103</v>
      </c>
      <c r="AK4875" t="s">
        <v>7</v>
      </c>
      <c r="AL4875">
        <v>0</v>
      </c>
      <c r="AM4875">
        <v>0</v>
      </c>
      <c r="AN4875">
        <v>0</v>
      </c>
      <c r="AO4875">
        <v>0</v>
      </c>
      <c r="AP4875">
        <v>0</v>
      </c>
      <c r="AQ4875">
        <v>0</v>
      </c>
      <c r="AR4875">
        <v>0</v>
      </c>
      <c r="AS4875">
        <v>0</v>
      </c>
      <c r="AT4875">
        <v>0</v>
      </c>
      <c r="AU4875">
        <v>0</v>
      </c>
      <c r="AV4875">
        <v>0</v>
      </c>
      <c r="AW4875">
        <v>0</v>
      </c>
      <c r="AX4875">
        <v>54318</v>
      </c>
      <c r="AY4875">
        <v>28</v>
      </c>
      <c r="AZ4875">
        <v>76</v>
      </c>
      <c r="BA4875">
        <v>4868</v>
      </c>
    </row>
    <row r="4876" spans="1:53" x14ac:dyDescent="0.4">
      <c r="A4876">
        <v>4920</v>
      </c>
      <c r="B4876" s="1">
        <v>44709</v>
      </c>
      <c r="C4876">
        <v>4</v>
      </c>
      <c r="D4876" s="1">
        <v>44709.95208333333</v>
      </c>
      <c r="E4876" s="1">
        <v>44710.166666666664</v>
      </c>
      <c r="F4876">
        <v>112420</v>
      </c>
      <c r="G4876">
        <v>6644</v>
      </c>
      <c r="H4876">
        <v>0</v>
      </c>
      <c r="I4876">
        <v>0</v>
      </c>
      <c r="J4876">
        <v>0</v>
      </c>
      <c r="K4876">
        <v>0</v>
      </c>
      <c r="L4876">
        <v>0</v>
      </c>
      <c r="M4876">
        <v>10823</v>
      </c>
      <c r="N4876">
        <v>0</v>
      </c>
      <c r="O4876">
        <v>0</v>
      </c>
      <c r="P4876">
        <v>10200</v>
      </c>
      <c r="Q4876">
        <v>0</v>
      </c>
      <c r="R4876">
        <v>129264</v>
      </c>
      <c r="S4876">
        <v>0</v>
      </c>
      <c r="T4876">
        <v>0</v>
      </c>
      <c r="U4876">
        <v>0</v>
      </c>
      <c r="V4876">
        <v>15</v>
      </c>
      <c r="W4876">
        <v>5</v>
      </c>
      <c r="X4876">
        <v>0</v>
      </c>
      <c r="Y4876">
        <v>75</v>
      </c>
      <c r="Z4876">
        <v>17</v>
      </c>
      <c r="AA4876">
        <v>146</v>
      </c>
      <c r="AB4876">
        <v>27</v>
      </c>
      <c r="AC4876">
        <v>123</v>
      </c>
      <c r="AD4876">
        <v>25</v>
      </c>
      <c r="AE4876">
        <v>61</v>
      </c>
      <c r="AF4876">
        <v>10959</v>
      </c>
      <c r="AG4876">
        <v>286825</v>
      </c>
      <c r="AH4876">
        <v>50000</v>
      </c>
      <c r="AI4876">
        <v>0</v>
      </c>
      <c r="AJ4876">
        <v>95</v>
      </c>
      <c r="AK4876" t="s">
        <v>21</v>
      </c>
      <c r="AL4876">
        <v>0</v>
      </c>
      <c r="AM4876">
        <v>0</v>
      </c>
      <c r="AN4876">
        <v>0</v>
      </c>
      <c r="AO4876">
        <v>0</v>
      </c>
      <c r="AP4876">
        <v>0</v>
      </c>
      <c r="AQ4876">
        <v>0</v>
      </c>
      <c r="AR4876">
        <v>0</v>
      </c>
      <c r="AS4876">
        <v>0</v>
      </c>
      <c r="AT4876">
        <v>0</v>
      </c>
      <c r="AU4876">
        <v>0</v>
      </c>
      <c r="AV4876">
        <v>0</v>
      </c>
      <c r="AW4876">
        <v>0</v>
      </c>
      <c r="AX4876">
        <v>0</v>
      </c>
      <c r="AY4876">
        <v>9</v>
      </c>
      <c r="AZ4876">
        <v>28</v>
      </c>
      <c r="BA4876">
        <v>1531</v>
      </c>
    </row>
    <row r="4877" spans="1:53" x14ac:dyDescent="0.4">
      <c r="A4877">
        <v>4921</v>
      </c>
      <c r="B4877" s="1">
        <v>44710</v>
      </c>
      <c r="C4877">
        <v>1</v>
      </c>
      <c r="D4877" s="1">
        <v>44710.291666666664</v>
      </c>
      <c r="E4877" s="1">
        <v>44710.413194444445</v>
      </c>
      <c r="F4877">
        <v>0</v>
      </c>
      <c r="G4877">
        <v>0</v>
      </c>
      <c r="H4877">
        <v>0</v>
      </c>
      <c r="I4877">
        <v>0</v>
      </c>
      <c r="J4877">
        <v>0</v>
      </c>
      <c r="K4877">
        <v>0</v>
      </c>
      <c r="L4877">
        <v>0</v>
      </c>
      <c r="M4877">
        <v>0</v>
      </c>
      <c r="N4877">
        <v>0</v>
      </c>
      <c r="O4877">
        <v>0</v>
      </c>
      <c r="P4877">
        <v>0</v>
      </c>
      <c r="Q4877">
        <v>0</v>
      </c>
      <c r="R4877">
        <v>0</v>
      </c>
      <c r="S4877">
        <v>0</v>
      </c>
      <c r="T4877">
        <v>0</v>
      </c>
      <c r="U4877">
        <v>0</v>
      </c>
      <c r="V4877">
        <v>0</v>
      </c>
      <c r="W4877">
        <v>1</v>
      </c>
      <c r="X4877">
        <v>0</v>
      </c>
      <c r="Y4877">
        <v>25</v>
      </c>
      <c r="Z4877">
        <v>10</v>
      </c>
      <c r="AA4877">
        <v>123</v>
      </c>
      <c r="AB4877">
        <v>26</v>
      </c>
      <c r="AC4877">
        <v>122</v>
      </c>
      <c r="AD4877">
        <v>24</v>
      </c>
      <c r="AE4877">
        <v>60</v>
      </c>
      <c r="AF4877">
        <v>0</v>
      </c>
      <c r="AG4877">
        <v>50000</v>
      </c>
      <c r="AH4877">
        <v>50000</v>
      </c>
      <c r="AI4877">
        <v>0</v>
      </c>
      <c r="AJ4877">
        <v>0</v>
      </c>
      <c r="AK4877" t="s">
        <v>6</v>
      </c>
      <c r="AL4877">
        <v>0</v>
      </c>
      <c r="AM4877">
        <v>0</v>
      </c>
      <c r="AN4877">
        <v>0</v>
      </c>
      <c r="AO4877">
        <v>0</v>
      </c>
      <c r="AP4877">
        <v>0</v>
      </c>
      <c r="AQ4877">
        <v>0</v>
      </c>
      <c r="AR4877">
        <v>0</v>
      </c>
      <c r="AS4877">
        <v>0</v>
      </c>
      <c r="AT4877">
        <v>0</v>
      </c>
      <c r="AU4877">
        <v>0</v>
      </c>
      <c r="AV4877">
        <v>0</v>
      </c>
      <c r="AW4877">
        <v>0</v>
      </c>
      <c r="AX4877">
        <v>0</v>
      </c>
      <c r="AY4877">
        <v>0</v>
      </c>
      <c r="AZ4877">
        <v>0</v>
      </c>
      <c r="BA4877">
        <v>0</v>
      </c>
    </row>
    <row r="4878" spans="1:53" x14ac:dyDescent="0.4">
      <c r="A4878">
        <v>4922</v>
      </c>
      <c r="B4878" s="1">
        <v>44710</v>
      </c>
      <c r="C4878">
        <v>2</v>
      </c>
      <c r="D4878" s="1">
        <v>44710.413194444445</v>
      </c>
      <c r="E4878" s="1">
        <v>44710.739583333336</v>
      </c>
      <c r="F4878">
        <v>38870</v>
      </c>
      <c r="G4878">
        <v>1496</v>
      </c>
      <c r="H4878">
        <v>0</v>
      </c>
      <c r="I4878">
        <v>0</v>
      </c>
      <c r="J4878">
        <v>100</v>
      </c>
      <c r="K4878">
        <v>0</v>
      </c>
      <c r="L4878">
        <v>0</v>
      </c>
      <c r="M4878">
        <v>3658</v>
      </c>
      <c r="N4878">
        <v>0</v>
      </c>
      <c r="O4878">
        <v>0</v>
      </c>
      <c r="P4878">
        <v>21718</v>
      </c>
      <c r="Q4878">
        <v>0</v>
      </c>
      <c r="R4878">
        <v>61984</v>
      </c>
      <c r="S4878">
        <v>0</v>
      </c>
      <c r="T4878">
        <v>0</v>
      </c>
      <c r="U4878">
        <v>0</v>
      </c>
      <c r="V4878">
        <v>1</v>
      </c>
      <c r="W4878">
        <v>4</v>
      </c>
      <c r="X4878">
        <v>0</v>
      </c>
      <c r="Y4878">
        <v>57</v>
      </c>
      <c r="Z4878">
        <v>21</v>
      </c>
      <c r="AA4878">
        <v>117</v>
      </c>
      <c r="AB4878">
        <v>28</v>
      </c>
      <c r="AC4878">
        <v>120</v>
      </c>
      <c r="AD4878">
        <v>24</v>
      </c>
      <c r="AE4878">
        <v>64</v>
      </c>
      <c r="AF4878">
        <v>0</v>
      </c>
      <c r="AG4878">
        <v>111984</v>
      </c>
      <c r="AH4878">
        <v>50000</v>
      </c>
      <c r="AI4878">
        <v>0</v>
      </c>
      <c r="AJ4878">
        <v>118</v>
      </c>
      <c r="AK4878" t="s">
        <v>59</v>
      </c>
      <c r="AL4878">
        <v>0</v>
      </c>
      <c r="AM4878">
        <v>0</v>
      </c>
      <c r="AN4878">
        <v>0</v>
      </c>
      <c r="AO4878">
        <v>0</v>
      </c>
      <c r="AP4878">
        <v>0</v>
      </c>
      <c r="AQ4878">
        <v>0</v>
      </c>
      <c r="AR4878">
        <v>0</v>
      </c>
      <c r="AS4878">
        <v>0</v>
      </c>
      <c r="AT4878">
        <v>0</v>
      </c>
      <c r="AU4878">
        <v>0</v>
      </c>
      <c r="AV4878">
        <v>0</v>
      </c>
      <c r="AW4878">
        <v>0</v>
      </c>
      <c r="AX4878">
        <v>-1590</v>
      </c>
      <c r="AY4878">
        <v>51</v>
      </c>
      <c r="AZ4878">
        <v>99</v>
      </c>
      <c r="BA4878">
        <v>7578</v>
      </c>
    </row>
    <row r="4879" spans="1:53" x14ac:dyDescent="0.4">
      <c r="A4879">
        <v>4923</v>
      </c>
      <c r="B4879" s="1">
        <v>44711</v>
      </c>
      <c r="C4879">
        <v>1</v>
      </c>
      <c r="D4879" s="1">
        <v>44711.291666666664</v>
      </c>
      <c r="E4879" s="1">
        <v>44711.757638888892</v>
      </c>
      <c r="F4879">
        <v>16210</v>
      </c>
      <c r="G4879">
        <v>1496</v>
      </c>
      <c r="H4879">
        <v>0</v>
      </c>
      <c r="I4879">
        <v>0</v>
      </c>
      <c r="J4879">
        <v>100</v>
      </c>
      <c r="K4879">
        <v>0</v>
      </c>
      <c r="L4879">
        <v>0</v>
      </c>
      <c r="M4879">
        <v>1601</v>
      </c>
      <c r="N4879">
        <v>0</v>
      </c>
      <c r="O4879">
        <v>0</v>
      </c>
      <c r="P4879">
        <v>14130</v>
      </c>
      <c r="Q4879">
        <v>0</v>
      </c>
      <c r="R4879">
        <v>31736</v>
      </c>
      <c r="S4879">
        <v>0</v>
      </c>
      <c r="T4879">
        <v>0</v>
      </c>
      <c r="U4879">
        <v>0</v>
      </c>
      <c r="V4879">
        <v>1</v>
      </c>
      <c r="W4879">
        <v>1</v>
      </c>
      <c r="X4879">
        <v>0</v>
      </c>
      <c r="Y4879">
        <v>45</v>
      </c>
      <c r="Z4879">
        <v>21</v>
      </c>
      <c r="AA4879">
        <v>81</v>
      </c>
      <c r="AB4879">
        <v>18</v>
      </c>
      <c r="AC4879">
        <v>112</v>
      </c>
      <c r="AD4879">
        <v>21</v>
      </c>
      <c r="AE4879">
        <v>61</v>
      </c>
      <c r="AF4879">
        <v>950</v>
      </c>
      <c r="AG4879">
        <v>81736</v>
      </c>
      <c r="AH4879">
        <v>50000</v>
      </c>
      <c r="AI4879">
        <v>0</v>
      </c>
      <c r="AJ4879">
        <v>103</v>
      </c>
      <c r="AK4879" t="s">
        <v>7</v>
      </c>
      <c r="AL4879">
        <v>0</v>
      </c>
      <c r="AM4879">
        <v>0</v>
      </c>
      <c r="AN4879">
        <v>0</v>
      </c>
      <c r="AO4879">
        <v>0</v>
      </c>
      <c r="AP4879">
        <v>0</v>
      </c>
      <c r="AQ4879">
        <v>0</v>
      </c>
      <c r="AR4879">
        <v>0</v>
      </c>
      <c r="AS4879">
        <v>0</v>
      </c>
      <c r="AT4879">
        <v>0</v>
      </c>
      <c r="AU4879">
        <v>0</v>
      </c>
      <c r="AV4879">
        <v>0</v>
      </c>
      <c r="AW4879">
        <v>0</v>
      </c>
      <c r="AX4879">
        <v>-472</v>
      </c>
      <c r="AY4879">
        <v>37</v>
      </c>
      <c r="AZ4879">
        <v>50</v>
      </c>
      <c r="BA4879">
        <v>4826</v>
      </c>
    </row>
    <row r="4880" spans="1:53" x14ac:dyDescent="0.4">
      <c r="A4880">
        <v>4924</v>
      </c>
      <c r="B4880" s="1">
        <v>44712</v>
      </c>
      <c r="C4880">
        <v>1</v>
      </c>
      <c r="D4880" s="1">
        <v>44712.291666666664</v>
      </c>
      <c r="E4880" s="1">
        <v>44712.449305555558</v>
      </c>
      <c r="F4880">
        <v>0</v>
      </c>
      <c r="G4880">
        <v>0</v>
      </c>
      <c r="H4880">
        <v>0</v>
      </c>
      <c r="I4880">
        <v>0</v>
      </c>
      <c r="J4880">
        <v>0</v>
      </c>
      <c r="K4880">
        <v>0</v>
      </c>
      <c r="L4880">
        <v>0</v>
      </c>
      <c r="M4880">
        <v>0</v>
      </c>
      <c r="N4880">
        <v>0</v>
      </c>
      <c r="O4880">
        <v>0</v>
      </c>
      <c r="P4880">
        <v>0</v>
      </c>
      <c r="Q4880">
        <v>0</v>
      </c>
      <c r="R4880">
        <v>0</v>
      </c>
      <c r="S4880">
        <v>0</v>
      </c>
      <c r="T4880">
        <v>0</v>
      </c>
      <c r="U4880">
        <v>0</v>
      </c>
      <c r="V4880">
        <v>0</v>
      </c>
      <c r="W4880">
        <v>1</v>
      </c>
      <c r="X4880">
        <v>0</v>
      </c>
      <c r="Y4880">
        <v>28</v>
      </c>
      <c r="Z4880">
        <v>14</v>
      </c>
      <c r="AA4880">
        <v>81</v>
      </c>
      <c r="AB4880">
        <v>15</v>
      </c>
      <c r="AC4880">
        <v>99</v>
      </c>
      <c r="AD4880">
        <v>20</v>
      </c>
      <c r="AE4880">
        <v>60</v>
      </c>
      <c r="AF4880">
        <v>0</v>
      </c>
      <c r="AG4880">
        <v>50000</v>
      </c>
      <c r="AH4880">
        <v>50000</v>
      </c>
      <c r="AI4880">
        <v>0</v>
      </c>
      <c r="AJ4880">
        <v>0</v>
      </c>
      <c r="AK4880" t="s">
        <v>6</v>
      </c>
      <c r="AL4880">
        <v>0</v>
      </c>
      <c r="AM4880">
        <v>0</v>
      </c>
      <c r="AN4880">
        <v>0</v>
      </c>
      <c r="AO4880">
        <v>0</v>
      </c>
      <c r="AP4880">
        <v>0</v>
      </c>
      <c r="AQ4880">
        <v>0</v>
      </c>
      <c r="AR4880">
        <v>0</v>
      </c>
      <c r="AS4880">
        <v>0</v>
      </c>
      <c r="AT4880">
        <v>0</v>
      </c>
      <c r="AU4880">
        <v>0</v>
      </c>
      <c r="AV4880">
        <v>0</v>
      </c>
      <c r="AW4880">
        <v>0</v>
      </c>
      <c r="AX4880">
        <v>0</v>
      </c>
      <c r="AY4880">
        <v>0</v>
      </c>
      <c r="AZ4880">
        <v>0</v>
      </c>
      <c r="BA4880">
        <v>0</v>
      </c>
    </row>
    <row r="4881" spans="1:53" x14ac:dyDescent="0.4">
      <c r="A4881">
        <v>4925</v>
      </c>
      <c r="B4881" s="1">
        <v>44712</v>
      </c>
      <c r="C4881">
        <v>2</v>
      </c>
      <c r="D4881" s="1">
        <v>44712.449305555558</v>
      </c>
      <c r="E4881" s="1">
        <v>44712.750694444447</v>
      </c>
      <c r="F4881">
        <v>15730</v>
      </c>
      <c r="G4881">
        <v>1254</v>
      </c>
      <c r="H4881">
        <v>0</v>
      </c>
      <c r="I4881">
        <v>0</v>
      </c>
      <c r="J4881">
        <v>200</v>
      </c>
      <c r="K4881">
        <v>0</v>
      </c>
      <c r="L4881">
        <v>0</v>
      </c>
      <c r="M4881">
        <v>1525</v>
      </c>
      <c r="N4881">
        <v>0</v>
      </c>
      <c r="O4881">
        <v>0</v>
      </c>
      <c r="P4881">
        <v>8950</v>
      </c>
      <c r="Q4881">
        <v>0</v>
      </c>
      <c r="R4881">
        <v>25734</v>
      </c>
      <c r="S4881">
        <v>0</v>
      </c>
      <c r="T4881">
        <v>0</v>
      </c>
      <c r="U4881">
        <v>0</v>
      </c>
      <c r="V4881">
        <v>2</v>
      </c>
      <c r="W4881">
        <v>0</v>
      </c>
      <c r="X4881">
        <v>0</v>
      </c>
      <c r="Y4881">
        <v>38</v>
      </c>
      <c r="Z4881">
        <v>16</v>
      </c>
      <c r="AA4881">
        <v>74</v>
      </c>
      <c r="AB4881">
        <v>13</v>
      </c>
      <c r="AC4881">
        <v>113</v>
      </c>
      <c r="AD4881">
        <v>20</v>
      </c>
      <c r="AE4881">
        <v>64</v>
      </c>
      <c r="AF4881">
        <v>430</v>
      </c>
      <c r="AG4881">
        <v>75774</v>
      </c>
      <c r="AH4881">
        <v>50000</v>
      </c>
      <c r="AI4881">
        <v>40</v>
      </c>
      <c r="AJ4881">
        <v>118</v>
      </c>
      <c r="AK4881" t="s">
        <v>59</v>
      </c>
      <c r="AL4881">
        <v>0</v>
      </c>
      <c r="AM4881">
        <v>0</v>
      </c>
      <c r="AN4881">
        <v>0</v>
      </c>
      <c r="AO4881">
        <v>0</v>
      </c>
      <c r="AP4881">
        <v>0</v>
      </c>
      <c r="AQ4881">
        <v>0</v>
      </c>
      <c r="AR4881">
        <v>0</v>
      </c>
      <c r="AS4881">
        <v>0</v>
      </c>
      <c r="AT4881">
        <v>0</v>
      </c>
      <c r="AU4881">
        <v>0</v>
      </c>
      <c r="AV4881">
        <v>0</v>
      </c>
      <c r="AW4881">
        <v>0</v>
      </c>
      <c r="AX4881">
        <v>-298</v>
      </c>
      <c r="AY4881">
        <v>28</v>
      </c>
      <c r="AZ4881">
        <v>41</v>
      </c>
      <c r="BA4881">
        <v>3594</v>
      </c>
    </row>
    <row r="4882" spans="1:53" x14ac:dyDescent="0.4">
      <c r="A4882">
        <v>4926</v>
      </c>
      <c r="B4882" s="1">
        <v>44713</v>
      </c>
      <c r="C4882">
        <v>1</v>
      </c>
      <c r="D4882" s="1">
        <v>44713.291666666664</v>
      </c>
      <c r="E4882" s="1">
        <v>44713.450694444444</v>
      </c>
      <c r="F4882">
        <v>0</v>
      </c>
      <c r="G4882">
        <v>0</v>
      </c>
      <c r="H4882">
        <v>0</v>
      </c>
      <c r="I4882">
        <v>0</v>
      </c>
      <c r="J4882">
        <v>0</v>
      </c>
      <c r="K4882">
        <v>0</v>
      </c>
      <c r="L4882">
        <v>0</v>
      </c>
      <c r="M4882">
        <v>0</v>
      </c>
      <c r="N4882">
        <v>0</v>
      </c>
      <c r="O4882">
        <v>0</v>
      </c>
      <c r="P4882">
        <v>0</v>
      </c>
      <c r="Q4882">
        <v>0</v>
      </c>
      <c r="R4882">
        <v>0</v>
      </c>
      <c r="S4882">
        <v>0</v>
      </c>
      <c r="T4882">
        <v>0</v>
      </c>
      <c r="U4882">
        <v>0</v>
      </c>
      <c r="V4882">
        <v>0</v>
      </c>
      <c r="W4882">
        <v>1</v>
      </c>
      <c r="X4882">
        <v>0</v>
      </c>
      <c r="Y4882">
        <v>28</v>
      </c>
      <c r="Z4882">
        <v>13</v>
      </c>
      <c r="AA4882">
        <v>86</v>
      </c>
      <c r="AB4882">
        <v>13</v>
      </c>
      <c r="AC4882">
        <v>110</v>
      </c>
      <c r="AD4882">
        <v>19</v>
      </c>
      <c r="AE4882">
        <v>55</v>
      </c>
      <c r="AF4882">
        <v>0</v>
      </c>
      <c r="AG4882">
        <v>50000</v>
      </c>
      <c r="AH4882">
        <v>50000</v>
      </c>
      <c r="AI4882">
        <v>0</v>
      </c>
      <c r="AJ4882">
        <v>0</v>
      </c>
      <c r="AK4882" t="s">
        <v>6</v>
      </c>
      <c r="AL4882">
        <v>0</v>
      </c>
      <c r="AM4882">
        <v>0</v>
      </c>
      <c r="AN4882">
        <v>0</v>
      </c>
      <c r="AO4882">
        <v>0</v>
      </c>
      <c r="AP4882">
        <v>0</v>
      </c>
      <c r="AQ4882">
        <v>0</v>
      </c>
      <c r="AR4882">
        <v>0</v>
      </c>
      <c r="AS4882">
        <v>0</v>
      </c>
      <c r="AT4882">
        <v>0</v>
      </c>
      <c r="AU4882">
        <v>0</v>
      </c>
      <c r="AV4882">
        <v>0</v>
      </c>
      <c r="AW4882">
        <v>0</v>
      </c>
      <c r="AX4882">
        <v>0</v>
      </c>
      <c r="AY4882">
        <v>0</v>
      </c>
      <c r="AZ4882">
        <v>0</v>
      </c>
      <c r="BA4882">
        <v>0</v>
      </c>
    </row>
    <row r="4883" spans="1:53" x14ac:dyDescent="0.4">
      <c r="A4883">
        <v>4927</v>
      </c>
      <c r="B4883" s="1">
        <v>44713</v>
      </c>
      <c r="C4883">
        <v>2</v>
      </c>
      <c r="D4883" s="1">
        <v>44713.450694444444</v>
      </c>
      <c r="E4883" s="1">
        <v>44713.742361111108</v>
      </c>
      <c r="F4883">
        <v>19830</v>
      </c>
      <c r="G4883">
        <v>0</v>
      </c>
      <c r="H4883">
        <v>0</v>
      </c>
      <c r="I4883">
        <v>0</v>
      </c>
      <c r="J4883">
        <v>0</v>
      </c>
      <c r="K4883">
        <v>0</v>
      </c>
      <c r="L4883">
        <v>0</v>
      </c>
      <c r="M4883">
        <v>1803</v>
      </c>
      <c r="N4883">
        <v>0</v>
      </c>
      <c r="O4883">
        <v>0</v>
      </c>
      <c r="P4883">
        <v>9100</v>
      </c>
      <c r="Q4883">
        <v>0</v>
      </c>
      <c r="R4883">
        <v>28930</v>
      </c>
      <c r="S4883">
        <v>0</v>
      </c>
      <c r="T4883">
        <v>0</v>
      </c>
      <c r="U4883">
        <v>0</v>
      </c>
      <c r="V4883">
        <v>0</v>
      </c>
      <c r="W4883">
        <v>1</v>
      </c>
      <c r="X4883">
        <v>0</v>
      </c>
      <c r="Y4883">
        <v>52</v>
      </c>
      <c r="Z4883">
        <v>17</v>
      </c>
      <c r="AA4883">
        <v>85</v>
      </c>
      <c r="AB4883">
        <v>11</v>
      </c>
      <c r="AC4883">
        <v>130</v>
      </c>
      <c r="AD4883">
        <v>19</v>
      </c>
      <c r="AE4883">
        <v>55</v>
      </c>
      <c r="AF4883">
        <v>2930</v>
      </c>
      <c r="AG4883">
        <v>78930</v>
      </c>
      <c r="AH4883">
        <v>50000</v>
      </c>
      <c r="AI4883">
        <v>0</v>
      </c>
      <c r="AJ4883">
        <v>103</v>
      </c>
      <c r="AK4883" t="s">
        <v>7</v>
      </c>
      <c r="AL4883">
        <v>0</v>
      </c>
      <c r="AM4883">
        <v>0</v>
      </c>
      <c r="AN4883">
        <v>0</v>
      </c>
      <c r="AO4883">
        <v>0</v>
      </c>
      <c r="AP4883">
        <v>0</v>
      </c>
      <c r="AQ4883">
        <v>0</v>
      </c>
      <c r="AR4883">
        <v>0</v>
      </c>
      <c r="AS4883">
        <v>0</v>
      </c>
      <c r="AT4883">
        <v>0</v>
      </c>
      <c r="AU4883">
        <v>0</v>
      </c>
      <c r="AV4883">
        <v>0</v>
      </c>
      <c r="AW4883">
        <v>0</v>
      </c>
      <c r="AX4883">
        <v>0</v>
      </c>
      <c r="AY4883">
        <v>31</v>
      </c>
      <c r="AZ4883">
        <v>45</v>
      </c>
      <c r="BA4883">
        <v>5110</v>
      </c>
    </row>
    <row r="4884" spans="1:53" x14ac:dyDescent="0.4">
      <c r="A4884">
        <v>4928</v>
      </c>
      <c r="B4884" s="1">
        <v>44713</v>
      </c>
      <c r="C4884">
        <v>3</v>
      </c>
      <c r="D4884" s="1">
        <v>44713.742361111108</v>
      </c>
      <c r="E4884" s="1">
        <v>44714.043749999997</v>
      </c>
      <c r="F4884">
        <v>21230</v>
      </c>
      <c r="G4884">
        <v>1012</v>
      </c>
      <c r="H4884">
        <v>0</v>
      </c>
      <c r="I4884">
        <v>0</v>
      </c>
      <c r="J4884">
        <v>880</v>
      </c>
      <c r="K4884">
        <v>0</v>
      </c>
      <c r="L4884">
        <v>0</v>
      </c>
      <c r="M4884">
        <v>1942</v>
      </c>
      <c r="N4884">
        <v>0</v>
      </c>
      <c r="O4884">
        <v>0</v>
      </c>
      <c r="P4884">
        <v>6300</v>
      </c>
      <c r="Q4884">
        <v>0</v>
      </c>
      <c r="R4884">
        <v>27662</v>
      </c>
      <c r="S4884">
        <v>0</v>
      </c>
      <c r="T4884">
        <v>0</v>
      </c>
      <c r="U4884">
        <v>0</v>
      </c>
      <c r="V4884">
        <v>3</v>
      </c>
      <c r="W4884">
        <v>1</v>
      </c>
      <c r="X4884">
        <v>0</v>
      </c>
      <c r="Y4884">
        <v>49</v>
      </c>
      <c r="Z4884">
        <v>19</v>
      </c>
      <c r="AA4884">
        <v>81</v>
      </c>
      <c r="AB4884">
        <v>13</v>
      </c>
      <c r="AC4884">
        <v>127</v>
      </c>
      <c r="AD4884">
        <v>18</v>
      </c>
      <c r="AE4884">
        <v>52</v>
      </c>
      <c r="AF4884">
        <v>2930</v>
      </c>
      <c r="AG4884">
        <v>106592</v>
      </c>
      <c r="AH4884">
        <v>50000</v>
      </c>
      <c r="AI4884">
        <v>0</v>
      </c>
      <c r="AJ4884">
        <v>108</v>
      </c>
      <c r="AK4884" t="s">
        <v>3</v>
      </c>
      <c r="AL4884">
        <v>0</v>
      </c>
      <c r="AM4884">
        <v>0</v>
      </c>
      <c r="AN4884">
        <v>0</v>
      </c>
      <c r="AO4884">
        <v>0</v>
      </c>
      <c r="AP4884">
        <v>0</v>
      </c>
      <c r="AQ4884">
        <v>0</v>
      </c>
      <c r="AR4884">
        <v>0</v>
      </c>
      <c r="AS4884">
        <v>0</v>
      </c>
      <c r="AT4884">
        <v>0</v>
      </c>
      <c r="AU4884">
        <v>0</v>
      </c>
      <c r="AV4884">
        <v>0</v>
      </c>
      <c r="AW4884">
        <v>0</v>
      </c>
      <c r="AX4884">
        <v>0</v>
      </c>
      <c r="AY4884">
        <v>6</v>
      </c>
      <c r="AZ4884">
        <v>16</v>
      </c>
      <c r="BA4884">
        <v>1211</v>
      </c>
    </row>
    <row r="4885" spans="1:53" x14ac:dyDescent="0.4">
      <c r="A4885">
        <v>4929</v>
      </c>
      <c r="B4885" s="1">
        <v>44714</v>
      </c>
      <c r="C4885">
        <v>1</v>
      </c>
      <c r="D4885" s="1">
        <v>44714.291666666664</v>
      </c>
      <c r="E4885" s="1">
        <v>44714.738194444442</v>
      </c>
      <c r="F4885">
        <v>9640</v>
      </c>
      <c r="G4885">
        <v>902</v>
      </c>
      <c r="H4885">
        <v>0</v>
      </c>
      <c r="I4885">
        <v>0</v>
      </c>
      <c r="J4885">
        <v>0</v>
      </c>
      <c r="K4885">
        <v>0</v>
      </c>
      <c r="L4885">
        <v>0</v>
      </c>
      <c r="M4885">
        <v>960</v>
      </c>
      <c r="N4885">
        <v>0</v>
      </c>
      <c r="O4885">
        <v>0</v>
      </c>
      <c r="P4885">
        <v>20140</v>
      </c>
      <c r="Q4885">
        <v>0</v>
      </c>
      <c r="R4885">
        <v>30682</v>
      </c>
      <c r="S4885">
        <v>0</v>
      </c>
      <c r="T4885">
        <v>0</v>
      </c>
      <c r="U4885">
        <v>0</v>
      </c>
      <c r="V4885">
        <v>0</v>
      </c>
      <c r="W4885">
        <v>4</v>
      </c>
      <c r="X4885">
        <v>0</v>
      </c>
      <c r="Y4885">
        <v>46</v>
      </c>
      <c r="Z4885">
        <v>9</v>
      </c>
      <c r="AA4885">
        <v>43</v>
      </c>
      <c r="AB4885">
        <v>12</v>
      </c>
      <c r="AC4885">
        <v>128</v>
      </c>
      <c r="AD4885">
        <v>20</v>
      </c>
      <c r="AE4885">
        <v>52</v>
      </c>
      <c r="AF4885">
        <v>3850</v>
      </c>
      <c r="AG4885">
        <v>80682</v>
      </c>
      <c r="AH4885">
        <v>50000</v>
      </c>
      <c r="AI4885">
        <v>0</v>
      </c>
      <c r="AJ4885">
        <v>119</v>
      </c>
      <c r="AK4885" t="s">
        <v>56</v>
      </c>
      <c r="AL4885">
        <v>0</v>
      </c>
      <c r="AM4885">
        <v>0</v>
      </c>
      <c r="AN4885">
        <v>0</v>
      </c>
      <c r="AO4885">
        <v>0</v>
      </c>
      <c r="AP4885">
        <v>0</v>
      </c>
      <c r="AQ4885">
        <v>0</v>
      </c>
      <c r="AR4885">
        <v>0</v>
      </c>
      <c r="AS4885">
        <v>0</v>
      </c>
      <c r="AT4885">
        <v>0</v>
      </c>
      <c r="AU4885">
        <v>0</v>
      </c>
      <c r="AV4885">
        <v>0</v>
      </c>
      <c r="AW4885">
        <v>0</v>
      </c>
      <c r="AX4885">
        <v>0</v>
      </c>
      <c r="AY4885">
        <v>32</v>
      </c>
      <c r="AZ4885">
        <v>51</v>
      </c>
      <c r="BA4885">
        <v>3190</v>
      </c>
    </row>
    <row r="4886" spans="1:53" x14ac:dyDescent="0.4">
      <c r="A4886">
        <v>4930</v>
      </c>
      <c r="B4886" s="1">
        <v>44714</v>
      </c>
      <c r="C4886">
        <v>2</v>
      </c>
      <c r="D4886" s="1">
        <v>44714.738194444442</v>
      </c>
      <c r="E4886" s="1">
        <v>44715.079861111109</v>
      </c>
      <c r="F4886">
        <v>53220</v>
      </c>
      <c r="G4886">
        <v>2530</v>
      </c>
      <c r="H4886">
        <v>0</v>
      </c>
      <c r="I4886">
        <v>0</v>
      </c>
      <c r="J4886">
        <v>430</v>
      </c>
      <c r="K4886">
        <v>2750</v>
      </c>
      <c r="L4886">
        <v>0</v>
      </c>
      <c r="M4886">
        <v>5278</v>
      </c>
      <c r="N4886">
        <v>0</v>
      </c>
      <c r="O4886">
        <v>0</v>
      </c>
      <c r="P4886">
        <v>-15640</v>
      </c>
      <c r="Q4886">
        <v>0</v>
      </c>
      <c r="R4886">
        <v>42430</v>
      </c>
      <c r="S4886">
        <v>0</v>
      </c>
      <c r="T4886">
        <v>0</v>
      </c>
      <c r="U4886">
        <v>0</v>
      </c>
      <c r="V4886">
        <v>3</v>
      </c>
      <c r="W4886">
        <v>3</v>
      </c>
      <c r="X4886">
        <v>0</v>
      </c>
      <c r="Y4886">
        <v>57</v>
      </c>
      <c r="Z4886">
        <v>13</v>
      </c>
      <c r="AA4886">
        <v>22</v>
      </c>
      <c r="AB4886">
        <v>6</v>
      </c>
      <c r="AC4886">
        <v>127</v>
      </c>
      <c r="AD4886">
        <v>19</v>
      </c>
      <c r="AE4886">
        <v>56</v>
      </c>
      <c r="AF4886">
        <v>10791</v>
      </c>
      <c r="AG4886">
        <v>123212</v>
      </c>
      <c r="AH4886">
        <v>50000</v>
      </c>
      <c r="AI4886">
        <v>100</v>
      </c>
      <c r="AJ4886">
        <v>108</v>
      </c>
      <c r="AK4886" t="s">
        <v>3</v>
      </c>
      <c r="AL4886">
        <v>0</v>
      </c>
      <c r="AM4886">
        <v>0</v>
      </c>
      <c r="AN4886">
        <v>0</v>
      </c>
      <c r="AO4886">
        <v>0</v>
      </c>
      <c r="AP4886">
        <v>0</v>
      </c>
      <c r="AQ4886">
        <v>0</v>
      </c>
      <c r="AR4886">
        <v>0</v>
      </c>
      <c r="AS4886">
        <v>0</v>
      </c>
      <c r="AT4886">
        <v>0</v>
      </c>
      <c r="AU4886">
        <v>0</v>
      </c>
      <c r="AV4886">
        <v>0</v>
      </c>
      <c r="AW4886">
        <v>0</v>
      </c>
      <c r="AX4886">
        <v>1736</v>
      </c>
      <c r="AY4886">
        <v>15</v>
      </c>
      <c r="AZ4886">
        <v>34</v>
      </c>
      <c r="BA4886">
        <v>3968</v>
      </c>
    </row>
    <row r="4887" spans="1:53" x14ac:dyDescent="0.4">
      <c r="A4887">
        <v>4931</v>
      </c>
      <c r="B4887" s="1">
        <v>44715</v>
      </c>
      <c r="C4887">
        <v>1</v>
      </c>
      <c r="D4887" s="1">
        <v>44715.291666666664</v>
      </c>
      <c r="E4887" s="1">
        <v>44715.445138888892</v>
      </c>
      <c r="F4887">
        <v>0</v>
      </c>
      <c r="G4887">
        <v>0</v>
      </c>
      <c r="H4887">
        <v>0</v>
      </c>
      <c r="I4887">
        <v>0</v>
      </c>
      <c r="J4887">
        <v>0</v>
      </c>
      <c r="K4887">
        <v>0</v>
      </c>
      <c r="L4887">
        <v>0</v>
      </c>
      <c r="M4887">
        <v>0</v>
      </c>
      <c r="N4887">
        <v>0</v>
      </c>
      <c r="O4887">
        <v>0</v>
      </c>
      <c r="P4887">
        <v>0</v>
      </c>
      <c r="Q4887">
        <v>0</v>
      </c>
      <c r="R4887">
        <v>0</v>
      </c>
      <c r="S4887">
        <v>0</v>
      </c>
      <c r="T4887">
        <v>0</v>
      </c>
      <c r="U4887">
        <v>0</v>
      </c>
      <c r="V4887">
        <v>0</v>
      </c>
      <c r="W4887">
        <v>1</v>
      </c>
      <c r="X4887">
        <v>0</v>
      </c>
      <c r="Y4887">
        <v>31</v>
      </c>
      <c r="Z4887">
        <v>16</v>
      </c>
      <c r="AA4887">
        <v>43</v>
      </c>
      <c r="AB4887">
        <v>7</v>
      </c>
      <c r="AC4887">
        <v>117</v>
      </c>
      <c r="AD4887">
        <v>23</v>
      </c>
      <c r="AE4887">
        <v>65</v>
      </c>
      <c r="AF4887">
        <v>0</v>
      </c>
      <c r="AG4887">
        <v>50000</v>
      </c>
      <c r="AH4887">
        <v>50000</v>
      </c>
      <c r="AI4887">
        <v>0</v>
      </c>
      <c r="AJ4887">
        <v>0</v>
      </c>
      <c r="AK4887" t="s">
        <v>6</v>
      </c>
      <c r="AL4887">
        <v>0</v>
      </c>
      <c r="AM4887">
        <v>0</v>
      </c>
      <c r="AN4887">
        <v>0</v>
      </c>
      <c r="AO4887">
        <v>0</v>
      </c>
      <c r="AP4887">
        <v>0</v>
      </c>
      <c r="AQ4887">
        <v>0</v>
      </c>
      <c r="AR4887">
        <v>0</v>
      </c>
      <c r="AS4887">
        <v>0</v>
      </c>
      <c r="AT4887">
        <v>0</v>
      </c>
      <c r="AU4887">
        <v>0</v>
      </c>
      <c r="AV4887">
        <v>0</v>
      </c>
      <c r="AW4887">
        <v>0</v>
      </c>
      <c r="AX4887">
        <v>0</v>
      </c>
      <c r="AY4887">
        <v>0</v>
      </c>
      <c r="AZ4887">
        <v>0</v>
      </c>
      <c r="BA4887">
        <v>0</v>
      </c>
    </row>
    <row r="4888" spans="1:53" x14ac:dyDescent="0.4">
      <c r="A4888">
        <v>4932</v>
      </c>
      <c r="B4888" s="1">
        <v>44715</v>
      </c>
      <c r="C4888">
        <v>2</v>
      </c>
      <c r="D4888" s="1">
        <v>44715.445138888892</v>
      </c>
      <c r="E4888" s="1">
        <v>44715.974999999999</v>
      </c>
      <c r="F4888">
        <v>82920</v>
      </c>
      <c r="G4888">
        <v>2486</v>
      </c>
      <c r="H4888">
        <v>0</v>
      </c>
      <c r="I4888">
        <v>0</v>
      </c>
      <c r="J4888">
        <v>220</v>
      </c>
      <c r="K4888">
        <v>0</v>
      </c>
      <c r="L4888">
        <v>0</v>
      </c>
      <c r="M4888">
        <v>7744</v>
      </c>
      <c r="N4888">
        <v>0</v>
      </c>
      <c r="O4888">
        <v>0</v>
      </c>
      <c r="P4888">
        <v>8500</v>
      </c>
      <c r="Q4888">
        <v>0</v>
      </c>
      <c r="R4888">
        <v>93686</v>
      </c>
      <c r="S4888">
        <v>0</v>
      </c>
      <c r="T4888">
        <v>0</v>
      </c>
      <c r="U4888">
        <v>0</v>
      </c>
      <c r="V4888">
        <v>4</v>
      </c>
      <c r="W4888">
        <v>2</v>
      </c>
      <c r="X4888">
        <v>0</v>
      </c>
      <c r="Y4888">
        <v>70</v>
      </c>
      <c r="Z4888">
        <v>27</v>
      </c>
      <c r="AA4888">
        <v>31</v>
      </c>
      <c r="AB4888">
        <v>6</v>
      </c>
      <c r="AC4888">
        <v>66</v>
      </c>
      <c r="AD4888">
        <v>22</v>
      </c>
      <c r="AE4888">
        <v>68</v>
      </c>
      <c r="AF4888">
        <v>5948</v>
      </c>
      <c r="AG4888">
        <v>143686</v>
      </c>
      <c r="AH4888">
        <v>50000</v>
      </c>
      <c r="AI4888">
        <v>0</v>
      </c>
      <c r="AJ4888">
        <v>108</v>
      </c>
      <c r="AK4888" t="s">
        <v>3</v>
      </c>
      <c r="AL4888">
        <v>0</v>
      </c>
      <c r="AM4888">
        <v>0</v>
      </c>
      <c r="AN4888">
        <v>0</v>
      </c>
      <c r="AO4888">
        <v>0</v>
      </c>
      <c r="AP4888">
        <v>0</v>
      </c>
      <c r="AQ4888">
        <v>0</v>
      </c>
      <c r="AR4888">
        <v>0</v>
      </c>
      <c r="AS4888">
        <v>0</v>
      </c>
      <c r="AT4888">
        <v>0</v>
      </c>
      <c r="AU4888">
        <v>0</v>
      </c>
      <c r="AV4888">
        <v>0</v>
      </c>
      <c r="AW4888">
        <v>0</v>
      </c>
      <c r="AX4888">
        <v>3832</v>
      </c>
      <c r="AY4888">
        <v>64</v>
      </c>
      <c r="AZ4888">
        <v>131</v>
      </c>
      <c r="BA4888">
        <v>9161</v>
      </c>
    </row>
    <row r="4889" spans="1:53" x14ac:dyDescent="0.4">
      <c r="A4889">
        <v>4933</v>
      </c>
      <c r="B4889" s="1">
        <v>44716</v>
      </c>
      <c r="C4889">
        <v>1</v>
      </c>
      <c r="D4889" s="1">
        <v>44716.291666666664</v>
      </c>
      <c r="E4889" s="1">
        <v>44716.402777777781</v>
      </c>
      <c r="F4889">
        <v>0</v>
      </c>
      <c r="G4889">
        <v>0</v>
      </c>
      <c r="H4889">
        <v>0</v>
      </c>
      <c r="I4889">
        <v>0</v>
      </c>
      <c r="J4889">
        <v>0</v>
      </c>
      <c r="K4889">
        <v>0</v>
      </c>
      <c r="L4889">
        <v>0</v>
      </c>
      <c r="M4889">
        <v>0</v>
      </c>
      <c r="N4889">
        <v>0</v>
      </c>
      <c r="O4889">
        <v>0</v>
      </c>
      <c r="P4889">
        <v>0</v>
      </c>
      <c r="Q4889">
        <v>0</v>
      </c>
      <c r="R4889">
        <v>0</v>
      </c>
      <c r="S4889">
        <v>0</v>
      </c>
      <c r="T4889">
        <v>0</v>
      </c>
      <c r="U4889">
        <v>0</v>
      </c>
      <c r="V4889">
        <v>0</v>
      </c>
      <c r="W4889">
        <v>1</v>
      </c>
      <c r="X4889">
        <v>0</v>
      </c>
      <c r="Y4889">
        <v>30</v>
      </c>
      <c r="Z4889">
        <v>17</v>
      </c>
      <c r="AA4889">
        <v>51</v>
      </c>
      <c r="AB4889">
        <v>9</v>
      </c>
      <c r="AC4889">
        <v>76</v>
      </c>
      <c r="AD4889">
        <v>23</v>
      </c>
      <c r="AE4889">
        <v>75</v>
      </c>
      <c r="AF4889">
        <v>0</v>
      </c>
      <c r="AG4889">
        <v>50000</v>
      </c>
      <c r="AH4889">
        <v>50000</v>
      </c>
      <c r="AI4889">
        <v>0</v>
      </c>
      <c r="AJ4889">
        <v>0</v>
      </c>
      <c r="AK4889" t="s">
        <v>6</v>
      </c>
      <c r="AL4889">
        <v>0</v>
      </c>
      <c r="AM4889">
        <v>0</v>
      </c>
      <c r="AN4889">
        <v>0</v>
      </c>
      <c r="AO4889">
        <v>0</v>
      </c>
      <c r="AP4889">
        <v>0</v>
      </c>
      <c r="AQ4889">
        <v>0</v>
      </c>
      <c r="AR4889">
        <v>0</v>
      </c>
      <c r="AS4889">
        <v>0</v>
      </c>
      <c r="AT4889">
        <v>0</v>
      </c>
      <c r="AU4889">
        <v>0</v>
      </c>
      <c r="AV4889">
        <v>0</v>
      </c>
      <c r="AW4889">
        <v>0</v>
      </c>
      <c r="AX4889">
        <v>0</v>
      </c>
      <c r="AY4889">
        <v>0</v>
      </c>
      <c r="AZ4889">
        <v>0</v>
      </c>
      <c r="BA4889">
        <v>0</v>
      </c>
    </row>
    <row r="4890" spans="1:53" x14ac:dyDescent="0.4">
      <c r="A4890">
        <v>4934</v>
      </c>
      <c r="B4890" s="1">
        <v>44716</v>
      </c>
      <c r="C4890">
        <v>2</v>
      </c>
      <c r="D4890" s="1">
        <v>44716.402777777781</v>
      </c>
      <c r="E4890" s="1">
        <v>44716.745138888888</v>
      </c>
      <c r="F4890">
        <v>46230</v>
      </c>
      <c r="G4890">
        <v>2684</v>
      </c>
      <c r="H4890">
        <v>0</v>
      </c>
      <c r="I4890">
        <v>0</v>
      </c>
      <c r="J4890">
        <v>0</v>
      </c>
      <c r="K4890">
        <v>800</v>
      </c>
      <c r="L4890">
        <v>0</v>
      </c>
      <c r="M4890">
        <v>4516</v>
      </c>
      <c r="N4890">
        <v>0</v>
      </c>
      <c r="O4890">
        <v>0</v>
      </c>
      <c r="P4890">
        <v>21050</v>
      </c>
      <c r="Q4890">
        <v>0</v>
      </c>
      <c r="R4890">
        <v>70764</v>
      </c>
      <c r="S4890">
        <v>0</v>
      </c>
      <c r="T4890">
        <v>0</v>
      </c>
      <c r="U4890">
        <v>0</v>
      </c>
      <c r="V4890">
        <v>0</v>
      </c>
      <c r="W4890">
        <v>3</v>
      </c>
      <c r="X4890">
        <v>0</v>
      </c>
      <c r="Y4890">
        <v>70</v>
      </c>
      <c r="Z4890">
        <v>46</v>
      </c>
      <c r="AA4890">
        <v>67</v>
      </c>
      <c r="AB4890">
        <v>24</v>
      </c>
      <c r="AC4890">
        <v>70</v>
      </c>
      <c r="AD4890">
        <v>23</v>
      </c>
      <c r="AE4890">
        <v>69</v>
      </c>
      <c r="AF4890">
        <v>3980</v>
      </c>
      <c r="AG4890">
        <v>120764</v>
      </c>
      <c r="AH4890">
        <v>50000</v>
      </c>
      <c r="AI4890">
        <v>0</v>
      </c>
      <c r="AJ4890">
        <v>115</v>
      </c>
      <c r="AK4890" t="s">
        <v>55</v>
      </c>
      <c r="AL4890">
        <v>0</v>
      </c>
      <c r="AM4890">
        <v>0</v>
      </c>
      <c r="AN4890">
        <v>0</v>
      </c>
      <c r="AO4890">
        <v>0</v>
      </c>
      <c r="AP4890">
        <v>0</v>
      </c>
      <c r="AQ4890">
        <v>0</v>
      </c>
      <c r="AR4890">
        <v>0</v>
      </c>
      <c r="AS4890">
        <v>0</v>
      </c>
      <c r="AT4890">
        <v>0</v>
      </c>
      <c r="AU4890">
        <v>0</v>
      </c>
      <c r="AV4890">
        <v>0</v>
      </c>
      <c r="AW4890">
        <v>0</v>
      </c>
      <c r="AX4890">
        <v>-3478</v>
      </c>
      <c r="AY4890">
        <v>55</v>
      </c>
      <c r="AZ4890">
        <v>110</v>
      </c>
      <c r="BA4890">
        <v>7938</v>
      </c>
    </row>
    <row r="4891" spans="1:53" x14ac:dyDescent="0.4">
      <c r="A4891">
        <v>4935</v>
      </c>
      <c r="B4891" s="1">
        <v>44717</v>
      </c>
      <c r="C4891">
        <v>1</v>
      </c>
      <c r="D4891" s="1">
        <v>44717.291666666664</v>
      </c>
      <c r="E4891" s="1">
        <v>44717.408333333333</v>
      </c>
      <c r="F4891">
        <v>0</v>
      </c>
      <c r="G4891">
        <v>0</v>
      </c>
      <c r="H4891">
        <v>0</v>
      </c>
      <c r="I4891">
        <v>0</v>
      </c>
      <c r="J4891">
        <v>0</v>
      </c>
      <c r="K4891">
        <v>0</v>
      </c>
      <c r="L4891">
        <v>0</v>
      </c>
      <c r="M4891">
        <v>0</v>
      </c>
      <c r="N4891">
        <v>0</v>
      </c>
      <c r="O4891">
        <v>0</v>
      </c>
      <c r="P4891">
        <v>0</v>
      </c>
      <c r="Q4891">
        <v>0</v>
      </c>
      <c r="R4891">
        <v>0</v>
      </c>
      <c r="S4891">
        <v>0</v>
      </c>
      <c r="T4891">
        <v>0</v>
      </c>
      <c r="U4891">
        <v>0</v>
      </c>
      <c r="V4891">
        <v>0</v>
      </c>
      <c r="W4891">
        <v>1</v>
      </c>
      <c r="X4891">
        <v>0</v>
      </c>
      <c r="Y4891">
        <v>27</v>
      </c>
      <c r="Z4891">
        <v>13</v>
      </c>
      <c r="AA4891">
        <v>90</v>
      </c>
      <c r="AB4891">
        <v>29</v>
      </c>
      <c r="AC4891">
        <v>87</v>
      </c>
      <c r="AD4891">
        <v>21</v>
      </c>
      <c r="AE4891">
        <v>75</v>
      </c>
      <c r="AF4891">
        <v>0</v>
      </c>
      <c r="AG4891">
        <v>50000</v>
      </c>
      <c r="AH4891">
        <v>50000</v>
      </c>
      <c r="AI4891">
        <v>0</v>
      </c>
      <c r="AJ4891">
        <v>0</v>
      </c>
      <c r="AK4891" t="s">
        <v>6</v>
      </c>
      <c r="AL4891">
        <v>0</v>
      </c>
      <c r="AM4891">
        <v>0</v>
      </c>
      <c r="AN4891">
        <v>0</v>
      </c>
      <c r="AO4891">
        <v>0</v>
      </c>
      <c r="AP4891">
        <v>0</v>
      </c>
      <c r="AQ4891">
        <v>0</v>
      </c>
      <c r="AR4891">
        <v>0</v>
      </c>
      <c r="AS4891">
        <v>0</v>
      </c>
      <c r="AT4891">
        <v>0</v>
      </c>
      <c r="AU4891">
        <v>0</v>
      </c>
      <c r="AV4891">
        <v>0</v>
      </c>
      <c r="AW4891">
        <v>0</v>
      </c>
      <c r="AX4891">
        <v>0</v>
      </c>
      <c r="AY4891">
        <v>0</v>
      </c>
      <c r="AZ4891">
        <v>0</v>
      </c>
      <c r="BA4891">
        <v>0</v>
      </c>
    </row>
    <row r="4892" spans="1:53" x14ac:dyDescent="0.4">
      <c r="A4892">
        <v>4936</v>
      </c>
      <c r="B4892" s="1">
        <v>44717</v>
      </c>
      <c r="C4892">
        <v>2</v>
      </c>
      <c r="D4892" s="1">
        <v>44717.408333333333</v>
      </c>
      <c r="E4892" s="1">
        <v>44717.743750000001</v>
      </c>
      <c r="F4892">
        <v>47220</v>
      </c>
      <c r="G4892">
        <v>2706</v>
      </c>
      <c r="H4892">
        <v>0</v>
      </c>
      <c r="I4892">
        <v>0</v>
      </c>
      <c r="J4892">
        <v>0</v>
      </c>
      <c r="K4892">
        <v>0</v>
      </c>
      <c r="L4892">
        <v>0</v>
      </c>
      <c r="M4892">
        <v>4536</v>
      </c>
      <c r="N4892">
        <v>0</v>
      </c>
      <c r="O4892">
        <v>0</v>
      </c>
      <c r="P4892">
        <v>20410</v>
      </c>
      <c r="Q4892">
        <v>0</v>
      </c>
      <c r="R4892">
        <v>70336</v>
      </c>
      <c r="S4892">
        <v>0</v>
      </c>
      <c r="T4892">
        <v>0</v>
      </c>
      <c r="U4892">
        <v>0</v>
      </c>
      <c r="V4892">
        <v>3</v>
      </c>
      <c r="W4892">
        <v>3</v>
      </c>
      <c r="X4892">
        <v>0</v>
      </c>
      <c r="Y4892">
        <v>49</v>
      </c>
      <c r="Z4892">
        <v>20</v>
      </c>
      <c r="AA4892">
        <v>111</v>
      </c>
      <c r="AB4892">
        <v>42</v>
      </c>
      <c r="AC4892">
        <v>137</v>
      </c>
      <c r="AD4892">
        <v>22</v>
      </c>
      <c r="AE4892">
        <v>76</v>
      </c>
      <c r="AF4892">
        <v>1500</v>
      </c>
      <c r="AG4892">
        <v>120256</v>
      </c>
      <c r="AH4892">
        <v>50000</v>
      </c>
      <c r="AI4892">
        <v>-80</v>
      </c>
      <c r="AJ4892">
        <v>103</v>
      </c>
      <c r="AK4892" t="s">
        <v>7</v>
      </c>
      <c r="AL4892">
        <v>0</v>
      </c>
      <c r="AM4892">
        <v>0</v>
      </c>
      <c r="AN4892">
        <v>0</v>
      </c>
      <c r="AO4892">
        <v>0</v>
      </c>
      <c r="AP4892">
        <v>0</v>
      </c>
      <c r="AQ4892">
        <v>0</v>
      </c>
      <c r="AR4892">
        <v>0</v>
      </c>
      <c r="AS4892">
        <v>0</v>
      </c>
      <c r="AT4892">
        <v>0</v>
      </c>
      <c r="AU4892">
        <v>0</v>
      </c>
      <c r="AV4892">
        <v>0</v>
      </c>
      <c r="AW4892">
        <v>0</v>
      </c>
      <c r="AX4892">
        <v>146</v>
      </c>
      <c r="AY4892">
        <v>52</v>
      </c>
      <c r="AZ4892">
        <v>110</v>
      </c>
      <c r="BA4892">
        <v>7770</v>
      </c>
    </row>
    <row r="4893" spans="1:53" x14ac:dyDescent="0.4">
      <c r="A4893">
        <v>4937</v>
      </c>
      <c r="B4893" s="1">
        <v>44718</v>
      </c>
      <c r="C4893">
        <v>1</v>
      </c>
      <c r="D4893" s="1">
        <v>44718.291666666664</v>
      </c>
      <c r="E4893" s="1">
        <v>44718.456944444442</v>
      </c>
      <c r="F4893">
        <v>0</v>
      </c>
      <c r="G4893">
        <v>0</v>
      </c>
      <c r="H4893">
        <v>0</v>
      </c>
      <c r="I4893">
        <v>0</v>
      </c>
      <c r="J4893">
        <v>0</v>
      </c>
      <c r="K4893">
        <v>0</v>
      </c>
      <c r="L4893">
        <v>0</v>
      </c>
      <c r="M4893">
        <v>0</v>
      </c>
      <c r="N4893">
        <v>0</v>
      </c>
      <c r="O4893">
        <v>0</v>
      </c>
      <c r="P4893">
        <v>0</v>
      </c>
      <c r="Q4893">
        <v>0</v>
      </c>
      <c r="R4893">
        <v>0</v>
      </c>
      <c r="S4893">
        <v>0</v>
      </c>
      <c r="T4893">
        <v>0</v>
      </c>
      <c r="U4893">
        <v>0</v>
      </c>
      <c r="V4893">
        <v>0</v>
      </c>
      <c r="W4893">
        <v>1</v>
      </c>
      <c r="X4893">
        <v>0</v>
      </c>
      <c r="Y4893">
        <v>25</v>
      </c>
      <c r="Z4893">
        <v>11</v>
      </c>
      <c r="AA4893">
        <v>110</v>
      </c>
      <c r="AB4893">
        <v>37</v>
      </c>
      <c r="AC4893">
        <v>148</v>
      </c>
      <c r="AD4893">
        <v>21</v>
      </c>
      <c r="AE4893">
        <v>65</v>
      </c>
      <c r="AF4893">
        <v>0</v>
      </c>
      <c r="AG4893">
        <v>50000</v>
      </c>
      <c r="AH4893">
        <v>50000</v>
      </c>
      <c r="AI4893">
        <v>0</v>
      </c>
      <c r="AJ4893">
        <v>0</v>
      </c>
      <c r="AK4893" t="s">
        <v>6</v>
      </c>
      <c r="AL4893">
        <v>0</v>
      </c>
      <c r="AM4893">
        <v>0</v>
      </c>
      <c r="AN4893">
        <v>0</v>
      </c>
      <c r="AO4893">
        <v>0</v>
      </c>
      <c r="AP4893">
        <v>0</v>
      </c>
      <c r="AQ4893">
        <v>0</v>
      </c>
      <c r="AR4893">
        <v>0</v>
      </c>
      <c r="AS4893">
        <v>0</v>
      </c>
      <c r="AT4893">
        <v>0</v>
      </c>
      <c r="AU4893">
        <v>0</v>
      </c>
      <c r="AV4893">
        <v>0</v>
      </c>
      <c r="AW4893">
        <v>0</v>
      </c>
      <c r="AX4893">
        <v>0</v>
      </c>
      <c r="AY4893">
        <v>0</v>
      </c>
      <c r="AZ4893">
        <v>0</v>
      </c>
      <c r="BA4893">
        <v>0</v>
      </c>
    </row>
    <row r="4894" spans="1:53" x14ac:dyDescent="0.4">
      <c r="A4894">
        <v>4938</v>
      </c>
      <c r="B4894" s="1">
        <v>44718</v>
      </c>
      <c r="C4894">
        <v>2</v>
      </c>
      <c r="D4894" s="1">
        <v>44718.456944444442</v>
      </c>
      <c r="E4894" s="1">
        <v>44718.743055555555</v>
      </c>
      <c r="F4894">
        <v>23890</v>
      </c>
      <c r="G4894">
        <v>2156</v>
      </c>
      <c r="H4894">
        <v>0</v>
      </c>
      <c r="I4894">
        <v>0</v>
      </c>
      <c r="J4894">
        <v>0</v>
      </c>
      <c r="K4894">
        <v>0</v>
      </c>
      <c r="L4894">
        <v>0</v>
      </c>
      <c r="M4894">
        <v>2364</v>
      </c>
      <c r="N4894">
        <v>0</v>
      </c>
      <c r="O4894">
        <v>0</v>
      </c>
      <c r="P4894">
        <v>20178</v>
      </c>
      <c r="Q4894">
        <v>0</v>
      </c>
      <c r="R4894">
        <v>46224</v>
      </c>
      <c r="S4894">
        <v>0</v>
      </c>
      <c r="T4894">
        <v>0</v>
      </c>
      <c r="U4894">
        <v>0</v>
      </c>
      <c r="V4894">
        <v>0</v>
      </c>
      <c r="W4894">
        <v>3</v>
      </c>
      <c r="X4894">
        <v>0</v>
      </c>
      <c r="Y4894">
        <v>56</v>
      </c>
      <c r="Z4894">
        <v>23</v>
      </c>
      <c r="AA4894">
        <v>75</v>
      </c>
      <c r="AB4894">
        <v>42</v>
      </c>
      <c r="AC4894">
        <v>165</v>
      </c>
      <c r="AD4894">
        <v>23</v>
      </c>
      <c r="AE4894">
        <v>59</v>
      </c>
      <c r="AF4894">
        <v>2300</v>
      </c>
      <c r="AG4894">
        <v>96224</v>
      </c>
      <c r="AH4894">
        <v>50000</v>
      </c>
      <c r="AI4894">
        <v>0</v>
      </c>
      <c r="AJ4894">
        <v>103</v>
      </c>
      <c r="AK4894" t="s">
        <v>7</v>
      </c>
      <c r="AL4894">
        <v>0</v>
      </c>
      <c r="AM4894">
        <v>0</v>
      </c>
      <c r="AN4894">
        <v>0</v>
      </c>
      <c r="AO4894">
        <v>0</v>
      </c>
      <c r="AP4894">
        <v>0</v>
      </c>
      <c r="AQ4894">
        <v>0</v>
      </c>
      <c r="AR4894">
        <v>0</v>
      </c>
      <c r="AS4894">
        <v>0</v>
      </c>
      <c r="AT4894">
        <v>0</v>
      </c>
      <c r="AU4894">
        <v>0</v>
      </c>
      <c r="AV4894">
        <v>0</v>
      </c>
      <c r="AW4894">
        <v>0</v>
      </c>
      <c r="AX4894">
        <v>1028</v>
      </c>
      <c r="AY4894">
        <v>44</v>
      </c>
      <c r="AZ4894">
        <v>74</v>
      </c>
      <c r="BA4894">
        <v>5316</v>
      </c>
    </row>
    <row r="4895" spans="1:53" x14ac:dyDescent="0.4">
      <c r="A4895">
        <v>4939</v>
      </c>
      <c r="B4895" s="1">
        <v>44719</v>
      </c>
      <c r="C4895">
        <v>1</v>
      </c>
      <c r="D4895" s="1">
        <v>44719.291666666664</v>
      </c>
      <c r="E4895" s="1">
        <v>44719.446527777778</v>
      </c>
      <c r="F4895">
        <v>0</v>
      </c>
      <c r="G4895">
        <v>0</v>
      </c>
      <c r="H4895">
        <v>0</v>
      </c>
      <c r="I4895">
        <v>0</v>
      </c>
      <c r="J4895">
        <v>0</v>
      </c>
      <c r="K4895">
        <v>0</v>
      </c>
      <c r="L4895">
        <v>0</v>
      </c>
      <c r="M4895">
        <v>0</v>
      </c>
      <c r="N4895">
        <v>0</v>
      </c>
      <c r="O4895">
        <v>0</v>
      </c>
      <c r="P4895">
        <v>0</v>
      </c>
      <c r="Q4895">
        <v>0</v>
      </c>
      <c r="R4895">
        <v>0</v>
      </c>
      <c r="S4895">
        <v>0</v>
      </c>
      <c r="T4895">
        <v>0</v>
      </c>
      <c r="U4895">
        <v>0</v>
      </c>
      <c r="V4895">
        <v>0</v>
      </c>
      <c r="W4895">
        <v>0</v>
      </c>
      <c r="X4895">
        <v>0</v>
      </c>
      <c r="Y4895">
        <v>26</v>
      </c>
      <c r="Z4895">
        <v>23</v>
      </c>
      <c r="AA4895">
        <v>88</v>
      </c>
      <c r="AB4895">
        <v>41</v>
      </c>
      <c r="AC4895">
        <v>149</v>
      </c>
      <c r="AD4895">
        <v>21</v>
      </c>
      <c r="AE4895">
        <v>55</v>
      </c>
      <c r="AF4895">
        <v>0</v>
      </c>
      <c r="AG4895">
        <v>50000</v>
      </c>
      <c r="AH4895">
        <v>50000</v>
      </c>
      <c r="AI4895">
        <v>0</v>
      </c>
      <c r="AJ4895">
        <v>0</v>
      </c>
      <c r="AK4895" t="s">
        <v>6</v>
      </c>
      <c r="AL4895">
        <v>0</v>
      </c>
      <c r="AM4895">
        <v>0</v>
      </c>
      <c r="AN4895">
        <v>0</v>
      </c>
      <c r="AO4895">
        <v>0</v>
      </c>
      <c r="AP4895">
        <v>0</v>
      </c>
      <c r="AQ4895">
        <v>0</v>
      </c>
      <c r="AR4895">
        <v>0</v>
      </c>
      <c r="AS4895">
        <v>0</v>
      </c>
      <c r="AT4895">
        <v>0</v>
      </c>
      <c r="AU4895">
        <v>0</v>
      </c>
      <c r="AV4895">
        <v>0</v>
      </c>
      <c r="AW4895">
        <v>0</v>
      </c>
      <c r="AX4895">
        <v>0</v>
      </c>
      <c r="AY4895">
        <v>0</v>
      </c>
      <c r="AZ4895">
        <v>0</v>
      </c>
      <c r="BA4895">
        <v>0</v>
      </c>
    </row>
    <row r="4896" spans="1:53" x14ac:dyDescent="0.4">
      <c r="A4896">
        <v>4940</v>
      </c>
      <c r="B4896" s="1">
        <v>44719</v>
      </c>
      <c r="C4896">
        <v>2</v>
      </c>
      <c r="D4896" s="1">
        <v>44719.446527777778</v>
      </c>
      <c r="E4896" s="1">
        <v>44719.952777777777</v>
      </c>
      <c r="F4896">
        <v>63140</v>
      </c>
      <c r="G4896">
        <v>3014</v>
      </c>
      <c r="H4896">
        <v>220</v>
      </c>
      <c r="I4896">
        <v>0</v>
      </c>
      <c r="J4896">
        <v>0</v>
      </c>
      <c r="K4896">
        <v>0</v>
      </c>
      <c r="L4896">
        <v>0</v>
      </c>
      <c r="M4896">
        <v>6029</v>
      </c>
      <c r="N4896">
        <v>0</v>
      </c>
      <c r="O4896">
        <v>0</v>
      </c>
      <c r="P4896">
        <v>10350</v>
      </c>
      <c r="Q4896">
        <v>0</v>
      </c>
      <c r="R4896">
        <v>76724</v>
      </c>
      <c r="S4896">
        <v>0</v>
      </c>
      <c r="T4896">
        <v>0</v>
      </c>
      <c r="U4896">
        <v>0</v>
      </c>
      <c r="V4896">
        <v>4</v>
      </c>
      <c r="W4896">
        <v>0</v>
      </c>
      <c r="X4896">
        <v>0</v>
      </c>
      <c r="Y4896">
        <v>36</v>
      </c>
      <c r="Z4896">
        <v>34</v>
      </c>
      <c r="AA4896">
        <v>103</v>
      </c>
      <c r="AB4896">
        <v>46</v>
      </c>
      <c r="AC4896">
        <v>152</v>
      </c>
      <c r="AD4896">
        <v>22</v>
      </c>
      <c r="AE4896">
        <v>56</v>
      </c>
      <c r="AF4896">
        <v>19438</v>
      </c>
      <c r="AG4896">
        <v>126724</v>
      </c>
      <c r="AH4896">
        <v>50000</v>
      </c>
      <c r="AI4896">
        <v>0</v>
      </c>
      <c r="AJ4896">
        <v>95</v>
      </c>
      <c r="AK4896" t="s">
        <v>21</v>
      </c>
      <c r="AL4896">
        <v>0</v>
      </c>
      <c r="AM4896">
        <v>0</v>
      </c>
      <c r="AN4896">
        <v>0</v>
      </c>
      <c r="AO4896">
        <v>0</v>
      </c>
      <c r="AP4896">
        <v>0</v>
      </c>
      <c r="AQ4896">
        <v>0</v>
      </c>
      <c r="AR4896">
        <v>0</v>
      </c>
      <c r="AS4896">
        <v>0</v>
      </c>
      <c r="AT4896">
        <v>0</v>
      </c>
      <c r="AU4896">
        <v>0</v>
      </c>
      <c r="AV4896">
        <v>0</v>
      </c>
      <c r="AW4896">
        <v>0</v>
      </c>
      <c r="AX4896">
        <v>5610</v>
      </c>
      <c r="AY4896">
        <v>61</v>
      </c>
      <c r="AZ4896">
        <v>109</v>
      </c>
      <c r="BA4896">
        <v>9508</v>
      </c>
    </row>
    <row r="4897" spans="1:53" x14ac:dyDescent="0.4">
      <c r="A4897">
        <v>4941</v>
      </c>
      <c r="B4897" s="1">
        <v>44720</v>
      </c>
      <c r="C4897">
        <v>1</v>
      </c>
      <c r="D4897" s="1">
        <v>44720.291666666664</v>
      </c>
      <c r="E4897" s="1">
        <v>44720.450694444444</v>
      </c>
      <c r="F4897">
        <v>0</v>
      </c>
      <c r="G4897">
        <v>0</v>
      </c>
      <c r="H4897">
        <v>0</v>
      </c>
      <c r="I4897">
        <v>0</v>
      </c>
      <c r="J4897">
        <v>0</v>
      </c>
      <c r="K4897">
        <v>0</v>
      </c>
      <c r="L4897">
        <v>0</v>
      </c>
      <c r="M4897">
        <v>0</v>
      </c>
      <c r="N4897">
        <v>0</v>
      </c>
      <c r="O4897">
        <v>0</v>
      </c>
      <c r="P4897">
        <v>0</v>
      </c>
      <c r="Q4897">
        <v>0</v>
      </c>
      <c r="R4897">
        <v>0</v>
      </c>
      <c r="S4897">
        <v>0</v>
      </c>
      <c r="T4897">
        <v>0</v>
      </c>
      <c r="U4897">
        <v>0</v>
      </c>
      <c r="V4897">
        <v>0</v>
      </c>
      <c r="W4897">
        <v>0</v>
      </c>
      <c r="X4897">
        <v>0</v>
      </c>
      <c r="Y4897">
        <v>26</v>
      </c>
      <c r="Z4897">
        <v>20</v>
      </c>
      <c r="AA4897">
        <v>102</v>
      </c>
      <c r="AB4897">
        <v>43</v>
      </c>
      <c r="AC4897">
        <v>149</v>
      </c>
      <c r="AD4897">
        <v>21</v>
      </c>
      <c r="AE4897">
        <v>55</v>
      </c>
      <c r="AF4897">
        <v>0</v>
      </c>
      <c r="AG4897">
        <v>50000</v>
      </c>
      <c r="AH4897">
        <v>50000</v>
      </c>
      <c r="AI4897">
        <v>0</v>
      </c>
      <c r="AJ4897">
        <v>0</v>
      </c>
      <c r="AK4897" t="s">
        <v>6</v>
      </c>
      <c r="AL4897">
        <v>0</v>
      </c>
      <c r="AM4897">
        <v>0</v>
      </c>
      <c r="AN4897">
        <v>0</v>
      </c>
      <c r="AO4897">
        <v>0</v>
      </c>
      <c r="AP4897">
        <v>0</v>
      </c>
      <c r="AQ4897">
        <v>0</v>
      </c>
      <c r="AR4897">
        <v>0</v>
      </c>
      <c r="AS4897">
        <v>0</v>
      </c>
      <c r="AT4897">
        <v>0</v>
      </c>
      <c r="AU4897">
        <v>0</v>
      </c>
      <c r="AV4897">
        <v>0</v>
      </c>
      <c r="AW4897">
        <v>0</v>
      </c>
      <c r="AX4897">
        <v>0</v>
      </c>
      <c r="AY4897">
        <v>0</v>
      </c>
      <c r="AZ4897">
        <v>0</v>
      </c>
      <c r="BA4897">
        <v>0</v>
      </c>
    </row>
    <row r="4898" spans="1:53" x14ac:dyDescent="0.4">
      <c r="A4898">
        <v>4942</v>
      </c>
      <c r="B4898" s="1">
        <v>44720</v>
      </c>
      <c r="C4898">
        <v>2</v>
      </c>
      <c r="D4898" s="1">
        <v>44720.450694444444</v>
      </c>
      <c r="E4898" s="1">
        <v>44720.743750000001</v>
      </c>
      <c r="F4898">
        <v>14750</v>
      </c>
      <c r="G4898">
        <v>1056</v>
      </c>
      <c r="H4898">
        <v>0</v>
      </c>
      <c r="I4898">
        <v>0</v>
      </c>
      <c r="J4898">
        <v>0</v>
      </c>
      <c r="K4898">
        <v>0</v>
      </c>
      <c r="L4898">
        <v>0</v>
      </c>
      <c r="M4898">
        <v>1436</v>
      </c>
      <c r="N4898">
        <v>0</v>
      </c>
      <c r="O4898">
        <v>0</v>
      </c>
      <c r="P4898">
        <v>16110</v>
      </c>
      <c r="Q4898">
        <v>0</v>
      </c>
      <c r="R4898">
        <v>31916</v>
      </c>
      <c r="S4898">
        <v>0</v>
      </c>
      <c r="T4898">
        <v>0</v>
      </c>
      <c r="U4898">
        <v>0</v>
      </c>
      <c r="V4898">
        <v>3</v>
      </c>
      <c r="W4898">
        <v>0</v>
      </c>
      <c r="X4898">
        <v>0</v>
      </c>
      <c r="Y4898">
        <v>26</v>
      </c>
      <c r="Z4898">
        <v>26</v>
      </c>
      <c r="AA4898">
        <v>91</v>
      </c>
      <c r="AB4898">
        <v>42</v>
      </c>
      <c r="AC4898">
        <v>155</v>
      </c>
      <c r="AD4898">
        <v>22</v>
      </c>
      <c r="AE4898">
        <v>56</v>
      </c>
      <c r="AF4898">
        <v>0</v>
      </c>
      <c r="AG4898">
        <v>81916</v>
      </c>
      <c r="AH4898">
        <v>50000</v>
      </c>
      <c r="AI4898">
        <v>0</v>
      </c>
      <c r="AJ4898">
        <v>116</v>
      </c>
      <c r="AK4898" t="s">
        <v>54</v>
      </c>
      <c r="AL4898">
        <v>0</v>
      </c>
      <c r="AM4898">
        <v>0</v>
      </c>
      <c r="AN4898">
        <v>0</v>
      </c>
      <c r="AO4898">
        <v>0</v>
      </c>
      <c r="AP4898">
        <v>0</v>
      </c>
      <c r="AQ4898">
        <v>0</v>
      </c>
      <c r="AR4898">
        <v>0</v>
      </c>
      <c r="AS4898">
        <v>0</v>
      </c>
      <c r="AT4898">
        <v>0</v>
      </c>
      <c r="AU4898">
        <v>0</v>
      </c>
      <c r="AV4898">
        <v>0</v>
      </c>
      <c r="AW4898">
        <v>0</v>
      </c>
      <c r="AX4898">
        <v>880</v>
      </c>
      <c r="AY4898">
        <v>27</v>
      </c>
      <c r="AZ4898">
        <v>50</v>
      </c>
      <c r="BA4898">
        <v>4025</v>
      </c>
    </row>
    <row r="4899" spans="1:53" x14ac:dyDescent="0.4">
      <c r="A4899">
        <v>4943</v>
      </c>
      <c r="B4899" s="1">
        <v>44721</v>
      </c>
      <c r="C4899">
        <v>1</v>
      </c>
      <c r="D4899" s="1">
        <v>44721.291666666664</v>
      </c>
      <c r="E4899" s="1">
        <v>44721.740972222222</v>
      </c>
      <c r="F4899">
        <v>11070</v>
      </c>
      <c r="G4899">
        <v>1056</v>
      </c>
      <c r="H4899">
        <v>0</v>
      </c>
      <c r="I4899">
        <v>0</v>
      </c>
      <c r="J4899">
        <v>0</v>
      </c>
      <c r="K4899">
        <v>0</v>
      </c>
      <c r="L4899">
        <v>0</v>
      </c>
      <c r="M4899">
        <v>1102</v>
      </c>
      <c r="N4899">
        <v>0</v>
      </c>
      <c r="O4899">
        <v>0</v>
      </c>
      <c r="P4899">
        <v>16540</v>
      </c>
      <c r="Q4899">
        <v>0</v>
      </c>
      <c r="R4899">
        <v>28666</v>
      </c>
      <c r="S4899">
        <v>0</v>
      </c>
      <c r="T4899">
        <v>0</v>
      </c>
      <c r="U4899">
        <v>0</v>
      </c>
      <c r="V4899">
        <v>1</v>
      </c>
      <c r="W4899">
        <v>0</v>
      </c>
      <c r="X4899">
        <v>0</v>
      </c>
      <c r="Y4899">
        <v>36</v>
      </c>
      <c r="Z4899">
        <v>26</v>
      </c>
      <c r="AA4899">
        <v>137</v>
      </c>
      <c r="AB4899">
        <v>31</v>
      </c>
      <c r="AC4899">
        <v>141</v>
      </c>
      <c r="AD4899">
        <v>20</v>
      </c>
      <c r="AE4899">
        <v>56</v>
      </c>
      <c r="AF4899">
        <v>2850</v>
      </c>
      <c r="AG4899">
        <v>78666</v>
      </c>
      <c r="AH4899">
        <v>50000</v>
      </c>
      <c r="AI4899">
        <v>0</v>
      </c>
      <c r="AJ4899">
        <v>119</v>
      </c>
      <c r="AK4899" t="s">
        <v>56</v>
      </c>
      <c r="AL4899">
        <v>0</v>
      </c>
      <c r="AM4899">
        <v>0</v>
      </c>
      <c r="AN4899">
        <v>0</v>
      </c>
      <c r="AO4899">
        <v>0</v>
      </c>
      <c r="AP4899">
        <v>0</v>
      </c>
      <c r="AQ4899">
        <v>0</v>
      </c>
      <c r="AR4899">
        <v>0</v>
      </c>
      <c r="AS4899">
        <v>0</v>
      </c>
      <c r="AT4899">
        <v>0</v>
      </c>
      <c r="AU4899">
        <v>0</v>
      </c>
      <c r="AV4899">
        <v>0</v>
      </c>
      <c r="AW4899">
        <v>0</v>
      </c>
      <c r="AX4899">
        <v>308</v>
      </c>
      <c r="AY4899">
        <v>31</v>
      </c>
      <c r="AZ4899">
        <v>47</v>
      </c>
      <c r="BA4899">
        <v>3379</v>
      </c>
    </row>
    <row r="4900" spans="1:53" x14ac:dyDescent="0.4">
      <c r="A4900">
        <v>4944</v>
      </c>
      <c r="B4900" s="1">
        <v>44722</v>
      </c>
      <c r="C4900">
        <v>1</v>
      </c>
      <c r="D4900" s="1">
        <v>44722.291666666664</v>
      </c>
      <c r="E4900" s="1">
        <v>44722.440972222219</v>
      </c>
      <c r="F4900">
        <v>0</v>
      </c>
      <c r="G4900">
        <v>0</v>
      </c>
      <c r="H4900">
        <v>0</v>
      </c>
      <c r="I4900">
        <v>0</v>
      </c>
      <c r="J4900">
        <v>0</v>
      </c>
      <c r="K4900">
        <v>0</v>
      </c>
      <c r="L4900">
        <v>0</v>
      </c>
      <c r="M4900">
        <v>0</v>
      </c>
      <c r="N4900">
        <v>0</v>
      </c>
      <c r="O4900">
        <v>0</v>
      </c>
      <c r="P4900">
        <v>0</v>
      </c>
      <c r="Q4900">
        <v>0</v>
      </c>
      <c r="R4900">
        <v>0</v>
      </c>
      <c r="S4900">
        <v>0</v>
      </c>
      <c r="T4900">
        <v>0</v>
      </c>
      <c r="U4900">
        <v>0</v>
      </c>
      <c r="V4900">
        <v>0</v>
      </c>
      <c r="W4900">
        <v>1</v>
      </c>
      <c r="X4900">
        <v>0</v>
      </c>
      <c r="Y4900">
        <v>24</v>
      </c>
      <c r="Z4900">
        <v>11</v>
      </c>
      <c r="AA4900">
        <v>125</v>
      </c>
      <c r="AB4900">
        <v>29</v>
      </c>
      <c r="AC4900">
        <v>138</v>
      </c>
      <c r="AD4900">
        <v>21</v>
      </c>
      <c r="AE4900">
        <v>65</v>
      </c>
      <c r="AF4900">
        <v>0</v>
      </c>
      <c r="AG4900">
        <v>50000</v>
      </c>
      <c r="AH4900">
        <v>50000</v>
      </c>
      <c r="AI4900">
        <v>0</v>
      </c>
      <c r="AJ4900">
        <v>0</v>
      </c>
      <c r="AK4900" t="s">
        <v>6</v>
      </c>
      <c r="AL4900">
        <v>0</v>
      </c>
      <c r="AM4900">
        <v>0</v>
      </c>
      <c r="AN4900">
        <v>0</v>
      </c>
      <c r="AO4900">
        <v>0</v>
      </c>
      <c r="AP4900">
        <v>0</v>
      </c>
      <c r="AQ4900">
        <v>0</v>
      </c>
      <c r="AR4900">
        <v>0</v>
      </c>
      <c r="AS4900">
        <v>0</v>
      </c>
      <c r="AT4900">
        <v>0</v>
      </c>
      <c r="AU4900">
        <v>0</v>
      </c>
      <c r="AV4900">
        <v>0</v>
      </c>
      <c r="AW4900">
        <v>0</v>
      </c>
      <c r="AX4900">
        <v>0</v>
      </c>
      <c r="AY4900">
        <v>0</v>
      </c>
      <c r="AZ4900">
        <v>0</v>
      </c>
      <c r="BA4900">
        <v>0</v>
      </c>
    </row>
    <row r="4901" spans="1:53" x14ac:dyDescent="0.4">
      <c r="A4901">
        <v>4945</v>
      </c>
      <c r="B4901" s="1">
        <v>44722</v>
      </c>
      <c r="C4901">
        <v>2</v>
      </c>
      <c r="D4901" s="1">
        <v>44722.440972222219</v>
      </c>
      <c r="E4901" s="1">
        <v>44722.747916666667</v>
      </c>
      <c r="F4901">
        <v>25130</v>
      </c>
      <c r="G4901">
        <v>902</v>
      </c>
      <c r="H4901">
        <v>0</v>
      </c>
      <c r="I4901">
        <v>0</v>
      </c>
      <c r="J4901">
        <v>0</v>
      </c>
      <c r="K4901">
        <v>0</v>
      </c>
      <c r="L4901">
        <v>0</v>
      </c>
      <c r="M4901">
        <v>2366</v>
      </c>
      <c r="N4901">
        <v>0</v>
      </c>
      <c r="O4901">
        <v>0</v>
      </c>
      <c r="P4901">
        <v>20980</v>
      </c>
      <c r="Q4901">
        <v>0</v>
      </c>
      <c r="R4901">
        <v>47012</v>
      </c>
      <c r="S4901">
        <v>0</v>
      </c>
      <c r="T4901">
        <v>0</v>
      </c>
      <c r="U4901">
        <v>0</v>
      </c>
      <c r="V4901">
        <v>1</v>
      </c>
      <c r="W4901">
        <v>2</v>
      </c>
      <c r="X4901">
        <v>0</v>
      </c>
      <c r="Y4901">
        <v>49</v>
      </c>
      <c r="Z4901">
        <v>10</v>
      </c>
      <c r="AA4901">
        <v>133</v>
      </c>
      <c r="AB4901">
        <v>35</v>
      </c>
      <c r="AC4901">
        <v>167</v>
      </c>
      <c r="AD4901">
        <v>20</v>
      </c>
      <c r="AE4901">
        <v>63</v>
      </c>
      <c r="AF4901">
        <v>6129</v>
      </c>
      <c r="AG4901">
        <v>97012</v>
      </c>
      <c r="AH4901">
        <v>50000</v>
      </c>
      <c r="AI4901">
        <v>0</v>
      </c>
      <c r="AJ4901">
        <v>116</v>
      </c>
      <c r="AK4901" t="s">
        <v>54</v>
      </c>
      <c r="AL4901">
        <v>0</v>
      </c>
      <c r="AM4901">
        <v>0</v>
      </c>
      <c r="AN4901">
        <v>0</v>
      </c>
      <c r="AO4901">
        <v>0</v>
      </c>
      <c r="AP4901">
        <v>0</v>
      </c>
      <c r="AQ4901">
        <v>0</v>
      </c>
      <c r="AR4901">
        <v>0</v>
      </c>
      <c r="AS4901">
        <v>0</v>
      </c>
      <c r="AT4901">
        <v>0</v>
      </c>
      <c r="AU4901">
        <v>0</v>
      </c>
      <c r="AV4901">
        <v>0</v>
      </c>
      <c r="AW4901">
        <v>0</v>
      </c>
      <c r="AX4901">
        <v>1804</v>
      </c>
      <c r="AY4901">
        <v>43</v>
      </c>
      <c r="AZ4901">
        <v>71</v>
      </c>
      <c r="BA4901">
        <v>6910</v>
      </c>
    </row>
    <row r="4902" spans="1:53" x14ac:dyDescent="0.4">
      <c r="A4902">
        <v>4946</v>
      </c>
      <c r="B4902" s="1">
        <v>44722</v>
      </c>
      <c r="C4902">
        <v>3</v>
      </c>
      <c r="D4902" s="1">
        <v>44722.747916666667</v>
      </c>
      <c r="E4902" s="1">
        <v>44723.026388888888</v>
      </c>
      <c r="F4902">
        <v>143130</v>
      </c>
      <c r="G4902">
        <v>8547</v>
      </c>
      <c r="H4902">
        <v>0</v>
      </c>
      <c r="I4902">
        <v>0</v>
      </c>
      <c r="J4902">
        <v>100</v>
      </c>
      <c r="K4902">
        <v>0</v>
      </c>
      <c r="L4902">
        <v>0</v>
      </c>
      <c r="M4902">
        <v>13778</v>
      </c>
      <c r="N4902">
        <v>0</v>
      </c>
      <c r="O4902">
        <v>0</v>
      </c>
      <c r="P4902">
        <v>300</v>
      </c>
      <c r="Q4902">
        <v>0</v>
      </c>
      <c r="R4902">
        <v>151877</v>
      </c>
      <c r="S4902">
        <v>0</v>
      </c>
      <c r="T4902">
        <v>0</v>
      </c>
      <c r="U4902">
        <v>0</v>
      </c>
      <c r="V4902">
        <v>9</v>
      </c>
      <c r="W4902">
        <v>4</v>
      </c>
      <c r="X4902">
        <v>0</v>
      </c>
      <c r="Y4902">
        <v>85</v>
      </c>
      <c r="Z4902">
        <v>12</v>
      </c>
      <c r="AA4902">
        <v>113</v>
      </c>
      <c r="AB4902">
        <v>30</v>
      </c>
      <c r="AC4902">
        <v>157</v>
      </c>
      <c r="AD4902">
        <v>19</v>
      </c>
      <c r="AE4902">
        <v>52</v>
      </c>
      <c r="AF4902">
        <v>33372</v>
      </c>
      <c r="AG4902">
        <v>248889</v>
      </c>
      <c r="AH4902">
        <v>50000</v>
      </c>
      <c r="AI4902">
        <v>0</v>
      </c>
      <c r="AJ4902">
        <v>108</v>
      </c>
      <c r="AK4902" t="s">
        <v>3</v>
      </c>
      <c r="AL4902">
        <v>0</v>
      </c>
      <c r="AM4902">
        <v>0</v>
      </c>
      <c r="AN4902">
        <v>0</v>
      </c>
      <c r="AO4902">
        <v>0</v>
      </c>
      <c r="AP4902">
        <v>0</v>
      </c>
      <c r="AQ4902">
        <v>0</v>
      </c>
      <c r="AR4902">
        <v>0</v>
      </c>
      <c r="AS4902">
        <v>0</v>
      </c>
      <c r="AT4902">
        <v>0</v>
      </c>
      <c r="AU4902">
        <v>0</v>
      </c>
      <c r="AV4902">
        <v>0</v>
      </c>
      <c r="AW4902">
        <v>0</v>
      </c>
      <c r="AX4902">
        <v>9440</v>
      </c>
      <c r="AY4902">
        <v>33</v>
      </c>
      <c r="AZ4902">
        <v>94</v>
      </c>
      <c r="BA4902">
        <v>3962</v>
      </c>
    </row>
    <row r="4903" spans="1:53" x14ac:dyDescent="0.4">
      <c r="A4903">
        <v>4947</v>
      </c>
      <c r="B4903" s="1">
        <v>44723</v>
      </c>
      <c r="C4903">
        <v>1</v>
      </c>
      <c r="D4903" s="1">
        <v>44723.291666666664</v>
      </c>
      <c r="E4903" s="1">
        <v>44723.395138888889</v>
      </c>
      <c r="F4903">
        <v>0</v>
      </c>
      <c r="G4903">
        <v>0</v>
      </c>
      <c r="H4903">
        <v>0</v>
      </c>
      <c r="I4903">
        <v>0</v>
      </c>
      <c r="J4903">
        <v>0</v>
      </c>
      <c r="K4903">
        <v>0</v>
      </c>
      <c r="L4903">
        <v>0</v>
      </c>
      <c r="M4903">
        <v>0</v>
      </c>
      <c r="N4903">
        <v>0</v>
      </c>
      <c r="O4903">
        <v>0</v>
      </c>
      <c r="P4903">
        <v>0</v>
      </c>
      <c r="Q4903">
        <v>0</v>
      </c>
      <c r="R4903">
        <v>0</v>
      </c>
      <c r="S4903">
        <v>0</v>
      </c>
      <c r="T4903">
        <v>0</v>
      </c>
      <c r="U4903">
        <v>0</v>
      </c>
      <c r="V4903">
        <v>0</v>
      </c>
      <c r="W4903">
        <v>1</v>
      </c>
      <c r="X4903">
        <v>0</v>
      </c>
      <c r="Y4903">
        <v>25</v>
      </c>
      <c r="Z4903">
        <v>11</v>
      </c>
      <c r="AA4903">
        <v>117</v>
      </c>
      <c r="AB4903">
        <v>29</v>
      </c>
      <c r="AC4903">
        <v>121</v>
      </c>
      <c r="AD4903">
        <v>18</v>
      </c>
      <c r="AE4903">
        <v>50</v>
      </c>
      <c r="AF4903">
        <v>0</v>
      </c>
      <c r="AG4903">
        <v>50000</v>
      </c>
      <c r="AH4903">
        <v>50000</v>
      </c>
      <c r="AI4903">
        <v>0</v>
      </c>
      <c r="AJ4903">
        <v>0</v>
      </c>
      <c r="AK4903" t="s">
        <v>6</v>
      </c>
      <c r="AL4903">
        <v>0</v>
      </c>
      <c r="AM4903">
        <v>0</v>
      </c>
      <c r="AN4903">
        <v>0</v>
      </c>
      <c r="AO4903">
        <v>0</v>
      </c>
      <c r="AP4903">
        <v>0</v>
      </c>
      <c r="AQ4903">
        <v>0</v>
      </c>
      <c r="AR4903">
        <v>0</v>
      </c>
      <c r="AS4903">
        <v>0</v>
      </c>
      <c r="AT4903">
        <v>0</v>
      </c>
      <c r="AU4903">
        <v>0</v>
      </c>
      <c r="AV4903">
        <v>0</v>
      </c>
      <c r="AW4903">
        <v>0</v>
      </c>
      <c r="AX4903">
        <v>0</v>
      </c>
      <c r="AY4903">
        <v>0</v>
      </c>
      <c r="AZ4903">
        <v>0</v>
      </c>
      <c r="BA4903">
        <v>0</v>
      </c>
    </row>
    <row r="4904" spans="1:53" x14ac:dyDescent="0.4">
      <c r="A4904">
        <v>4948</v>
      </c>
      <c r="B4904" s="1">
        <v>44723</v>
      </c>
      <c r="C4904">
        <v>2</v>
      </c>
      <c r="D4904" s="1">
        <v>44723.395138888889</v>
      </c>
      <c r="E4904" s="1">
        <v>44723.742361111108</v>
      </c>
      <c r="F4904">
        <v>42750</v>
      </c>
      <c r="G4904">
        <v>2376</v>
      </c>
      <c r="H4904">
        <v>0</v>
      </c>
      <c r="I4904">
        <v>0</v>
      </c>
      <c r="J4904">
        <v>0</v>
      </c>
      <c r="K4904">
        <v>0</v>
      </c>
      <c r="L4904">
        <v>0</v>
      </c>
      <c r="M4904">
        <v>4099</v>
      </c>
      <c r="N4904">
        <v>0</v>
      </c>
      <c r="O4904">
        <v>0</v>
      </c>
      <c r="P4904">
        <v>29960</v>
      </c>
      <c r="Q4904">
        <v>0</v>
      </c>
      <c r="R4904">
        <v>75086</v>
      </c>
      <c r="S4904">
        <v>0</v>
      </c>
      <c r="T4904">
        <v>0</v>
      </c>
      <c r="U4904">
        <v>0</v>
      </c>
      <c r="V4904">
        <v>4</v>
      </c>
      <c r="W4904">
        <v>2</v>
      </c>
      <c r="X4904">
        <v>0</v>
      </c>
      <c r="Y4904">
        <v>40</v>
      </c>
      <c r="Z4904">
        <v>32</v>
      </c>
      <c r="AA4904">
        <v>103</v>
      </c>
      <c r="AB4904">
        <v>35</v>
      </c>
      <c r="AC4904">
        <v>133</v>
      </c>
      <c r="AD4904">
        <v>19</v>
      </c>
      <c r="AE4904">
        <v>50</v>
      </c>
      <c r="AF4904">
        <v>5561</v>
      </c>
      <c r="AG4904">
        <v>125086</v>
      </c>
      <c r="AH4904">
        <v>50000</v>
      </c>
      <c r="AI4904">
        <v>0</v>
      </c>
      <c r="AJ4904">
        <v>115</v>
      </c>
      <c r="AK4904" t="s">
        <v>55</v>
      </c>
      <c r="AL4904">
        <v>0</v>
      </c>
      <c r="AM4904">
        <v>0</v>
      </c>
      <c r="AN4904">
        <v>0</v>
      </c>
      <c r="AO4904">
        <v>0</v>
      </c>
      <c r="AP4904">
        <v>0</v>
      </c>
      <c r="AQ4904">
        <v>0</v>
      </c>
      <c r="AR4904">
        <v>0</v>
      </c>
      <c r="AS4904">
        <v>0</v>
      </c>
      <c r="AT4904">
        <v>0</v>
      </c>
      <c r="AU4904">
        <v>0</v>
      </c>
      <c r="AV4904">
        <v>0</v>
      </c>
      <c r="AW4904">
        <v>0</v>
      </c>
      <c r="AX4904">
        <v>594</v>
      </c>
      <c r="AY4904">
        <v>52</v>
      </c>
      <c r="AZ4904">
        <v>122</v>
      </c>
      <c r="BA4904">
        <v>7337</v>
      </c>
    </row>
    <row r="4905" spans="1:53" x14ac:dyDescent="0.4">
      <c r="A4905">
        <v>4949</v>
      </c>
      <c r="B4905" s="1">
        <v>44723</v>
      </c>
      <c r="C4905">
        <v>3</v>
      </c>
      <c r="D4905" s="1">
        <v>44723.742361111108</v>
      </c>
      <c r="E4905" s="1">
        <v>44723.961111111108</v>
      </c>
      <c r="F4905">
        <v>77000</v>
      </c>
      <c r="G4905">
        <v>1568</v>
      </c>
      <c r="H4905">
        <v>0</v>
      </c>
      <c r="I4905">
        <v>0</v>
      </c>
      <c r="J4905">
        <v>0</v>
      </c>
      <c r="K4905">
        <v>0</v>
      </c>
      <c r="L4905">
        <v>0</v>
      </c>
      <c r="M4905">
        <v>7141</v>
      </c>
      <c r="N4905">
        <v>0</v>
      </c>
      <c r="O4905">
        <v>0</v>
      </c>
      <c r="P4905">
        <v>-26810</v>
      </c>
      <c r="Q4905">
        <v>0</v>
      </c>
      <c r="R4905">
        <v>51758</v>
      </c>
      <c r="S4905">
        <v>0</v>
      </c>
      <c r="T4905">
        <v>0</v>
      </c>
      <c r="U4905">
        <v>0</v>
      </c>
      <c r="V4905">
        <v>4</v>
      </c>
      <c r="W4905">
        <v>3</v>
      </c>
      <c r="X4905">
        <v>0</v>
      </c>
      <c r="Y4905">
        <v>53</v>
      </c>
      <c r="Z4905">
        <v>28</v>
      </c>
      <c r="AA4905">
        <v>110</v>
      </c>
      <c r="AB4905">
        <v>43</v>
      </c>
      <c r="AC4905">
        <v>135</v>
      </c>
      <c r="AD4905">
        <v>22</v>
      </c>
      <c r="AE4905">
        <v>53</v>
      </c>
      <c r="AF4905">
        <v>40181</v>
      </c>
      <c r="AG4905">
        <v>176844</v>
      </c>
      <c r="AH4905">
        <v>50000</v>
      </c>
      <c r="AI4905">
        <v>0</v>
      </c>
      <c r="AJ4905">
        <v>108</v>
      </c>
      <c r="AK4905" t="s">
        <v>3</v>
      </c>
      <c r="AL4905">
        <v>0</v>
      </c>
      <c r="AM4905">
        <v>0</v>
      </c>
      <c r="AN4905">
        <v>0</v>
      </c>
      <c r="AO4905">
        <v>0</v>
      </c>
      <c r="AP4905">
        <v>0</v>
      </c>
      <c r="AQ4905">
        <v>0</v>
      </c>
      <c r="AR4905">
        <v>0</v>
      </c>
      <c r="AS4905">
        <v>0</v>
      </c>
      <c r="AT4905">
        <v>0</v>
      </c>
      <c r="AU4905">
        <v>0</v>
      </c>
      <c r="AV4905">
        <v>0</v>
      </c>
      <c r="AW4905">
        <v>0</v>
      </c>
      <c r="AX4905">
        <v>17590</v>
      </c>
      <c r="AY4905">
        <v>19</v>
      </c>
      <c r="AZ4905">
        <v>48</v>
      </c>
      <c r="BA4905">
        <v>3361</v>
      </c>
    </row>
    <row r="4906" spans="1:53" x14ac:dyDescent="0.4">
      <c r="A4906">
        <v>4950</v>
      </c>
      <c r="B4906" s="1">
        <v>44724</v>
      </c>
      <c r="C4906">
        <v>1</v>
      </c>
      <c r="D4906" s="1">
        <v>44724.291666666664</v>
      </c>
      <c r="E4906" s="1">
        <v>44724.4</v>
      </c>
      <c r="F4906">
        <v>0</v>
      </c>
      <c r="G4906">
        <v>0</v>
      </c>
      <c r="H4906">
        <v>0</v>
      </c>
      <c r="I4906">
        <v>0</v>
      </c>
      <c r="J4906">
        <v>0</v>
      </c>
      <c r="K4906">
        <v>0</v>
      </c>
      <c r="L4906">
        <v>0</v>
      </c>
      <c r="M4906">
        <v>0</v>
      </c>
      <c r="N4906">
        <v>0</v>
      </c>
      <c r="O4906">
        <v>0</v>
      </c>
      <c r="P4906">
        <v>0</v>
      </c>
      <c r="Q4906">
        <v>0</v>
      </c>
      <c r="R4906">
        <v>0</v>
      </c>
      <c r="S4906">
        <v>0</v>
      </c>
      <c r="T4906">
        <v>0</v>
      </c>
      <c r="U4906">
        <v>0</v>
      </c>
      <c r="V4906">
        <v>0</v>
      </c>
      <c r="W4906">
        <v>1</v>
      </c>
      <c r="X4906">
        <v>0</v>
      </c>
      <c r="Y4906">
        <v>25</v>
      </c>
      <c r="Z4906">
        <v>15</v>
      </c>
      <c r="AA4906">
        <v>97</v>
      </c>
      <c r="AB4906">
        <v>31</v>
      </c>
      <c r="AC4906">
        <v>109</v>
      </c>
      <c r="AD4906">
        <v>22</v>
      </c>
      <c r="AE4906">
        <v>50</v>
      </c>
      <c r="AF4906">
        <v>0</v>
      </c>
      <c r="AG4906">
        <v>50000</v>
      </c>
      <c r="AH4906">
        <v>50000</v>
      </c>
      <c r="AI4906">
        <v>0</v>
      </c>
      <c r="AJ4906">
        <v>0</v>
      </c>
      <c r="AK4906" t="s">
        <v>6</v>
      </c>
      <c r="AL4906">
        <v>0</v>
      </c>
      <c r="AM4906">
        <v>0</v>
      </c>
      <c r="AN4906">
        <v>0</v>
      </c>
      <c r="AO4906">
        <v>0</v>
      </c>
      <c r="AP4906">
        <v>0</v>
      </c>
      <c r="AQ4906">
        <v>0</v>
      </c>
      <c r="AR4906">
        <v>0</v>
      </c>
      <c r="AS4906">
        <v>0</v>
      </c>
      <c r="AT4906">
        <v>0</v>
      </c>
      <c r="AU4906">
        <v>0</v>
      </c>
      <c r="AV4906">
        <v>0</v>
      </c>
      <c r="AW4906">
        <v>0</v>
      </c>
      <c r="AX4906">
        <v>0</v>
      </c>
      <c r="AY4906">
        <v>0</v>
      </c>
      <c r="AZ4906">
        <v>0</v>
      </c>
      <c r="BA4906">
        <v>0</v>
      </c>
    </row>
    <row r="4907" spans="1:53" x14ac:dyDescent="0.4">
      <c r="A4907">
        <v>4951</v>
      </c>
      <c r="B4907" s="1">
        <v>44724</v>
      </c>
      <c r="C4907">
        <v>2</v>
      </c>
      <c r="D4907" s="1">
        <v>44724.4</v>
      </c>
      <c r="E4907" s="1">
        <v>44724.754166666666</v>
      </c>
      <c r="F4907">
        <v>46740</v>
      </c>
      <c r="G4907">
        <v>1672</v>
      </c>
      <c r="H4907">
        <v>0</v>
      </c>
      <c r="I4907">
        <v>0</v>
      </c>
      <c r="J4907">
        <v>0</v>
      </c>
      <c r="K4907">
        <v>0</v>
      </c>
      <c r="L4907">
        <v>0</v>
      </c>
      <c r="M4907">
        <v>4397</v>
      </c>
      <c r="N4907">
        <v>0</v>
      </c>
      <c r="O4907">
        <v>0</v>
      </c>
      <c r="P4907">
        <v>26460</v>
      </c>
      <c r="Q4907">
        <v>0</v>
      </c>
      <c r="R4907">
        <v>74872</v>
      </c>
      <c r="S4907">
        <v>0</v>
      </c>
      <c r="T4907">
        <v>0</v>
      </c>
      <c r="U4907">
        <v>0</v>
      </c>
      <c r="V4907">
        <v>2</v>
      </c>
      <c r="W4907">
        <v>6</v>
      </c>
      <c r="X4907">
        <v>0</v>
      </c>
      <c r="Y4907">
        <v>45</v>
      </c>
      <c r="Z4907">
        <v>34</v>
      </c>
      <c r="AA4907">
        <v>89</v>
      </c>
      <c r="AB4907">
        <v>32</v>
      </c>
      <c r="AC4907">
        <v>142</v>
      </c>
      <c r="AD4907">
        <v>20</v>
      </c>
      <c r="AE4907">
        <v>43</v>
      </c>
      <c r="AF4907">
        <v>600</v>
      </c>
      <c r="AG4907">
        <v>124663</v>
      </c>
      <c r="AH4907">
        <v>50000</v>
      </c>
      <c r="AI4907">
        <v>-209</v>
      </c>
      <c r="AJ4907">
        <v>103</v>
      </c>
      <c r="AK4907" t="s">
        <v>7</v>
      </c>
      <c r="AL4907">
        <v>0</v>
      </c>
      <c r="AM4907">
        <v>0</v>
      </c>
      <c r="AN4907">
        <v>0</v>
      </c>
      <c r="AO4907">
        <v>0</v>
      </c>
      <c r="AP4907">
        <v>0</v>
      </c>
      <c r="AQ4907">
        <v>0</v>
      </c>
      <c r="AR4907">
        <v>0</v>
      </c>
      <c r="AS4907">
        <v>0</v>
      </c>
      <c r="AT4907">
        <v>0</v>
      </c>
      <c r="AU4907">
        <v>0</v>
      </c>
      <c r="AV4907">
        <v>0</v>
      </c>
      <c r="AW4907">
        <v>0</v>
      </c>
      <c r="AX4907">
        <v>-1800</v>
      </c>
      <c r="AY4907">
        <v>56</v>
      </c>
      <c r="AZ4907">
        <v>118</v>
      </c>
      <c r="BA4907">
        <v>8405</v>
      </c>
    </row>
    <row r="4908" spans="1:53" x14ac:dyDescent="0.4">
      <c r="A4908">
        <v>4952</v>
      </c>
      <c r="B4908" s="1">
        <v>44724</v>
      </c>
      <c r="C4908">
        <v>3</v>
      </c>
      <c r="D4908" s="1">
        <v>44724.754166666666</v>
      </c>
      <c r="E4908" s="1">
        <v>44724.953472222223</v>
      </c>
      <c r="F4908">
        <v>37780</v>
      </c>
      <c r="G4908">
        <v>2278</v>
      </c>
      <c r="H4908">
        <v>0</v>
      </c>
      <c r="I4908">
        <v>0</v>
      </c>
      <c r="J4908">
        <v>0</v>
      </c>
      <c r="K4908">
        <v>0</v>
      </c>
      <c r="L4908">
        <v>0</v>
      </c>
      <c r="M4908">
        <v>3641</v>
      </c>
      <c r="N4908">
        <v>0</v>
      </c>
      <c r="O4908">
        <v>0</v>
      </c>
      <c r="P4908">
        <v>25740</v>
      </c>
      <c r="Q4908">
        <v>0</v>
      </c>
      <c r="R4908">
        <v>65798</v>
      </c>
      <c r="S4908">
        <v>0</v>
      </c>
      <c r="T4908">
        <v>0</v>
      </c>
      <c r="U4908">
        <v>0</v>
      </c>
      <c r="V4908">
        <v>4</v>
      </c>
      <c r="W4908">
        <v>5</v>
      </c>
      <c r="X4908">
        <v>0</v>
      </c>
      <c r="Y4908">
        <v>49</v>
      </c>
      <c r="Z4908">
        <v>35</v>
      </c>
      <c r="AA4908">
        <v>96</v>
      </c>
      <c r="AB4908">
        <v>32</v>
      </c>
      <c r="AC4908">
        <v>146</v>
      </c>
      <c r="AD4908">
        <v>21</v>
      </c>
      <c r="AE4908">
        <v>45</v>
      </c>
      <c r="AF4908">
        <v>46360</v>
      </c>
      <c r="AG4908">
        <v>190670</v>
      </c>
      <c r="AH4908">
        <v>50000</v>
      </c>
      <c r="AI4908">
        <v>0</v>
      </c>
      <c r="AJ4908">
        <v>108</v>
      </c>
      <c r="AK4908" t="s">
        <v>3</v>
      </c>
      <c r="AL4908">
        <v>0</v>
      </c>
      <c r="AM4908">
        <v>0</v>
      </c>
      <c r="AN4908">
        <v>0</v>
      </c>
      <c r="AO4908">
        <v>0</v>
      </c>
      <c r="AP4908">
        <v>0</v>
      </c>
      <c r="AQ4908">
        <v>0</v>
      </c>
      <c r="AR4908">
        <v>0</v>
      </c>
      <c r="AS4908">
        <v>0</v>
      </c>
      <c r="AT4908">
        <v>0</v>
      </c>
      <c r="AU4908">
        <v>0</v>
      </c>
      <c r="AV4908">
        <v>0</v>
      </c>
      <c r="AW4908">
        <v>0</v>
      </c>
      <c r="AX4908">
        <v>4950</v>
      </c>
      <c r="AY4908">
        <v>12</v>
      </c>
      <c r="AZ4908">
        <v>40</v>
      </c>
      <c r="BA4908">
        <v>2683</v>
      </c>
    </row>
    <row r="4909" spans="1:53" x14ac:dyDescent="0.4">
      <c r="A4909">
        <v>4953</v>
      </c>
      <c r="B4909" s="1">
        <v>44724</v>
      </c>
      <c r="C4909">
        <v>4</v>
      </c>
      <c r="D4909" s="1">
        <v>44724.953472222223</v>
      </c>
      <c r="E4909" s="1">
        <v>44725.089583333334</v>
      </c>
      <c r="F4909">
        <v>39750</v>
      </c>
      <c r="G4909">
        <v>0</v>
      </c>
      <c r="H4909">
        <v>0</v>
      </c>
      <c r="I4909">
        <v>0</v>
      </c>
      <c r="J4909">
        <v>0</v>
      </c>
      <c r="K4909">
        <v>0</v>
      </c>
      <c r="L4909">
        <v>0</v>
      </c>
      <c r="M4909">
        <v>3614</v>
      </c>
      <c r="N4909">
        <v>0</v>
      </c>
      <c r="O4909">
        <v>0</v>
      </c>
      <c r="P4909">
        <v>-28200</v>
      </c>
      <c r="Q4909">
        <v>0</v>
      </c>
      <c r="R4909">
        <v>11550</v>
      </c>
      <c r="S4909">
        <v>0</v>
      </c>
      <c r="T4909">
        <v>0</v>
      </c>
      <c r="U4909">
        <v>0</v>
      </c>
      <c r="V4909">
        <v>6</v>
      </c>
      <c r="W4909">
        <v>4</v>
      </c>
      <c r="X4909">
        <v>0</v>
      </c>
      <c r="Y4909">
        <v>47</v>
      </c>
      <c r="Z4909">
        <v>34</v>
      </c>
      <c r="AA4909">
        <v>86</v>
      </c>
      <c r="AB4909">
        <v>32</v>
      </c>
      <c r="AC4909">
        <v>151</v>
      </c>
      <c r="AD4909">
        <v>21</v>
      </c>
      <c r="AE4909">
        <v>45</v>
      </c>
      <c r="AF4909">
        <v>46360</v>
      </c>
      <c r="AG4909">
        <v>202220</v>
      </c>
      <c r="AH4909">
        <v>50000</v>
      </c>
      <c r="AI4909">
        <v>0</v>
      </c>
      <c r="AJ4909">
        <v>108</v>
      </c>
      <c r="AK4909" t="s">
        <v>3</v>
      </c>
      <c r="AL4909">
        <v>0</v>
      </c>
      <c r="AM4909">
        <v>0</v>
      </c>
      <c r="AN4909">
        <v>0</v>
      </c>
      <c r="AO4909">
        <v>0</v>
      </c>
      <c r="AP4909">
        <v>0</v>
      </c>
      <c r="AQ4909">
        <v>0</v>
      </c>
      <c r="AR4909">
        <v>0</v>
      </c>
      <c r="AS4909">
        <v>0</v>
      </c>
      <c r="AT4909">
        <v>0</v>
      </c>
      <c r="AU4909">
        <v>0</v>
      </c>
      <c r="AV4909">
        <v>0</v>
      </c>
      <c r="AW4909">
        <v>0</v>
      </c>
      <c r="AX4909">
        <v>1650</v>
      </c>
      <c r="AY4909">
        <v>3</v>
      </c>
      <c r="AZ4909">
        <v>6</v>
      </c>
      <c r="BA4909">
        <v>994</v>
      </c>
    </row>
    <row r="4910" spans="1:53" x14ac:dyDescent="0.4">
      <c r="A4910">
        <v>4954</v>
      </c>
      <c r="B4910" s="1">
        <v>44725</v>
      </c>
      <c r="C4910">
        <v>1</v>
      </c>
      <c r="D4910" s="1">
        <v>44725.291666666664</v>
      </c>
      <c r="E4910" s="1">
        <v>44725.751388888886</v>
      </c>
      <c r="F4910">
        <v>13740</v>
      </c>
      <c r="G4910">
        <v>902</v>
      </c>
      <c r="H4910">
        <v>0</v>
      </c>
      <c r="I4910">
        <v>0</v>
      </c>
      <c r="J4910">
        <v>0</v>
      </c>
      <c r="K4910">
        <v>0</v>
      </c>
      <c r="L4910">
        <v>0</v>
      </c>
      <c r="M4910">
        <v>1332</v>
      </c>
      <c r="N4910">
        <v>0</v>
      </c>
      <c r="O4910">
        <v>0</v>
      </c>
      <c r="P4910">
        <v>14600</v>
      </c>
      <c r="Q4910">
        <v>0</v>
      </c>
      <c r="R4910">
        <v>29242</v>
      </c>
      <c r="S4910">
        <v>0</v>
      </c>
      <c r="T4910">
        <v>0</v>
      </c>
      <c r="U4910">
        <v>0</v>
      </c>
      <c r="V4910">
        <v>0</v>
      </c>
      <c r="W4910">
        <v>2</v>
      </c>
      <c r="X4910">
        <v>0</v>
      </c>
      <c r="Y4910">
        <v>47</v>
      </c>
      <c r="Z4910">
        <v>20</v>
      </c>
      <c r="AA4910">
        <v>81</v>
      </c>
      <c r="AB4910">
        <v>30</v>
      </c>
      <c r="AC4910">
        <v>136</v>
      </c>
      <c r="AD4910">
        <v>21</v>
      </c>
      <c r="AE4910">
        <v>47</v>
      </c>
      <c r="AF4910">
        <v>1130</v>
      </c>
      <c r="AG4910">
        <v>79242</v>
      </c>
      <c r="AH4910">
        <v>50000</v>
      </c>
      <c r="AI4910">
        <v>0</v>
      </c>
      <c r="AJ4910">
        <v>119</v>
      </c>
      <c r="AK4910" t="s">
        <v>56</v>
      </c>
      <c r="AL4910">
        <v>0</v>
      </c>
      <c r="AM4910">
        <v>0</v>
      </c>
      <c r="AN4910">
        <v>0</v>
      </c>
      <c r="AO4910">
        <v>0</v>
      </c>
      <c r="AP4910">
        <v>0</v>
      </c>
      <c r="AQ4910">
        <v>0</v>
      </c>
      <c r="AR4910">
        <v>0</v>
      </c>
      <c r="AS4910">
        <v>0</v>
      </c>
      <c r="AT4910">
        <v>0</v>
      </c>
      <c r="AU4910">
        <v>0</v>
      </c>
      <c r="AV4910">
        <v>0</v>
      </c>
      <c r="AW4910">
        <v>0</v>
      </c>
      <c r="AX4910">
        <v>-600</v>
      </c>
      <c r="AY4910">
        <v>29</v>
      </c>
      <c r="AZ4910">
        <v>47</v>
      </c>
      <c r="BA4910">
        <v>3628</v>
      </c>
    </row>
    <row r="4911" spans="1:53" x14ac:dyDescent="0.4">
      <c r="A4911">
        <v>4955</v>
      </c>
      <c r="B4911" s="1">
        <v>44726</v>
      </c>
      <c r="C4911">
        <v>1</v>
      </c>
      <c r="D4911" s="1">
        <v>44726.291666666664</v>
      </c>
      <c r="E4911" s="1">
        <v>44726.440972222219</v>
      </c>
      <c r="F4911">
        <v>0</v>
      </c>
      <c r="G4911">
        <v>0</v>
      </c>
      <c r="H4911">
        <v>0</v>
      </c>
      <c r="I4911">
        <v>0</v>
      </c>
      <c r="J4911">
        <v>0</v>
      </c>
      <c r="K4911">
        <v>0</v>
      </c>
      <c r="L4911">
        <v>0</v>
      </c>
      <c r="M4911">
        <v>0</v>
      </c>
      <c r="N4911">
        <v>0</v>
      </c>
      <c r="O4911">
        <v>0</v>
      </c>
      <c r="P4911">
        <v>0</v>
      </c>
      <c r="Q4911">
        <v>0</v>
      </c>
      <c r="R4911">
        <v>0</v>
      </c>
      <c r="S4911">
        <v>0</v>
      </c>
      <c r="T4911">
        <v>0</v>
      </c>
      <c r="U4911">
        <v>0</v>
      </c>
      <c r="V4911">
        <v>0</v>
      </c>
      <c r="W4911">
        <v>1</v>
      </c>
      <c r="X4911">
        <v>0</v>
      </c>
      <c r="Y4911">
        <v>25</v>
      </c>
      <c r="Z4911">
        <v>19</v>
      </c>
      <c r="AA4911">
        <v>76</v>
      </c>
      <c r="AB4911">
        <v>30</v>
      </c>
      <c r="AC4911">
        <v>124</v>
      </c>
      <c r="AD4911">
        <v>22</v>
      </c>
      <c r="AE4911">
        <v>50</v>
      </c>
      <c r="AF4911">
        <v>0</v>
      </c>
      <c r="AG4911">
        <v>50000</v>
      </c>
      <c r="AH4911">
        <v>50000</v>
      </c>
      <c r="AI4911">
        <v>0</v>
      </c>
      <c r="AJ4911">
        <v>0</v>
      </c>
      <c r="AK4911" t="s">
        <v>6</v>
      </c>
      <c r="AL4911">
        <v>0</v>
      </c>
      <c r="AM4911">
        <v>0</v>
      </c>
      <c r="AN4911">
        <v>0</v>
      </c>
      <c r="AO4911">
        <v>0</v>
      </c>
      <c r="AP4911">
        <v>0</v>
      </c>
      <c r="AQ4911">
        <v>0</v>
      </c>
      <c r="AR4911">
        <v>0</v>
      </c>
      <c r="AS4911">
        <v>0</v>
      </c>
      <c r="AT4911">
        <v>0</v>
      </c>
      <c r="AU4911">
        <v>0</v>
      </c>
      <c r="AV4911">
        <v>0</v>
      </c>
      <c r="AW4911">
        <v>0</v>
      </c>
      <c r="AX4911">
        <v>0</v>
      </c>
      <c r="AY4911">
        <v>0</v>
      </c>
      <c r="AZ4911">
        <v>0</v>
      </c>
      <c r="BA4911">
        <v>0</v>
      </c>
    </row>
    <row r="4912" spans="1:53" x14ac:dyDescent="0.4">
      <c r="A4912">
        <v>4956</v>
      </c>
      <c r="B4912" s="1">
        <v>44726</v>
      </c>
      <c r="C4912">
        <v>2</v>
      </c>
      <c r="D4912" s="1">
        <v>44726.440972222219</v>
      </c>
      <c r="E4912" s="1">
        <v>44726.738194444442</v>
      </c>
      <c r="F4912">
        <v>17270</v>
      </c>
      <c r="G4912">
        <v>3729</v>
      </c>
      <c r="H4912">
        <v>0</v>
      </c>
      <c r="I4912">
        <v>0</v>
      </c>
      <c r="J4912">
        <v>150</v>
      </c>
      <c r="K4912">
        <v>0</v>
      </c>
      <c r="L4912">
        <v>0</v>
      </c>
      <c r="M4912">
        <v>1896</v>
      </c>
      <c r="N4912">
        <v>0</v>
      </c>
      <c r="O4912">
        <v>0</v>
      </c>
      <c r="P4912">
        <v>14430</v>
      </c>
      <c r="Q4912">
        <v>0</v>
      </c>
      <c r="R4912">
        <v>35279</v>
      </c>
      <c r="S4912">
        <v>0</v>
      </c>
      <c r="T4912">
        <v>0</v>
      </c>
      <c r="U4912">
        <v>0</v>
      </c>
      <c r="V4912">
        <v>1</v>
      </c>
      <c r="W4912">
        <v>1</v>
      </c>
      <c r="X4912">
        <v>0</v>
      </c>
      <c r="Y4912">
        <v>41</v>
      </c>
      <c r="Z4912">
        <v>27</v>
      </c>
      <c r="AA4912">
        <v>80</v>
      </c>
      <c r="AB4912">
        <v>27</v>
      </c>
      <c r="AC4912">
        <v>165</v>
      </c>
      <c r="AD4912">
        <v>23</v>
      </c>
      <c r="AE4912">
        <v>54</v>
      </c>
      <c r="AF4912">
        <v>4610</v>
      </c>
      <c r="AG4912">
        <v>85279</v>
      </c>
      <c r="AH4912">
        <v>50000</v>
      </c>
      <c r="AI4912">
        <v>0</v>
      </c>
      <c r="AJ4912">
        <v>116</v>
      </c>
      <c r="AK4912" t="s">
        <v>54</v>
      </c>
      <c r="AL4912">
        <v>0</v>
      </c>
      <c r="AM4912">
        <v>0</v>
      </c>
      <c r="AN4912">
        <v>0</v>
      </c>
      <c r="AO4912">
        <v>0</v>
      </c>
      <c r="AP4912">
        <v>0</v>
      </c>
      <c r="AQ4912">
        <v>0</v>
      </c>
      <c r="AR4912">
        <v>0</v>
      </c>
      <c r="AS4912">
        <v>0</v>
      </c>
      <c r="AT4912">
        <v>0</v>
      </c>
      <c r="AU4912">
        <v>0</v>
      </c>
      <c r="AV4912">
        <v>0</v>
      </c>
      <c r="AW4912">
        <v>0</v>
      </c>
      <c r="AX4912">
        <v>-530</v>
      </c>
      <c r="AY4912">
        <v>34</v>
      </c>
      <c r="AZ4912">
        <v>53</v>
      </c>
      <c r="BA4912">
        <v>4544</v>
      </c>
    </row>
    <row r="4913" spans="1:53" x14ac:dyDescent="0.4">
      <c r="A4913">
        <v>4957</v>
      </c>
      <c r="B4913" s="1">
        <v>44726</v>
      </c>
      <c r="C4913">
        <v>3</v>
      </c>
      <c r="D4913" s="1">
        <v>44726.738194444442</v>
      </c>
      <c r="E4913" s="1">
        <v>44726.95208333333</v>
      </c>
      <c r="F4913">
        <v>21500</v>
      </c>
      <c r="G4913">
        <v>2970</v>
      </c>
      <c r="H4913">
        <v>0</v>
      </c>
      <c r="I4913">
        <v>0</v>
      </c>
      <c r="J4913">
        <v>100</v>
      </c>
      <c r="K4913">
        <v>0</v>
      </c>
      <c r="L4913">
        <v>0</v>
      </c>
      <c r="M4913">
        <v>2215</v>
      </c>
      <c r="N4913">
        <v>0</v>
      </c>
      <c r="O4913">
        <v>0</v>
      </c>
      <c r="P4913">
        <v>-11930</v>
      </c>
      <c r="Q4913">
        <v>0</v>
      </c>
      <c r="R4913">
        <v>12440</v>
      </c>
      <c r="S4913">
        <v>0</v>
      </c>
      <c r="T4913">
        <v>0</v>
      </c>
      <c r="U4913">
        <v>0</v>
      </c>
      <c r="V4913">
        <v>1</v>
      </c>
      <c r="W4913">
        <v>2</v>
      </c>
      <c r="X4913">
        <v>0</v>
      </c>
      <c r="Y4913">
        <v>42</v>
      </c>
      <c r="Z4913">
        <v>27</v>
      </c>
      <c r="AA4913">
        <v>80</v>
      </c>
      <c r="AB4913">
        <v>30</v>
      </c>
      <c r="AC4913">
        <v>171</v>
      </c>
      <c r="AD4913">
        <v>21</v>
      </c>
      <c r="AE4913">
        <v>55</v>
      </c>
      <c r="AF4913">
        <v>10849</v>
      </c>
      <c r="AG4913">
        <v>97719</v>
      </c>
      <c r="AH4913">
        <v>50000</v>
      </c>
      <c r="AI4913">
        <v>0</v>
      </c>
      <c r="AJ4913">
        <v>108</v>
      </c>
      <c r="AK4913" t="s">
        <v>3</v>
      </c>
      <c r="AL4913">
        <v>0</v>
      </c>
      <c r="AM4913">
        <v>0</v>
      </c>
      <c r="AN4913">
        <v>0</v>
      </c>
      <c r="AO4913">
        <v>0</v>
      </c>
      <c r="AP4913">
        <v>0</v>
      </c>
      <c r="AQ4913">
        <v>0</v>
      </c>
      <c r="AR4913">
        <v>0</v>
      </c>
      <c r="AS4913">
        <v>0</v>
      </c>
      <c r="AT4913">
        <v>0</v>
      </c>
      <c r="AU4913">
        <v>0</v>
      </c>
      <c r="AV4913">
        <v>0</v>
      </c>
      <c r="AW4913">
        <v>0</v>
      </c>
      <c r="AX4913">
        <v>1550</v>
      </c>
      <c r="AY4913">
        <v>8</v>
      </c>
      <c r="AZ4913">
        <v>17</v>
      </c>
      <c r="BA4913">
        <v>1681</v>
      </c>
    </row>
    <row r="4914" spans="1:53" x14ac:dyDescent="0.4">
      <c r="A4914">
        <v>4958</v>
      </c>
      <c r="B4914" s="1">
        <v>44726</v>
      </c>
      <c r="C4914">
        <v>4</v>
      </c>
      <c r="D4914" s="1">
        <v>44726.95208333333</v>
      </c>
      <c r="E4914" s="1">
        <v>44727.119444444441</v>
      </c>
      <c r="F4914">
        <v>9400</v>
      </c>
      <c r="G4914">
        <v>0</v>
      </c>
      <c r="H4914">
        <v>0</v>
      </c>
      <c r="I4914">
        <v>0</v>
      </c>
      <c r="J4914">
        <v>100</v>
      </c>
      <c r="K4914">
        <v>0</v>
      </c>
      <c r="L4914">
        <v>0</v>
      </c>
      <c r="M4914">
        <v>845</v>
      </c>
      <c r="N4914">
        <v>0</v>
      </c>
      <c r="O4914">
        <v>0</v>
      </c>
      <c r="P4914">
        <v>-2500</v>
      </c>
      <c r="Q4914">
        <v>0</v>
      </c>
      <c r="R4914">
        <v>6800</v>
      </c>
      <c r="S4914">
        <v>0</v>
      </c>
      <c r="T4914">
        <v>0</v>
      </c>
      <c r="U4914">
        <v>0</v>
      </c>
      <c r="V4914">
        <v>2</v>
      </c>
      <c r="W4914">
        <v>1</v>
      </c>
      <c r="X4914">
        <v>0</v>
      </c>
      <c r="Y4914">
        <v>43</v>
      </c>
      <c r="Z4914">
        <v>27</v>
      </c>
      <c r="AA4914">
        <v>88</v>
      </c>
      <c r="AB4914">
        <v>30</v>
      </c>
      <c r="AC4914">
        <v>171</v>
      </c>
      <c r="AD4914">
        <v>21</v>
      </c>
      <c r="AE4914">
        <v>55</v>
      </c>
      <c r="AF4914">
        <v>10849</v>
      </c>
      <c r="AG4914">
        <v>104519</v>
      </c>
      <c r="AH4914">
        <v>50000</v>
      </c>
      <c r="AI4914">
        <v>0</v>
      </c>
      <c r="AJ4914">
        <v>108</v>
      </c>
      <c r="AK4914" t="s">
        <v>3</v>
      </c>
      <c r="AL4914">
        <v>0</v>
      </c>
      <c r="AM4914">
        <v>0</v>
      </c>
      <c r="AN4914">
        <v>0</v>
      </c>
      <c r="AO4914">
        <v>0</v>
      </c>
      <c r="AP4914">
        <v>0</v>
      </c>
      <c r="AQ4914">
        <v>0</v>
      </c>
      <c r="AR4914">
        <v>0</v>
      </c>
      <c r="AS4914">
        <v>0</v>
      </c>
      <c r="AT4914">
        <v>0</v>
      </c>
      <c r="AU4914">
        <v>0</v>
      </c>
      <c r="AV4914">
        <v>0</v>
      </c>
      <c r="AW4914">
        <v>0</v>
      </c>
      <c r="AX4914">
        <v>0</v>
      </c>
      <c r="AY4914">
        <v>1</v>
      </c>
      <c r="AZ4914">
        <v>2</v>
      </c>
      <c r="BA4914">
        <v>229</v>
      </c>
    </row>
    <row r="4915" spans="1:53" x14ac:dyDescent="0.4">
      <c r="A4915">
        <v>4959</v>
      </c>
      <c r="B4915" s="1">
        <v>44727</v>
      </c>
      <c r="C4915">
        <v>1</v>
      </c>
      <c r="D4915" s="1">
        <v>44727.291666666664</v>
      </c>
      <c r="E4915" s="1">
        <v>44727.743055555555</v>
      </c>
      <c r="F4915">
        <v>20680</v>
      </c>
      <c r="G4915">
        <v>770</v>
      </c>
      <c r="H4915">
        <v>0</v>
      </c>
      <c r="I4915">
        <v>0</v>
      </c>
      <c r="J4915">
        <v>100</v>
      </c>
      <c r="K4915">
        <v>33</v>
      </c>
      <c r="L4915">
        <v>0</v>
      </c>
      <c r="M4915">
        <v>1943</v>
      </c>
      <c r="N4915">
        <v>0</v>
      </c>
      <c r="O4915">
        <v>0</v>
      </c>
      <c r="P4915">
        <v>16070</v>
      </c>
      <c r="Q4915">
        <v>0</v>
      </c>
      <c r="R4915">
        <v>37453</v>
      </c>
      <c r="S4915">
        <v>0</v>
      </c>
      <c r="T4915">
        <v>0</v>
      </c>
      <c r="U4915">
        <v>0</v>
      </c>
      <c r="V4915">
        <v>2</v>
      </c>
      <c r="W4915">
        <v>1</v>
      </c>
      <c r="X4915">
        <v>0</v>
      </c>
      <c r="Y4915">
        <v>39</v>
      </c>
      <c r="Z4915">
        <v>23</v>
      </c>
      <c r="AA4915">
        <v>86</v>
      </c>
      <c r="AB4915">
        <v>34</v>
      </c>
      <c r="AC4915">
        <v>149</v>
      </c>
      <c r="AD4915">
        <v>21</v>
      </c>
      <c r="AE4915">
        <v>58</v>
      </c>
      <c r="AF4915">
        <v>0</v>
      </c>
      <c r="AG4915">
        <v>87453</v>
      </c>
      <c r="AH4915">
        <v>50000</v>
      </c>
      <c r="AI4915">
        <v>0</v>
      </c>
      <c r="AJ4915">
        <v>119</v>
      </c>
      <c r="AK4915" t="s">
        <v>56</v>
      </c>
      <c r="AL4915">
        <v>0</v>
      </c>
      <c r="AM4915">
        <v>0</v>
      </c>
      <c r="AN4915">
        <v>0</v>
      </c>
      <c r="AO4915">
        <v>0</v>
      </c>
      <c r="AP4915">
        <v>0</v>
      </c>
      <c r="AQ4915">
        <v>0</v>
      </c>
      <c r="AR4915">
        <v>0</v>
      </c>
      <c r="AS4915">
        <v>0</v>
      </c>
      <c r="AT4915">
        <v>0</v>
      </c>
      <c r="AU4915">
        <v>0</v>
      </c>
      <c r="AV4915">
        <v>0</v>
      </c>
      <c r="AW4915">
        <v>0</v>
      </c>
      <c r="AX4915">
        <v>-472</v>
      </c>
      <c r="AY4915">
        <v>42</v>
      </c>
      <c r="AZ4915">
        <v>62</v>
      </c>
      <c r="BA4915">
        <v>5219</v>
      </c>
    </row>
    <row r="4916" spans="1:53" x14ac:dyDescent="0.4">
      <c r="A4916">
        <v>4960</v>
      </c>
      <c r="B4916" s="1">
        <v>44728</v>
      </c>
      <c r="C4916">
        <v>1</v>
      </c>
      <c r="D4916" s="1">
        <v>44728.291666666664</v>
      </c>
      <c r="E4916" s="1">
        <v>44728.4375</v>
      </c>
      <c r="F4916">
        <v>0</v>
      </c>
      <c r="G4916">
        <v>0</v>
      </c>
      <c r="H4916">
        <v>0</v>
      </c>
      <c r="I4916">
        <v>0</v>
      </c>
      <c r="J4916">
        <v>0</v>
      </c>
      <c r="K4916">
        <v>0</v>
      </c>
      <c r="L4916">
        <v>0</v>
      </c>
      <c r="M4916">
        <v>0</v>
      </c>
      <c r="N4916">
        <v>0</v>
      </c>
      <c r="O4916">
        <v>0</v>
      </c>
      <c r="P4916">
        <v>0</v>
      </c>
      <c r="Q4916">
        <v>0</v>
      </c>
      <c r="R4916">
        <v>0</v>
      </c>
      <c r="S4916">
        <v>0</v>
      </c>
      <c r="T4916">
        <v>0</v>
      </c>
      <c r="U4916">
        <v>0</v>
      </c>
      <c r="V4916">
        <v>0</v>
      </c>
      <c r="W4916">
        <v>1</v>
      </c>
      <c r="X4916">
        <v>0</v>
      </c>
      <c r="Y4916">
        <v>25</v>
      </c>
      <c r="Z4916">
        <v>15</v>
      </c>
      <c r="AA4916">
        <v>96</v>
      </c>
      <c r="AB4916">
        <v>34</v>
      </c>
      <c r="AC4916">
        <v>105</v>
      </c>
      <c r="AD4916">
        <v>19</v>
      </c>
      <c r="AE4916">
        <v>55</v>
      </c>
      <c r="AF4916">
        <v>0</v>
      </c>
      <c r="AG4916">
        <v>50000</v>
      </c>
      <c r="AH4916">
        <v>50000</v>
      </c>
      <c r="AI4916">
        <v>0</v>
      </c>
      <c r="AJ4916">
        <v>0</v>
      </c>
      <c r="AK4916" t="s">
        <v>6</v>
      </c>
      <c r="AL4916">
        <v>0</v>
      </c>
      <c r="AM4916">
        <v>0</v>
      </c>
      <c r="AN4916">
        <v>0</v>
      </c>
      <c r="AO4916">
        <v>0</v>
      </c>
      <c r="AP4916">
        <v>0</v>
      </c>
      <c r="AQ4916">
        <v>0</v>
      </c>
      <c r="AR4916">
        <v>0</v>
      </c>
      <c r="AS4916">
        <v>0</v>
      </c>
      <c r="AT4916">
        <v>0</v>
      </c>
      <c r="AU4916">
        <v>0</v>
      </c>
      <c r="AV4916">
        <v>0</v>
      </c>
      <c r="AW4916">
        <v>0</v>
      </c>
      <c r="AX4916">
        <v>0</v>
      </c>
      <c r="AY4916">
        <v>0</v>
      </c>
      <c r="AZ4916">
        <v>0</v>
      </c>
      <c r="BA4916">
        <v>0</v>
      </c>
    </row>
    <row r="4917" spans="1:53" x14ac:dyDescent="0.4">
      <c r="A4917">
        <v>4961</v>
      </c>
      <c r="B4917" s="1">
        <v>44728</v>
      </c>
      <c r="C4917">
        <v>2</v>
      </c>
      <c r="D4917" s="1">
        <v>44728.4375</v>
      </c>
      <c r="E4917" s="1">
        <v>44728.738888888889</v>
      </c>
      <c r="F4917">
        <v>5730</v>
      </c>
      <c r="G4917">
        <v>462</v>
      </c>
      <c r="H4917">
        <v>0</v>
      </c>
      <c r="I4917">
        <v>0</v>
      </c>
      <c r="J4917">
        <v>0</v>
      </c>
      <c r="K4917">
        <v>0</v>
      </c>
      <c r="L4917">
        <v>0</v>
      </c>
      <c r="M4917">
        <v>562</v>
      </c>
      <c r="N4917">
        <v>0</v>
      </c>
      <c r="O4917">
        <v>0</v>
      </c>
      <c r="P4917">
        <v>15590</v>
      </c>
      <c r="Q4917">
        <v>0</v>
      </c>
      <c r="R4917">
        <v>21782</v>
      </c>
      <c r="S4917">
        <v>0</v>
      </c>
      <c r="T4917">
        <v>0</v>
      </c>
      <c r="U4917">
        <v>0</v>
      </c>
      <c r="V4917">
        <v>2</v>
      </c>
      <c r="W4917">
        <v>0</v>
      </c>
      <c r="X4917">
        <v>0</v>
      </c>
      <c r="Y4917">
        <v>30</v>
      </c>
      <c r="Z4917">
        <v>22</v>
      </c>
      <c r="AA4917">
        <v>78</v>
      </c>
      <c r="AB4917">
        <v>33</v>
      </c>
      <c r="AC4917">
        <v>118</v>
      </c>
      <c r="AD4917">
        <v>19</v>
      </c>
      <c r="AE4917">
        <v>57</v>
      </c>
      <c r="AF4917">
        <v>0</v>
      </c>
      <c r="AG4917">
        <v>71782</v>
      </c>
      <c r="AH4917">
        <v>50000</v>
      </c>
      <c r="AI4917">
        <v>0</v>
      </c>
      <c r="AJ4917">
        <v>116</v>
      </c>
      <c r="AK4917" t="s">
        <v>54</v>
      </c>
      <c r="AL4917">
        <v>0</v>
      </c>
      <c r="AM4917">
        <v>0</v>
      </c>
      <c r="AN4917">
        <v>0</v>
      </c>
      <c r="AO4917">
        <v>0</v>
      </c>
      <c r="AP4917">
        <v>0</v>
      </c>
      <c r="AQ4917">
        <v>0</v>
      </c>
      <c r="AR4917">
        <v>0</v>
      </c>
      <c r="AS4917">
        <v>0</v>
      </c>
      <c r="AT4917">
        <v>0</v>
      </c>
      <c r="AU4917">
        <v>0</v>
      </c>
      <c r="AV4917">
        <v>0</v>
      </c>
      <c r="AW4917">
        <v>0</v>
      </c>
      <c r="AX4917">
        <v>-1800</v>
      </c>
      <c r="AY4917">
        <v>26</v>
      </c>
      <c r="AZ4917">
        <v>37</v>
      </c>
      <c r="BA4917">
        <v>2663</v>
      </c>
    </row>
    <row r="4918" spans="1:53" x14ac:dyDescent="0.4">
      <c r="A4918">
        <v>4962</v>
      </c>
      <c r="B4918" s="1">
        <v>44728</v>
      </c>
      <c r="C4918">
        <v>3</v>
      </c>
      <c r="D4918" s="1">
        <v>44728.738888888889</v>
      </c>
      <c r="E4918" s="1">
        <v>44729.01458333333</v>
      </c>
      <c r="F4918">
        <v>33540</v>
      </c>
      <c r="G4918">
        <v>2136</v>
      </c>
      <c r="H4918">
        <v>0</v>
      </c>
      <c r="I4918">
        <v>0</v>
      </c>
      <c r="J4918">
        <v>0</v>
      </c>
      <c r="K4918">
        <v>0</v>
      </c>
      <c r="L4918">
        <v>0</v>
      </c>
      <c r="M4918">
        <v>3243</v>
      </c>
      <c r="N4918">
        <v>0</v>
      </c>
      <c r="O4918">
        <v>0</v>
      </c>
      <c r="P4918">
        <v>-12440</v>
      </c>
      <c r="Q4918">
        <v>0</v>
      </c>
      <c r="R4918">
        <v>23236</v>
      </c>
      <c r="S4918">
        <v>0</v>
      </c>
      <c r="T4918">
        <v>0</v>
      </c>
      <c r="U4918">
        <v>0</v>
      </c>
      <c r="V4918">
        <v>4</v>
      </c>
      <c r="W4918">
        <v>0</v>
      </c>
      <c r="X4918">
        <v>0</v>
      </c>
      <c r="Y4918">
        <v>28</v>
      </c>
      <c r="Z4918">
        <v>23</v>
      </c>
      <c r="AA4918">
        <v>83</v>
      </c>
      <c r="AB4918">
        <v>32</v>
      </c>
      <c r="AC4918">
        <v>116</v>
      </c>
      <c r="AD4918">
        <v>19</v>
      </c>
      <c r="AE4918">
        <v>61</v>
      </c>
      <c r="AF4918">
        <v>4302</v>
      </c>
      <c r="AG4918">
        <v>95018</v>
      </c>
      <c r="AH4918">
        <v>50000</v>
      </c>
      <c r="AI4918">
        <v>0</v>
      </c>
      <c r="AJ4918">
        <v>108</v>
      </c>
      <c r="AK4918" t="s">
        <v>3</v>
      </c>
      <c r="AL4918">
        <v>0</v>
      </c>
      <c r="AM4918">
        <v>0</v>
      </c>
      <c r="AN4918">
        <v>0</v>
      </c>
      <c r="AO4918">
        <v>0</v>
      </c>
      <c r="AP4918">
        <v>0</v>
      </c>
      <c r="AQ4918">
        <v>0</v>
      </c>
      <c r="AR4918">
        <v>0</v>
      </c>
      <c r="AS4918">
        <v>0</v>
      </c>
      <c r="AT4918">
        <v>0</v>
      </c>
      <c r="AU4918">
        <v>0</v>
      </c>
      <c r="AV4918">
        <v>0</v>
      </c>
      <c r="AW4918">
        <v>0</v>
      </c>
      <c r="AX4918">
        <v>2640</v>
      </c>
      <c r="AY4918">
        <v>11</v>
      </c>
      <c r="AZ4918">
        <v>23</v>
      </c>
      <c r="BA4918">
        <v>2588</v>
      </c>
    </row>
    <row r="4919" spans="1:53" x14ac:dyDescent="0.4">
      <c r="A4919">
        <v>4963</v>
      </c>
      <c r="B4919" s="1">
        <v>44729</v>
      </c>
      <c r="C4919">
        <v>1</v>
      </c>
      <c r="D4919" s="1">
        <v>44729.291666666664</v>
      </c>
      <c r="E4919" s="1">
        <v>44729.440972222219</v>
      </c>
      <c r="F4919">
        <v>0</v>
      </c>
      <c r="G4919">
        <v>0</v>
      </c>
      <c r="H4919">
        <v>0</v>
      </c>
      <c r="I4919">
        <v>0</v>
      </c>
      <c r="J4919">
        <v>0</v>
      </c>
      <c r="K4919">
        <v>0</v>
      </c>
      <c r="L4919">
        <v>0</v>
      </c>
      <c r="M4919">
        <v>0</v>
      </c>
      <c r="N4919">
        <v>0</v>
      </c>
      <c r="O4919">
        <v>0</v>
      </c>
      <c r="P4919">
        <v>0</v>
      </c>
      <c r="Q4919">
        <v>0</v>
      </c>
      <c r="R4919">
        <v>0</v>
      </c>
      <c r="S4919">
        <v>0</v>
      </c>
      <c r="T4919">
        <v>0</v>
      </c>
      <c r="U4919">
        <v>0</v>
      </c>
      <c r="V4919">
        <v>0</v>
      </c>
      <c r="W4919">
        <v>1</v>
      </c>
      <c r="X4919">
        <v>0</v>
      </c>
      <c r="Y4919">
        <v>25</v>
      </c>
      <c r="Z4919">
        <v>17</v>
      </c>
      <c r="AA4919">
        <v>90</v>
      </c>
      <c r="AB4919">
        <v>24</v>
      </c>
      <c r="AC4919">
        <v>115</v>
      </c>
      <c r="AD4919">
        <v>18</v>
      </c>
      <c r="AE4919">
        <v>60</v>
      </c>
      <c r="AF4919">
        <v>0</v>
      </c>
      <c r="AG4919">
        <v>50000</v>
      </c>
      <c r="AH4919">
        <v>50000</v>
      </c>
      <c r="AI4919">
        <v>0</v>
      </c>
      <c r="AJ4919">
        <v>0</v>
      </c>
      <c r="AK4919" t="s">
        <v>6</v>
      </c>
      <c r="AL4919">
        <v>0</v>
      </c>
      <c r="AM4919">
        <v>0</v>
      </c>
      <c r="AN4919">
        <v>0</v>
      </c>
      <c r="AO4919">
        <v>0</v>
      </c>
      <c r="AP4919">
        <v>0</v>
      </c>
      <c r="AQ4919">
        <v>0</v>
      </c>
      <c r="AR4919">
        <v>0</v>
      </c>
      <c r="AS4919">
        <v>0</v>
      </c>
      <c r="AT4919">
        <v>0</v>
      </c>
      <c r="AU4919">
        <v>0</v>
      </c>
      <c r="AV4919">
        <v>0</v>
      </c>
      <c r="AW4919">
        <v>0</v>
      </c>
      <c r="AX4919">
        <v>0</v>
      </c>
      <c r="AY4919">
        <v>0</v>
      </c>
      <c r="AZ4919">
        <v>0</v>
      </c>
      <c r="BA4919">
        <v>0</v>
      </c>
    </row>
    <row r="4920" spans="1:53" x14ac:dyDescent="0.4">
      <c r="A4920">
        <v>4964</v>
      </c>
      <c r="B4920" s="1">
        <v>44729</v>
      </c>
      <c r="C4920">
        <v>2</v>
      </c>
      <c r="D4920" s="1">
        <v>44729.440972222219</v>
      </c>
      <c r="E4920" s="1">
        <v>44729.754861111112</v>
      </c>
      <c r="F4920">
        <v>20990</v>
      </c>
      <c r="G4920">
        <v>462</v>
      </c>
      <c r="H4920">
        <v>0</v>
      </c>
      <c r="I4920">
        <v>0</v>
      </c>
      <c r="J4920">
        <v>70</v>
      </c>
      <c r="K4920">
        <v>0</v>
      </c>
      <c r="L4920">
        <v>0</v>
      </c>
      <c r="M4920">
        <v>1942</v>
      </c>
      <c r="N4920">
        <v>0</v>
      </c>
      <c r="O4920">
        <v>0</v>
      </c>
      <c r="P4920">
        <v>10490</v>
      </c>
      <c r="Q4920">
        <v>0</v>
      </c>
      <c r="R4920">
        <v>31872</v>
      </c>
      <c r="S4920">
        <v>0</v>
      </c>
      <c r="T4920">
        <v>0</v>
      </c>
      <c r="U4920">
        <v>0</v>
      </c>
      <c r="V4920">
        <v>0</v>
      </c>
      <c r="W4920">
        <v>1</v>
      </c>
      <c r="X4920">
        <v>0</v>
      </c>
      <c r="Y4920">
        <v>42</v>
      </c>
      <c r="Z4920">
        <v>32</v>
      </c>
      <c r="AA4920">
        <v>112</v>
      </c>
      <c r="AB4920">
        <v>32</v>
      </c>
      <c r="AC4920">
        <v>153</v>
      </c>
      <c r="AD4920">
        <v>20</v>
      </c>
      <c r="AE4920">
        <v>57</v>
      </c>
      <c r="AF4920">
        <v>4375</v>
      </c>
      <c r="AG4920">
        <v>81862</v>
      </c>
      <c r="AH4920">
        <v>50000</v>
      </c>
      <c r="AI4920">
        <v>-10</v>
      </c>
      <c r="AJ4920">
        <v>115</v>
      </c>
      <c r="AK4920" t="s">
        <v>55</v>
      </c>
      <c r="AL4920">
        <v>0</v>
      </c>
      <c r="AM4920">
        <v>0</v>
      </c>
      <c r="AN4920">
        <v>0</v>
      </c>
      <c r="AO4920">
        <v>0</v>
      </c>
      <c r="AP4920">
        <v>0</v>
      </c>
      <c r="AQ4920">
        <v>0</v>
      </c>
      <c r="AR4920">
        <v>0</v>
      </c>
      <c r="AS4920">
        <v>0</v>
      </c>
      <c r="AT4920">
        <v>0</v>
      </c>
      <c r="AU4920">
        <v>0</v>
      </c>
      <c r="AV4920">
        <v>0</v>
      </c>
      <c r="AW4920">
        <v>0</v>
      </c>
      <c r="AX4920">
        <v>0</v>
      </c>
      <c r="AY4920">
        <v>36</v>
      </c>
      <c r="AZ4920">
        <v>55</v>
      </c>
      <c r="BA4920">
        <v>4543</v>
      </c>
    </row>
    <row r="4921" spans="1:53" x14ac:dyDescent="0.4">
      <c r="A4921">
        <v>4965</v>
      </c>
      <c r="B4921" s="1">
        <v>44729</v>
      </c>
      <c r="C4921">
        <v>3</v>
      </c>
      <c r="D4921" s="1">
        <v>44729.754861111112</v>
      </c>
      <c r="E4921" s="1">
        <v>44729.756944444445</v>
      </c>
      <c r="F4921">
        <v>0</v>
      </c>
      <c r="G4921">
        <v>0</v>
      </c>
      <c r="H4921">
        <v>0</v>
      </c>
      <c r="I4921">
        <v>0</v>
      </c>
      <c r="J4921">
        <v>0</v>
      </c>
      <c r="K4921">
        <v>0</v>
      </c>
      <c r="L4921">
        <v>0</v>
      </c>
      <c r="M4921">
        <v>0</v>
      </c>
      <c r="N4921">
        <v>0</v>
      </c>
      <c r="O4921">
        <v>0</v>
      </c>
      <c r="P4921">
        <v>0</v>
      </c>
      <c r="Q4921">
        <v>0</v>
      </c>
      <c r="R4921">
        <v>0</v>
      </c>
      <c r="S4921">
        <v>0</v>
      </c>
      <c r="T4921">
        <v>0</v>
      </c>
      <c r="U4921">
        <v>0</v>
      </c>
      <c r="V4921">
        <v>0</v>
      </c>
      <c r="W4921">
        <v>1</v>
      </c>
      <c r="X4921">
        <v>0</v>
      </c>
      <c r="Y4921">
        <v>42</v>
      </c>
      <c r="Z4921">
        <v>32</v>
      </c>
      <c r="AA4921">
        <v>112</v>
      </c>
      <c r="AB4921">
        <v>32</v>
      </c>
      <c r="AC4921">
        <v>153</v>
      </c>
      <c r="AD4921">
        <v>20</v>
      </c>
      <c r="AE4921">
        <v>67</v>
      </c>
      <c r="AF4921">
        <v>4375</v>
      </c>
      <c r="AG4921">
        <v>81872</v>
      </c>
      <c r="AH4921">
        <v>50000</v>
      </c>
      <c r="AI4921">
        <v>0</v>
      </c>
      <c r="AJ4921">
        <v>115</v>
      </c>
      <c r="AK4921" t="s">
        <v>55</v>
      </c>
      <c r="AL4921">
        <v>0</v>
      </c>
      <c r="AM4921">
        <v>0</v>
      </c>
      <c r="AN4921">
        <v>0</v>
      </c>
      <c r="AO4921">
        <v>0</v>
      </c>
      <c r="AP4921">
        <v>0</v>
      </c>
      <c r="AQ4921">
        <v>0</v>
      </c>
      <c r="AR4921">
        <v>0</v>
      </c>
      <c r="AS4921">
        <v>0</v>
      </c>
      <c r="AT4921">
        <v>0</v>
      </c>
      <c r="AU4921">
        <v>0</v>
      </c>
      <c r="AV4921">
        <v>0</v>
      </c>
      <c r="AW4921">
        <v>0</v>
      </c>
      <c r="AX4921">
        <v>0</v>
      </c>
      <c r="AY4921">
        <v>0</v>
      </c>
      <c r="AZ4921">
        <v>0</v>
      </c>
      <c r="BA4921">
        <v>30</v>
      </c>
    </row>
    <row r="4922" spans="1:53" x14ac:dyDescent="0.4">
      <c r="A4922">
        <v>4966</v>
      </c>
      <c r="B4922" s="1">
        <v>44729</v>
      </c>
      <c r="C4922">
        <v>4</v>
      </c>
      <c r="D4922" s="1">
        <v>44729.756944444445</v>
      </c>
      <c r="E4922" s="1">
        <v>44729.98541666667</v>
      </c>
      <c r="F4922">
        <v>67730</v>
      </c>
      <c r="G4922">
        <v>2255</v>
      </c>
      <c r="H4922">
        <v>0</v>
      </c>
      <c r="I4922">
        <v>0</v>
      </c>
      <c r="J4922">
        <v>0</v>
      </c>
      <c r="K4922">
        <v>720</v>
      </c>
      <c r="L4922">
        <v>0</v>
      </c>
      <c r="M4922">
        <v>6429</v>
      </c>
      <c r="N4922">
        <v>0</v>
      </c>
      <c r="O4922">
        <v>0</v>
      </c>
      <c r="P4922">
        <v>12550</v>
      </c>
      <c r="Q4922">
        <v>0</v>
      </c>
      <c r="R4922">
        <v>83255</v>
      </c>
      <c r="S4922">
        <v>0</v>
      </c>
      <c r="T4922">
        <v>0</v>
      </c>
      <c r="U4922">
        <v>0</v>
      </c>
      <c r="V4922">
        <v>3</v>
      </c>
      <c r="W4922">
        <v>3</v>
      </c>
      <c r="X4922">
        <v>0</v>
      </c>
      <c r="Y4922">
        <v>58</v>
      </c>
      <c r="Z4922">
        <v>32</v>
      </c>
      <c r="AA4922">
        <v>121</v>
      </c>
      <c r="AB4922">
        <v>31</v>
      </c>
      <c r="AC4922">
        <v>165</v>
      </c>
      <c r="AD4922">
        <v>24</v>
      </c>
      <c r="AE4922">
        <v>80</v>
      </c>
      <c r="AF4922">
        <v>30627</v>
      </c>
      <c r="AG4922">
        <v>165127</v>
      </c>
      <c r="AH4922">
        <v>50000</v>
      </c>
      <c r="AI4922">
        <v>0</v>
      </c>
      <c r="AJ4922">
        <v>108</v>
      </c>
      <c r="AK4922" t="s">
        <v>3</v>
      </c>
      <c r="AL4922">
        <v>0</v>
      </c>
      <c r="AM4922">
        <v>0</v>
      </c>
      <c r="AN4922">
        <v>0</v>
      </c>
      <c r="AO4922">
        <v>0</v>
      </c>
      <c r="AP4922">
        <v>0</v>
      </c>
      <c r="AQ4922">
        <v>0</v>
      </c>
      <c r="AR4922">
        <v>0</v>
      </c>
      <c r="AS4922">
        <v>0</v>
      </c>
      <c r="AT4922">
        <v>0</v>
      </c>
      <c r="AU4922">
        <v>0</v>
      </c>
      <c r="AV4922">
        <v>0</v>
      </c>
      <c r="AW4922">
        <v>0</v>
      </c>
      <c r="AX4922">
        <v>1845</v>
      </c>
      <c r="AY4922">
        <v>19</v>
      </c>
      <c r="AZ4922">
        <v>53</v>
      </c>
      <c r="BA4922">
        <v>2234</v>
      </c>
    </row>
    <row r="4923" spans="1:53" x14ac:dyDescent="0.4">
      <c r="A4923">
        <v>4967</v>
      </c>
      <c r="B4923" s="1">
        <v>44730</v>
      </c>
      <c r="C4923">
        <v>1</v>
      </c>
      <c r="D4923" s="1">
        <v>44730.291666666664</v>
      </c>
      <c r="E4923" s="1">
        <v>44730.397222222222</v>
      </c>
      <c r="F4923">
        <v>0</v>
      </c>
      <c r="G4923">
        <v>0</v>
      </c>
      <c r="H4923">
        <v>0</v>
      </c>
      <c r="I4923">
        <v>0</v>
      </c>
      <c r="J4923">
        <v>0</v>
      </c>
      <c r="K4923">
        <v>0</v>
      </c>
      <c r="L4923">
        <v>0</v>
      </c>
      <c r="M4923">
        <v>0</v>
      </c>
      <c r="N4923">
        <v>0</v>
      </c>
      <c r="O4923">
        <v>0</v>
      </c>
      <c r="P4923">
        <v>0</v>
      </c>
      <c r="Q4923">
        <v>0</v>
      </c>
      <c r="R4923">
        <v>0</v>
      </c>
      <c r="S4923">
        <v>0</v>
      </c>
      <c r="T4923">
        <v>0</v>
      </c>
      <c r="U4923">
        <v>0</v>
      </c>
      <c r="V4923">
        <v>0</v>
      </c>
      <c r="W4923">
        <v>1</v>
      </c>
      <c r="X4923">
        <v>0</v>
      </c>
      <c r="Y4923">
        <v>25</v>
      </c>
      <c r="Z4923">
        <v>10</v>
      </c>
      <c r="AA4923">
        <v>122</v>
      </c>
      <c r="AB4923">
        <v>32</v>
      </c>
      <c r="AC4923">
        <v>100</v>
      </c>
      <c r="AD4923">
        <v>24</v>
      </c>
      <c r="AE4923">
        <v>80</v>
      </c>
      <c r="AF4923">
        <v>0</v>
      </c>
      <c r="AG4923">
        <v>50000</v>
      </c>
      <c r="AH4923">
        <v>50000</v>
      </c>
      <c r="AI4923">
        <v>0</v>
      </c>
      <c r="AJ4923">
        <v>0</v>
      </c>
      <c r="AK4923" t="s">
        <v>6</v>
      </c>
      <c r="AL4923">
        <v>0</v>
      </c>
      <c r="AM4923">
        <v>0</v>
      </c>
      <c r="AN4923">
        <v>0</v>
      </c>
      <c r="AO4923">
        <v>0</v>
      </c>
      <c r="AP4923">
        <v>0</v>
      </c>
      <c r="AQ4923">
        <v>0</v>
      </c>
      <c r="AR4923">
        <v>0</v>
      </c>
      <c r="AS4923">
        <v>0</v>
      </c>
      <c r="AT4923">
        <v>0</v>
      </c>
      <c r="AU4923">
        <v>0</v>
      </c>
      <c r="AV4923">
        <v>0</v>
      </c>
      <c r="AW4923">
        <v>0</v>
      </c>
      <c r="AX4923">
        <v>0</v>
      </c>
      <c r="AY4923">
        <v>0</v>
      </c>
      <c r="AZ4923">
        <v>0</v>
      </c>
      <c r="BA4923">
        <v>0</v>
      </c>
    </row>
    <row r="4924" spans="1:53" x14ac:dyDescent="0.4">
      <c r="A4924">
        <v>4968</v>
      </c>
      <c r="B4924" s="1">
        <v>44730</v>
      </c>
      <c r="C4924">
        <v>2</v>
      </c>
      <c r="D4924" s="1">
        <v>44730.397222222222</v>
      </c>
      <c r="E4924" s="1">
        <v>44730.74722222222</v>
      </c>
      <c r="F4924">
        <v>43055</v>
      </c>
      <c r="G4924">
        <v>1804</v>
      </c>
      <c r="H4924">
        <v>0</v>
      </c>
      <c r="I4924">
        <v>0</v>
      </c>
      <c r="J4924">
        <v>0</v>
      </c>
      <c r="K4924">
        <v>0</v>
      </c>
      <c r="L4924">
        <v>0</v>
      </c>
      <c r="M4924">
        <v>4076</v>
      </c>
      <c r="N4924">
        <v>0</v>
      </c>
      <c r="O4924">
        <v>0</v>
      </c>
      <c r="P4924">
        <v>15790</v>
      </c>
      <c r="Q4924">
        <v>0</v>
      </c>
      <c r="R4924">
        <v>60649</v>
      </c>
      <c r="S4924">
        <v>0</v>
      </c>
      <c r="T4924">
        <v>0</v>
      </c>
      <c r="U4924">
        <v>0</v>
      </c>
      <c r="V4924">
        <v>0</v>
      </c>
      <c r="W4924">
        <v>1</v>
      </c>
      <c r="X4924">
        <v>0</v>
      </c>
      <c r="Y4924">
        <v>65</v>
      </c>
      <c r="Z4924">
        <v>37</v>
      </c>
      <c r="AA4924">
        <v>157</v>
      </c>
      <c r="AB4924">
        <v>28</v>
      </c>
      <c r="AC4924">
        <v>146</v>
      </c>
      <c r="AD4924">
        <v>23</v>
      </c>
      <c r="AE4924">
        <v>84</v>
      </c>
      <c r="AF4924">
        <v>3390</v>
      </c>
      <c r="AG4924">
        <v>110649</v>
      </c>
      <c r="AH4924">
        <v>50000</v>
      </c>
      <c r="AI4924">
        <v>0</v>
      </c>
      <c r="AJ4924">
        <v>29</v>
      </c>
      <c r="AK4924" t="s">
        <v>62</v>
      </c>
      <c r="AL4924">
        <v>0</v>
      </c>
      <c r="AM4924">
        <v>0</v>
      </c>
      <c r="AN4924">
        <v>0</v>
      </c>
      <c r="AO4924">
        <v>0</v>
      </c>
      <c r="AP4924">
        <v>0</v>
      </c>
      <c r="AQ4924">
        <v>0</v>
      </c>
      <c r="AR4924">
        <v>0</v>
      </c>
      <c r="AS4924">
        <v>0</v>
      </c>
      <c r="AT4924">
        <v>0</v>
      </c>
      <c r="AU4924">
        <v>0</v>
      </c>
      <c r="AV4924">
        <v>0</v>
      </c>
      <c r="AW4924">
        <v>0</v>
      </c>
      <c r="AX4924">
        <v>594</v>
      </c>
      <c r="AY4924">
        <v>49</v>
      </c>
      <c r="AZ4924">
        <v>98</v>
      </c>
      <c r="BA4924">
        <v>6325</v>
      </c>
    </row>
    <row r="4925" spans="1:53" x14ac:dyDescent="0.4">
      <c r="A4925">
        <v>4969</v>
      </c>
      <c r="B4925" s="1">
        <v>44730</v>
      </c>
      <c r="C4925">
        <v>3</v>
      </c>
      <c r="D4925" s="1">
        <v>44730.74722222222</v>
      </c>
      <c r="E4925" s="1">
        <v>44731.03125</v>
      </c>
      <c r="F4925">
        <v>137410</v>
      </c>
      <c r="G4925">
        <v>4708</v>
      </c>
      <c r="H4925">
        <v>0</v>
      </c>
      <c r="I4925">
        <v>0</v>
      </c>
      <c r="J4925">
        <v>100</v>
      </c>
      <c r="K4925">
        <v>0</v>
      </c>
      <c r="L4925">
        <v>0</v>
      </c>
      <c r="M4925">
        <v>12909</v>
      </c>
      <c r="N4925">
        <v>0</v>
      </c>
      <c r="O4925">
        <v>0</v>
      </c>
      <c r="P4925">
        <v>25970</v>
      </c>
      <c r="Q4925">
        <v>0</v>
      </c>
      <c r="R4925">
        <v>167988</v>
      </c>
      <c r="S4925">
        <v>0</v>
      </c>
      <c r="T4925">
        <v>0</v>
      </c>
      <c r="U4925">
        <v>0</v>
      </c>
      <c r="V4925">
        <v>10</v>
      </c>
      <c r="W4925">
        <v>6</v>
      </c>
      <c r="X4925">
        <v>0</v>
      </c>
      <c r="Y4925">
        <v>109</v>
      </c>
      <c r="Z4925">
        <v>32</v>
      </c>
      <c r="AA4925">
        <v>140</v>
      </c>
      <c r="AB4925">
        <v>27</v>
      </c>
      <c r="AC4925">
        <v>142</v>
      </c>
      <c r="AD4925">
        <v>21</v>
      </c>
      <c r="AE4925">
        <v>72</v>
      </c>
      <c r="AF4925">
        <v>6690</v>
      </c>
      <c r="AG4925">
        <v>278637</v>
      </c>
      <c r="AH4925">
        <v>50000</v>
      </c>
      <c r="AI4925">
        <v>0</v>
      </c>
      <c r="AJ4925">
        <v>108</v>
      </c>
      <c r="AK4925" t="s">
        <v>3</v>
      </c>
      <c r="AL4925">
        <v>0</v>
      </c>
      <c r="AM4925">
        <v>0</v>
      </c>
      <c r="AN4925">
        <v>0</v>
      </c>
      <c r="AO4925">
        <v>0</v>
      </c>
      <c r="AP4925">
        <v>0</v>
      </c>
      <c r="AQ4925">
        <v>0</v>
      </c>
      <c r="AR4925">
        <v>0</v>
      </c>
      <c r="AS4925">
        <v>0</v>
      </c>
      <c r="AT4925">
        <v>0</v>
      </c>
      <c r="AU4925">
        <v>0</v>
      </c>
      <c r="AV4925">
        <v>0</v>
      </c>
      <c r="AW4925">
        <v>0</v>
      </c>
      <c r="AX4925">
        <v>935</v>
      </c>
      <c r="AY4925">
        <v>28</v>
      </c>
      <c r="AZ4925">
        <v>88</v>
      </c>
      <c r="BA4925">
        <v>4735</v>
      </c>
    </row>
    <row r="4926" spans="1:53" x14ac:dyDescent="0.4">
      <c r="A4926">
        <v>4970</v>
      </c>
      <c r="B4926" s="1">
        <v>44731</v>
      </c>
      <c r="C4926">
        <v>1</v>
      </c>
      <c r="D4926" s="1">
        <v>44731.291666666664</v>
      </c>
      <c r="E4926" s="1">
        <v>44731.411111111112</v>
      </c>
      <c r="F4926">
        <v>0</v>
      </c>
      <c r="G4926">
        <v>0</v>
      </c>
      <c r="H4926">
        <v>0</v>
      </c>
      <c r="I4926">
        <v>0</v>
      </c>
      <c r="J4926">
        <v>0</v>
      </c>
      <c r="K4926">
        <v>0</v>
      </c>
      <c r="L4926">
        <v>0</v>
      </c>
      <c r="M4926">
        <v>0</v>
      </c>
      <c r="N4926">
        <v>0</v>
      </c>
      <c r="O4926">
        <v>0</v>
      </c>
      <c r="P4926">
        <v>0</v>
      </c>
      <c r="Q4926">
        <v>0</v>
      </c>
      <c r="R4926">
        <v>0</v>
      </c>
      <c r="S4926">
        <v>0</v>
      </c>
      <c r="T4926">
        <v>0</v>
      </c>
      <c r="U4926">
        <v>0</v>
      </c>
      <c r="V4926">
        <v>0</v>
      </c>
      <c r="W4926">
        <v>1</v>
      </c>
      <c r="X4926">
        <v>0</v>
      </c>
      <c r="Y4926">
        <v>24</v>
      </c>
      <c r="Z4926">
        <v>10</v>
      </c>
      <c r="AA4926">
        <v>138</v>
      </c>
      <c r="AB4926">
        <v>21</v>
      </c>
      <c r="AC4926">
        <v>98</v>
      </c>
      <c r="AD4926">
        <v>20</v>
      </c>
      <c r="AE4926">
        <v>70</v>
      </c>
      <c r="AF4926">
        <v>0</v>
      </c>
      <c r="AG4926">
        <v>50000</v>
      </c>
      <c r="AH4926">
        <v>50000</v>
      </c>
      <c r="AI4926">
        <v>0</v>
      </c>
      <c r="AJ4926">
        <v>0</v>
      </c>
      <c r="AK4926" t="s">
        <v>6</v>
      </c>
      <c r="AL4926">
        <v>0</v>
      </c>
      <c r="AM4926">
        <v>0</v>
      </c>
      <c r="AN4926">
        <v>0</v>
      </c>
      <c r="AO4926">
        <v>0</v>
      </c>
      <c r="AP4926">
        <v>0</v>
      </c>
      <c r="AQ4926">
        <v>0</v>
      </c>
      <c r="AR4926">
        <v>0</v>
      </c>
      <c r="AS4926">
        <v>0</v>
      </c>
      <c r="AT4926">
        <v>0</v>
      </c>
      <c r="AU4926">
        <v>0</v>
      </c>
      <c r="AV4926">
        <v>0</v>
      </c>
      <c r="AW4926">
        <v>0</v>
      </c>
      <c r="AX4926">
        <v>0</v>
      </c>
      <c r="AY4926">
        <v>0</v>
      </c>
      <c r="AZ4926">
        <v>0</v>
      </c>
      <c r="BA4926">
        <v>0</v>
      </c>
    </row>
    <row r="4927" spans="1:53" x14ac:dyDescent="0.4">
      <c r="A4927">
        <v>4971</v>
      </c>
      <c r="B4927" s="1">
        <v>44731</v>
      </c>
      <c r="C4927">
        <v>2</v>
      </c>
      <c r="D4927" s="1">
        <v>44731.411111111112</v>
      </c>
      <c r="E4927" s="1">
        <v>44731.745833333334</v>
      </c>
      <c r="F4927">
        <v>49850</v>
      </c>
      <c r="G4927">
        <v>6556</v>
      </c>
      <c r="H4927">
        <v>0</v>
      </c>
      <c r="I4927">
        <v>0</v>
      </c>
      <c r="J4927">
        <v>100</v>
      </c>
      <c r="K4927">
        <v>400</v>
      </c>
      <c r="L4927">
        <v>0</v>
      </c>
      <c r="M4927">
        <v>5151</v>
      </c>
      <c r="N4927">
        <v>0</v>
      </c>
      <c r="O4927">
        <v>0</v>
      </c>
      <c r="P4927">
        <v>21320</v>
      </c>
      <c r="Q4927">
        <v>0</v>
      </c>
      <c r="R4927">
        <v>78026</v>
      </c>
      <c r="S4927">
        <v>0</v>
      </c>
      <c r="T4927">
        <v>0</v>
      </c>
      <c r="U4927">
        <v>0</v>
      </c>
      <c r="V4927">
        <v>3</v>
      </c>
      <c r="W4927">
        <v>2</v>
      </c>
      <c r="X4927">
        <v>0</v>
      </c>
      <c r="Y4927">
        <v>50</v>
      </c>
      <c r="Z4927">
        <v>30</v>
      </c>
      <c r="AA4927">
        <v>170</v>
      </c>
      <c r="AB4927">
        <v>15</v>
      </c>
      <c r="AC4927">
        <v>100</v>
      </c>
      <c r="AD4927">
        <v>21</v>
      </c>
      <c r="AE4927">
        <v>71</v>
      </c>
      <c r="AF4927">
        <v>4100</v>
      </c>
      <c r="AG4927">
        <v>128026</v>
      </c>
      <c r="AH4927">
        <v>50000</v>
      </c>
      <c r="AI4927">
        <v>0</v>
      </c>
      <c r="AJ4927">
        <v>118</v>
      </c>
      <c r="AK4927" t="s">
        <v>59</v>
      </c>
      <c r="AL4927">
        <v>0</v>
      </c>
      <c r="AM4927">
        <v>0</v>
      </c>
      <c r="AN4927">
        <v>0</v>
      </c>
      <c r="AO4927">
        <v>0</v>
      </c>
      <c r="AP4927">
        <v>0</v>
      </c>
      <c r="AQ4927">
        <v>0</v>
      </c>
      <c r="AR4927">
        <v>0</v>
      </c>
      <c r="AS4927">
        <v>0</v>
      </c>
      <c r="AT4927">
        <v>0</v>
      </c>
      <c r="AU4927">
        <v>0</v>
      </c>
      <c r="AV4927">
        <v>0</v>
      </c>
      <c r="AW4927">
        <v>0</v>
      </c>
      <c r="AX4927">
        <v>450</v>
      </c>
      <c r="AY4927">
        <v>50</v>
      </c>
      <c r="AZ4927">
        <v>114</v>
      </c>
      <c r="BA4927">
        <v>7828</v>
      </c>
    </row>
    <row r="4928" spans="1:53" x14ac:dyDescent="0.4">
      <c r="A4928">
        <v>4972</v>
      </c>
      <c r="B4928" s="1">
        <v>44731</v>
      </c>
      <c r="C4928">
        <v>3</v>
      </c>
      <c r="D4928" s="1">
        <v>44731.745833333334</v>
      </c>
      <c r="E4928" s="1">
        <v>44731.95416666667</v>
      </c>
      <c r="F4928">
        <v>37230</v>
      </c>
      <c r="G4928">
        <v>1056</v>
      </c>
      <c r="H4928">
        <v>0</v>
      </c>
      <c r="I4928">
        <v>0</v>
      </c>
      <c r="J4928">
        <v>300</v>
      </c>
      <c r="K4928">
        <v>0</v>
      </c>
      <c r="L4928">
        <v>0</v>
      </c>
      <c r="M4928">
        <v>3454</v>
      </c>
      <c r="N4928">
        <v>0</v>
      </c>
      <c r="O4928">
        <v>0</v>
      </c>
      <c r="P4928">
        <v>-17280</v>
      </c>
      <c r="Q4928">
        <v>0</v>
      </c>
      <c r="R4928">
        <v>20706</v>
      </c>
      <c r="S4928">
        <v>0</v>
      </c>
      <c r="T4928">
        <v>0</v>
      </c>
      <c r="U4928">
        <v>0</v>
      </c>
      <c r="V4928">
        <v>3</v>
      </c>
      <c r="W4928">
        <v>3</v>
      </c>
      <c r="X4928">
        <v>0</v>
      </c>
      <c r="Y4928">
        <v>63</v>
      </c>
      <c r="Z4928">
        <v>33</v>
      </c>
      <c r="AA4928">
        <v>182</v>
      </c>
      <c r="AB4928">
        <v>16</v>
      </c>
      <c r="AC4928">
        <v>96</v>
      </c>
      <c r="AD4928">
        <v>21</v>
      </c>
      <c r="AE4928">
        <v>67</v>
      </c>
      <c r="AF4928">
        <v>4100</v>
      </c>
      <c r="AG4928">
        <v>148732</v>
      </c>
      <c r="AH4928">
        <v>50000</v>
      </c>
      <c r="AI4928">
        <v>0</v>
      </c>
      <c r="AJ4928">
        <v>30</v>
      </c>
      <c r="AK4928" t="s">
        <v>63</v>
      </c>
      <c r="AL4928">
        <v>0</v>
      </c>
      <c r="AM4928">
        <v>0</v>
      </c>
      <c r="AN4928">
        <v>0</v>
      </c>
      <c r="AO4928">
        <v>0</v>
      </c>
      <c r="AP4928">
        <v>0</v>
      </c>
      <c r="AQ4928">
        <v>0</v>
      </c>
      <c r="AR4928">
        <v>0</v>
      </c>
      <c r="AS4928">
        <v>0</v>
      </c>
      <c r="AT4928">
        <v>0</v>
      </c>
      <c r="AU4928">
        <v>0</v>
      </c>
      <c r="AV4928">
        <v>0</v>
      </c>
      <c r="AW4928">
        <v>0</v>
      </c>
      <c r="AX4928">
        <v>5808</v>
      </c>
      <c r="AY4928">
        <v>8</v>
      </c>
      <c r="AZ4928">
        <v>21</v>
      </c>
      <c r="BA4928">
        <v>2017</v>
      </c>
    </row>
    <row r="4929" spans="1:53" x14ac:dyDescent="0.4">
      <c r="A4929">
        <v>4973</v>
      </c>
      <c r="B4929" s="1">
        <v>44731</v>
      </c>
      <c r="C4929">
        <v>4</v>
      </c>
      <c r="D4929" s="1">
        <v>44731.95416666667</v>
      </c>
      <c r="E4929" s="1">
        <v>44732.124305555553</v>
      </c>
      <c r="F4929">
        <v>15370</v>
      </c>
      <c r="G4929">
        <v>308</v>
      </c>
      <c r="H4929">
        <v>220</v>
      </c>
      <c r="I4929">
        <v>0</v>
      </c>
      <c r="J4929">
        <v>0</v>
      </c>
      <c r="K4929">
        <v>0</v>
      </c>
      <c r="L4929">
        <v>0</v>
      </c>
      <c r="M4929">
        <v>1445</v>
      </c>
      <c r="N4929">
        <v>0</v>
      </c>
      <c r="O4929">
        <v>0</v>
      </c>
      <c r="P4929">
        <v>2560</v>
      </c>
      <c r="Q4929">
        <v>0</v>
      </c>
      <c r="R4929">
        <v>18458</v>
      </c>
      <c r="S4929">
        <v>0</v>
      </c>
      <c r="T4929">
        <v>0</v>
      </c>
      <c r="U4929">
        <v>0</v>
      </c>
      <c r="V4929">
        <v>4</v>
      </c>
      <c r="W4929">
        <v>4</v>
      </c>
      <c r="X4929">
        <v>0</v>
      </c>
      <c r="Y4929">
        <v>66</v>
      </c>
      <c r="Z4929">
        <v>34</v>
      </c>
      <c r="AA4929">
        <v>183</v>
      </c>
      <c r="AB4929">
        <v>14</v>
      </c>
      <c r="AC4929">
        <v>92</v>
      </c>
      <c r="AD4929">
        <v>21</v>
      </c>
      <c r="AE4929">
        <v>65</v>
      </c>
      <c r="AF4929">
        <v>4100</v>
      </c>
      <c r="AG4929">
        <v>167190</v>
      </c>
      <c r="AH4929">
        <v>50000</v>
      </c>
      <c r="AI4929">
        <v>0</v>
      </c>
      <c r="AJ4929">
        <v>108</v>
      </c>
      <c r="AK4929" t="s">
        <v>3</v>
      </c>
      <c r="AL4929">
        <v>0</v>
      </c>
      <c r="AM4929">
        <v>0</v>
      </c>
      <c r="AN4929">
        <v>0</v>
      </c>
      <c r="AO4929">
        <v>0</v>
      </c>
      <c r="AP4929">
        <v>0</v>
      </c>
      <c r="AQ4929">
        <v>0</v>
      </c>
      <c r="AR4929">
        <v>0</v>
      </c>
      <c r="AS4929">
        <v>0</v>
      </c>
      <c r="AT4929">
        <v>0</v>
      </c>
      <c r="AU4929">
        <v>0</v>
      </c>
      <c r="AV4929">
        <v>0</v>
      </c>
      <c r="AW4929">
        <v>0</v>
      </c>
      <c r="AX4929">
        <v>14223</v>
      </c>
      <c r="AY4929">
        <v>4</v>
      </c>
      <c r="AZ4929">
        <v>12</v>
      </c>
      <c r="BA4929">
        <v>984</v>
      </c>
    </row>
    <row r="4930" spans="1:53" x14ac:dyDescent="0.4">
      <c r="A4930">
        <v>4974</v>
      </c>
      <c r="B4930" s="1">
        <v>44732</v>
      </c>
      <c r="C4930">
        <v>1</v>
      </c>
      <c r="D4930" s="1">
        <v>44732.291666666664</v>
      </c>
      <c r="E4930" s="1">
        <v>44732.75</v>
      </c>
      <c r="F4930">
        <v>20800</v>
      </c>
      <c r="G4930">
        <v>1056</v>
      </c>
      <c r="H4930">
        <v>0</v>
      </c>
      <c r="I4930">
        <v>0</v>
      </c>
      <c r="J4930">
        <v>0</v>
      </c>
      <c r="K4930">
        <v>0</v>
      </c>
      <c r="L4930">
        <v>0</v>
      </c>
      <c r="M4930">
        <v>1988</v>
      </c>
      <c r="N4930">
        <v>0</v>
      </c>
      <c r="O4930">
        <v>0</v>
      </c>
      <c r="P4930">
        <v>13608</v>
      </c>
      <c r="Q4930">
        <v>0</v>
      </c>
      <c r="R4930">
        <v>35464</v>
      </c>
      <c r="S4930">
        <v>0</v>
      </c>
      <c r="T4930">
        <v>0</v>
      </c>
      <c r="U4930">
        <v>0</v>
      </c>
      <c r="V4930">
        <v>2</v>
      </c>
      <c r="W4930">
        <v>0</v>
      </c>
      <c r="X4930">
        <v>0</v>
      </c>
      <c r="Y4930">
        <v>36</v>
      </c>
      <c r="Z4930">
        <v>25</v>
      </c>
      <c r="AA4930">
        <v>149</v>
      </c>
      <c r="AB4930">
        <v>11</v>
      </c>
      <c r="AC4930">
        <v>82</v>
      </c>
      <c r="AD4930">
        <v>20</v>
      </c>
      <c r="AE4930">
        <v>64</v>
      </c>
      <c r="AF4930">
        <v>530</v>
      </c>
      <c r="AG4930">
        <v>85464</v>
      </c>
      <c r="AH4930">
        <v>50000</v>
      </c>
      <c r="AI4930">
        <v>0</v>
      </c>
      <c r="AJ4930">
        <v>119</v>
      </c>
      <c r="AK4930" t="s">
        <v>56</v>
      </c>
      <c r="AL4930">
        <v>0</v>
      </c>
      <c r="AM4930">
        <v>0</v>
      </c>
      <c r="AN4930">
        <v>0</v>
      </c>
      <c r="AO4930">
        <v>0</v>
      </c>
      <c r="AP4930">
        <v>0</v>
      </c>
      <c r="AQ4930">
        <v>0</v>
      </c>
      <c r="AR4930">
        <v>0</v>
      </c>
      <c r="AS4930">
        <v>0</v>
      </c>
      <c r="AT4930">
        <v>0</v>
      </c>
      <c r="AU4930">
        <v>0</v>
      </c>
      <c r="AV4930">
        <v>0</v>
      </c>
      <c r="AW4930">
        <v>0</v>
      </c>
      <c r="AX4930">
        <v>594</v>
      </c>
      <c r="AY4930">
        <v>25</v>
      </c>
      <c r="AZ4930">
        <v>53</v>
      </c>
      <c r="BA4930">
        <v>3619</v>
      </c>
    </row>
    <row r="4931" spans="1:53" x14ac:dyDescent="0.4">
      <c r="A4931">
        <v>4975</v>
      </c>
      <c r="B4931" s="1">
        <v>44733</v>
      </c>
      <c r="C4931">
        <v>1</v>
      </c>
      <c r="D4931" s="1">
        <v>44733.291666666664</v>
      </c>
      <c r="E4931" s="1">
        <v>44733.449305555558</v>
      </c>
      <c r="F4931">
        <v>0</v>
      </c>
      <c r="G4931">
        <v>0</v>
      </c>
      <c r="H4931">
        <v>0</v>
      </c>
      <c r="I4931">
        <v>0</v>
      </c>
      <c r="J4931">
        <v>0</v>
      </c>
      <c r="K4931">
        <v>0</v>
      </c>
      <c r="L4931">
        <v>0</v>
      </c>
      <c r="M4931">
        <v>0</v>
      </c>
      <c r="N4931">
        <v>0</v>
      </c>
      <c r="O4931">
        <v>0</v>
      </c>
      <c r="P4931">
        <v>0</v>
      </c>
      <c r="Q4931">
        <v>0</v>
      </c>
      <c r="R4931">
        <v>0</v>
      </c>
      <c r="S4931">
        <v>0</v>
      </c>
      <c r="T4931">
        <v>0</v>
      </c>
      <c r="U4931">
        <v>0</v>
      </c>
      <c r="V4931">
        <v>0</v>
      </c>
      <c r="W4931">
        <v>0</v>
      </c>
      <c r="X4931">
        <v>0</v>
      </c>
      <c r="Y4931">
        <v>29</v>
      </c>
      <c r="Z4931">
        <v>12</v>
      </c>
      <c r="AA4931">
        <v>138</v>
      </c>
      <c r="AB4931">
        <v>7</v>
      </c>
      <c r="AC4931">
        <v>69</v>
      </c>
      <c r="AD4931">
        <v>20</v>
      </c>
      <c r="AE4931">
        <v>60</v>
      </c>
      <c r="AF4931">
        <v>0</v>
      </c>
      <c r="AG4931">
        <v>50000</v>
      </c>
      <c r="AH4931">
        <v>50000</v>
      </c>
      <c r="AI4931">
        <v>0</v>
      </c>
      <c r="AJ4931">
        <v>0</v>
      </c>
      <c r="AK4931" t="s">
        <v>6</v>
      </c>
      <c r="AL4931">
        <v>0</v>
      </c>
      <c r="AM4931">
        <v>0</v>
      </c>
      <c r="AN4931">
        <v>0</v>
      </c>
      <c r="AO4931">
        <v>0</v>
      </c>
      <c r="AP4931">
        <v>0</v>
      </c>
      <c r="AQ4931">
        <v>0</v>
      </c>
      <c r="AR4931">
        <v>0</v>
      </c>
      <c r="AS4931">
        <v>0</v>
      </c>
      <c r="AT4931">
        <v>0</v>
      </c>
      <c r="AU4931">
        <v>0</v>
      </c>
      <c r="AV4931">
        <v>0</v>
      </c>
      <c r="AW4931">
        <v>0</v>
      </c>
      <c r="AX4931">
        <v>0</v>
      </c>
      <c r="AY4931">
        <v>0</v>
      </c>
      <c r="AZ4931">
        <v>0</v>
      </c>
      <c r="BA4931">
        <v>0</v>
      </c>
    </row>
    <row r="4932" spans="1:53" x14ac:dyDescent="0.4">
      <c r="A4932">
        <v>4976</v>
      </c>
      <c r="B4932" s="1">
        <v>44733</v>
      </c>
      <c r="C4932">
        <v>2</v>
      </c>
      <c r="D4932" s="1">
        <v>44733.449305555558</v>
      </c>
      <c r="E4932" s="1">
        <v>44733.746527777781</v>
      </c>
      <c r="F4932">
        <v>11440</v>
      </c>
      <c r="G4932">
        <v>924</v>
      </c>
      <c r="H4932">
        <v>0</v>
      </c>
      <c r="I4932">
        <v>0</v>
      </c>
      <c r="J4932">
        <v>50</v>
      </c>
      <c r="K4932">
        <v>0</v>
      </c>
      <c r="L4932">
        <v>0</v>
      </c>
      <c r="M4932">
        <v>1120</v>
      </c>
      <c r="N4932">
        <v>0</v>
      </c>
      <c r="O4932">
        <v>0</v>
      </c>
      <c r="P4932">
        <v>14290</v>
      </c>
      <c r="Q4932">
        <v>0</v>
      </c>
      <c r="R4932">
        <v>26604</v>
      </c>
      <c r="S4932">
        <v>0</v>
      </c>
      <c r="T4932">
        <v>0</v>
      </c>
      <c r="U4932">
        <v>0</v>
      </c>
      <c r="V4932">
        <v>0</v>
      </c>
      <c r="W4932">
        <v>0</v>
      </c>
      <c r="X4932">
        <v>0</v>
      </c>
      <c r="Y4932">
        <v>53</v>
      </c>
      <c r="Z4932">
        <v>16</v>
      </c>
      <c r="AA4932">
        <v>125</v>
      </c>
      <c r="AB4932">
        <v>7</v>
      </c>
      <c r="AC4932">
        <v>80</v>
      </c>
      <c r="AD4932">
        <v>19</v>
      </c>
      <c r="AE4932">
        <v>59</v>
      </c>
      <c r="AF4932">
        <v>1800</v>
      </c>
      <c r="AG4932">
        <v>76604</v>
      </c>
      <c r="AH4932">
        <v>50000</v>
      </c>
      <c r="AI4932">
        <v>0</v>
      </c>
      <c r="AJ4932">
        <v>103</v>
      </c>
      <c r="AK4932" t="s">
        <v>7</v>
      </c>
      <c r="AL4932">
        <v>0</v>
      </c>
      <c r="AM4932">
        <v>0</v>
      </c>
      <c r="AN4932">
        <v>0</v>
      </c>
      <c r="AO4932">
        <v>0</v>
      </c>
      <c r="AP4932">
        <v>0</v>
      </c>
      <c r="AQ4932">
        <v>0</v>
      </c>
      <c r="AR4932">
        <v>0</v>
      </c>
      <c r="AS4932">
        <v>0</v>
      </c>
      <c r="AT4932">
        <v>0</v>
      </c>
      <c r="AU4932">
        <v>0</v>
      </c>
      <c r="AV4932">
        <v>0</v>
      </c>
      <c r="AW4932">
        <v>0</v>
      </c>
      <c r="AX4932">
        <v>-2330</v>
      </c>
      <c r="AY4932">
        <v>29</v>
      </c>
      <c r="AZ4932">
        <v>45</v>
      </c>
      <c r="BA4932">
        <v>3163</v>
      </c>
    </row>
    <row r="4933" spans="1:53" x14ac:dyDescent="0.4">
      <c r="A4933">
        <v>4977</v>
      </c>
      <c r="B4933" s="1">
        <v>44733</v>
      </c>
      <c r="C4933">
        <v>3</v>
      </c>
      <c r="D4933" s="1">
        <v>44733.746527777781</v>
      </c>
      <c r="E4933" s="1">
        <v>44733.838194444441</v>
      </c>
      <c r="F4933">
        <v>10240</v>
      </c>
      <c r="G4933">
        <v>0</v>
      </c>
      <c r="H4933">
        <v>0</v>
      </c>
      <c r="I4933">
        <v>0</v>
      </c>
      <c r="J4933">
        <v>150</v>
      </c>
      <c r="K4933">
        <v>0</v>
      </c>
      <c r="L4933">
        <v>0</v>
      </c>
      <c r="M4933">
        <v>918</v>
      </c>
      <c r="N4933">
        <v>0</v>
      </c>
      <c r="O4933">
        <v>0</v>
      </c>
      <c r="P4933">
        <v>2730</v>
      </c>
      <c r="Q4933">
        <v>0</v>
      </c>
      <c r="R4933">
        <v>12820</v>
      </c>
      <c r="S4933">
        <v>0</v>
      </c>
      <c r="T4933">
        <v>0</v>
      </c>
      <c r="U4933">
        <v>0</v>
      </c>
      <c r="V4933">
        <v>0</v>
      </c>
      <c r="W4933">
        <v>1</v>
      </c>
      <c r="X4933">
        <v>0</v>
      </c>
      <c r="Y4933">
        <v>59</v>
      </c>
      <c r="Z4933">
        <v>19</v>
      </c>
      <c r="AA4933">
        <v>127</v>
      </c>
      <c r="AB4933">
        <v>10</v>
      </c>
      <c r="AC4933">
        <v>77</v>
      </c>
      <c r="AD4933">
        <v>19</v>
      </c>
      <c r="AE4933">
        <v>59</v>
      </c>
      <c r="AF4933">
        <v>1800</v>
      </c>
      <c r="AG4933">
        <v>89424</v>
      </c>
      <c r="AH4933">
        <v>50000</v>
      </c>
      <c r="AI4933">
        <v>0</v>
      </c>
      <c r="AJ4933">
        <v>108</v>
      </c>
      <c r="AK4933" t="s">
        <v>3</v>
      </c>
      <c r="AL4933">
        <v>0</v>
      </c>
      <c r="AM4933">
        <v>0</v>
      </c>
      <c r="AN4933">
        <v>0</v>
      </c>
      <c r="AO4933">
        <v>0</v>
      </c>
      <c r="AP4933">
        <v>0</v>
      </c>
      <c r="AQ4933">
        <v>0</v>
      </c>
      <c r="AR4933">
        <v>0</v>
      </c>
      <c r="AS4933">
        <v>0</v>
      </c>
      <c r="AT4933">
        <v>0</v>
      </c>
      <c r="AU4933">
        <v>0</v>
      </c>
      <c r="AV4933">
        <v>0</v>
      </c>
      <c r="AW4933">
        <v>0</v>
      </c>
      <c r="AX4933">
        <v>-1958</v>
      </c>
      <c r="AY4933">
        <v>7</v>
      </c>
      <c r="AZ4933">
        <v>15</v>
      </c>
      <c r="BA4933">
        <v>1646</v>
      </c>
    </row>
    <row r="4934" spans="1:53" x14ac:dyDescent="0.4">
      <c r="A4934">
        <v>4978</v>
      </c>
      <c r="B4934" s="1">
        <v>44733</v>
      </c>
      <c r="C4934">
        <v>4</v>
      </c>
      <c r="D4934" s="1">
        <v>44733.838194444441</v>
      </c>
      <c r="E4934" s="1">
        <v>44733.932638888888</v>
      </c>
      <c r="F4934">
        <v>16500</v>
      </c>
      <c r="G4934">
        <v>1012</v>
      </c>
      <c r="H4934">
        <v>0</v>
      </c>
      <c r="I4934">
        <v>0</v>
      </c>
      <c r="J4934">
        <v>0</v>
      </c>
      <c r="K4934">
        <v>0</v>
      </c>
      <c r="L4934">
        <v>0</v>
      </c>
      <c r="M4934">
        <v>1593</v>
      </c>
      <c r="N4934">
        <v>0</v>
      </c>
      <c r="O4934">
        <v>0</v>
      </c>
      <c r="P4934">
        <v>-14520</v>
      </c>
      <c r="Q4934">
        <v>0</v>
      </c>
      <c r="R4934">
        <v>2992</v>
      </c>
      <c r="S4934">
        <v>0</v>
      </c>
      <c r="T4934">
        <v>0</v>
      </c>
      <c r="U4934">
        <v>0</v>
      </c>
      <c r="V4934">
        <v>0</v>
      </c>
      <c r="W4934">
        <v>1</v>
      </c>
      <c r="X4934">
        <v>0</v>
      </c>
      <c r="Y4934">
        <v>62</v>
      </c>
      <c r="Z4934">
        <v>19</v>
      </c>
      <c r="AA4934">
        <v>127</v>
      </c>
      <c r="AB4934">
        <v>10</v>
      </c>
      <c r="AC4934">
        <v>76</v>
      </c>
      <c r="AD4934">
        <v>19</v>
      </c>
      <c r="AE4934">
        <v>61</v>
      </c>
      <c r="AF4934">
        <v>1800</v>
      </c>
      <c r="AG4934">
        <v>92416</v>
      </c>
      <c r="AH4934">
        <v>50000</v>
      </c>
      <c r="AI4934">
        <v>0</v>
      </c>
      <c r="AJ4934">
        <v>108</v>
      </c>
      <c r="AK4934" t="s">
        <v>3</v>
      </c>
      <c r="AL4934">
        <v>0</v>
      </c>
      <c r="AM4934">
        <v>0</v>
      </c>
      <c r="AN4934">
        <v>0</v>
      </c>
      <c r="AO4934">
        <v>0</v>
      </c>
      <c r="AP4934">
        <v>0</v>
      </c>
      <c r="AQ4934">
        <v>0</v>
      </c>
      <c r="AR4934">
        <v>0</v>
      </c>
      <c r="AS4934">
        <v>0</v>
      </c>
      <c r="AT4934">
        <v>0</v>
      </c>
      <c r="AU4934">
        <v>0</v>
      </c>
      <c r="AV4934">
        <v>0</v>
      </c>
      <c r="AW4934">
        <v>0</v>
      </c>
      <c r="AX4934">
        <v>4800</v>
      </c>
      <c r="AY4934">
        <v>3</v>
      </c>
      <c r="AZ4934">
        <v>6</v>
      </c>
      <c r="BA4934">
        <v>655</v>
      </c>
    </row>
    <row r="4935" spans="1:53" x14ac:dyDescent="0.4">
      <c r="A4935">
        <v>4979</v>
      </c>
      <c r="B4935" s="1">
        <v>44733</v>
      </c>
      <c r="C4935">
        <v>5</v>
      </c>
      <c r="D4935" s="1">
        <v>44733.932638888888</v>
      </c>
      <c r="E4935" s="1">
        <v>44734.161111111112</v>
      </c>
      <c r="F4935">
        <v>7600</v>
      </c>
      <c r="G4935">
        <v>0</v>
      </c>
      <c r="H4935">
        <v>0</v>
      </c>
      <c r="I4935">
        <v>0</v>
      </c>
      <c r="J4935">
        <v>0</v>
      </c>
      <c r="K4935">
        <v>2400</v>
      </c>
      <c r="L4935">
        <v>0</v>
      </c>
      <c r="M4935">
        <v>909</v>
      </c>
      <c r="N4935">
        <v>0</v>
      </c>
      <c r="O4935">
        <v>0</v>
      </c>
      <c r="P4935">
        <v>3500</v>
      </c>
      <c r="Q4935">
        <v>0</v>
      </c>
      <c r="R4935">
        <v>13500</v>
      </c>
      <c r="S4935">
        <v>0</v>
      </c>
      <c r="T4935">
        <v>0</v>
      </c>
      <c r="U4935">
        <v>0</v>
      </c>
      <c r="V4935">
        <v>2</v>
      </c>
      <c r="W4935">
        <v>1</v>
      </c>
      <c r="X4935">
        <v>0</v>
      </c>
      <c r="Y4935">
        <v>57</v>
      </c>
      <c r="Z4935">
        <v>16</v>
      </c>
      <c r="AA4935">
        <v>127</v>
      </c>
      <c r="AB4935">
        <v>10</v>
      </c>
      <c r="AC4935">
        <v>76</v>
      </c>
      <c r="AD4935">
        <v>19</v>
      </c>
      <c r="AE4935">
        <v>61</v>
      </c>
      <c r="AF4935">
        <v>1800</v>
      </c>
      <c r="AG4935">
        <v>105916</v>
      </c>
      <c r="AH4935">
        <v>50000</v>
      </c>
      <c r="AI4935">
        <v>0</v>
      </c>
      <c r="AJ4935">
        <v>108</v>
      </c>
      <c r="AK4935" t="s">
        <v>3</v>
      </c>
      <c r="AL4935">
        <v>0</v>
      </c>
      <c r="AM4935">
        <v>0</v>
      </c>
      <c r="AN4935">
        <v>0</v>
      </c>
      <c r="AO4935">
        <v>0</v>
      </c>
      <c r="AP4935">
        <v>0</v>
      </c>
      <c r="AQ4935">
        <v>0</v>
      </c>
      <c r="AR4935">
        <v>0</v>
      </c>
      <c r="AS4935">
        <v>0</v>
      </c>
      <c r="AT4935">
        <v>0</v>
      </c>
      <c r="AU4935">
        <v>0</v>
      </c>
      <c r="AV4935">
        <v>0</v>
      </c>
      <c r="AW4935">
        <v>0</v>
      </c>
      <c r="AX4935">
        <v>594</v>
      </c>
      <c r="AY4935">
        <v>1</v>
      </c>
      <c r="AZ4935">
        <v>4</v>
      </c>
      <c r="BA4935">
        <v>271</v>
      </c>
    </row>
    <row r="4936" spans="1:53" x14ac:dyDescent="0.4">
      <c r="A4936">
        <v>4980</v>
      </c>
      <c r="B4936" s="1">
        <v>44734</v>
      </c>
      <c r="C4936">
        <v>1</v>
      </c>
      <c r="D4936" s="1">
        <v>44734.291666666664</v>
      </c>
      <c r="E4936" s="1">
        <v>44734.439583333333</v>
      </c>
      <c r="F4936">
        <v>0</v>
      </c>
      <c r="G4936">
        <v>0</v>
      </c>
      <c r="H4936">
        <v>0</v>
      </c>
      <c r="I4936">
        <v>0</v>
      </c>
      <c r="J4936">
        <v>0</v>
      </c>
      <c r="K4936">
        <v>0</v>
      </c>
      <c r="L4936">
        <v>0</v>
      </c>
      <c r="M4936">
        <v>0</v>
      </c>
      <c r="N4936">
        <v>0</v>
      </c>
      <c r="O4936">
        <v>0</v>
      </c>
      <c r="P4936">
        <v>0</v>
      </c>
      <c r="Q4936">
        <v>0</v>
      </c>
      <c r="R4936">
        <v>0</v>
      </c>
      <c r="S4936">
        <v>0</v>
      </c>
      <c r="T4936">
        <v>0</v>
      </c>
      <c r="U4936">
        <v>0</v>
      </c>
      <c r="V4936">
        <v>0</v>
      </c>
      <c r="W4936">
        <v>1</v>
      </c>
      <c r="X4936">
        <v>0</v>
      </c>
      <c r="Y4936">
        <v>25</v>
      </c>
      <c r="Z4936">
        <v>13</v>
      </c>
      <c r="AA4936">
        <v>121</v>
      </c>
      <c r="AB4936">
        <v>10</v>
      </c>
      <c r="AC4936">
        <v>75</v>
      </c>
      <c r="AD4936">
        <v>18</v>
      </c>
      <c r="AE4936">
        <v>60</v>
      </c>
      <c r="AF4936">
        <v>0</v>
      </c>
      <c r="AG4936">
        <v>50000</v>
      </c>
      <c r="AH4936">
        <v>50000</v>
      </c>
      <c r="AI4936">
        <v>0</v>
      </c>
      <c r="AJ4936">
        <v>0</v>
      </c>
      <c r="AK4936" t="s">
        <v>6</v>
      </c>
      <c r="AL4936">
        <v>0</v>
      </c>
      <c r="AM4936">
        <v>0</v>
      </c>
      <c r="AN4936">
        <v>0</v>
      </c>
      <c r="AO4936">
        <v>0</v>
      </c>
      <c r="AP4936">
        <v>0</v>
      </c>
      <c r="AQ4936">
        <v>0</v>
      </c>
      <c r="AR4936">
        <v>0</v>
      </c>
      <c r="AS4936">
        <v>0</v>
      </c>
      <c r="AT4936">
        <v>0</v>
      </c>
      <c r="AU4936">
        <v>0</v>
      </c>
      <c r="AV4936">
        <v>0</v>
      </c>
      <c r="AW4936">
        <v>0</v>
      </c>
      <c r="AX4936">
        <v>0</v>
      </c>
      <c r="AY4936">
        <v>0</v>
      </c>
      <c r="AZ4936">
        <v>0</v>
      </c>
      <c r="BA4936">
        <v>0</v>
      </c>
    </row>
    <row r="4937" spans="1:53" x14ac:dyDescent="0.4">
      <c r="A4937">
        <v>4981</v>
      </c>
      <c r="B4937" s="1">
        <v>44734</v>
      </c>
      <c r="C4937">
        <v>2</v>
      </c>
      <c r="D4937" s="1">
        <v>44734.439583333333</v>
      </c>
      <c r="E4937" s="1">
        <v>44734.75</v>
      </c>
      <c r="F4937">
        <v>16180</v>
      </c>
      <c r="G4937">
        <v>1882</v>
      </c>
      <c r="H4937">
        <v>0</v>
      </c>
      <c r="I4937">
        <v>0</v>
      </c>
      <c r="J4937">
        <v>0</v>
      </c>
      <c r="K4937">
        <v>0</v>
      </c>
      <c r="L4937">
        <v>0</v>
      </c>
      <c r="M4937">
        <v>1641</v>
      </c>
      <c r="N4937">
        <v>0</v>
      </c>
      <c r="O4937">
        <v>0</v>
      </c>
      <c r="P4937">
        <v>16440</v>
      </c>
      <c r="Q4937">
        <v>0</v>
      </c>
      <c r="R4937">
        <v>34502</v>
      </c>
      <c r="S4937">
        <v>0</v>
      </c>
      <c r="T4937">
        <v>0</v>
      </c>
      <c r="U4937">
        <v>0</v>
      </c>
      <c r="V4937">
        <v>1</v>
      </c>
      <c r="W4937">
        <v>0</v>
      </c>
      <c r="X4937">
        <v>0</v>
      </c>
      <c r="Y4937">
        <v>51</v>
      </c>
      <c r="Z4937">
        <v>15</v>
      </c>
      <c r="AA4937">
        <v>133</v>
      </c>
      <c r="AB4937">
        <v>12</v>
      </c>
      <c r="AC4937">
        <v>89</v>
      </c>
      <c r="AD4937">
        <v>18</v>
      </c>
      <c r="AE4937">
        <v>62</v>
      </c>
      <c r="AF4937">
        <v>1060</v>
      </c>
      <c r="AG4937">
        <v>84502</v>
      </c>
      <c r="AH4937">
        <v>50000</v>
      </c>
      <c r="AI4937">
        <v>0</v>
      </c>
      <c r="AJ4937">
        <v>116</v>
      </c>
      <c r="AK4937" t="s">
        <v>54</v>
      </c>
      <c r="AL4937">
        <v>0</v>
      </c>
      <c r="AM4937">
        <v>0</v>
      </c>
      <c r="AN4937">
        <v>0</v>
      </c>
      <c r="AO4937">
        <v>0</v>
      </c>
      <c r="AP4937">
        <v>0</v>
      </c>
      <c r="AQ4937">
        <v>0</v>
      </c>
      <c r="AR4937">
        <v>0</v>
      </c>
      <c r="AS4937">
        <v>0</v>
      </c>
      <c r="AT4937">
        <v>0</v>
      </c>
      <c r="AU4937">
        <v>0</v>
      </c>
      <c r="AV4937">
        <v>0</v>
      </c>
      <c r="AW4937">
        <v>0</v>
      </c>
      <c r="AX4937">
        <v>-1150</v>
      </c>
      <c r="AY4937">
        <v>35</v>
      </c>
      <c r="AZ4937">
        <v>54</v>
      </c>
      <c r="BA4937">
        <v>4719</v>
      </c>
    </row>
    <row r="4938" spans="1:53" x14ac:dyDescent="0.4">
      <c r="A4938">
        <v>4982</v>
      </c>
      <c r="B4938" s="1">
        <v>44734</v>
      </c>
      <c r="C4938">
        <v>3</v>
      </c>
      <c r="D4938" s="1">
        <v>44734.75</v>
      </c>
      <c r="E4938" s="1">
        <v>44734.954861111109</v>
      </c>
      <c r="F4938">
        <v>21340</v>
      </c>
      <c r="G4938">
        <v>440</v>
      </c>
      <c r="H4938">
        <v>0</v>
      </c>
      <c r="I4938">
        <v>0</v>
      </c>
      <c r="J4938">
        <v>0</v>
      </c>
      <c r="K4938">
        <v>0</v>
      </c>
      <c r="L4938">
        <v>0</v>
      </c>
      <c r="M4938">
        <v>1979</v>
      </c>
      <c r="N4938">
        <v>0</v>
      </c>
      <c r="O4938">
        <v>0</v>
      </c>
      <c r="P4938">
        <v>-16440</v>
      </c>
      <c r="Q4938">
        <v>0</v>
      </c>
      <c r="R4938">
        <v>5340</v>
      </c>
      <c r="S4938">
        <v>0</v>
      </c>
      <c r="T4938">
        <v>0</v>
      </c>
      <c r="U4938">
        <v>0</v>
      </c>
      <c r="V4938">
        <v>1</v>
      </c>
      <c r="W4938">
        <v>1</v>
      </c>
      <c r="X4938">
        <v>0</v>
      </c>
      <c r="Y4938">
        <v>52</v>
      </c>
      <c r="Z4938">
        <v>14</v>
      </c>
      <c r="AA4938">
        <v>123</v>
      </c>
      <c r="AB4938">
        <v>11</v>
      </c>
      <c r="AC4938">
        <v>88</v>
      </c>
      <c r="AD4938">
        <v>18</v>
      </c>
      <c r="AE4938">
        <v>66</v>
      </c>
      <c r="AF4938">
        <v>1956</v>
      </c>
      <c r="AG4938">
        <v>89842</v>
      </c>
      <c r="AH4938">
        <v>50000</v>
      </c>
      <c r="AI4938">
        <v>0</v>
      </c>
      <c r="AJ4938">
        <v>108</v>
      </c>
      <c r="AK4938" t="s">
        <v>3</v>
      </c>
      <c r="AL4938">
        <v>0</v>
      </c>
      <c r="AM4938">
        <v>0</v>
      </c>
      <c r="AN4938">
        <v>0</v>
      </c>
      <c r="AO4938">
        <v>0</v>
      </c>
      <c r="AP4938">
        <v>0</v>
      </c>
      <c r="AQ4938">
        <v>0</v>
      </c>
      <c r="AR4938">
        <v>0</v>
      </c>
      <c r="AS4938">
        <v>0</v>
      </c>
      <c r="AT4938">
        <v>0</v>
      </c>
      <c r="AU4938">
        <v>0</v>
      </c>
      <c r="AV4938">
        <v>0</v>
      </c>
      <c r="AW4938">
        <v>0</v>
      </c>
      <c r="AX4938">
        <v>23400</v>
      </c>
      <c r="AY4938">
        <v>5</v>
      </c>
      <c r="AZ4938">
        <v>25</v>
      </c>
      <c r="BA4938">
        <v>1485</v>
      </c>
    </row>
    <row r="4939" spans="1:53" x14ac:dyDescent="0.4">
      <c r="A4939">
        <v>4983</v>
      </c>
      <c r="B4939" s="1">
        <v>44735</v>
      </c>
      <c r="C4939">
        <v>1</v>
      </c>
      <c r="D4939" s="1">
        <v>44735.291666666664</v>
      </c>
      <c r="E4939" s="1">
        <v>44735.743750000001</v>
      </c>
      <c r="F4939">
        <v>15710</v>
      </c>
      <c r="G4939">
        <v>1056</v>
      </c>
      <c r="H4939">
        <v>0</v>
      </c>
      <c r="I4939">
        <v>0</v>
      </c>
      <c r="J4939">
        <v>0</v>
      </c>
      <c r="K4939">
        <v>0</v>
      </c>
      <c r="L4939">
        <v>0</v>
      </c>
      <c r="M4939">
        <v>1525</v>
      </c>
      <c r="N4939">
        <v>0</v>
      </c>
      <c r="O4939">
        <v>0</v>
      </c>
      <c r="P4939">
        <v>9850</v>
      </c>
      <c r="Q4939">
        <v>0</v>
      </c>
      <c r="R4939">
        <v>26616</v>
      </c>
      <c r="S4939">
        <v>0</v>
      </c>
      <c r="T4939">
        <v>0</v>
      </c>
      <c r="U4939">
        <v>0</v>
      </c>
      <c r="V4939">
        <v>1</v>
      </c>
      <c r="W4939">
        <v>1</v>
      </c>
      <c r="X4939">
        <v>0</v>
      </c>
      <c r="Y4939">
        <v>41</v>
      </c>
      <c r="Z4939">
        <v>16</v>
      </c>
      <c r="AA4939">
        <v>108</v>
      </c>
      <c r="AB4939">
        <v>3</v>
      </c>
      <c r="AC4939">
        <v>91</v>
      </c>
      <c r="AD4939">
        <v>19</v>
      </c>
      <c r="AE4939">
        <v>61</v>
      </c>
      <c r="AF4939">
        <v>600</v>
      </c>
      <c r="AG4939">
        <v>76616</v>
      </c>
      <c r="AH4939">
        <v>50000</v>
      </c>
      <c r="AI4939">
        <v>0</v>
      </c>
      <c r="AJ4939">
        <v>119</v>
      </c>
      <c r="AK4939" t="s">
        <v>56</v>
      </c>
      <c r="AL4939">
        <v>0</v>
      </c>
      <c r="AM4939">
        <v>0</v>
      </c>
      <c r="AN4939">
        <v>0</v>
      </c>
      <c r="AO4939">
        <v>0</v>
      </c>
      <c r="AP4939">
        <v>0</v>
      </c>
      <c r="AQ4939">
        <v>0</v>
      </c>
      <c r="AR4939">
        <v>0</v>
      </c>
      <c r="AS4939">
        <v>0</v>
      </c>
      <c r="AT4939">
        <v>0</v>
      </c>
      <c r="AU4939">
        <v>0</v>
      </c>
      <c r="AV4939">
        <v>0</v>
      </c>
      <c r="AW4939">
        <v>0</v>
      </c>
      <c r="AX4939">
        <v>2682</v>
      </c>
      <c r="AY4939">
        <v>29</v>
      </c>
      <c r="AZ4939">
        <v>43</v>
      </c>
      <c r="BA4939">
        <v>3923</v>
      </c>
    </row>
    <row r="4940" spans="1:53" x14ac:dyDescent="0.4">
      <c r="A4940">
        <v>4984</v>
      </c>
      <c r="B4940" s="1">
        <v>44735</v>
      </c>
      <c r="C4940">
        <v>2</v>
      </c>
      <c r="D4940" s="1">
        <v>44735.743750000001</v>
      </c>
      <c r="E4940" s="1">
        <v>44735.884722222225</v>
      </c>
      <c r="F4940">
        <v>12040</v>
      </c>
      <c r="G4940">
        <v>5820</v>
      </c>
      <c r="H4940">
        <v>0</v>
      </c>
      <c r="I4940">
        <v>0</v>
      </c>
      <c r="J4940">
        <v>100</v>
      </c>
      <c r="K4940">
        <v>3040</v>
      </c>
      <c r="L4940">
        <v>0</v>
      </c>
      <c r="M4940">
        <v>1890</v>
      </c>
      <c r="N4940">
        <v>0</v>
      </c>
      <c r="O4940">
        <v>0</v>
      </c>
      <c r="P4940">
        <v>-9850</v>
      </c>
      <c r="Q4940">
        <v>0</v>
      </c>
      <c r="R4940">
        <v>10950</v>
      </c>
      <c r="S4940">
        <v>0</v>
      </c>
      <c r="T4940">
        <v>0</v>
      </c>
      <c r="U4940">
        <v>0</v>
      </c>
      <c r="V4940">
        <v>1</v>
      </c>
      <c r="W4940">
        <v>2</v>
      </c>
      <c r="X4940">
        <v>0</v>
      </c>
      <c r="Y4940">
        <v>44</v>
      </c>
      <c r="Z4940">
        <v>20</v>
      </c>
      <c r="AA4940">
        <v>117</v>
      </c>
      <c r="AB4940">
        <v>4</v>
      </c>
      <c r="AC4940">
        <v>91</v>
      </c>
      <c r="AD4940">
        <v>19</v>
      </c>
      <c r="AE4940">
        <v>61</v>
      </c>
      <c r="AF4940">
        <v>600</v>
      </c>
      <c r="AG4940">
        <v>87566</v>
      </c>
      <c r="AH4940">
        <v>50000</v>
      </c>
      <c r="AI4940">
        <v>0</v>
      </c>
      <c r="AJ4940">
        <v>30</v>
      </c>
      <c r="AK4940" t="s">
        <v>63</v>
      </c>
      <c r="AL4940">
        <v>0</v>
      </c>
      <c r="AM4940">
        <v>0</v>
      </c>
      <c r="AN4940">
        <v>0</v>
      </c>
      <c r="AO4940">
        <v>0</v>
      </c>
      <c r="AP4940">
        <v>0</v>
      </c>
      <c r="AQ4940">
        <v>0</v>
      </c>
      <c r="AR4940">
        <v>0</v>
      </c>
      <c r="AS4940">
        <v>0</v>
      </c>
      <c r="AT4940">
        <v>0</v>
      </c>
      <c r="AU4940">
        <v>0</v>
      </c>
      <c r="AV4940">
        <v>0</v>
      </c>
      <c r="AW4940">
        <v>0</v>
      </c>
      <c r="AX4940">
        <v>1320</v>
      </c>
      <c r="AY4940">
        <v>4</v>
      </c>
      <c r="AZ4940">
        <v>5</v>
      </c>
      <c r="BA4940">
        <v>1278</v>
      </c>
    </row>
    <row r="4941" spans="1:53" x14ac:dyDescent="0.4">
      <c r="A4941">
        <v>4985</v>
      </c>
      <c r="B4941" s="1">
        <v>44736</v>
      </c>
      <c r="C4941">
        <v>1</v>
      </c>
      <c r="D4941" s="1">
        <v>44736.291666666664</v>
      </c>
      <c r="E4941" s="1">
        <v>44736.456250000003</v>
      </c>
      <c r="F4941">
        <v>0</v>
      </c>
      <c r="G4941">
        <v>0</v>
      </c>
      <c r="H4941">
        <v>0</v>
      </c>
      <c r="I4941">
        <v>0</v>
      </c>
      <c r="J4941">
        <v>0</v>
      </c>
      <c r="K4941">
        <v>0</v>
      </c>
      <c r="L4941">
        <v>0</v>
      </c>
      <c r="M4941">
        <v>0</v>
      </c>
      <c r="N4941">
        <v>0</v>
      </c>
      <c r="O4941">
        <v>0</v>
      </c>
      <c r="P4941">
        <v>0</v>
      </c>
      <c r="Q4941">
        <v>0</v>
      </c>
      <c r="R4941">
        <v>0</v>
      </c>
      <c r="S4941">
        <v>0</v>
      </c>
      <c r="T4941">
        <v>0</v>
      </c>
      <c r="U4941">
        <v>0</v>
      </c>
      <c r="V4941">
        <v>0</v>
      </c>
      <c r="W4941">
        <v>1</v>
      </c>
      <c r="X4941">
        <v>0</v>
      </c>
      <c r="Y4941">
        <v>25</v>
      </c>
      <c r="Z4941">
        <v>14</v>
      </c>
      <c r="AA4941">
        <v>117</v>
      </c>
      <c r="AB4941">
        <v>5</v>
      </c>
      <c r="AC4941">
        <v>90</v>
      </c>
      <c r="AD4941">
        <v>18</v>
      </c>
      <c r="AE4941">
        <v>60</v>
      </c>
      <c r="AF4941">
        <v>0</v>
      </c>
      <c r="AG4941">
        <v>50000</v>
      </c>
      <c r="AH4941">
        <v>50000</v>
      </c>
      <c r="AI4941">
        <v>0</v>
      </c>
      <c r="AJ4941">
        <v>0</v>
      </c>
      <c r="AK4941" t="s">
        <v>6</v>
      </c>
      <c r="AL4941">
        <v>0</v>
      </c>
      <c r="AM4941">
        <v>0</v>
      </c>
      <c r="AN4941">
        <v>0</v>
      </c>
      <c r="AO4941">
        <v>0</v>
      </c>
      <c r="AP4941">
        <v>0</v>
      </c>
      <c r="AQ4941">
        <v>0</v>
      </c>
      <c r="AR4941">
        <v>0</v>
      </c>
      <c r="AS4941">
        <v>0</v>
      </c>
      <c r="AT4941">
        <v>0</v>
      </c>
      <c r="AU4941">
        <v>0</v>
      </c>
      <c r="AV4941">
        <v>0</v>
      </c>
      <c r="AW4941">
        <v>0</v>
      </c>
      <c r="AX4941">
        <v>0</v>
      </c>
      <c r="AY4941">
        <v>0</v>
      </c>
      <c r="AZ4941">
        <v>0</v>
      </c>
      <c r="BA4941">
        <v>0</v>
      </c>
    </row>
    <row r="4942" spans="1:53" x14ac:dyDescent="0.4">
      <c r="A4942">
        <v>4986</v>
      </c>
      <c r="B4942" s="1">
        <v>44736</v>
      </c>
      <c r="C4942">
        <v>2</v>
      </c>
      <c r="D4942" s="1">
        <v>44736.456250000003</v>
      </c>
      <c r="E4942" s="1">
        <v>44736.739583333336</v>
      </c>
      <c r="F4942">
        <v>25060</v>
      </c>
      <c r="G4942">
        <v>1056</v>
      </c>
      <c r="H4942">
        <v>0</v>
      </c>
      <c r="I4942">
        <v>0</v>
      </c>
      <c r="J4942">
        <v>0</v>
      </c>
      <c r="K4942">
        <v>0</v>
      </c>
      <c r="L4942">
        <v>0</v>
      </c>
      <c r="M4942">
        <v>2373</v>
      </c>
      <c r="N4942">
        <v>0</v>
      </c>
      <c r="O4942">
        <v>0</v>
      </c>
      <c r="P4942">
        <v>21824</v>
      </c>
      <c r="Q4942">
        <v>0</v>
      </c>
      <c r="R4942">
        <v>47940</v>
      </c>
      <c r="S4942">
        <v>0</v>
      </c>
      <c r="T4942">
        <v>0</v>
      </c>
      <c r="U4942">
        <v>0</v>
      </c>
      <c r="V4942">
        <v>1</v>
      </c>
      <c r="W4942">
        <v>0</v>
      </c>
      <c r="X4942">
        <v>0</v>
      </c>
      <c r="Y4942">
        <v>64</v>
      </c>
      <c r="Z4942">
        <v>18</v>
      </c>
      <c r="AA4942">
        <v>90</v>
      </c>
      <c r="AB4942">
        <v>10</v>
      </c>
      <c r="AC4942">
        <v>113</v>
      </c>
      <c r="AD4942">
        <v>16</v>
      </c>
      <c r="AE4942">
        <v>65</v>
      </c>
      <c r="AF4942">
        <v>4165</v>
      </c>
      <c r="AG4942">
        <v>97940</v>
      </c>
      <c r="AH4942">
        <v>50000</v>
      </c>
      <c r="AI4942">
        <v>0</v>
      </c>
      <c r="AJ4942">
        <v>116</v>
      </c>
      <c r="AK4942" t="s">
        <v>54</v>
      </c>
      <c r="AL4942">
        <v>0</v>
      </c>
      <c r="AM4942">
        <v>0</v>
      </c>
      <c r="AN4942">
        <v>0</v>
      </c>
      <c r="AO4942">
        <v>0</v>
      </c>
      <c r="AP4942">
        <v>0</v>
      </c>
      <c r="AQ4942">
        <v>0</v>
      </c>
      <c r="AR4942">
        <v>0</v>
      </c>
      <c r="AS4942">
        <v>0</v>
      </c>
      <c r="AT4942">
        <v>0</v>
      </c>
      <c r="AU4942">
        <v>0</v>
      </c>
      <c r="AV4942">
        <v>0</v>
      </c>
      <c r="AW4942">
        <v>0</v>
      </c>
      <c r="AX4942">
        <v>-466</v>
      </c>
      <c r="AY4942">
        <v>41</v>
      </c>
      <c r="AZ4942">
        <v>76</v>
      </c>
      <c r="BA4942">
        <v>5638</v>
      </c>
    </row>
    <row r="4943" spans="1:53" x14ac:dyDescent="0.4">
      <c r="A4943">
        <v>4987</v>
      </c>
      <c r="B4943" s="1">
        <v>44736</v>
      </c>
      <c r="C4943">
        <v>3</v>
      </c>
      <c r="D4943" s="1">
        <v>44736.739583333336</v>
      </c>
      <c r="E4943" s="1">
        <v>44736.97152777778</v>
      </c>
      <c r="F4943">
        <v>112210</v>
      </c>
      <c r="G4943">
        <v>7119</v>
      </c>
      <c r="H4943">
        <v>0</v>
      </c>
      <c r="I4943">
        <v>0</v>
      </c>
      <c r="J4943">
        <v>200</v>
      </c>
      <c r="K4943">
        <v>0</v>
      </c>
      <c r="L4943">
        <v>0</v>
      </c>
      <c r="M4943">
        <v>10828</v>
      </c>
      <c r="N4943">
        <v>0</v>
      </c>
      <c r="O4943">
        <v>0</v>
      </c>
      <c r="P4943">
        <v>-18424</v>
      </c>
      <c r="Q4943">
        <v>0</v>
      </c>
      <c r="R4943">
        <v>100705</v>
      </c>
      <c r="S4943">
        <v>0</v>
      </c>
      <c r="T4943">
        <v>0</v>
      </c>
      <c r="U4943">
        <v>0</v>
      </c>
      <c r="V4943">
        <v>6</v>
      </c>
      <c r="W4943">
        <v>4</v>
      </c>
      <c r="X4943">
        <v>0</v>
      </c>
      <c r="Y4943">
        <v>89</v>
      </c>
      <c r="Z4943">
        <v>21</v>
      </c>
      <c r="AA4943">
        <v>99</v>
      </c>
      <c r="AB4943">
        <v>10</v>
      </c>
      <c r="AC4943">
        <v>123</v>
      </c>
      <c r="AD4943">
        <v>17</v>
      </c>
      <c r="AE4943">
        <v>75</v>
      </c>
      <c r="AF4943">
        <v>7355</v>
      </c>
      <c r="AG4943">
        <v>198645</v>
      </c>
      <c r="AH4943">
        <v>50000</v>
      </c>
      <c r="AI4943">
        <v>0</v>
      </c>
      <c r="AJ4943">
        <v>103</v>
      </c>
      <c r="AK4943" t="s">
        <v>7</v>
      </c>
      <c r="AL4943">
        <v>0</v>
      </c>
      <c r="AM4943">
        <v>0</v>
      </c>
      <c r="AN4943">
        <v>0</v>
      </c>
      <c r="AO4943">
        <v>0</v>
      </c>
      <c r="AP4943">
        <v>0</v>
      </c>
      <c r="AQ4943">
        <v>0</v>
      </c>
      <c r="AR4943">
        <v>0</v>
      </c>
      <c r="AS4943">
        <v>0</v>
      </c>
      <c r="AT4943">
        <v>0</v>
      </c>
      <c r="AU4943">
        <v>0</v>
      </c>
      <c r="AV4943">
        <v>0</v>
      </c>
      <c r="AW4943">
        <v>0</v>
      </c>
      <c r="AX4943">
        <v>79994</v>
      </c>
      <c r="AY4943">
        <v>32</v>
      </c>
      <c r="AZ4943">
        <v>94</v>
      </c>
      <c r="BA4943">
        <v>4681</v>
      </c>
    </row>
    <row r="4944" spans="1:53" x14ac:dyDescent="0.4">
      <c r="A4944">
        <v>4988</v>
      </c>
      <c r="B4944" s="1">
        <v>44737</v>
      </c>
      <c r="C4944">
        <v>1</v>
      </c>
      <c r="D4944" s="1">
        <v>44737.291666666664</v>
      </c>
      <c r="E4944" s="1">
        <v>44737.407638888886</v>
      </c>
      <c r="F4944">
        <v>0</v>
      </c>
      <c r="G4944">
        <v>0</v>
      </c>
      <c r="H4944">
        <v>0</v>
      </c>
      <c r="I4944">
        <v>0</v>
      </c>
      <c r="J4944">
        <v>0</v>
      </c>
      <c r="K4944">
        <v>0</v>
      </c>
      <c r="L4944">
        <v>0</v>
      </c>
      <c r="M4944">
        <v>0</v>
      </c>
      <c r="N4944">
        <v>0</v>
      </c>
      <c r="O4944">
        <v>0</v>
      </c>
      <c r="P4944">
        <v>0</v>
      </c>
      <c r="Q4944">
        <v>0</v>
      </c>
      <c r="R4944">
        <v>0</v>
      </c>
      <c r="S4944">
        <v>0</v>
      </c>
      <c r="T4944">
        <v>0</v>
      </c>
      <c r="U4944">
        <v>0</v>
      </c>
      <c r="V4944">
        <v>0</v>
      </c>
      <c r="W4944">
        <v>1</v>
      </c>
      <c r="X4944">
        <v>0</v>
      </c>
      <c r="Y4944">
        <v>25</v>
      </c>
      <c r="Z4944">
        <v>18</v>
      </c>
      <c r="AA4944">
        <v>91</v>
      </c>
      <c r="AB4944">
        <v>12</v>
      </c>
      <c r="AC4944">
        <v>116</v>
      </c>
      <c r="AD4944">
        <v>14</v>
      </c>
      <c r="AE4944">
        <v>70</v>
      </c>
      <c r="AF4944">
        <v>0</v>
      </c>
      <c r="AG4944">
        <v>50000</v>
      </c>
      <c r="AH4944">
        <v>50000</v>
      </c>
      <c r="AI4944">
        <v>0</v>
      </c>
      <c r="AJ4944">
        <v>0</v>
      </c>
      <c r="AK4944" t="s">
        <v>6</v>
      </c>
      <c r="AL4944">
        <v>0</v>
      </c>
      <c r="AM4944">
        <v>0</v>
      </c>
      <c r="AN4944">
        <v>0</v>
      </c>
      <c r="AO4944">
        <v>0</v>
      </c>
      <c r="AP4944">
        <v>0</v>
      </c>
      <c r="AQ4944">
        <v>0</v>
      </c>
      <c r="AR4944">
        <v>0</v>
      </c>
      <c r="AS4944">
        <v>0</v>
      </c>
      <c r="AT4944">
        <v>0</v>
      </c>
      <c r="AU4944">
        <v>0</v>
      </c>
      <c r="AV4944">
        <v>0</v>
      </c>
      <c r="AW4944">
        <v>0</v>
      </c>
      <c r="AX4944">
        <v>0</v>
      </c>
      <c r="AY4944">
        <v>0</v>
      </c>
      <c r="AZ4944">
        <v>0</v>
      </c>
      <c r="BA4944">
        <v>0</v>
      </c>
    </row>
    <row r="4945" spans="1:53" x14ac:dyDescent="0.4">
      <c r="A4945">
        <v>4989</v>
      </c>
      <c r="B4945" s="1">
        <v>44737</v>
      </c>
      <c r="C4945">
        <v>2</v>
      </c>
      <c r="D4945" s="1">
        <v>44737.407638888886</v>
      </c>
      <c r="E4945" s="1">
        <v>44737.740972222222</v>
      </c>
      <c r="F4945">
        <v>42130</v>
      </c>
      <c r="G4945">
        <v>1496</v>
      </c>
      <c r="H4945">
        <v>0</v>
      </c>
      <c r="I4945">
        <v>0</v>
      </c>
      <c r="J4945">
        <v>200</v>
      </c>
      <c r="K4945">
        <v>800</v>
      </c>
      <c r="L4945">
        <v>0</v>
      </c>
      <c r="M4945">
        <v>4020</v>
      </c>
      <c r="N4945">
        <v>0</v>
      </c>
      <c r="O4945">
        <v>0</v>
      </c>
      <c r="P4945">
        <v>23150</v>
      </c>
      <c r="Q4945">
        <v>0</v>
      </c>
      <c r="R4945">
        <v>67376</v>
      </c>
      <c r="S4945">
        <v>0</v>
      </c>
      <c r="T4945">
        <v>0</v>
      </c>
      <c r="U4945">
        <v>0</v>
      </c>
      <c r="V4945">
        <v>3</v>
      </c>
      <c r="W4945">
        <v>0</v>
      </c>
      <c r="X4945">
        <v>0</v>
      </c>
      <c r="Y4945">
        <v>61</v>
      </c>
      <c r="Z4945">
        <v>26</v>
      </c>
      <c r="AA4945">
        <v>96</v>
      </c>
      <c r="AB4945">
        <v>22</v>
      </c>
      <c r="AC4945">
        <v>147</v>
      </c>
      <c r="AD4945">
        <v>16</v>
      </c>
      <c r="AE4945">
        <v>66</v>
      </c>
      <c r="AF4945">
        <v>1060</v>
      </c>
      <c r="AG4945">
        <v>117376</v>
      </c>
      <c r="AH4945">
        <v>50000</v>
      </c>
      <c r="AI4945">
        <v>0</v>
      </c>
      <c r="AJ4945">
        <v>103</v>
      </c>
      <c r="AK4945" t="s">
        <v>7</v>
      </c>
      <c r="AL4945">
        <v>0</v>
      </c>
      <c r="AM4945">
        <v>0</v>
      </c>
      <c r="AN4945">
        <v>0</v>
      </c>
      <c r="AO4945">
        <v>0</v>
      </c>
      <c r="AP4945">
        <v>0</v>
      </c>
      <c r="AQ4945">
        <v>0</v>
      </c>
      <c r="AR4945">
        <v>0</v>
      </c>
      <c r="AS4945">
        <v>0</v>
      </c>
      <c r="AT4945">
        <v>0</v>
      </c>
      <c r="AU4945">
        <v>0</v>
      </c>
      <c r="AV4945">
        <v>0</v>
      </c>
      <c r="AW4945">
        <v>0</v>
      </c>
      <c r="AX4945">
        <v>594</v>
      </c>
      <c r="AY4945">
        <v>50</v>
      </c>
      <c r="AZ4945">
        <v>105</v>
      </c>
      <c r="BA4945">
        <v>7673</v>
      </c>
    </row>
    <row r="4946" spans="1:53" x14ac:dyDescent="0.4">
      <c r="A4946">
        <v>4990</v>
      </c>
      <c r="B4946" s="1">
        <v>44737</v>
      </c>
      <c r="C4946">
        <v>3</v>
      </c>
      <c r="D4946" s="1">
        <v>44737.740972222222</v>
      </c>
      <c r="E4946" s="1">
        <v>44737.939583333333</v>
      </c>
      <c r="F4946">
        <v>56320</v>
      </c>
      <c r="G4946">
        <v>979</v>
      </c>
      <c r="H4946">
        <v>0</v>
      </c>
      <c r="I4946">
        <v>0</v>
      </c>
      <c r="J4946">
        <v>0</v>
      </c>
      <c r="K4946">
        <v>0</v>
      </c>
      <c r="L4946">
        <v>0</v>
      </c>
      <c r="M4946">
        <v>5206</v>
      </c>
      <c r="N4946">
        <v>0</v>
      </c>
      <c r="O4946">
        <v>0</v>
      </c>
      <c r="P4946">
        <v>-23150</v>
      </c>
      <c r="Q4946">
        <v>0</v>
      </c>
      <c r="R4946">
        <v>34149</v>
      </c>
      <c r="S4946">
        <v>0</v>
      </c>
      <c r="T4946">
        <v>0</v>
      </c>
      <c r="U4946">
        <v>0</v>
      </c>
      <c r="V4946">
        <v>2</v>
      </c>
      <c r="W4946">
        <v>2</v>
      </c>
      <c r="X4946">
        <v>0</v>
      </c>
      <c r="Y4946">
        <v>81</v>
      </c>
      <c r="Z4946">
        <v>23</v>
      </c>
      <c r="AA4946">
        <v>96</v>
      </c>
      <c r="AB4946">
        <v>21</v>
      </c>
      <c r="AC4946">
        <v>144</v>
      </c>
      <c r="AD4946">
        <v>15</v>
      </c>
      <c r="AE4946">
        <v>62</v>
      </c>
      <c r="AF4946">
        <v>16798</v>
      </c>
      <c r="AG4946">
        <v>151525</v>
      </c>
      <c r="AH4946">
        <v>50000</v>
      </c>
      <c r="AI4946">
        <v>0</v>
      </c>
      <c r="AJ4946">
        <v>103</v>
      </c>
      <c r="AK4946" t="s">
        <v>7</v>
      </c>
      <c r="AL4946">
        <v>0</v>
      </c>
      <c r="AM4946">
        <v>0</v>
      </c>
      <c r="AN4946">
        <v>0</v>
      </c>
      <c r="AO4946">
        <v>0</v>
      </c>
      <c r="AP4946">
        <v>0</v>
      </c>
      <c r="AQ4946">
        <v>0</v>
      </c>
      <c r="AR4946">
        <v>0</v>
      </c>
      <c r="AS4946">
        <v>0</v>
      </c>
      <c r="AT4946">
        <v>0</v>
      </c>
      <c r="AU4946">
        <v>0</v>
      </c>
      <c r="AV4946">
        <v>0</v>
      </c>
      <c r="AW4946">
        <v>0</v>
      </c>
      <c r="AX4946">
        <v>77357</v>
      </c>
      <c r="AY4946">
        <v>32</v>
      </c>
      <c r="AZ4946">
        <v>90</v>
      </c>
      <c r="BA4946">
        <v>3841</v>
      </c>
    </row>
    <row r="4947" spans="1:53" x14ac:dyDescent="0.4">
      <c r="A4947">
        <v>4991</v>
      </c>
      <c r="B4947" s="1">
        <v>44737</v>
      </c>
      <c r="C4947">
        <v>4</v>
      </c>
      <c r="D4947" s="1">
        <v>44737.939583333333</v>
      </c>
      <c r="E4947" s="1">
        <v>44738.087500000001</v>
      </c>
      <c r="F4947">
        <v>183100</v>
      </c>
      <c r="G4947">
        <v>4664</v>
      </c>
      <c r="H4947">
        <v>0</v>
      </c>
      <c r="I4947">
        <v>0</v>
      </c>
      <c r="J4947">
        <v>0</v>
      </c>
      <c r="K4947">
        <v>4550</v>
      </c>
      <c r="L4947">
        <v>0</v>
      </c>
      <c r="M4947">
        <v>17482</v>
      </c>
      <c r="N4947">
        <v>0</v>
      </c>
      <c r="O4947">
        <v>0</v>
      </c>
      <c r="P4947">
        <v>30500</v>
      </c>
      <c r="Q4947">
        <v>0</v>
      </c>
      <c r="R4947">
        <v>222814</v>
      </c>
      <c r="S4947">
        <v>0</v>
      </c>
      <c r="T4947">
        <v>0</v>
      </c>
      <c r="U4947">
        <v>0</v>
      </c>
      <c r="V4947">
        <v>19</v>
      </c>
      <c r="W4947">
        <v>3</v>
      </c>
      <c r="X4947">
        <v>0</v>
      </c>
      <c r="Y4947">
        <v>72</v>
      </c>
      <c r="Z4947">
        <v>26</v>
      </c>
      <c r="AA4947">
        <v>94</v>
      </c>
      <c r="AB4947">
        <v>21</v>
      </c>
      <c r="AC4947">
        <v>141</v>
      </c>
      <c r="AD4947">
        <v>16</v>
      </c>
      <c r="AE4947">
        <v>51</v>
      </c>
      <c r="AF4947">
        <v>72348</v>
      </c>
      <c r="AG4947">
        <v>374339</v>
      </c>
      <c r="AH4947">
        <v>50000</v>
      </c>
      <c r="AI4947">
        <v>0</v>
      </c>
      <c r="AJ4947">
        <v>108</v>
      </c>
      <c r="AK4947" t="s">
        <v>3</v>
      </c>
      <c r="AL4947">
        <v>0</v>
      </c>
      <c r="AM4947">
        <v>0</v>
      </c>
      <c r="AN4947">
        <v>0</v>
      </c>
      <c r="AO4947">
        <v>0</v>
      </c>
      <c r="AP4947">
        <v>0</v>
      </c>
      <c r="AQ4947">
        <v>0</v>
      </c>
      <c r="AR4947">
        <v>0</v>
      </c>
      <c r="AS4947">
        <v>0</v>
      </c>
      <c r="AT4947">
        <v>0</v>
      </c>
      <c r="AU4947">
        <v>0</v>
      </c>
      <c r="AV4947">
        <v>0</v>
      </c>
      <c r="AW4947">
        <v>0</v>
      </c>
      <c r="AX4947">
        <v>0</v>
      </c>
      <c r="AY4947">
        <v>12</v>
      </c>
      <c r="AZ4947">
        <v>42</v>
      </c>
      <c r="BA4947">
        <v>2335</v>
      </c>
    </row>
    <row r="4948" spans="1:53" x14ac:dyDescent="0.4">
      <c r="A4948">
        <v>4992</v>
      </c>
      <c r="B4948" s="1">
        <v>44738</v>
      </c>
      <c r="C4948">
        <v>1</v>
      </c>
      <c r="D4948" s="1">
        <v>44738.291666666664</v>
      </c>
      <c r="E4948" s="1">
        <v>44738.404166666667</v>
      </c>
      <c r="F4948">
        <v>0</v>
      </c>
      <c r="G4948">
        <v>0</v>
      </c>
      <c r="H4948">
        <v>0</v>
      </c>
      <c r="I4948">
        <v>0</v>
      </c>
      <c r="J4948">
        <v>0</v>
      </c>
      <c r="K4948">
        <v>0</v>
      </c>
      <c r="L4948">
        <v>0</v>
      </c>
      <c r="M4948">
        <v>0</v>
      </c>
      <c r="N4948">
        <v>0</v>
      </c>
      <c r="O4948">
        <v>0</v>
      </c>
      <c r="P4948">
        <v>0</v>
      </c>
      <c r="Q4948">
        <v>0</v>
      </c>
      <c r="R4948">
        <v>0</v>
      </c>
      <c r="S4948">
        <v>0</v>
      </c>
      <c r="T4948">
        <v>0</v>
      </c>
      <c r="U4948">
        <v>0</v>
      </c>
      <c r="V4948">
        <v>0</v>
      </c>
      <c r="W4948">
        <v>1</v>
      </c>
      <c r="X4948">
        <v>0</v>
      </c>
      <c r="Y4948">
        <v>25</v>
      </c>
      <c r="Z4948">
        <v>16</v>
      </c>
      <c r="AA4948">
        <v>97</v>
      </c>
      <c r="AB4948">
        <v>23</v>
      </c>
      <c r="AC4948">
        <v>102</v>
      </c>
      <c r="AD4948">
        <v>16</v>
      </c>
      <c r="AE4948">
        <v>50</v>
      </c>
      <c r="AF4948">
        <v>0</v>
      </c>
      <c r="AG4948">
        <v>50000</v>
      </c>
      <c r="AH4948">
        <v>50000</v>
      </c>
      <c r="AI4948">
        <v>0</v>
      </c>
      <c r="AJ4948">
        <v>0</v>
      </c>
      <c r="AK4948" t="s">
        <v>6</v>
      </c>
      <c r="AL4948">
        <v>0</v>
      </c>
      <c r="AM4948">
        <v>0</v>
      </c>
      <c r="AN4948">
        <v>0</v>
      </c>
      <c r="AO4948">
        <v>0</v>
      </c>
      <c r="AP4948">
        <v>0</v>
      </c>
      <c r="AQ4948">
        <v>0</v>
      </c>
      <c r="AR4948">
        <v>0</v>
      </c>
      <c r="AS4948">
        <v>0</v>
      </c>
      <c r="AT4948">
        <v>0</v>
      </c>
      <c r="AU4948">
        <v>0</v>
      </c>
      <c r="AV4948">
        <v>0</v>
      </c>
      <c r="AW4948">
        <v>0</v>
      </c>
      <c r="AX4948">
        <v>0</v>
      </c>
      <c r="AY4948">
        <v>0</v>
      </c>
      <c r="AZ4948">
        <v>0</v>
      </c>
      <c r="BA4948">
        <v>0</v>
      </c>
    </row>
    <row r="4949" spans="1:53" x14ac:dyDescent="0.4">
      <c r="A4949">
        <v>4993</v>
      </c>
      <c r="B4949" s="1">
        <v>44738</v>
      </c>
      <c r="C4949">
        <v>2</v>
      </c>
      <c r="D4949" s="1">
        <v>44738.404166666667</v>
      </c>
      <c r="E4949" s="1">
        <v>44738.740277777775</v>
      </c>
      <c r="F4949">
        <v>43220</v>
      </c>
      <c r="G4949">
        <v>3718</v>
      </c>
      <c r="H4949">
        <v>0</v>
      </c>
      <c r="I4949">
        <v>0</v>
      </c>
      <c r="J4949">
        <v>0</v>
      </c>
      <c r="K4949">
        <v>400</v>
      </c>
      <c r="L4949">
        <v>0</v>
      </c>
      <c r="M4949">
        <v>4301</v>
      </c>
      <c r="N4949">
        <v>0</v>
      </c>
      <c r="O4949">
        <v>0</v>
      </c>
      <c r="P4949">
        <v>25260</v>
      </c>
      <c r="Q4949">
        <v>0</v>
      </c>
      <c r="R4949">
        <v>72598</v>
      </c>
      <c r="S4949">
        <v>0</v>
      </c>
      <c r="T4949">
        <v>0</v>
      </c>
      <c r="U4949">
        <v>0</v>
      </c>
      <c r="V4949">
        <v>2</v>
      </c>
      <c r="W4949">
        <v>2</v>
      </c>
      <c r="X4949">
        <v>0</v>
      </c>
      <c r="Y4949">
        <v>66</v>
      </c>
      <c r="Z4949">
        <v>29</v>
      </c>
      <c r="AA4949">
        <v>75</v>
      </c>
      <c r="AB4949">
        <v>31</v>
      </c>
      <c r="AC4949">
        <v>170</v>
      </c>
      <c r="AD4949">
        <v>19</v>
      </c>
      <c r="AE4949">
        <v>53</v>
      </c>
      <c r="AF4949">
        <v>1200</v>
      </c>
      <c r="AG4949">
        <v>122598</v>
      </c>
      <c r="AH4949">
        <v>50000</v>
      </c>
      <c r="AI4949">
        <v>0</v>
      </c>
      <c r="AJ4949">
        <v>115</v>
      </c>
      <c r="AK4949" t="s">
        <v>55</v>
      </c>
      <c r="AL4949">
        <v>0</v>
      </c>
      <c r="AM4949">
        <v>0</v>
      </c>
      <c r="AN4949">
        <v>0</v>
      </c>
      <c r="AO4949">
        <v>0</v>
      </c>
      <c r="AP4949">
        <v>0</v>
      </c>
      <c r="AQ4949">
        <v>0</v>
      </c>
      <c r="AR4949">
        <v>0</v>
      </c>
      <c r="AS4949">
        <v>0</v>
      </c>
      <c r="AT4949">
        <v>0</v>
      </c>
      <c r="AU4949">
        <v>0</v>
      </c>
      <c r="AV4949">
        <v>0</v>
      </c>
      <c r="AW4949">
        <v>0</v>
      </c>
      <c r="AX4949">
        <v>-1730</v>
      </c>
      <c r="AY4949">
        <v>55</v>
      </c>
      <c r="AZ4949">
        <v>115</v>
      </c>
      <c r="BA4949">
        <v>7509</v>
      </c>
    </row>
    <row r="4950" spans="1:53" x14ac:dyDescent="0.4">
      <c r="A4950">
        <v>4994</v>
      </c>
      <c r="B4950" s="1">
        <v>44738</v>
      </c>
      <c r="C4950">
        <v>3</v>
      </c>
      <c r="D4950" s="1">
        <v>44738.740277777775</v>
      </c>
      <c r="E4950" s="1">
        <v>44738.894444444442</v>
      </c>
      <c r="F4950">
        <v>31660</v>
      </c>
      <c r="G4950">
        <v>0</v>
      </c>
      <c r="H4950">
        <v>0</v>
      </c>
      <c r="I4950">
        <v>0</v>
      </c>
      <c r="J4950">
        <v>150</v>
      </c>
      <c r="K4950">
        <v>0</v>
      </c>
      <c r="L4950">
        <v>0</v>
      </c>
      <c r="M4950">
        <v>2863</v>
      </c>
      <c r="N4950">
        <v>0</v>
      </c>
      <c r="O4950">
        <v>0</v>
      </c>
      <c r="P4950">
        <v>-21510</v>
      </c>
      <c r="Q4950">
        <v>0</v>
      </c>
      <c r="R4950">
        <v>10000</v>
      </c>
      <c r="S4950">
        <v>0</v>
      </c>
      <c r="T4950">
        <v>0</v>
      </c>
      <c r="U4950">
        <v>0</v>
      </c>
      <c r="V4950">
        <v>2</v>
      </c>
      <c r="W4950">
        <v>3</v>
      </c>
      <c r="X4950">
        <v>0</v>
      </c>
      <c r="Y4950">
        <v>70</v>
      </c>
      <c r="Z4950">
        <v>30</v>
      </c>
      <c r="AA4950">
        <v>69</v>
      </c>
      <c r="AB4950">
        <v>31</v>
      </c>
      <c r="AC4950">
        <v>174</v>
      </c>
      <c r="AD4950">
        <v>19</v>
      </c>
      <c r="AE4950">
        <v>53</v>
      </c>
      <c r="AF4950">
        <v>2260</v>
      </c>
      <c r="AG4950">
        <v>132598</v>
      </c>
      <c r="AH4950">
        <v>50000</v>
      </c>
      <c r="AI4950">
        <v>0</v>
      </c>
      <c r="AJ4950">
        <v>30</v>
      </c>
      <c r="AK4950" t="s">
        <v>63</v>
      </c>
      <c r="AL4950">
        <v>0</v>
      </c>
      <c r="AM4950">
        <v>0</v>
      </c>
      <c r="AN4950">
        <v>0</v>
      </c>
      <c r="AO4950">
        <v>0</v>
      </c>
      <c r="AP4950">
        <v>0</v>
      </c>
      <c r="AQ4950">
        <v>0</v>
      </c>
      <c r="AR4950">
        <v>0</v>
      </c>
      <c r="AS4950">
        <v>0</v>
      </c>
      <c r="AT4950">
        <v>0</v>
      </c>
      <c r="AU4950">
        <v>0</v>
      </c>
      <c r="AV4950">
        <v>0</v>
      </c>
      <c r="AW4950">
        <v>0</v>
      </c>
      <c r="AX4950">
        <v>6490</v>
      </c>
      <c r="AY4950">
        <v>8</v>
      </c>
      <c r="AZ4950">
        <v>20</v>
      </c>
      <c r="BA4950">
        <v>2191</v>
      </c>
    </row>
    <row r="4951" spans="1:53" x14ac:dyDescent="0.4">
      <c r="A4951">
        <v>4995</v>
      </c>
      <c r="B4951" s="1">
        <v>44739</v>
      </c>
      <c r="C4951">
        <v>1</v>
      </c>
      <c r="D4951" s="1">
        <v>44739.291666666664</v>
      </c>
      <c r="E4951" s="1">
        <v>44739.436805555553</v>
      </c>
      <c r="F4951">
        <v>0</v>
      </c>
      <c r="G4951">
        <v>0</v>
      </c>
      <c r="H4951">
        <v>0</v>
      </c>
      <c r="I4951">
        <v>0</v>
      </c>
      <c r="J4951">
        <v>0</v>
      </c>
      <c r="K4951">
        <v>0</v>
      </c>
      <c r="L4951">
        <v>0</v>
      </c>
      <c r="M4951">
        <v>0</v>
      </c>
      <c r="N4951">
        <v>0</v>
      </c>
      <c r="O4951">
        <v>0</v>
      </c>
      <c r="P4951">
        <v>0</v>
      </c>
      <c r="Q4951">
        <v>0</v>
      </c>
      <c r="R4951">
        <v>0</v>
      </c>
      <c r="S4951">
        <v>0</v>
      </c>
      <c r="T4951">
        <v>0</v>
      </c>
      <c r="U4951">
        <v>0</v>
      </c>
      <c r="V4951">
        <v>0</v>
      </c>
      <c r="W4951">
        <v>1</v>
      </c>
      <c r="X4951">
        <v>0</v>
      </c>
      <c r="Y4951">
        <v>25</v>
      </c>
      <c r="Z4951">
        <v>20</v>
      </c>
      <c r="AA4951">
        <v>73</v>
      </c>
      <c r="AB4951">
        <v>29</v>
      </c>
      <c r="AC4951">
        <v>111</v>
      </c>
      <c r="AD4951">
        <v>18</v>
      </c>
      <c r="AE4951">
        <v>50</v>
      </c>
      <c r="AF4951">
        <v>0</v>
      </c>
      <c r="AG4951">
        <v>50000</v>
      </c>
      <c r="AH4951">
        <v>50000</v>
      </c>
      <c r="AI4951">
        <v>0</v>
      </c>
      <c r="AJ4951">
        <v>0</v>
      </c>
      <c r="AK4951" t="s">
        <v>6</v>
      </c>
      <c r="AL4951">
        <v>0</v>
      </c>
      <c r="AM4951">
        <v>0</v>
      </c>
      <c r="AN4951">
        <v>0</v>
      </c>
      <c r="AO4951">
        <v>0</v>
      </c>
      <c r="AP4951">
        <v>0</v>
      </c>
      <c r="AQ4951">
        <v>0</v>
      </c>
      <c r="AR4951">
        <v>0</v>
      </c>
      <c r="AS4951">
        <v>0</v>
      </c>
      <c r="AT4951">
        <v>0</v>
      </c>
      <c r="AU4951">
        <v>0</v>
      </c>
      <c r="AV4951">
        <v>0</v>
      </c>
      <c r="AW4951">
        <v>0</v>
      </c>
      <c r="AX4951">
        <v>0</v>
      </c>
      <c r="AY4951">
        <v>0</v>
      </c>
      <c r="AZ4951">
        <v>0</v>
      </c>
      <c r="BA4951">
        <v>0</v>
      </c>
    </row>
    <row r="4952" spans="1:53" x14ac:dyDescent="0.4">
      <c r="A4952">
        <v>4996</v>
      </c>
      <c r="B4952" s="1">
        <v>44739</v>
      </c>
      <c r="C4952">
        <v>2</v>
      </c>
      <c r="D4952" s="1">
        <v>44739.436805555553</v>
      </c>
      <c r="E4952" s="1">
        <v>44739.74722222222</v>
      </c>
      <c r="F4952">
        <v>25560</v>
      </c>
      <c r="G4952">
        <v>1650</v>
      </c>
      <c r="H4952">
        <v>220</v>
      </c>
      <c r="I4952">
        <v>0</v>
      </c>
      <c r="J4952">
        <v>0</v>
      </c>
      <c r="K4952">
        <v>0</v>
      </c>
      <c r="L4952">
        <v>0</v>
      </c>
      <c r="M4952">
        <v>2491</v>
      </c>
      <c r="N4952">
        <v>0</v>
      </c>
      <c r="O4952">
        <v>0</v>
      </c>
      <c r="P4952">
        <v>16050</v>
      </c>
      <c r="Q4952">
        <v>0</v>
      </c>
      <c r="R4952">
        <v>43480</v>
      </c>
      <c r="S4952">
        <v>0</v>
      </c>
      <c r="T4952">
        <v>0</v>
      </c>
      <c r="U4952">
        <v>0</v>
      </c>
      <c r="V4952">
        <v>0</v>
      </c>
      <c r="W4952">
        <v>4</v>
      </c>
      <c r="X4952">
        <v>0</v>
      </c>
      <c r="Y4952">
        <v>42</v>
      </c>
      <c r="Z4952">
        <v>37</v>
      </c>
      <c r="AA4952">
        <v>71</v>
      </c>
      <c r="AB4952">
        <v>31</v>
      </c>
      <c r="AC4952">
        <v>135</v>
      </c>
      <c r="AD4952">
        <v>17</v>
      </c>
      <c r="AE4952">
        <v>51</v>
      </c>
      <c r="AF4952">
        <v>2844</v>
      </c>
      <c r="AG4952">
        <v>93480</v>
      </c>
      <c r="AH4952">
        <v>50000</v>
      </c>
      <c r="AI4952">
        <v>0</v>
      </c>
      <c r="AJ4952">
        <v>116</v>
      </c>
      <c r="AK4952" t="s">
        <v>54</v>
      </c>
      <c r="AL4952">
        <v>0</v>
      </c>
      <c r="AM4952">
        <v>0</v>
      </c>
      <c r="AN4952">
        <v>0</v>
      </c>
      <c r="AO4952">
        <v>0</v>
      </c>
      <c r="AP4952">
        <v>0</v>
      </c>
      <c r="AQ4952">
        <v>0</v>
      </c>
      <c r="AR4952">
        <v>0</v>
      </c>
      <c r="AS4952">
        <v>0</v>
      </c>
      <c r="AT4952">
        <v>0</v>
      </c>
      <c r="AU4952">
        <v>0</v>
      </c>
      <c r="AV4952">
        <v>0</v>
      </c>
      <c r="AW4952">
        <v>0</v>
      </c>
      <c r="AX4952">
        <v>908</v>
      </c>
      <c r="AY4952">
        <v>40</v>
      </c>
      <c r="AZ4952">
        <v>66</v>
      </c>
      <c r="BA4952">
        <v>6241</v>
      </c>
    </row>
    <row r="4953" spans="1:53" x14ac:dyDescent="0.4">
      <c r="A4953">
        <v>4997</v>
      </c>
      <c r="B4953" s="1">
        <v>44740</v>
      </c>
      <c r="C4953">
        <v>1</v>
      </c>
      <c r="D4953" s="1">
        <v>44740.291666666664</v>
      </c>
      <c r="E4953" s="1">
        <v>44740.439583333333</v>
      </c>
      <c r="F4953">
        <v>0</v>
      </c>
      <c r="G4953">
        <v>0</v>
      </c>
      <c r="H4953">
        <v>0</v>
      </c>
      <c r="I4953">
        <v>0</v>
      </c>
      <c r="J4953">
        <v>0</v>
      </c>
      <c r="K4953">
        <v>0</v>
      </c>
      <c r="L4953">
        <v>0</v>
      </c>
      <c r="M4953">
        <v>0</v>
      </c>
      <c r="N4953">
        <v>0</v>
      </c>
      <c r="O4953">
        <v>0</v>
      </c>
      <c r="P4953">
        <v>0</v>
      </c>
      <c r="Q4953">
        <v>0</v>
      </c>
      <c r="R4953">
        <v>0</v>
      </c>
      <c r="S4953">
        <v>0</v>
      </c>
      <c r="T4953">
        <v>0</v>
      </c>
      <c r="U4953">
        <v>0</v>
      </c>
      <c r="V4953">
        <v>0</v>
      </c>
      <c r="W4953">
        <v>1</v>
      </c>
      <c r="X4953">
        <v>0</v>
      </c>
      <c r="Y4953">
        <v>27</v>
      </c>
      <c r="Z4953">
        <v>16</v>
      </c>
      <c r="AA4953">
        <v>70</v>
      </c>
      <c r="AB4953">
        <v>32</v>
      </c>
      <c r="AC4953">
        <v>127</v>
      </c>
      <c r="AD4953">
        <v>17</v>
      </c>
      <c r="AE4953">
        <v>45</v>
      </c>
      <c r="AF4953">
        <v>0</v>
      </c>
      <c r="AG4953">
        <v>50000</v>
      </c>
      <c r="AH4953">
        <v>50000</v>
      </c>
      <c r="AI4953">
        <v>0</v>
      </c>
      <c r="AJ4953">
        <v>0</v>
      </c>
      <c r="AK4953" t="s">
        <v>6</v>
      </c>
      <c r="AL4953">
        <v>0</v>
      </c>
      <c r="AM4953">
        <v>0</v>
      </c>
      <c r="AN4953">
        <v>0</v>
      </c>
      <c r="AO4953">
        <v>0</v>
      </c>
      <c r="AP4953">
        <v>0</v>
      </c>
      <c r="AQ4953">
        <v>0</v>
      </c>
      <c r="AR4953">
        <v>0</v>
      </c>
      <c r="AS4953">
        <v>0</v>
      </c>
      <c r="AT4953">
        <v>0</v>
      </c>
      <c r="AU4953">
        <v>0</v>
      </c>
      <c r="AV4953">
        <v>0</v>
      </c>
      <c r="AW4953">
        <v>0</v>
      </c>
      <c r="AX4953">
        <v>0</v>
      </c>
      <c r="AY4953">
        <v>0</v>
      </c>
      <c r="AZ4953">
        <v>0</v>
      </c>
      <c r="BA4953">
        <v>0</v>
      </c>
    </row>
    <row r="4954" spans="1:53" x14ac:dyDescent="0.4">
      <c r="A4954">
        <v>4998</v>
      </c>
      <c r="B4954" s="1">
        <v>44740</v>
      </c>
      <c r="C4954">
        <v>2</v>
      </c>
      <c r="D4954" s="1">
        <v>44740.439583333333</v>
      </c>
      <c r="E4954" s="1">
        <v>44740.75277777778</v>
      </c>
      <c r="F4954">
        <v>26690</v>
      </c>
      <c r="G4954">
        <v>770</v>
      </c>
      <c r="H4954">
        <v>0</v>
      </c>
      <c r="I4954">
        <v>0</v>
      </c>
      <c r="J4954">
        <v>100</v>
      </c>
      <c r="K4954">
        <v>0</v>
      </c>
      <c r="L4954">
        <v>0</v>
      </c>
      <c r="M4954">
        <v>2486</v>
      </c>
      <c r="N4954">
        <v>0</v>
      </c>
      <c r="O4954">
        <v>0</v>
      </c>
      <c r="P4954">
        <v>8720</v>
      </c>
      <c r="Q4954">
        <v>0</v>
      </c>
      <c r="R4954">
        <v>36080</v>
      </c>
      <c r="S4954">
        <v>0</v>
      </c>
      <c r="T4954">
        <v>0</v>
      </c>
      <c r="U4954">
        <v>0</v>
      </c>
      <c r="V4954">
        <v>1</v>
      </c>
      <c r="W4954">
        <v>1</v>
      </c>
      <c r="X4954">
        <v>0</v>
      </c>
      <c r="Y4954">
        <v>48</v>
      </c>
      <c r="Z4954">
        <v>28</v>
      </c>
      <c r="AA4954">
        <v>47</v>
      </c>
      <c r="AB4954">
        <v>26</v>
      </c>
      <c r="AC4954">
        <v>121</v>
      </c>
      <c r="AD4954">
        <v>18</v>
      </c>
      <c r="AE4954">
        <v>50</v>
      </c>
      <c r="AF4954">
        <v>1730</v>
      </c>
      <c r="AG4954">
        <v>86080</v>
      </c>
      <c r="AH4954">
        <v>50000</v>
      </c>
      <c r="AI4954">
        <v>0</v>
      </c>
      <c r="AJ4954">
        <v>29</v>
      </c>
      <c r="AK4954" t="s">
        <v>62</v>
      </c>
      <c r="AL4954">
        <v>0</v>
      </c>
      <c r="AM4954">
        <v>0</v>
      </c>
      <c r="AN4954">
        <v>0</v>
      </c>
      <c r="AO4954">
        <v>0</v>
      </c>
      <c r="AP4954">
        <v>0</v>
      </c>
      <c r="AQ4954">
        <v>0</v>
      </c>
      <c r="AR4954">
        <v>0</v>
      </c>
      <c r="AS4954">
        <v>0</v>
      </c>
      <c r="AT4954">
        <v>0</v>
      </c>
      <c r="AU4954">
        <v>0</v>
      </c>
      <c r="AV4954">
        <v>0</v>
      </c>
      <c r="AW4954">
        <v>0</v>
      </c>
      <c r="AX4954">
        <v>0</v>
      </c>
      <c r="AY4954">
        <v>39</v>
      </c>
      <c r="AZ4954">
        <v>58</v>
      </c>
      <c r="BA4954">
        <v>5934</v>
      </c>
    </row>
    <row r="4955" spans="1:53" x14ac:dyDescent="0.4">
      <c r="A4955">
        <v>4999</v>
      </c>
      <c r="B4955" s="1">
        <v>44740</v>
      </c>
      <c r="C4955">
        <v>3</v>
      </c>
      <c r="D4955" s="1">
        <v>44740.75277777778</v>
      </c>
      <c r="E4955" s="1">
        <v>44740.955555555556</v>
      </c>
      <c r="F4955">
        <v>27370</v>
      </c>
      <c r="G4955">
        <v>0</v>
      </c>
      <c r="H4955">
        <v>0</v>
      </c>
      <c r="I4955">
        <v>0</v>
      </c>
      <c r="J4955">
        <v>0</v>
      </c>
      <c r="K4955">
        <v>0</v>
      </c>
      <c r="L4955">
        <v>0</v>
      </c>
      <c r="M4955">
        <v>2487</v>
      </c>
      <c r="N4955">
        <v>0</v>
      </c>
      <c r="O4955">
        <v>0</v>
      </c>
      <c r="P4955">
        <v>-8720</v>
      </c>
      <c r="Q4955">
        <v>0</v>
      </c>
      <c r="R4955">
        <v>18650</v>
      </c>
      <c r="S4955">
        <v>0</v>
      </c>
      <c r="T4955">
        <v>0</v>
      </c>
      <c r="U4955">
        <v>0</v>
      </c>
      <c r="V4955">
        <v>1</v>
      </c>
      <c r="W4955">
        <v>1</v>
      </c>
      <c r="X4955">
        <v>0</v>
      </c>
      <c r="Y4955">
        <v>34</v>
      </c>
      <c r="Z4955">
        <v>26</v>
      </c>
      <c r="AA4955">
        <v>54</v>
      </c>
      <c r="AB4955">
        <v>26</v>
      </c>
      <c r="AC4955">
        <v>123</v>
      </c>
      <c r="AD4955">
        <v>17</v>
      </c>
      <c r="AE4955">
        <v>55</v>
      </c>
      <c r="AF4955">
        <v>34660</v>
      </c>
      <c r="AG4955">
        <v>104730</v>
      </c>
      <c r="AH4955">
        <v>50000</v>
      </c>
      <c r="AI4955">
        <v>0</v>
      </c>
      <c r="AJ4955">
        <v>29</v>
      </c>
      <c r="AK4955" t="s">
        <v>62</v>
      </c>
      <c r="AL4955">
        <v>0</v>
      </c>
      <c r="AM4955">
        <v>0</v>
      </c>
      <c r="AN4955">
        <v>0</v>
      </c>
      <c r="AO4955">
        <v>0</v>
      </c>
      <c r="AP4955">
        <v>0</v>
      </c>
      <c r="AQ4955">
        <v>0</v>
      </c>
      <c r="AR4955">
        <v>0</v>
      </c>
      <c r="AS4955">
        <v>0</v>
      </c>
      <c r="AT4955">
        <v>0</v>
      </c>
      <c r="AU4955">
        <v>0</v>
      </c>
      <c r="AV4955">
        <v>0</v>
      </c>
      <c r="AW4955">
        <v>0</v>
      </c>
      <c r="AX4955">
        <v>0</v>
      </c>
      <c r="AY4955">
        <v>6</v>
      </c>
      <c r="AZ4955">
        <v>16</v>
      </c>
      <c r="BA4955">
        <v>1181</v>
      </c>
    </row>
    <row r="4956" spans="1:53" x14ac:dyDescent="0.4">
      <c r="A4956">
        <v>5000</v>
      </c>
      <c r="B4956" s="1">
        <v>44741</v>
      </c>
      <c r="C4956">
        <v>1</v>
      </c>
      <c r="D4956" s="1">
        <v>44741.291666666664</v>
      </c>
      <c r="E4956" s="1">
        <v>44741.752083333333</v>
      </c>
      <c r="F4956">
        <v>32230</v>
      </c>
      <c r="G4956">
        <v>2244</v>
      </c>
      <c r="H4956">
        <v>0</v>
      </c>
      <c r="I4956">
        <v>0</v>
      </c>
      <c r="J4956">
        <v>0</v>
      </c>
      <c r="K4956">
        <v>0</v>
      </c>
      <c r="L4956">
        <v>0</v>
      </c>
      <c r="M4956">
        <v>3136</v>
      </c>
      <c r="N4956">
        <v>0</v>
      </c>
      <c r="O4956">
        <v>0</v>
      </c>
      <c r="P4956">
        <v>17510</v>
      </c>
      <c r="Q4956">
        <v>0</v>
      </c>
      <c r="R4956">
        <v>51984</v>
      </c>
      <c r="S4956">
        <v>0</v>
      </c>
      <c r="T4956">
        <v>0</v>
      </c>
      <c r="U4956">
        <v>0</v>
      </c>
      <c r="V4956">
        <v>0</v>
      </c>
      <c r="W4956">
        <v>2</v>
      </c>
      <c r="X4956">
        <v>0</v>
      </c>
      <c r="Y4956">
        <v>66</v>
      </c>
      <c r="Z4956">
        <v>27</v>
      </c>
      <c r="AA4956">
        <v>83</v>
      </c>
      <c r="AB4956">
        <v>21</v>
      </c>
      <c r="AC4956">
        <v>133</v>
      </c>
      <c r="AD4956">
        <v>17</v>
      </c>
      <c r="AE4956">
        <v>59</v>
      </c>
      <c r="AF4956">
        <v>1660</v>
      </c>
      <c r="AG4956">
        <v>101984</v>
      </c>
      <c r="AH4956">
        <v>50000</v>
      </c>
      <c r="AI4956">
        <v>0</v>
      </c>
      <c r="AJ4956">
        <v>119</v>
      </c>
      <c r="AK4956" t="s">
        <v>56</v>
      </c>
      <c r="AL4956">
        <v>0</v>
      </c>
      <c r="AM4956">
        <v>0</v>
      </c>
      <c r="AN4956">
        <v>0</v>
      </c>
      <c r="AO4956">
        <v>0</v>
      </c>
      <c r="AP4956">
        <v>0</v>
      </c>
      <c r="AQ4956">
        <v>0</v>
      </c>
      <c r="AR4956">
        <v>0</v>
      </c>
      <c r="AS4956">
        <v>0</v>
      </c>
      <c r="AT4956">
        <v>0</v>
      </c>
      <c r="AU4956">
        <v>0</v>
      </c>
      <c r="AV4956">
        <v>0</v>
      </c>
      <c r="AW4956">
        <v>0</v>
      </c>
      <c r="AX4956">
        <v>-780</v>
      </c>
      <c r="AY4956">
        <v>42</v>
      </c>
      <c r="AZ4956">
        <v>81</v>
      </c>
      <c r="BA4956">
        <v>6478</v>
      </c>
    </row>
    <row r="4957" spans="1:53" x14ac:dyDescent="0.4">
      <c r="A4957">
        <v>5001</v>
      </c>
      <c r="B4957" s="1">
        <v>44742</v>
      </c>
      <c r="C4957">
        <v>1</v>
      </c>
      <c r="D4957" s="1">
        <v>44742.291666666664</v>
      </c>
      <c r="E4957" s="1">
        <v>44742.445138888892</v>
      </c>
      <c r="F4957">
        <v>0</v>
      </c>
      <c r="G4957">
        <v>0</v>
      </c>
      <c r="H4957">
        <v>0</v>
      </c>
      <c r="I4957">
        <v>0</v>
      </c>
      <c r="J4957">
        <v>0</v>
      </c>
      <c r="K4957">
        <v>0</v>
      </c>
      <c r="L4957">
        <v>0</v>
      </c>
      <c r="M4957">
        <v>0</v>
      </c>
      <c r="N4957">
        <v>0</v>
      </c>
      <c r="O4957">
        <v>0</v>
      </c>
      <c r="P4957">
        <v>0</v>
      </c>
      <c r="Q4957">
        <v>0</v>
      </c>
      <c r="R4957">
        <v>0</v>
      </c>
      <c r="S4957">
        <v>0</v>
      </c>
      <c r="T4957">
        <v>0</v>
      </c>
      <c r="U4957">
        <v>0</v>
      </c>
      <c r="V4957">
        <v>0</v>
      </c>
      <c r="W4957">
        <v>1</v>
      </c>
      <c r="X4957">
        <v>0</v>
      </c>
      <c r="Y4957">
        <v>25</v>
      </c>
      <c r="Z4957">
        <v>17</v>
      </c>
      <c r="AA4957">
        <v>91</v>
      </c>
      <c r="AB4957">
        <v>21</v>
      </c>
      <c r="AC4957">
        <v>120</v>
      </c>
      <c r="AD4957">
        <v>18</v>
      </c>
      <c r="AE4957">
        <v>60</v>
      </c>
      <c r="AF4957">
        <v>0</v>
      </c>
      <c r="AG4957">
        <v>50000</v>
      </c>
      <c r="AH4957">
        <v>50000</v>
      </c>
      <c r="AI4957">
        <v>0</v>
      </c>
      <c r="AJ4957">
        <v>0</v>
      </c>
      <c r="AK4957" t="s">
        <v>6</v>
      </c>
      <c r="AL4957">
        <v>0</v>
      </c>
      <c r="AM4957">
        <v>0</v>
      </c>
      <c r="AN4957">
        <v>0</v>
      </c>
      <c r="AO4957">
        <v>0</v>
      </c>
      <c r="AP4957">
        <v>0</v>
      </c>
      <c r="AQ4957">
        <v>0</v>
      </c>
      <c r="AR4957">
        <v>0</v>
      </c>
      <c r="AS4957">
        <v>0</v>
      </c>
      <c r="AT4957">
        <v>0</v>
      </c>
      <c r="AU4957">
        <v>0</v>
      </c>
      <c r="AV4957">
        <v>0</v>
      </c>
      <c r="AW4957">
        <v>0</v>
      </c>
      <c r="AX4957">
        <v>0</v>
      </c>
      <c r="AY4957">
        <v>0</v>
      </c>
      <c r="AZ4957">
        <v>0</v>
      </c>
      <c r="BA4957">
        <v>0</v>
      </c>
    </row>
    <row r="4958" spans="1:53" x14ac:dyDescent="0.4">
      <c r="A4958">
        <v>5002</v>
      </c>
      <c r="B4958" s="1">
        <v>44742</v>
      </c>
      <c r="C4958">
        <v>2</v>
      </c>
      <c r="D4958" s="1">
        <v>44742.445138888892</v>
      </c>
      <c r="E4958" s="1">
        <v>44742.745833333334</v>
      </c>
      <c r="F4958">
        <v>29230</v>
      </c>
      <c r="G4958">
        <v>1210</v>
      </c>
      <c r="H4958">
        <v>0</v>
      </c>
      <c r="I4958">
        <v>0</v>
      </c>
      <c r="J4958">
        <v>0</v>
      </c>
      <c r="K4958">
        <v>0</v>
      </c>
      <c r="L4958">
        <v>0</v>
      </c>
      <c r="M4958">
        <v>2765</v>
      </c>
      <c r="N4958">
        <v>0</v>
      </c>
      <c r="O4958">
        <v>0</v>
      </c>
      <c r="P4958">
        <v>19410</v>
      </c>
      <c r="Q4958">
        <v>0</v>
      </c>
      <c r="R4958">
        <v>49850</v>
      </c>
      <c r="S4958">
        <v>0</v>
      </c>
      <c r="T4958">
        <v>0</v>
      </c>
      <c r="U4958">
        <v>0</v>
      </c>
      <c r="V4958">
        <v>0</v>
      </c>
      <c r="W4958">
        <v>2</v>
      </c>
      <c r="X4958">
        <v>0</v>
      </c>
      <c r="Y4958">
        <v>65</v>
      </c>
      <c r="Z4958">
        <v>27</v>
      </c>
      <c r="AA4958">
        <v>80</v>
      </c>
      <c r="AB4958">
        <v>24</v>
      </c>
      <c r="AC4958">
        <v>146</v>
      </c>
      <c r="AD4958">
        <v>20</v>
      </c>
      <c r="AE4958">
        <v>60</v>
      </c>
      <c r="AF4958">
        <v>530</v>
      </c>
      <c r="AG4958">
        <v>99850</v>
      </c>
      <c r="AH4958">
        <v>50000</v>
      </c>
      <c r="AI4958">
        <v>0</v>
      </c>
      <c r="AJ4958">
        <v>116</v>
      </c>
      <c r="AK4958" t="s">
        <v>54</v>
      </c>
      <c r="AL4958">
        <v>0</v>
      </c>
      <c r="AM4958">
        <v>0</v>
      </c>
      <c r="AN4958">
        <v>0</v>
      </c>
      <c r="AO4958">
        <v>0</v>
      </c>
      <c r="AP4958">
        <v>0</v>
      </c>
      <c r="AQ4958">
        <v>0</v>
      </c>
      <c r="AR4958">
        <v>0</v>
      </c>
      <c r="AS4958">
        <v>0</v>
      </c>
      <c r="AT4958">
        <v>0</v>
      </c>
      <c r="AU4958">
        <v>0</v>
      </c>
      <c r="AV4958">
        <v>0</v>
      </c>
      <c r="AW4958">
        <v>0</v>
      </c>
      <c r="AX4958">
        <v>-2062</v>
      </c>
      <c r="AY4958">
        <v>46</v>
      </c>
      <c r="AZ4958">
        <v>80</v>
      </c>
      <c r="BA4958">
        <v>6437</v>
      </c>
    </row>
    <row r="4959" spans="1:53" x14ac:dyDescent="0.4">
      <c r="A4959">
        <v>5003</v>
      </c>
      <c r="B4959" s="1">
        <v>44742</v>
      </c>
      <c r="C4959">
        <v>3</v>
      </c>
      <c r="D4959" s="1">
        <v>44742.745833333334</v>
      </c>
      <c r="E4959" s="1">
        <v>44742.863194444442</v>
      </c>
      <c r="F4959">
        <v>19390</v>
      </c>
      <c r="G4959">
        <v>1496</v>
      </c>
      <c r="H4959">
        <v>0</v>
      </c>
      <c r="I4959">
        <v>0</v>
      </c>
      <c r="J4959">
        <v>200</v>
      </c>
      <c r="K4959">
        <v>0</v>
      </c>
      <c r="L4959">
        <v>0</v>
      </c>
      <c r="M4959">
        <v>1879</v>
      </c>
      <c r="N4959">
        <v>0</v>
      </c>
      <c r="O4959">
        <v>0</v>
      </c>
      <c r="P4959">
        <v>-17460</v>
      </c>
      <c r="Q4959">
        <v>0</v>
      </c>
      <c r="R4959">
        <v>3226</v>
      </c>
      <c r="S4959">
        <v>0</v>
      </c>
      <c r="T4959">
        <v>0</v>
      </c>
      <c r="U4959">
        <v>0</v>
      </c>
      <c r="V4959">
        <v>0</v>
      </c>
      <c r="W4959">
        <v>2</v>
      </c>
      <c r="X4959">
        <v>0</v>
      </c>
      <c r="Y4959">
        <v>69</v>
      </c>
      <c r="Z4959">
        <v>27</v>
      </c>
      <c r="AA4959">
        <v>73</v>
      </c>
      <c r="AB4959">
        <v>23</v>
      </c>
      <c r="AC4959">
        <v>144</v>
      </c>
      <c r="AD4959">
        <v>19</v>
      </c>
      <c r="AE4959">
        <v>61</v>
      </c>
      <c r="AF4959">
        <v>530</v>
      </c>
      <c r="AG4959">
        <v>103076</v>
      </c>
      <c r="AH4959">
        <v>50000</v>
      </c>
      <c r="AI4959">
        <v>0</v>
      </c>
      <c r="AJ4959">
        <v>108</v>
      </c>
      <c r="AK4959" t="s">
        <v>3</v>
      </c>
      <c r="AL4959">
        <v>0</v>
      </c>
      <c r="AM4959">
        <v>0</v>
      </c>
      <c r="AN4959">
        <v>0</v>
      </c>
      <c r="AO4959">
        <v>0</v>
      </c>
      <c r="AP4959">
        <v>0</v>
      </c>
      <c r="AQ4959">
        <v>0</v>
      </c>
      <c r="AR4959">
        <v>0</v>
      </c>
      <c r="AS4959">
        <v>0</v>
      </c>
      <c r="AT4959">
        <v>0</v>
      </c>
      <c r="AU4959">
        <v>0</v>
      </c>
      <c r="AV4959">
        <v>0</v>
      </c>
      <c r="AW4959">
        <v>0</v>
      </c>
      <c r="AX4959">
        <v>2640</v>
      </c>
      <c r="AY4959">
        <v>4</v>
      </c>
      <c r="AZ4959">
        <v>7</v>
      </c>
      <c r="BA4959">
        <v>1711</v>
      </c>
    </row>
    <row r="4960" spans="1:53" x14ac:dyDescent="0.4">
      <c r="A4960">
        <v>5004</v>
      </c>
      <c r="B4960" s="1">
        <v>44742</v>
      </c>
      <c r="C4960">
        <v>4</v>
      </c>
      <c r="D4960" s="1">
        <v>44742.863194444442</v>
      </c>
      <c r="E4960" s="1">
        <v>44742.945833333331</v>
      </c>
      <c r="F4960">
        <v>9870</v>
      </c>
      <c r="G4960">
        <v>0</v>
      </c>
      <c r="H4960">
        <v>0</v>
      </c>
      <c r="I4960">
        <v>0</v>
      </c>
      <c r="J4960">
        <v>0</v>
      </c>
      <c r="K4960">
        <v>0</v>
      </c>
      <c r="L4960">
        <v>0</v>
      </c>
      <c r="M4960">
        <v>897</v>
      </c>
      <c r="N4960">
        <v>0</v>
      </c>
      <c r="O4960">
        <v>0</v>
      </c>
      <c r="P4960">
        <v>8700</v>
      </c>
      <c r="Q4960">
        <v>0</v>
      </c>
      <c r="R4960">
        <v>18570</v>
      </c>
      <c r="S4960">
        <v>0</v>
      </c>
      <c r="T4960">
        <v>0</v>
      </c>
      <c r="U4960">
        <v>0</v>
      </c>
      <c r="V4960">
        <v>0</v>
      </c>
      <c r="W4960">
        <v>3</v>
      </c>
      <c r="X4960">
        <v>0</v>
      </c>
      <c r="Y4960">
        <v>79</v>
      </c>
      <c r="Z4960">
        <v>26</v>
      </c>
      <c r="AA4960">
        <v>69</v>
      </c>
      <c r="AB4960">
        <v>24</v>
      </c>
      <c r="AC4960">
        <v>143</v>
      </c>
      <c r="AD4960">
        <v>18</v>
      </c>
      <c r="AE4960">
        <v>62</v>
      </c>
      <c r="AF4960">
        <v>4964</v>
      </c>
      <c r="AG4960">
        <v>121646</v>
      </c>
      <c r="AH4960">
        <v>50000</v>
      </c>
      <c r="AI4960">
        <v>0</v>
      </c>
      <c r="AJ4960">
        <v>30</v>
      </c>
      <c r="AK4960" t="s">
        <v>63</v>
      </c>
      <c r="AL4960">
        <v>0</v>
      </c>
      <c r="AM4960">
        <v>0</v>
      </c>
      <c r="AN4960">
        <v>0</v>
      </c>
      <c r="AO4960">
        <v>0</v>
      </c>
      <c r="AP4960">
        <v>0</v>
      </c>
      <c r="AQ4960">
        <v>0</v>
      </c>
      <c r="AR4960">
        <v>0</v>
      </c>
      <c r="AS4960">
        <v>0</v>
      </c>
      <c r="AT4960">
        <v>0</v>
      </c>
      <c r="AU4960">
        <v>0</v>
      </c>
      <c r="AV4960">
        <v>0</v>
      </c>
      <c r="AW4960">
        <v>0</v>
      </c>
      <c r="AX4960">
        <v>550</v>
      </c>
      <c r="AY4960">
        <v>6</v>
      </c>
      <c r="AZ4960">
        <v>12</v>
      </c>
      <c r="BA4960">
        <v>444</v>
      </c>
    </row>
    <row r="4961" spans="1:53" x14ac:dyDescent="0.4">
      <c r="A4961">
        <v>5005</v>
      </c>
      <c r="B4961" s="1">
        <v>44743</v>
      </c>
      <c r="C4961">
        <v>1</v>
      </c>
      <c r="D4961" s="1">
        <v>44743.291666666664</v>
      </c>
      <c r="E4961" s="1">
        <v>44743.451388888891</v>
      </c>
      <c r="F4961">
        <v>0</v>
      </c>
      <c r="G4961">
        <v>0</v>
      </c>
      <c r="H4961">
        <v>0</v>
      </c>
      <c r="I4961">
        <v>0</v>
      </c>
      <c r="J4961">
        <v>0</v>
      </c>
      <c r="K4961">
        <v>0</v>
      </c>
      <c r="L4961">
        <v>0</v>
      </c>
      <c r="M4961">
        <v>0</v>
      </c>
      <c r="N4961">
        <v>0</v>
      </c>
      <c r="O4961">
        <v>0</v>
      </c>
      <c r="P4961">
        <v>0</v>
      </c>
      <c r="Q4961">
        <v>0</v>
      </c>
      <c r="R4961">
        <v>0</v>
      </c>
      <c r="S4961">
        <v>0</v>
      </c>
      <c r="T4961">
        <v>0</v>
      </c>
      <c r="U4961">
        <v>0</v>
      </c>
      <c r="V4961">
        <v>0</v>
      </c>
      <c r="W4961">
        <v>1</v>
      </c>
      <c r="X4961">
        <v>0</v>
      </c>
      <c r="Y4961">
        <v>30</v>
      </c>
      <c r="Z4961">
        <v>11</v>
      </c>
      <c r="AA4961">
        <v>70</v>
      </c>
      <c r="AB4961">
        <v>24</v>
      </c>
      <c r="AC4961">
        <v>115</v>
      </c>
      <c r="AD4961">
        <v>18</v>
      </c>
      <c r="AE4961">
        <v>60</v>
      </c>
      <c r="AF4961">
        <v>0</v>
      </c>
      <c r="AG4961">
        <v>50000</v>
      </c>
      <c r="AH4961">
        <v>50000</v>
      </c>
      <c r="AI4961">
        <v>0</v>
      </c>
      <c r="AJ4961">
        <v>0</v>
      </c>
      <c r="AK4961" t="s">
        <v>6</v>
      </c>
      <c r="AL4961">
        <v>0</v>
      </c>
      <c r="AM4961">
        <v>0</v>
      </c>
      <c r="AN4961">
        <v>0</v>
      </c>
      <c r="AO4961">
        <v>0</v>
      </c>
      <c r="AP4961">
        <v>0</v>
      </c>
      <c r="AQ4961">
        <v>0</v>
      </c>
      <c r="AR4961">
        <v>0</v>
      </c>
      <c r="AS4961">
        <v>0</v>
      </c>
      <c r="AT4961">
        <v>0</v>
      </c>
      <c r="AU4961">
        <v>0</v>
      </c>
      <c r="AV4961">
        <v>0</v>
      </c>
      <c r="AW4961">
        <v>0</v>
      </c>
      <c r="AX4961">
        <v>0</v>
      </c>
      <c r="AY4961">
        <v>0</v>
      </c>
      <c r="AZ4961">
        <v>0</v>
      </c>
      <c r="BA4961">
        <v>0</v>
      </c>
    </row>
    <row r="4962" spans="1:53" x14ac:dyDescent="0.4">
      <c r="A4962">
        <v>5006</v>
      </c>
      <c r="B4962" s="1">
        <v>44743</v>
      </c>
      <c r="C4962">
        <v>2</v>
      </c>
      <c r="D4962" s="1">
        <v>44743.451388888891</v>
      </c>
      <c r="E4962" s="1">
        <v>44743.740277777775</v>
      </c>
      <c r="F4962">
        <v>22660</v>
      </c>
      <c r="G4962">
        <v>0</v>
      </c>
      <c r="H4962">
        <v>0</v>
      </c>
      <c r="I4962">
        <v>0</v>
      </c>
      <c r="J4962">
        <v>0</v>
      </c>
      <c r="K4962">
        <v>0</v>
      </c>
      <c r="L4962">
        <v>0</v>
      </c>
      <c r="M4962">
        <v>2060</v>
      </c>
      <c r="N4962">
        <v>0</v>
      </c>
      <c r="O4962">
        <v>0</v>
      </c>
      <c r="P4962">
        <v>23720</v>
      </c>
      <c r="Q4962">
        <v>0</v>
      </c>
      <c r="R4962">
        <v>46380</v>
      </c>
      <c r="S4962">
        <v>0</v>
      </c>
      <c r="T4962">
        <v>0</v>
      </c>
      <c r="U4962">
        <v>0</v>
      </c>
      <c r="V4962">
        <v>0</v>
      </c>
      <c r="W4962">
        <v>5</v>
      </c>
      <c r="X4962">
        <v>0</v>
      </c>
      <c r="Y4962">
        <v>52</v>
      </c>
      <c r="Z4962">
        <v>16</v>
      </c>
      <c r="AA4962">
        <v>46</v>
      </c>
      <c r="AB4962">
        <v>27</v>
      </c>
      <c r="AC4962">
        <v>135</v>
      </c>
      <c r="AD4962">
        <v>18</v>
      </c>
      <c r="AE4962">
        <v>60</v>
      </c>
      <c r="AF4962">
        <v>3930</v>
      </c>
      <c r="AG4962">
        <v>96380</v>
      </c>
      <c r="AH4962">
        <v>50000</v>
      </c>
      <c r="AI4962">
        <v>0</v>
      </c>
      <c r="AJ4962">
        <v>116</v>
      </c>
      <c r="AK4962" t="s">
        <v>54</v>
      </c>
      <c r="AL4962">
        <v>0</v>
      </c>
      <c r="AM4962">
        <v>0</v>
      </c>
      <c r="AN4962">
        <v>0</v>
      </c>
      <c r="AO4962">
        <v>0</v>
      </c>
      <c r="AP4962">
        <v>0</v>
      </c>
      <c r="AQ4962">
        <v>0</v>
      </c>
      <c r="AR4962">
        <v>0</v>
      </c>
      <c r="AS4962">
        <v>0</v>
      </c>
      <c r="AT4962">
        <v>0</v>
      </c>
      <c r="AU4962">
        <v>0</v>
      </c>
      <c r="AV4962">
        <v>0</v>
      </c>
      <c r="AW4962">
        <v>0</v>
      </c>
      <c r="AX4962">
        <v>1672</v>
      </c>
      <c r="AY4962">
        <v>38</v>
      </c>
      <c r="AZ4962">
        <v>75</v>
      </c>
      <c r="BA4962">
        <v>5290</v>
      </c>
    </row>
    <row r="4963" spans="1:53" x14ac:dyDescent="0.4">
      <c r="A4963">
        <v>5007</v>
      </c>
      <c r="B4963" s="1">
        <v>44743</v>
      </c>
      <c r="C4963">
        <v>3</v>
      </c>
      <c r="D4963" s="1">
        <v>44743.740277777775</v>
      </c>
      <c r="E4963" s="1">
        <v>44743.945833333331</v>
      </c>
      <c r="F4963">
        <v>39160</v>
      </c>
      <c r="G4963">
        <v>1672</v>
      </c>
      <c r="H4963">
        <v>0</v>
      </c>
      <c r="I4963">
        <v>0</v>
      </c>
      <c r="J4963">
        <v>200</v>
      </c>
      <c r="K4963">
        <v>0</v>
      </c>
      <c r="L4963">
        <v>0</v>
      </c>
      <c r="M4963">
        <v>3691</v>
      </c>
      <c r="N4963">
        <v>0</v>
      </c>
      <c r="O4963">
        <v>0</v>
      </c>
      <c r="P4963">
        <v>-23720</v>
      </c>
      <c r="Q4963">
        <v>0</v>
      </c>
      <c r="R4963">
        <v>16912</v>
      </c>
      <c r="S4963">
        <v>0</v>
      </c>
      <c r="T4963">
        <v>0</v>
      </c>
      <c r="U4963">
        <v>0</v>
      </c>
      <c r="V4963">
        <v>0</v>
      </c>
      <c r="W4963">
        <v>6</v>
      </c>
      <c r="X4963">
        <v>0</v>
      </c>
      <c r="Y4963">
        <v>60</v>
      </c>
      <c r="Z4963">
        <v>16</v>
      </c>
      <c r="AA4963">
        <v>58</v>
      </c>
      <c r="AB4963">
        <v>31</v>
      </c>
      <c r="AC4963">
        <v>138</v>
      </c>
      <c r="AD4963">
        <v>17</v>
      </c>
      <c r="AE4963">
        <v>57</v>
      </c>
      <c r="AF4963">
        <v>6420</v>
      </c>
      <c r="AG4963">
        <v>113292</v>
      </c>
      <c r="AH4963">
        <v>50000</v>
      </c>
      <c r="AI4963">
        <v>0</v>
      </c>
      <c r="AJ4963">
        <v>108</v>
      </c>
      <c r="AK4963" t="s">
        <v>3</v>
      </c>
      <c r="AL4963">
        <v>0</v>
      </c>
      <c r="AM4963">
        <v>0</v>
      </c>
      <c r="AN4963">
        <v>0</v>
      </c>
      <c r="AO4963">
        <v>0</v>
      </c>
      <c r="AP4963">
        <v>0</v>
      </c>
      <c r="AQ4963">
        <v>0</v>
      </c>
      <c r="AR4963">
        <v>0</v>
      </c>
      <c r="AS4963">
        <v>0</v>
      </c>
      <c r="AT4963">
        <v>0</v>
      </c>
      <c r="AU4963">
        <v>0</v>
      </c>
      <c r="AV4963">
        <v>0</v>
      </c>
      <c r="AW4963">
        <v>0</v>
      </c>
      <c r="AX4963">
        <v>69611</v>
      </c>
      <c r="AY4963">
        <v>26</v>
      </c>
      <c r="AZ4963">
        <v>68</v>
      </c>
      <c r="BA4963">
        <v>3779</v>
      </c>
    </row>
    <row r="4964" spans="1:53" x14ac:dyDescent="0.4">
      <c r="A4964">
        <v>5008</v>
      </c>
      <c r="B4964" s="1">
        <v>44743</v>
      </c>
      <c r="C4964">
        <v>4</v>
      </c>
      <c r="D4964" s="1">
        <v>44743.945833333331</v>
      </c>
      <c r="E4964" s="1">
        <v>44744.048611111109</v>
      </c>
      <c r="F4964">
        <v>84680</v>
      </c>
      <c r="G4964">
        <v>2387</v>
      </c>
      <c r="H4964">
        <v>0</v>
      </c>
      <c r="I4964">
        <v>0</v>
      </c>
      <c r="J4964">
        <v>0</v>
      </c>
      <c r="K4964">
        <v>0</v>
      </c>
      <c r="L4964">
        <v>0</v>
      </c>
      <c r="M4964">
        <v>7918</v>
      </c>
      <c r="N4964">
        <v>0</v>
      </c>
      <c r="O4964">
        <v>0</v>
      </c>
      <c r="P4964">
        <v>13100</v>
      </c>
      <c r="Q4964">
        <v>0</v>
      </c>
      <c r="R4964">
        <v>100167</v>
      </c>
      <c r="S4964">
        <v>0</v>
      </c>
      <c r="T4964">
        <v>0</v>
      </c>
      <c r="U4964">
        <v>0</v>
      </c>
      <c r="V4964">
        <v>4</v>
      </c>
      <c r="W4964">
        <v>9</v>
      </c>
      <c r="X4964">
        <v>0</v>
      </c>
      <c r="Y4964">
        <v>97</v>
      </c>
      <c r="Z4964">
        <v>14</v>
      </c>
      <c r="AA4964">
        <v>47</v>
      </c>
      <c r="AB4964">
        <v>34</v>
      </c>
      <c r="AC4964">
        <v>149</v>
      </c>
      <c r="AD4964">
        <v>18</v>
      </c>
      <c r="AE4964">
        <v>59</v>
      </c>
      <c r="AF4964">
        <v>16420</v>
      </c>
      <c r="AG4964">
        <v>213459</v>
      </c>
      <c r="AH4964">
        <v>50000</v>
      </c>
      <c r="AI4964">
        <v>0</v>
      </c>
      <c r="AJ4964">
        <v>108</v>
      </c>
      <c r="AK4964" t="s">
        <v>3</v>
      </c>
      <c r="AL4964">
        <v>0</v>
      </c>
      <c r="AM4964">
        <v>0</v>
      </c>
      <c r="AN4964">
        <v>0</v>
      </c>
      <c r="AO4964">
        <v>0</v>
      </c>
      <c r="AP4964">
        <v>0</v>
      </c>
      <c r="AQ4964">
        <v>0</v>
      </c>
      <c r="AR4964">
        <v>0</v>
      </c>
      <c r="AS4964">
        <v>0</v>
      </c>
      <c r="AT4964">
        <v>0</v>
      </c>
      <c r="AU4964">
        <v>0</v>
      </c>
      <c r="AV4964">
        <v>0</v>
      </c>
      <c r="AW4964">
        <v>0</v>
      </c>
      <c r="AX4964">
        <v>9340</v>
      </c>
      <c r="AY4964">
        <v>6</v>
      </c>
      <c r="AZ4964">
        <v>13</v>
      </c>
      <c r="BA4964">
        <v>1273</v>
      </c>
    </row>
    <row r="4965" spans="1:53" x14ac:dyDescent="0.4">
      <c r="A4965">
        <v>5009</v>
      </c>
      <c r="B4965" s="1">
        <v>44744</v>
      </c>
      <c r="C4965">
        <v>1</v>
      </c>
      <c r="D4965" s="1">
        <v>44744.291666666664</v>
      </c>
      <c r="E4965" s="1">
        <v>44744.397222222222</v>
      </c>
      <c r="F4965">
        <v>0</v>
      </c>
      <c r="G4965">
        <v>0</v>
      </c>
      <c r="H4965">
        <v>0</v>
      </c>
      <c r="I4965">
        <v>0</v>
      </c>
      <c r="J4965">
        <v>0</v>
      </c>
      <c r="K4965">
        <v>0</v>
      </c>
      <c r="L4965">
        <v>0</v>
      </c>
      <c r="M4965">
        <v>0</v>
      </c>
      <c r="N4965">
        <v>0</v>
      </c>
      <c r="O4965">
        <v>0</v>
      </c>
      <c r="P4965">
        <v>0</v>
      </c>
      <c r="Q4965">
        <v>0</v>
      </c>
      <c r="R4965">
        <v>0</v>
      </c>
      <c r="S4965">
        <v>0</v>
      </c>
      <c r="T4965">
        <v>0</v>
      </c>
      <c r="U4965">
        <v>0</v>
      </c>
      <c r="V4965">
        <v>0</v>
      </c>
      <c r="W4965">
        <v>1</v>
      </c>
      <c r="X4965">
        <v>0</v>
      </c>
      <c r="Y4965">
        <v>29</v>
      </c>
      <c r="Z4965">
        <v>15</v>
      </c>
      <c r="AA4965">
        <v>59</v>
      </c>
      <c r="AB4965">
        <v>26</v>
      </c>
      <c r="AC4965">
        <v>115</v>
      </c>
      <c r="AD4965">
        <v>18</v>
      </c>
      <c r="AE4965">
        <v>60</v>
      </c>
      <c r="AF4965">
        <v>0</v>
      </c>
      <c r="AG4965">
        <v>50000</v>
      </c>
      <c r="AH4965">
        <v>50000</v>
      </c>
      <c r="AI4965">
        <v>0</v>
      </c>
      <c r="AJ4965">
        <v>0</v>
      </c>
      <c r="AK4965" t="s">
        <v>6</v>
      </c>
      <c r="AL4965">
        <v>0</v>
      </c>
      <c r="AM4965">
        <v>0</v>
      </c>
      <c r="AN4965">
        <v>0</v>
      </c>
      <c r="AO4965">
        <v>0</v>
      </c>
      <c r="AP4965">
        <v>0</v>
      </c>
      <c r="AQ4965">
        <v>0</v>
      </c>
      <c r="AR4965">
        <v>0</v>
      </c>
      <c r="AS4965">
        <v>0</v>
      </c>
      <c r="AT4965">
        <v>0</v>
      </c>
      <c r="AU4965">
        <v>0</v>
      </c>
      <c r="AV4965">
        <v>0</v>
      </c>
      <c r="AW4965">
        <v>0</v>
      </c>
      <c r="AX4965">
        <v>0</v>
      </c>
      <c r="AY4965">
        <v>0</v>
      </c>
      <c r="AZ4965">
        <v>0</v>
      </c>
      <c r="BA4965">
        <v>0</v>
      </c>
    </row>
    <row r="4966" spans="1:53" x14ac:dyDescent="0.4">
      <c r="A4966">
        <v>5010</v>
      </c>
      <c r="B4966" s="1">
        <v>44744</v>
      </c>
      <c r="C4966">
        <v>2</v>
      </c>
      <c r="D4966" s="1">
        <v>44744.397222222222</v>
      </c>
      <c r="E4966" s="1">
        <v>44744.760416666664</v>
      </c>
      <c r="F4966">
        <v>41935</v>
      </c>
      <c r="G4966">
        <v>1672</v>
      </c>
      <c r="H4966">
        <v>0</v>
      </c>
      <c r="I4966">
        <v>0</v>
      </c>
      <c r="J4966">
        <v>0</v>
      </c>
      <c r="K4966">
        <v>400</v>
      </c>
      <c r="L4966">
        <v>0</v>
      </c>
      <c r="M4966">
        <v>4000</v>
      </c>
      <c r="N4966">
        <v>0</v>
      </c>
      <c r="O4966">
        <v>0</v>
      </c>
      <c r="P4966">
        <v>21740</v>
      </c>
      <c r="Q4966">
        <v>0</v>
      </c>
      <c r="R4966">
        <v>65747</v>
      </c>
      <c r="S4966">
        <v>0</v>
      </c>
      <c r="T4966">
        <v>0</v>
      </c>
      <c r="U4966">
        <v>0</v>
      </c>
      <c r="V4966">
        <v>2</v>
      </c>
      <c r="W4966">
        <v>5</v>
      </c>
      <c r="X4966">
        <v>0</v>
      </c>
      <c r="Y4966">
        <v>44</v>
      </c>
      <c r="Z4966">
        <v>29</v>
      </c>
      <c r="AA4966">
        <v>16</v>
      </c>
      <c r="AB4966">
        <v>20</v>
      </c>
      <c r="AC4966">
        <v>136</v>
      </c>
      <c r="AD4966">
        <v>18</v>
      </c>
      <c r="AE4966">
        <v>71</v>
      </c>
      <c r="AF4966">
        <v>8126</v>
      </c>
      <c r="AG4966">
        <v>115747</v>
      </c>
      <c r="AH4966">
        <v>50000</v>
      </c>
      <c r="AI4966">
        <v>0</v>
      </c>
      <c r="AJ4966">
        <v>103</v>
      </c>
      <c r="AK4966" t="s">
        <v>7</v>
      </c>
      <c r="AL4966">
        <v>0</v>
      </c>
      <c r="AM4966">
        <v>0</v>
      </c>
      <c r="AN4966">
        <v>0</v>
      </c>
      <c r="AO4966">
        <v>0</v>
      </c>
      <c r="AP4966">
        <v>0</v>
      </c>
      <c r="AQ4966">
        <v>0</v>
      </c>
      <c r="AR4966">
        <v>0</v>
      </c>
      <c r="AS4966">
        <v>0</v>
      </c>
      <c r="AT4966">
        <v>0</v>
      </c>
      <c r="AU4966">
        <v>0</v>
      </c>
      <c r="AV4966">
        <v>0</v>
      </c>
      <c r="AW4966">
        <v>0</v>
      </c>
      <c r="AX4966">
        <v>1474</v>
      </c>
      <c r="AY4966">
        <v>56</v>
      </c>
      <c r="AZ4966">
        <v>109</v>
      </c>
      <c r="BA4966">
        <v>8258</v>
      </c>
    </row>
    <row r="4967" spans="1:53" x14ac:dyDescent="0.4">
      <c r="A4967">
        <v>5011</v>
      </c>
      <c r="B4967" s="1">
        <v>44744</v>
      </c>
      <c r="C4967">
        <v>3</v>
      </c>
      <c r="D4967" s="1">
        <v>44744.760416666664</v>
      </c>
      <c r="E4967" s="1">
        <v>44745.136111111111</v>
      </c>
      <c r="F4967">
        <v>264930</v>
      </c>
      <c r="G4967">
        <v>8019</v>
      </c>
      <c r="H4967">
        <v>0</v>
      </c>
      <c r="I4967">
        <v>0</v>
      </c>
      <c r="J4967">
        <v>0</v>
      </c>
      <c r="K4967">
        <v>16960</v>
      </c>
      <c r="L4967">
        <v>0</v>
      </c>
      <c r="M4967">
        <v>26355</v>
      </c>
      <c r="N4967">
        <v>0</v>
      </c>
      <c r="O4967">
        <v>0</v>
      </c>
      <c r="P4967">
        <v>42204</v>
      </c>
      <c r="Q4967">
        <v>0</v>
      </c>
      <c r="R4967">
        <v>332113</v>
      </c>
      <c r="S4967">
        <v>0</v>
      </c>
      <c r="T4967">
        <v>0</v>
      </c>
      <c r="U4967">
        <v>0</v>
      </c>
      <c r="V4967">
        <v>17</v>
      </c>
      <c r="W4967">
        <v>10</v>
      </c>
      <c r="X4967">
        <v>0</v>
      </c>
      <c r="Y4967">
        <v>109</v>
      </c>
      <c r="Z4967">
        <v>30</v>
      </c>
      <c r="AA4967">
        <v>59</v>
      </c>
      <c r="AB4967">
        <v>22</v>
      </c>
      <c r="AC4967">
        <v>122</v>
      </c>
      <c r="AD4967">
        <v>20</v>
      </c>
      <c r="AE4967">
        <v>74</v>
      </c>
      <c r="AF4967">
        <v>95466</v>
      </c>
      <c r="AG4967">
        <v>447860</v>
      </c>
      <c r="AH4967">
        <v>50000</v>
      </c>
      <c r="AI4967">
        <v>0</v>
      </c>
      <c r="AJ4967">
        <v>108</v>
      </c>
      <c r="AK4967" t="s">
        <v>3</v>
      </c>
      <c r="AL4967">
        <v>0</v>
      </c>
      <c r="AM4967">
        <v>0</v>
      </c>
      <c r="AN4967">
        <v>0</v>
      </c>
      <c r="AO4967">
        <v>0</v>
      </c>
      <c r="AP4967">
        <v>0</v>
      </c>
      <c r="AQ4967">
        <v>0</v>
      </c>
      <c r="AR4967">
        <v>0</v>
      </c>
      <c r="AS4967">
        <v>0</v>
      </c>
      <c r="AT4967">
        <v>0</v>
      </c>
      <c r="AU4967">
        <v>0</v>
      </c>
      <c r="AV4967">
        <v>0</v>
      </c>
      <c r="AW4967">
        <v>0</v>
      </c>
      <c r="AX4967">
        <v>-1382</v>
      </c>
      <c r="AY4967">
        <v>38</v>
      </c>
      <c r="AZ4967">
        <v>132</v>
      </c>
      <c r="BA4967">
        <v>6843</v>
      </c>
    </row>
    <row r="4968" spans="1:53" x14ac:dyDescent="0.4">
      <c r="A4968">
        <v>5012</v>
      </c>
      <c r="B4968" s="1">
        <v>44745</v>
      </c>
      <c r="C4968">
        <v>1</v>
      </c>
      <c r="D4968" s="1">
        <v>44745.291666666664</v>
      </c>
      <c r="E4968" s="1">
        <v>44745.410416666666</v>
      </c>
      <c r="F4968">
        <v>0</v>
      </c>
      <c r="G4968">
        <v>0</v>
      </c>
      <c r="H4968">
        <v>0</v>
      </c>
      <c r="I4968">
        <v>0</v>
      </c>
      <c r="J4968">
        <v>0</v>
      </c>
      <c r="K4968">
        <v>0</v>
      </c>
      <c r="L4968">
        <v>0</v>
      </c>
      <c r="M4968">
        <v>0</v>
      </c>
      <c r="N4968">
        <v>0</v>
      </c>
      <c r="O4968">
        <v>0</v>
      </c>
      <c r="P4968">
        <v>0</v>
      </c>
      <c r="Q4968">
        <v>0</v>
      </c>
      <c r="R4968">
        <v>0</v>
      </c>
      <c r="S4968">
        <v>0</v>
      </c>
      <c r="T4968">
        <v>0</v>
      </c>
      <c r="U4968">
        <v>0</v>
      </c>
      <c r="V4968">
        <v>0</v>
      </c>
      <c r="W4968">
        <v>1</v>
      </c>
      <c r="X4968">
        <v>0</v>
      </c>
      <c r="Y4968">
        <v>28</v>
      </c>
      <c r="Z4968">
        <v>16</v>
      </c>
      <c r="AA4968">
        <v>69</v>
      </c>
      <c r="AB4968">
        <v>19</v>
      </c>
      <c r="AC4968">
        <v>98</v>
      </c>
      <c r="AD4968">
        <v>20</v>
      </c>
      <c r="AE4968">
        <v>70</v>
      </c>
      <c r="AF4968">
        <v>0</v>
      </c>
      <c r="AG4968">
        <v>50000</v>
      </c>
      <c r="AH4968">
        <v>50000</v>
      </c>
      <c r="AI4968">
        <v>0</v>
      </c>
      <c r="AJ4968">
        <v>0</v>
      </c>
      <c r="AK4968" t="s">
        <v>6</v>
      </c>
      <c r="AL4968">
        <v>0</v>
      </c>
      <c r="AM4968">
        <v>0</v>
      </c>
      <c r="AN4968">
        <v>0</v>
      </c>
      <c r="AO4968">
        <v>0</v>
      </c>
      <c r="AP4968">
        <v>0</v>
      </c>
      <c r="AQ4968">
        <v>0</v>
      </c>
      <c r="AR4968">
        <v>0</v>
      </c>
      <c r="AS4968">
        <v>0</v>
      </c>
      <c r="AT4968">
        <v>0</v>
      </c>
      <c r="AU4968">
        <v>0</v>
      </c>
      <c r="AV4968">
        <v>0</v>
      </c>
      <c r="AW4968">
        <v>0</v>
      </c>
      <c r="AX4968">
        <v>0</v>
      </c>
      <c r="AY4968">
        <v>0</v>
      </c>
      <c r="AZ4968">
        <v>0</v>
      </c>
      <c r="BA4968">
        <v>0</v>
      </c>
    </row>
    <row r="4969" spans="1:53" x14ac:dyDescent="0.4">
      <c r="A4969">
        <v>5013</v>
      </c>
      <c r="B4969" s="1">
        <v>44745</v>
      </c>
      <c r="C4969">
        <v>2</v>
      </c>
      <c r="D4969" s="1">
        <v>44745.410416666666</v>
      </c>
      <c r="E4969" s="1">
        <v>44745.743750000001</v>
      </c>
      <c r="F4969">
        <v>55250</v>
      </c>
      <c r="G4969">
        <v>5698</v>
      </c>
      <c r="H4969">
        <v>0</v>
      </c>
      <c r="I4969">
        <v>0</v>
      </c>
      <c r="J4969">
        <v>0</v>
      </c>
      <c r="K4969">
        <v>1400</v>
      </c>
      <c r="L4969">
        <v>0</v>
      </c>
      <c r="M4969">
        <v>5667</v>
      </c>
      <c r="N4969">
        <v>0</v>
      </c>
      <c r="O4969">
        <v>0</v>
      </c>
      <c r="P4969">
        <v>21670</v>
      </c>
      <c r="Q4969">
        <v>0</v>
      </c>
      <c r="R4969">
        <v>84018</v>
      </c>
      <c r="S4969">
        <v>0</v>
      </c>
      <c r="T4969">
        <v>0</v>
      </c>
      <c r="U4969">
        <v>0</v>
      </c>
      <c r="V4969">
        <v>0</v>
      </c>
      <c r="W4969">
        <v>7</v>
      </c>
      <c r="X4969">
        <v>0</v>
      </c>
      <c r="Y4969">
        <v>71</v>
      </c>
      <c r="Z4969">
        <v>38</v>
      </c>
      <c r="AA4969">
        <v>62</v>
      </c>
      <c r="AB4969">
        <v>17</v>
      </c>
      <c r="AC4969">
        <v>181</v>
      </c>
      <c r="AD4969">
        <v>17</v>
      </c>
      <c r="AE4969">
        <v>73</v>
      </c>
      <c r="AF4969">
        <v>0</v>
      </c>
      <c r="AG4969">
        <v>134018</v>
      </c>
      <c r="AH4969">
        <v>50000</v>
      </c>
      <c r="AI4969">
        <v>0</v>
      </c>
      <c r="AJ4969">
        <v>115</v>
      </c>
      <c r="AK4969" t="s">
        <v>55</v>
      </c>
      <c r="AL4969">
        <v>0</v>
      </c>
      <c r="AM4969">
        <v>0</v>
      </c>
      <c r="AN4969">
        <v>0</v>
      </c>
      <c r="AO4969">
        <v>0</v>
      </c>
      <c r="AP4969">
        <v>0</v>
      </c>
      <c r="AQ4969">
        <v>0</v>
      </c>
      <c r="AR4969">
        <v>0</v>
      </c>
      <c r="AS4969">
        <v>0</v>
      </c>
      <c r="AT4969">
        <v>0</v>
      </c>
      <c r="AU4969">
        <v>0</v>
      </c>
      <c r="AV4969">
        <v>0</v>
      </c>
      <c r="AW4969">
        <v>0</v>
      </c>
      <c r="AX4969">
        <v>-1952</v>
      </c>
      <c r="AY4969">
        <v>56</v>
      </c>
      <c r="AZ4969">
        <v>123</v>
      </c>
      <c r="BA4969">
        <v>8182</v>
      </c>
    </row>
    <row r="4970" spans="1:53" x14ac:dyDescent="0.4">
      <c r="A4970">
        <v>5014</v>
      </c>
      <c r="B4970" s="1">
        <v>44746</v>
      </c>
      <c r="C4970">
        <v>1</v>
      </c>
      <c r="D4970" s="1">
        <v>44746.291666666664</v>
      </c>
      <c r="E4970" s="1">
        <v>44746.797222222223</v>
      </c>
      <c r="F4970">
        <v>22950</v>
      </c>
      <c r="G4970">
        <v>1650</v>
      </c>
      <c r="H4970">
        <v>0</v>
      </c>
      <c r="I4970">
        <v>0</v>
      </c>
      <c r="J4970">
        <v>100</v>
      </c>
      <c r="K4970">
        <v>0</v>
      </c>
      <c r="L4970">
        <v>0</v>
      </c>
      <c r="M4970">
        <v>2228</v>
      </c>
      <c r="N4970">
        <v>0</v>
      </c>
      <c r="O4970">
        <v>0</v>
      </c>
      <c r="P4970">
        <v>19420</v>
      </c>
      <c r="Q4970">
        <v>0</v>
      </c>
      <c r="R4970">
        <v>43920</v>
      </c>
      <c r="S4970">
        <v>0</v>
      </c>
      <c r="T4970">
        <v>0</v>
      </c>
      <c r="U4970">
        <v>0</v>
      </c>
      <c r="V4970">
        <v>2</v>
      </c>
      <c r="W4970">
        <v>0</v>
      </c>
      <c r="X4970">
        <v>0</v>
      </c>
      <c r="Y4970">
        <v>52</v>
      </c>
      <c r="Z4970">
        <v>18</v>
      </c>
      <c r="AA4970">
        <v>90</v>
      </c>
      <c r="AB4970">
        <v>18</v>
      </c>
      <c r="AC4970">
        <v>129</v>
      </c>
      <c r="AD4970">
        <v>20</v>
      </c>
      <c r="AE4970">
        <v>70</v>
      </c>
      <c r="AF4970">
        <v>1560</v>
      </c>
      <c r="AG4970">
        <v>93920</v>
      </c>
      <c r="AH4970">
        <v>50000</v>
      </c>
      <c r="AI4970">
        <v>0</v>
      </c>
      <c r="AJ4970">
        <v>29</v>
      </c>
      <c r="AK4970" t="s">
        <v>62</v>
      </c>
      <c r="AL4970">
        <v>0</v>
      </c>
      <c r="AM4970">
        <v>0</v>
      </c>
      <c r="AN4970">
        <v>0</v>
      </c>
      <c r="AO4970">
        <v>0</v>
      </c>
      <c r="AP4970">
        <v>0</v>
      </c>
      <c r="AQ4970">
        <v>0</v>
      </c>
      <c r="AR4970">
        <v>0</v>
      </c>
      <c r="AS4970">
        <v>0</v>
      </c>
      <c r="AT4970">
        <v>0</v>
      </c>
      <c r="AU4970">
        <v>0</v>
      </c>
      <c r="AV4970">
        <v>0</v>
      </c>
      <c r="AW4970">
        <v>0</v>
      </c>
      <c r="AX4970">
        <v>-3986</v>
      </c>
      <c r="AY4970">
        <v>40</v>
      </c>
      <c r="AZ4970">
        <v>68</v>
      </c>
      <c r="BA4970">
        <v>5409</v>
      </c>
    </row>
    <row r="4971" spans="1:53" x14ac:dyDescent="0.4">
      <c r="A4971">
        <v>5015</v>
      </c>
      <c r="B4971" s="1">
        <v>44746</v>
      </c>
      <c r="C4971">
        <v>2</v>
      </c>
      <c r="D4971" s="1">
        <v>44746.797222222223</v>
      </c>
      <c r="E4971" s="1">
        <v>44746.955555555556</v>
      </c>
      <c r="F4971">
        <v>23900</v>
      </c>
      <c r="G4971">
        <v>594</v>
      </c>
      <c r="H4971">
        <v>0</v>
      </c>
      <c r="I4971">
        <v>0</v>
      </c>
      <c r="J4971">
        <v>50</v>
      </c>
      <c r="K4971">
        <v>0</v>
      </c>
      <c r="L4971">
        <v>0</v>
      </c>
      <c r="M4971">
        <v>2221</v>
      </c>
      <c r="N4971">
        <v>0</v>
      </c>
      <c r="O4971">
        <v>0</v>
      </c>
      <c r="P4971">
        <v>-16340</v>
      </c>
      <c r="Q4971">
        <v>0</v>
      </c>
      <c r="R4971">
        <v>8104</v>
      </c>
      <c r="S4971">
        <v>0</v>
      </c>
      <c r="T4971">
        <v>0</v>
      </c>
      <c r="U4971">
        <v>0</v>
      </c>
      <c r="V4971">
        <v>2</v>
      </c>
      <c r="W4971">
        <v>2</v>
      </c>
      <c r="X4971">
        <v>0</v>
      </c>
      <c r="Y4971">
        <v>52</v>
      </c>
      <c r="Z4971">
        <v>17</v>
      </c>
      <c r="AA4971">
        <v>79</v>
      </c>
      <c r="AB4971">
        <v>19</v>
      </c>
      <c r="AC4971">
        <v>124</v>
      </c>
      <c r="AD4971">
        <v>21</v>
      </c>
      <c r="AE4971">
        <v>69</v>
      </c>
      <c r="AF4971">
        <v>1560</v>
      </c>
      <c r="AG4971">
        <v>102324</v>
      </c>
      <c r="AH4971">
        <v>50000</v>
      </c>
      <c r="AI4971">
        <v>300</v>
      </c>
      <c r="AJ4971">
        <v>95</v>
      </c>
      <c r="AK4971" t="s">
        <v>21</v>
      </c>
      <c r="AL4971">
        <v>0</v>
      </c>
      <c r="AM4971">
        <v>0</v>
      </c>
      <c r="AN4971">
        <v>0</v>
      </c>
      <c r="AO4971">
        <v>0</v>
      </c>
      <c r="AP4971">
        <v>0</v>
      </c>
      <c r="AQ4971">
        <v>0</v>
      </c>
      <c r="AR4971">
        <v>0</v>
      </c>
      <c r="AS4971">
        <v>0</v>
      </c>
      <c r="AT4971">
        <v>0</v>
      </c>
      <c r="AU4971">
        <v>0</v>
      </c>
      <c r="AV4971">
        <v>0</v>
      </c>
      <c r="AW4971">
        <v>0</v>
      </c>
      <c r="AX4971">
        <v>2400</v>
      </c>
      <c r="AY4971">
        <v>5</v>
      </c>
      <c r="AZ4971">
        <v>8</v>
      </c>
      <c r="BA4971">
        <v>1515</v>
      </c>
    </row>
    <row r="4972" spans="1:53" x14ac:dyDescent="0.4">
      <c r="A4972">
        <v>5016</v>
      </c>
      <c r="B4972" s="1">
        <v>44747</v>
      </c>
      <c r="C4972">
        <v>1</v>
      </c>
      <c r="D4972" s="1">
        <v>44747.291666666664</v>
      </c>
      <c r="E4972" s="1">
        <v>44747.440972222219</v>
      </c>
      <c r="F4972">
        <v>0</v>
      </c>
      <c r="G4972">
        <v>0</v>
      </c>
      <c r="H4972">
        <v>0</v>
      </c>
      <c r="I4972">
        <v>0</v>
      </c>
      <c r="J4972">
        <v>0</v>
      </c>
      <c r="K4972">
        <v>0</v>
      </c>
      <c r="L4972">
        <v>0</v>
      </c>
      <c r="M4972">
        <v>0</v>
      </c>
      <c r="N4972">
        <v>0</v>
      </c>
      <c r="O4972">
        <v>0</v>
      </c>
      <c r="P4972">
        <v>0</v>
      </c>
      <c r="Q4972">
        <v>0</v>
      </c>
      <c r="R4972">
        <v>0</v>
      </c>
      <c r="S4972">
        <v>0</v>
      </c>
      <c r="T4972">
        <v>0</v>
      </c>
      <c r="U4972">
        <v>0</v>
      </c>
      <c r="V4972">
        <v>0</v>
      </c>
      <c r="W4972">
        <v>1</v>
      </c>
      <c r="X4972">
        <v>0</v>
      </c>
      <c r="Y4972">
        <v>29</v>
      </c>
      <c r="Z4972">
        <v>12</v>
      </c>
      <c r="AA4972">
        <v>77</v>
      </c>
      <c r="AB4972">
        <v>19</v>
      </c>
      <c r="AC4972">
        <v>118</v>
      </c>
      <c r="AD4972">
        <v>21</v>
      </c>
      <c r="AE4972">
        <v>65</v>
      </c>
      <c r="AF4972">
        <v>0</v>
      </c>
      <c r="AG4972">
        <v>50000</v>
      </c>
      <c r="AH4972">
        <v>50000</v>
      </c>
      <c r="AI4972">
        <v>0</v>
      </c>
      <c r="AJ4972">
        <v>0</v>
      </c>
      <c r="AK4972" t="s">
        <v>6</v>
      </c>
      <c r="AL4972">
        <v>0</v>
      </c>
      <c r="AM4972">
        <v>0</v>
      </c>
      <c r="AN4972">
        <v>0</v>
      </c>
      <c r="AO4972">
        <v>0</v>
      </c>
      <c r="AP4972">
        <v>0</v>
      </c>
      <c r="AQ4972">
        <v>0</v>
      </c>
      <c r="AR4972">
        <v>0</v>
      </c>
      <c r="AS4972">
        <v>0</v>
      </c>
      <c r="AT4972">
        <v>0</v>
      </c>
      <c r="AU4972">
        <v>0</v>
      </c>
      <c r="AV4972">
        <v>0</v>
      </c>
      <c r="AW4972">
        <v>0</v>
      </c>
      <c r="AX4972">
        <v>0</v>
      </c>
      <c r="AY4972">
        <v>0</v>
      </c>
      <c r="AZ4972">
        <v>0</v>
      </c>
      <c r="BA4972">
        <v>0</v>
      </c>
    </row>
    <row r="4973" spans="1:53" x14ac:dyDescent="0.4">
      <c r="A4973">
        <v>5017</v>
      </c>
      <c r="B4973" s="1">
        <v>44747</v>
      </c>
      <c r="C4973">
        <v>2</v>
      </c>
      <c r="D4973" s="1">
        <v>44747.440972222219</v>
      </c>
      <c r="E4973" s="1">
        <v>44747.744444444441</v>
      </c>
      <c r="F4973">
        <v>12190</v>
      </c>
      <c r="G4973">
        <v>462</v>
      </c>
      <c r="H4973">
        <v>0</v>
      </c>
      <c r="I4973">
        <v>0</v>
      </c>
      <c r="J4973">
        <v>100</v>
      </c>
      <c r="K4973">
        <v>0</v>
      </c>
      <c r="L4973">
        <v>0</v>
      </c>
      <c r="M4973">
        <v>1140</v>
      </c>
      <c r="N4973">
        <v>0</v>
      </c>
      <c r="O4973">
        <v>0</v>
      </c>
      <c r="P4973">
        <v>14820</v>
      </c>
      <c r="Q4973">
        <v>0</v>
      </c>
      <c r="R4973">
        <v>27372</v>
      </c>
      <c r="S4973">
        <v>0</v>
      </c>
      <c r="T4973">
        <v>0</v>
      </c>
      <c r="U4973">
        <v>0</v>
      </c>
      <c r="V4973">
        <v>0</v>
      </c>
      <c r="W4973">
        <v>2</v>
      </c>
      <c r="X4973">
        <v>0</v>
      </c>
      <c r="Y4973">
        <v>46</v>
      </c>
      <c r="Z4973">
        <v>20</v>
      </c>
      <c r="AA4973">
        <v>77</v>
      </c>
      <c r="AB4973">
        <v>22</v>
      </c>
      <c r="AC4973">
        <v>112</v>
      </c>
      <c r="AD4973">
        <v>21</v>
      </c>
      <c r="AE4973">
        <v>67</v>
      </c>
      <c r="AF4973">
        <v>1280</v>
      </c>
      <c r="AG4973">
        <v>77372</v>
      </c>
      <c r="AH4973">
        <v>50000</v>
      </c>
      <c r="AI4973">
        <v>0</v>
      </c>
      <c r="AJ4973">
        <v>116</v>
      </c>
      <c r="AK4973" t="s">
        <v>54</v>
      </c>
      <c r="AL4973">
        <v>0</v>
      </c>
      <c r="AM4973">
        <v>0</v>
      </c>
      <c r="AN4973">
        <v>0</v>
      </c>
      <c r="AO4973">
        <v>0</v>
      </c>
      <c r="AP4973">
        <v>0</v>
      </c>
      <c r="AQ4973">
        <v>0</v>
      </c>
      <c r="AR4973">
        <v>0</v>
      </c>
      <c r="AS4973">
        <v>0</v>
      </c>
      <c r="AT4973">
        <v>0</v>
      </c>
      <c r="AU4973">
        <v>0</v>
      </c>
      <c r="AV4973">
        <v>0</v>
      </c>
      <c r="AW4973">
        <v>0</v>
      </c>
      <c r="AX4973">
        <v>-466</v>
      </c>
      <c r="AY4973">
        <v>26</v>
      </c>
      <c r="AZ4973">
        <v>45</v>
      </c>
      <c r="BA4973">
        <v>2944</v>
      </c>
    </row>
    <row r="4974" spans="1:53" x14ac:dyDescent="0.4">
      <c r="A4974">
        <v>5018</v>
      </c>
      <c r="B4974" s="1">
        <v>44747</v>
      </c>
      <c r="C4974">
        <v>3</v>
      </c>
      <c r="D4974" s="1">
        <v>44747.744444444441</v>
      </c>
      <c r="E4974" s="1">
        <v>44747.936111111114</v>
      </c>
      <c r="F4974">
        <v>19060</v>
      </c>
      <c r="G4974">
        <v>1188</v>
      </c>
      <c r="H4974">
        <v>0</v>
      </c>
      <c r="I4974">
        <v>0</v>
      </c>
      <c r="J4974">
        <v>0</v>
      </c>
      <c r="K4974">
        <v>0</v>
      </c>
      <c r="L4974">
        <v>0</v>
      </c>
      <c r="M4974">
        <v>1839</v>
      </c>
      <c r="N4974">
        <v>0</v>
      </c>
      <c r="O4974">
        <v>0</v>
      </c>
      <c r="P4974">
        <v>-3450</v>
      </c>
      <c r="Q4974">
        <v>0</v>
      </c>
      <c r="R4974">
        <v>16798</v>
      </c>
      <c r="S4974">
        <v>0</v>
      </c>
      <c r="T4974">
        <v>0</v>
      </c>
      <c r="U4974">
        <v>0</v>
      </c>
      <c r="V4974">
        <v>2</v>
      </c>
      <c r="W4974">
        <v>1</v>
      </c>
      <c r="X4974">
        <v>0</v>
      </c>
      <c r="Y4974">
        <v>45</v>
      </c>
      <c r="Z4974">
        <v>21</v>
      </c>
      <c r="AA4974">
        <v>82</v>
      </c>
      <c r="AB4974">
        <v>24</v>
      </c>
      <c r="AC4974">
        <v>120</v>
      </c>
      <c r="AD4974">
        <v>20</v>
      </c>
      <c r="AE4974">
        <v>70</v>
      </c>
      <c r="AF4974">
        <v>2900</v>
      </c>
      <c r="AG4974">
        <v>94170</v>
      </c>
      <c r="AH4974">
        <v>50000</v>
      </c>
      <c r="AI4974">
        <v>0</v>
      </c>
      <c r="AJ4974">
        <v>103</v>
      </c>
      <c r="AK4974" t="s">
        <v>7</v>
      </c>
      <c r="AL4974">
        <v>0</v>
      </c>
      <c r="AM4974">
        <v>0</v>
      </c>
      <c r="AN4974">
        <v>0</v>
      </c>
      <c r="AO4974">
        <v>0</v>
      </c>
      <c r="AP4974">
        <v>0</v>
      </c>
      <c r="AQ4974">
        <v>0</v>
      </c>
      <c r="AR4974">
        <v>0</v>
      </c>
      <c r="AS4974">
        <v>0</v>
      </c>
      <c r="AT4974">
        <v>0</v>
      </c>
      <c r="AU4974">
        <v>0</v>
      </c>
      <c r="AV4974">
        <v>0</v>
      </c>
      <c r="AW4974">
        <v>0</v>
      </c>
      <c r="AX4974">
        <v>4070</v>
      </c>
      <c r="AY4974">
        <v>8</v>
      </c>
      <c r="AZ4974">
        <v>21</v>
      </c>
      <c r="BA4974">
        <v>1764</v>
      </c>
    </row>
    <row r="4975" spans="1:53" x14ac:dyDescent="0.4">
      <c r="A4975">
        <v>5019</v>
      </c>
      <c r="B4975" s="1">
        <v>44748</v>
      </c>
      <c r="C4975">
        <v>1</v>
      </c>
      <c r="D4975" s="1">
        <v>44748.291666666664</v>
      </c>
      <c r="E4975" s="1">
        <v>44748.737500000003</v>
      </c>
      <c r="F4975">
        <v>13190</v>
      </c>
      <c r="G4975">
        <v>594</v>
      </c>
      <c r="H4975">
        <v>0</v>
      </c>
      <c r="I4975">
        <v>0</v>
      </c>
      <c r="J4975">
        <v>0</v>
      </c>
      <c r="K4975">
        <v>0</v>
      </c>
      <c r="L4975">
        <v>0</v>
      </c>
      <c r="M4975">
        <v>1252</v>
      </c>
      <c r="N4975">
        <v>0</v>
      </c>
      <c r="O4975">
        <v>0</v>
      </c>
      <c r="P4975">
        <v>18820</v>
      </c>
      <c r="Q4975">
        <v>0</v>
      </c>
      <c r="R4975">
        <v>32604</v>
      </c>
      <c r="S4975">
        <v>0</v>
      </c>
      <c r="T4975">
        <v>0</v>
      </c>
      <c r="U4975">
        <v>0</v>
      </c>
      <c r="V4975">
        <v>1</v>
      </c>
      <c r="W4975">
        <v>1</v>
      </c>
      <c r="X4975">
        <v>0</v>
      </c>
      <c r="Y4975">
        <v>47</v>
      </c>
      <c r="Z4975">
        <v>15</v>
      </c>
      <c r="AA4975">
        <v>75</v>
      </c>
      <c r="AB4975">
        <v>32</v>
      </c>
      <c r="AC4975">
        <v>158</v>
      </c>
      <c r="AD4975">
        <v>19</v>
      </c>
      <c r="AE4975">
        <v>69</v>
      </c>
      <c r="AF4975">
        <v>2260</v>
      </c>
      <c r="AG4975">
        <v>82604</v>
      </c>
      <c r="AH4975">
        <v>50000</v>
      </c>
      <c r="AI4975">
        <v>0</v>
      </c>
      <c r="AJ4975">
        <v>119</v>
      </c>
      <c r="AK4975" t="s">
        <v>56</v>
      </c>
      <c r="AL4975">
        <v>0</v>
      </c>
      <c r="AM4975">
        <v>0</v>
      </c>
      <c r="AN4975">
        <v>0</v>
      </c>
      <c r="AO4975">
        <v>0</v>
      </c>
      <c r="AP4975">
        <v>0</v>
      </c>
      <c r="AQ4975">
        <v>0</v>
      </c>
      <c r="AR4975">
        <v>0</v>
      </c>
      <c r="AS4975">
        <v>0</v>
      </c>
      <c r="AT4975">
        <v>0</v>
      </c>
      <c r="AU4975">
        <v>0</v>
      </c>
      <c r="AV4975">
        <v>0</v>
      </c>
      <c r="AW4975">
        <v>0</v>
      </c>
      <c r="AX4975">
        <v>0</v>
      </c>
      <c r="AY4975">
        <v>30</v>
      </c>
      <c r="AZ4975">
        <v>51</v>
      </c>
      <c r="BA4975">
        <v>4417</v>
      </c>
    </row>
    <row r="4976" spans="1:53" x14ac:dyDescent="0.4">
      <c r="A4976">
        <v>5020</v>
      </c>
      <c r="B4976" s="1">
        <v>44748</v>
      </c>
      <c r="C4976">
        <v>2</v>
      </c>
      <c r="D4976" s="1">
        <v>44748.737500000003</v>
      </c>
      <c r="E4976" s="1">
        <v>44748.954861111109</v>
      </c>
      <c r="F4976">
        <v>24410</v>
      </c>
      <c r="G4976">
        <v>0</v>
      </c>
      <c r="H4976">
        <v>0</v>
      </c>
      <c r="I4976">
        <v>0</v>
      </c>
      <c r="J4976">
        <v>0</v>
      </c>
      <c r="K4976">
        <v>0</v>
      </c>
      <c r="L4976">
        <v>0</v>
      </c>
      <c r="M4976">
        <v>2217</v>
      </c>
      <c r="N4976">
        <v>0</v>
      </c>
      <c r="O4976">
        <v>0</v>
      </c>
      <c r="P4976">
        <v>-13510</v>
      </c>
      <c r="Q4976">
        <v>0</v>
      </c>
      <c r="R4976">
        <v>10900</v>
      </c>
      <c r="S4976">
        <v>0</v>
      </c>
      <c r="T4976">
        <v>0</v>
      </c>
      <c r="U4976">
        <v>0</v>
      </c>
      <c r="V4976">
        <v>1</v>
      </c>
      <c r="W4976">
        <v>1</v>
      </c>
      <c r="X4976">
        <v>0</v>
      </c>
      <c r="Y4976">
        <v>58</v>
      </c>
      <c r="Z4976">
        <v>15</v>
      </c>
      <c r="AA4976">
        <v>73</v>
      </c>
      <c r="AB4976">
        <v>33</v>
      </c>
      <c r="AC4976">
        <v>163</v>
      </c>
      <c r="AD4976">
        <v>19</v>
      </c>
      <c r="AE4976">
        <v>69</v>
      </c>
      <c r="AF4976">
        <v>2260</v>
      </c>
      <c r="AG4976">
        <v>93504</v>
      </c>
      <c r="AH4976">
        <v>50000</v>
      </c>
      <c r="AI4976">
        <v>0</v>
      </c>
      <c r="AJ4976">
        <v>29</v>
      </c>
      <c r="AK4976" t="s">
        <v>62</v>
      </c>
      <c r="AL4976">
        <v>0</v>
      </c>
      <c r="AM4976">
        <v>0</v>
      </c>
      <c r="AN4976">
        <v>0</v>
      </c>
      <c r="AO4976">
        <v>0</v>
      </c>
      <c r="AP4976">
        <v>0</v>
      </c>
      <c r="AQ4976">
        <v>0</v>
      </c>
      <c r="AR4976">
        <v>0</v>
      </c>
      <c r="AS4976">
        <v>0</v>
      </c>
      <c r="AT4976">
        <v>0</v>
      </c>
      <c r="AU4976">
        <v>0</v>
      </c>
      <c r="AV4976">
        <v>0</v>
      </c>
      <c r="AW4976">
        <v>0</v>
      </c>
      <c r="AX4976">
        <v>2640</v>
      </c>
      <c r="AY4976">
        <v>9</v>
      </c>
      <c r="AZ4976">
        <v>15</v>
      </c>
      <c r="BA4976">
        <v>1567</v>
      </c>
    </row>
    <row r="4977" spans="1:53" x14ac:dyDescent="0.4">
      <c r="A4977">
        <v>5021</v>
      </c>
      <c r="B4977" s="1">
        <v>44748</v>
      </c>
      <c r="C4977">
        <v>3</v>
      </c>
      <c r="D4977" s="1">
        <v>44748.954861111109</v>
      </c>
      <c r="E4977" s="1">
        <v>44749.161805555559</v>
      </c>
      <c r="F4977">
        <v>6930</v>
      </c>
      <c r="G4977">
        <v>2190</v>
      </c>
      <c r="H4977">
        <v>440</v>
      </c>
      <c r="I4977">
        <v>0</v>
      </c>
      <c r="J4977">
        <v>0</v>
      </c>
      <c r="K4977">
        <v>660</v>
      </c>
      <c r="L4977">
        <v>0</v>
      </c>
      <c r="M4977">
        <v>929</v>
      </c>
      <c r="N4977">
        <v>0</v>
      </c>
      <c r="O4977">
        <v>0</v>
      </c>
      <c r="P4977">
        <v>10510</v>
      </c>
      <c r="Q4977">
        <v>0</v>
      </c>
      <c r="R4977">
        <v>20730</v>
      </c>
      <c r="S4977">
        <v>0</v>
      </c>
      <c r="T4977">
        <v>0</v>
      </c>
      <c r="U4977">
        <v>0</v>
      </c>
      <c r="V4977">
        <v>2</v>
      </c>
      <c r="W4977">
        <v>1</v>
      </c>
      <c r="X4977">
        <v>0</v>
      </c>
      <c r="Y4977">
        <v>58</v>
      </c>
      <c r="Z4977">
        <v>17</v>
      </c>
      <c r="AA4977">
        <v>94</v>
      </c>
      <c r="AB4977">
        <v>29</v>
      </c>
      <c r="AC4977">
        <v>157</v>
      </c>
      <c r="AD4977">
        <v>22</v>
      </c>
      <c r="AE4977">
        <v>74</v>
      </c>
      <c r="AF4977">
        <v>10130</v>
      </c>
      <c r="AG4977">
        <v>114234</v>
      </c>
      <c r="AH4977">
        <v>50000</v>
      </c>
      <c r="AI4977">
        <v>0</v>
      </c>
      <c r="AJ4977">
        <v>108</v>
      </c>
      <c r="AK4977" t="s">
        <v>3</v>
      </c>
      <c r="AL4977">
        <v>0</v>
      </c>
      <c r="AM4977">
        <v>0</v>
      </c>
      <c r="AN4977">
        <v>0</v>
      </c>
      <c r="AO4977">
        <v>0</v>
      </c>
      <c r="AP4977">
        <v>0</v>
      </c>
      <c r="AQ4977">
        <v>0</v>
      </c>
      <c r="AR4977">
        <v>0</v>
      </c>
      <c r="AS4977">
        <v>0</v>
      </c>
      <c r="AT4977">
        <v>0</v>
      </c>
      <c r="AU4977">
        <v>0</v>
      </c>
      <c r="AV4977">
        <v>0</v>
      </c>
      <c r="AW4977">
        <v>0</v>
      </c>
      <c r="AX4977">
        <v>594</v>
      </c>
      <c r="AY4977">
        <v>3</v>
      </c>
      <c r="AZ4977">
        <v>8</v>
      </c>
      <c r="BA4977">
        <v>826</v>
      </c>
    </row>
    <row r="4978" spans="1:53" x14ac:dyDescent="0.4">
      <c r="A4978">
        <v>5022</v>
      </c>
      <c r="B4978" s="1">
        <v>44749</v>
      </c>
      <c r="C4978">
        <v>1</v>
      </c>
      <c r="D4978" s="1">
        <v>44749.291666666664</v>
      </c>
      <c r="E4978" s="1">
        <v>44749.439583333333</v>
      </c>
      <c r="F4978">
        <v>0</v>
      </c>
      <c r="G4978">
        <v>0</v>
      </c>
      <c r="H4978">
        <v>0</v>
      </c>
      <c r="I4978">
        <v>0</v>
      </c>
      <c r="J4978">
        <v>0</v>
      </c>
      <c r="K4978">
        <v>0</v>
      </c>
      <c r="L4978">
        <v>0</v>
      </c>
      <c r="M4978">
        <v>0</v>
      </c>
      <c r="N4978">
        <v>0</v>
      </c>
      <c r="O4978">
        <v>0</v>
      </c>
      <c r="P4978">
        <v>0</v>
      </c>
      <c r="Q4978">
        <v>0</v>
      </c>
      <c r="R4978">
        <v>0</v>
      </c>
      <c r="S4978">
        <v>0</v>
      </c>
      <c r="T4978">
        <v>0</v>
      </c>
      <c r="U4978">
        <v>0</v>
      </c>
      <c r="V4978">
        <v>0</v>
      </c>
      <c r="W4978">
        <v>1</v>
      </c>
      <c r="X4978">
        <v>0</v>
      </c>
      <c r="Y4978">
        <v>25</v>
      </c>
      <c r="Z4978">
        <v>15</v>
      </c>
      <c r="AA4978">
        <v>100</v>
      </c>
      <c r="AB4978">
        <v>25</v>
      </c>
      <c r="AC4978">
        <v>108</v>
      </c>
      <c r="AD4978">
        <v>20</v>
      </c>
      <c r="AE4978">
        <v>70</v>
      </c>
      <c r="AF4978">
        <v>0</v>
      </c>
      <c r="AG4978">
        <v>50000</v>
      </c>
      <c r="AH4978">
        <v>50000</v>
      </c>
      <c r="AI4978">
        <v>0</v>
      </c>
      <c r="AJ4978">
        <v>0</v>
      </c>
      <c r="AK4978" t="s">
        <v>6</v>
      </c>
      <c r="AL4978">
        <v>0</v>
      </c>
      <c r="AM4978">
        <v>0</v>
      </c>
      <c r="AN4978">
        <v>0</v>
      </c>
      <c r="AO4978">
        <v>0</v>
      </c>
      <c r="AP4978">
        <v>0</v>
      </c>
      <c r="AQ4978">
        <v>0</v>
      </c>
      <c r="AR4978">
        <v>0</v>
      </c>
      <c r="AS4978">
        <v>0</v>
      </c>
      <c r="AT4978">
        <v>0</v>
      </c>
      <c r="AU4978">
        <v>0</v>
      </c>
      <c r="AV4978">
        <v>0</v>
      </c>
      <c r="AW4978">
        <v>0</v>
      </c>
      <c r="AX4978">
        <v>0</v>
      </c>
      <c r="AY4978">
        <v>0</v>
      </c>
      <c r="AZ4978">
        <v>0</v>
      </c>
      <c r="BA4978">
        <v>0</v>
      </c>
    </row>
    <row r="4979" spans="1:53" x14ac:dyDescent="0.4">
      <c r="A4979">
        <v>5023</v>
      </c>
      <c r="B4979" s="1">
        <v>44749</v>
      </c>
      <c r="C4979">
        <v>2</v>
      </c>
      <c r="D4979" s="1">
        <v>44749.439583333333</v>
      </c>
      <c r="E4979" s="1">
        <v>44749.73333333333</v>
      </c>
      <c r="F4979">
        <v>17980</v>
      </c>
      <c r="G4979">
        <v>770</v>
      </c>
      <c r="H4979">
        <v>0</v>
      </c>
      <c r="I4979">
        <v>0</v>
      </c>
      <c r="J4979">
        <v>0</v>
      </c>
      <c r="K4979">
        <v>0</v>
      </c>
      <c r="L4979">
        <v>0</v>
      </c>
      <c r="M4979">
        <v>1706</v>
      </c>
      <c r="N4979">
        <v>0</v>
      </c>
      <c r="O4979">
        <v>0</v>
      </c>
      <c r="P4979">
        <v>15960</v>
      </c>
      <c r="Q4979">
        <v>0</v>
      </c>
      <c r="R4979">
        <v>34710</v>
      </c>
      <c r="S4979">
        <v>0</v>
      </c>
      <c r="T4979">
        <v>0</v>
      </c>
      <c r="U4979">
        <v>0</v>
      </c>
      <c r="V4979">
        <v>0</v>
      </c>
      <c r="W4979">
        <v>3</v>
      </c>
      <c r="X4979">
        <v>0</v>
      </c>
      <c r="Y4979">
        <v>44</v>
      </c>
      <c r="Z4979">
        <v>23</v>
      </c>
      <c r="AA4979">
        <v>98</v>
      </c>
      <c r="AB4979">
        <v>19</v>
      </c>
      <c r="AC4979">
        <v>109</v>
      </c>
      <c r="AD4979">
        <v>21</v>
      </c>
      <c r="AE4979">
        <v>75</v>
      </c>
      <c r="AF4979">
        <v>2190</v>
      </c>
      <c r="AG4979">
        <v>84710</v>
      </c>
      <c r="AH4979">
        <v>50000</v>
      </c>
      <c r="AI4979">
        <v>0</v>
      </c>
      <c r="AJ4979">
        <v>116</v>
      </c>
      <c r="AK4979" t="s">
        <v>54</v>
      </c>
      <c r="AL4979">
        <v>0</v>
      </c>
      <c r="AM4979">
        <v>0</v>
      </c>
      <c r="AN4979">
        <v>0</v>
      </c>
      <c r="AO4979">
        <v>0</v>
      </c>
      <c r="AP4979">
        <v>0</v>
      </c>
      <c r="AQ4979">
        <v>0</v>
      </c>
      <c r="AR4979">
        <v>0</v>
      </c>
      <c r="AS4979">
        <v>0</v>
      </c>
      <c r="AT4979">
        <v>0</v>
      </c>
      <c r="AU4979">
        <v>0</v>
      </c>
      <c r="AV4979">
        <v>0</v>
      </c>
      <c r="AW4979">
        <v>0</v>
      </c>
      <c r="AX4979">
        <v>0</v>
      </c>
      <c r="AY4979">
        <v>40</v>
      </c>
      <c r="AZ4979">
        <v>57</v>
      </c>
      <c r="BA4979">
        <v>5017</v>
      </c>
    </row>
    <row r="4980" spans="1:53" x14ac:dyDescent="0.4">
      <c r="A4980">
        <v>5024</v>
      </c>
      <c r="B4980" s="1">
        <v>44749</v>
      </c>
      <c r="C4980">
        <v>3</v>
      </c>
      <c r="D4980" s="1">
        <v>44749.73333333333</v>
      </c>
      <c r="E4980" s="1">
        <v>44749.925000000003</v>
      </c>
      <c r="F4980">
        <v>26420</v>
      </c>
      <c r="G4980">
        <v>1950</v>
      </c>
      <c r="H4980">
        <v>0</v>
      </c>
      <c r="I4980">
        <v>0</v>
      </c>
      <c r="J4980">
        <v>0</v>
      </c>
      <c r="K4980">
        <v>0</v>
      </c>
      <c r="L4980">
        <v>0</v>
      </c>
      <c r="M4980">
        <v>2577</v>
      </c>
      <c r="N4980">
        <v>0</v>
      </c>
      <c r="O4980">
        <v>0</v>
      </c>
      <c r="P4980">
        <v>-12160</v>
      </c>
      <c r="Q4980">
        <v>0</v>
      </c>
      <c r="R4980">
        <v>16210</v>
      </c>
      <c r="S4980">
        <v>0</v>
      </c>
      <c r="T4980">
        <v>0</v>
      </c>
      <c r="U4980">
        <v>0</v>
      </c>
      <c r="V4980">
        <v>1</v>
      </c>
      <c r="W4980">
        <v>2</v>
      </c>
      <c r="X4980">
        <v>0</v>
      </c>
      <c r="Y4980">
        <v>54</v>
      </c>
      <c r="Z4980">
        <v>24</v>
      </c>
      <c r="AA4980">
        <v>97</v>
      </c>
      <c r="AB4980">
        <v>24</v>
      </c>
      <c r="AC4980">
        <v>111</v>
      </c>
      <c r="AD4980">
        <v>23</v>
      </c>
      <c r="AE4980">
        <v>75</v>
      </c>
      <c r="AF4980">
        <v>2720</v>
      </c>
      <c r="AG4980">
        <v>100920</v>
      </c>
      <c r="AH4980">
        <v>50000</v>
      </c>
      <c r="AI4980">
        <v>0</v>
      </c>
      <c r="AJ4980">
        <v>108</v>
      </c>
      <c r="AK4980" t="s">
        <v>3</v>
      </c>
      <c r="AL4980">
        <v>0</v>
      </c>
      <c r="AM4980">
        <v>0</v>
      </c>
      <c r="AN4980">
        <v>0</v>
      </c>
      <c r="AO4980">
        <v>0</v>
      </c>
      <c r="AP4980">
        <v>0</v>
      </c>
      <c r="AQ4980">
        <v>0</v>
      </c>
      <c r="AR4980">
        <v>0</v>
      </c>
      <c r="AS4980">
        <v>0</v>
      </c>
      <c r="AT4980">
        <v>0</v>
      </c>
      <c r="AU4980">
        <v>0</v>
      </c>
      <c r="AV4980">
        <v>0</v>
      </c>
      <c r="AW4980">
        <v>0</v>
      </c>
      <c r="AX4980">
        <v>0</v>
      </c>
      <c r="AY4980">
        <v>8</v>
      </c>
      <c r="AZ4980">
        <v>17</v>
      </c>
      <c r="BA4980">
        <v>2176</v>
      </c>
    </row>
    <row r="4981" spans="1:53" x14ac:dyDescent="0.4">
      <c r="A4981">
        <v>5025</v>
      </c>
      <c r="B4981" s="1">
        <v>44750</v>
      </c>
      <c r="C4981">
        <v>1</v>
      </c>
      <c r="D4981" s="1">
        <v>44750.291666666664</v>
      </c>
      <c r="E4981" s="1">
        <v>44750.441666666666</v>
      </c>
      <c r="F4981">
        <v>0</v>
      </c>
      <c r="G4981">
        <v>0</v>
      </c>
      <c r="H4981">
        <v>0</v>
      </c>
      <c r="I4981">
        <v>0</v>
      </c>
      <c r="J4981">
        <v>0</v>
      </c>
      <c r="K4981">
        <v>0</v>
      </c>
      <c r="L4981">
        <v>0</v>
      </c>
      <c r="M4981">
        <v>0</v>
      </c>
      <c r="N4981">
        <v>0</v>
      </c>
      <c r="O4981">
        <v>0</v>
      </c>
      <c r="P4981">
        <v>0</v>
      </c>
      <c r="Q4981">
        <v>0</v>
      </c>
      <c r="R4981">
        <v>0</v>
      </c>
      <c r="S4981">
        <v>0</v>
      </c>
      <c r="T4981">
        <v>0</v>
      </c>
      <c r="U4981">
        <v>0</v>
      </c>
      <c r="V4981">
        <v>0</v>
      </c>
      <c r="W4981">
        <v>1</v>
      </c>
      <c r="X4981">
        <v>0</v>
      </c>
      <c r="Y4981">
        <v>25</v>
      </c>
      <c r="Z4981">
        <v>16</v>
      </c>
      <c r="AA4981">
        <v>97</v>
      </c>
      <c r="AB4981">
        <v>24</v>
      </c>
      <c r="AC4981">
        <v>91</v>
      </c>
      <c r="AD4981">
        <v>23</v>
      </c>
      <c r="AE4981">
        <v>75</v>
      </c>
      <c r="AF4981">
        <v>0</v>
      </c>
      <c r="AG4981">
        <v>50000</v>
      </c>
      <c r="AH4981">
        <v>50000</v>
      </c>
      <c r="AI4981">
        <v>0</v>
      </c>
      <c r="AJ4981">
        <v>0</v>
      </c>
      <c r="AK4981" t="s">
        <v>6</v>
      </c>
      <c r="AL4981">
        <v>0</v>
      </c>
      <c r="AM4981">
        <v>0</v>
      </c>
      <c r="AN4981">
        <v>0</v>
      </c>
      <c r="AO4981">
        <v>0</v>
      </c>
      <c r="AP4981">
        <v>0</v>
      </c>
      <c r="AQ4981">
        <v>0</v>
      </c>
      <c r="AR4981">
        <v>0</v>
      </c>
      <c r="AS4981">
        <v>0</v>
      </c>
      <c r="AT4981">
        <v>0</v>
      </c>
      <c r="AU4981">
        <v>0</v>
      </c>
      <c r="AV4981">
        <v>0</v>
      </c>
      <c r="AW4981">
        <v>0</v>
      </c>
      <c r="AX4981">
        <v>0</v>
      </c>
      <c r="AY4981">
        <v>0</v>
      </c>
      <c r="AZ4981">
        <v>0</v>
      </c>
      <c r="BA4981">
        <v>0</v>
      </c>
    </row>
    <row r="4982" spans="1:53" x14ac:dyDescent="0.4">
      <c r="A4982">
        <v>5026</v>
      </c>
      <c r="B4982" s="1">
        <v>44750</v>
      </c>
      <c r="C4982">
        <v>2</v>
      </c>
      <c r="D4982" s="1">
        <v>44750.441666666666</v>
      </c>
      <c r="E4982" s="1">
        <v>44750.747916666667</v>
      </c>
      <c r="F4982">
        <v>22490</v>
      </c>
      <c r="G4982">
        <v>594</v>
      </c>
      <c r="H4982">
        <v>0</v>
      </c>
      <c r="I4982">
        <v>0</v>
      </c>
      <c r="J4982">
        <v>0</v>
      </c>
      <c r="K4982">
        <v>0</v>
      </c>
      <c r="L4982">
        <v>0</v>
      </c>
      <c r="M4982">
        <v>2096</v>
      </c>
      <c r="N4982">
        <v>0</v>
      </c>
      <c r="O4982">
        <v>0</v>
      </c>
      <c r="P4982">
        <v>12510</v>
      </c>
      <c r="Q4982">
        <v>0</v>
      </c>
      <c r="R4982">
        <v>35594</v>
      </c>
      <c r="S4982">
        <v>0</v>
      </c>
      <c r="T4982">
        <v>0</v>
      </c>
      <c r="U4982">
        <v>0</v>
      </c>
      <c r="V4982">
        <v>1</v>
      </c>
      <c r="W4982">
        <v>1</v>
      </c>
      <c r="X4982">
        <v>0</v>
      </c>
      <c r="Y4982">
        <v>35</v>
      </c>
      <c r="Z4982">
        <v>25</v>
      </c>
      <c r="AA4982">
        <v>96</v>
      </c>
      <c r="AB4982">
        <v>25</v>
      </c>
      <c r="AC4982">
        <v>105</v>
      </c>
      <c r="AD4982">
        <v>22</v>
      </c>
      <c r="AE4982">
        <v>78</v>
      </c>
      <c r="AF4982">
        <v>11006</v>
      </c>
      <c r="AG4982">
        <v>85594</v>
      </c>
      <c r="AH4982">
        <v>50000</v>
      </c>
      <c r="AI4982">
        <v>0</v>
      </c>
      <c r="AJ4982">
        <v>116</v>
      </c>
      <c r="AK4982" t="s">
        <v>54</v>
      </c>
      <c r="AL4982">
        <v>0</v>
      </c>
      <c r="AM4982">
        <v>0</v>
      </c>
      <c r="AN4982">
        <v>0</v>
      </c>
      <c r="AO4982">
        <v>0</v>
      </c>
      <c r="AP4982">
        <v>0</v>
      </c>
      <c r="AQ4982">
        <v>0</v>
      </c>
      <c r="AR4982">
        <v>0</v>
      </c>
      <c r="AS4982">
        <v>0</v>
      </c>
      <c r="AT4982">
        <v>0</v>
      </c>
      <c r="AU4982">
        <v>0</v>
      </c>
      <c r="AV4982">
        <v>0</v>
      </c>
      <c r="AW4982">
        <v>0</v>
      </c>
      <c r="AX4982">
        <v>0</v>
      </c>
      <c r="AY4982">
        <v>39</v>
      </c>
      <c r="AZ4982">
        <v>57</v>
      </c>
      <c r="BA4982">
        <v>5944</v>
      </c>
    </row>
    <row r="4983" spans="1:53" x14ac:dyDescent="0.4">
      <c r="A4983">
        <v>5027</v>
      </c>
      <c r="B4983" s="1">
        <v>44750</v>
      </c>
      <c r="C4983">
        <v>3</v>
      </c>
      <c r="D4983" s="1">
        <v>44750.747916666667</v>
      </c>
      <c r="E4983" s="1">
        <v>44751.01666666667</v>
      </c>
      <c r="F4983">
        <v>80400</v>
      </c>
      <c r="G4983">
        <v>5424</v>
      </c>
      <c r="H4983">
        <v>0</v>
      </c>
      <c r="I4983">
        <v>0</v>
      </c>
      <c r="J4983">
        <v>0</v>
      </c>
      <c r="K4983">
        <v>0</v>
      </c>
      <c r="L4983">
        <v>0</v>
      </c>
      <c r="M4983">
        <v>7801</v>
      </c>
      <c r="N4983">
        <v>0</v>
      </c>
      <c r="O4983">
        <v>0</v>
      </c>
      <c r="P4983">
        <v>15690</v>
      </c>
      <c r="Q4983">
        <v>0</v>
      </c>
      <c r="R4983">
        <v>101514</v>
      </c>
      <c r="S4983">
        <v>0</v>
      </c>
      <c r="T4983">
        <v>0</v>
      </c>
      <c r="U4983">
        <v>0</v>
      </c>
      <c r="V4983">
        <v>8</v>
      </c>
      <c r="W4983">
        <v>0</v>
      </c>
      <c r="X4983">
        <v>0</v>
      </c>
      <c r="Y4983">
        <v>48</v>
      </c>
      <c r="Z4983">
        <v>27</v>
      </c>
      <c r="AA4983">
        <v>75</v>
      </c>
      <c r="AB4983">
        <v>18</v>
      </c>
      <c r="AC4983">
        <v>88</v>
      </c>
      <c r="AD4983">
        <v>24</v>
      </c>
      <c r="AE4983">
        <v>77</v>
      </c>
      <c r="AF4983">
        <v>36131</v>
      </c>
      <c r="AG4983">
        <v>187108</v>
      </c>
      <c r="AH4983">
        <v>50000</v>
      </c>
      <c r="AI4983">
        <v>0</v>
      </c>
      <c r="AJ4983">
        <v>115</v>
      </c>
      <c r="AK4983" t="s">
        <v>55</v>
      </c>
      <c r="AL4983">
        <v>0</v>
      </c>
      <c r="AM4983">
        <v>0</v>
      </c>
      <c r="AN4983">
        <v>0</v>
      </c>
      <c r="AO4983">
        <v>0</v>
      </c>
      <c r="AP4983">
        <v>0</v>
      </c>
      <c r="AQ4983">
        <v>0</v>
      </c>
      <c r="AR4983">
        <v>0</v>
      </c>
      <c r="AS4983">
        <v>0</v>
      </c>
      <c r="AT4983">
        <v>0</v>
      </c>
      <c r="AU4983">
        <v>0</v>
      </c>
      <c r="AV4983">
        <v>0</v>
      </c>
      <c r="AW4983">
        <v>0</v>
      </c>
      <c r="AX4983">
        <v>27752</v>
      </c>
      <c r="AY4983">
        <v>27</v>
      </c>
      <c r="AZ4983">
        <v>75</v>
      </c>
      <c r="BA4983">
        <v>3456</v>
      </c>
    </row>
    <row r="4984" spans="1:53" x14ac:dyDescent="0.4">
      <c r="A4984">
        <v>5028</v>
      </c>
      <c r="B4984" s="1">
        <v>44751</v>
      </c>
      <c r="C4984">
        <v>1</v>
      </c>
      <c r="D4984" s="1">
        <v>44751.291666666664</v>
      </c>
      <c r="E4984" s="1">
        <v>44751.406944444447</v>
      </c>
      <c r="F4984">
        <v>0</v>
      </c>
      <c r="G4984">
        <v>0</v>
      </c>
      <c r="H4984">
        <v>0</v>
      </c>
      <c r="I4984">
        <v>0</v>
      </c>
      <c r="J4984">
        <v>0</v>
      </c>
      <c r="K4984">
        <v>0</v>
      </c>
      <c r="L4984">
        <v>0</v>
      </c>
      <c r="M4984">
        <v>0</v>
      </c>
      <c r="N4984">
        <v>0</v>
      </c>
      <c r="O4984">
        <v>0</v>
      </c>
      <c r="P4984">
        <v>0</v>
      </c>
      <c r="Q4984">
        <v>0</v>
      </c>
      <c r="R4984">
        <v>0</v>
      </c>
      <c r="S4984">
        <v>0</v>
      </c>
      <c r="T4984">
        <v>0</v>
      </c>
      <c r="U4984">
        <v>0</v>
      </c>
      <c r="V4984">
        <v>0</v>
      </c>
      <c r="W4984">
        <v>1</v>
      </c>
      <c r="X4984">
        <v>0</v>
      </c>
      <c r="Y4984">
        <v>27</v>
      </c>
      <c r="Z4984">
        <v>15</v>
      </c>
      <c r="AA4984">
        <v>87</v>
      </c>
      <c r="AB4984">
        <v>16</v>
      </c>
      <c r="AC4984">
        <v>81</v>
      </c>
      <c r="AD4984">
        <v>23</v>
      </c>
      <c r="AE4984">
        <v>75</v>
      </c>
      <c r="AF4984">
        <v>0</v>
      </c>
      <c r="AG4984">
        <v>50000</v>
      </c>
      <c r="AH4984">
        <v>50000</v>
      </c>
      <c r="AI4984">
        <v>0</v>
      </c>
      <c r="AJ4984">
        <v>0</v>
      </c>
      <c r="AK4984" t="s">
        <v>6</v>
      </c>
      <c r="AL4984">
        <v>0</v>
      </c>
      <c r="AM4984">
        <v>0</v>
      </c>
      <c r="AN4984">
        <v>0</v>
      </c>
      <c r="AO4984">
        <v>0</v>
      </c>
      <c r="AP4984">
        <v>0</v>
      </c>
      <c r="AQ4984">
        <v>0</v>
      </c>
      <c r="AR4984">
        <v>0</v>
      </c>
      <c r="AS4984">
        <v>0</v>
      </c>
      <c r="AT4984">
        <v>0</v>
      </c>
      <c r="AU4984">
        <v>0</v>
      </c>
      <c r="AV4984">
        <v>0</v>
      </c>
      <c r="AW4984">
        <v>0</v>
      </c>
      <c r="AX4984">
        <v>0</v>
      </c>
      <c r="AY4984">
        <v>0</v>
      </c>
      <c r="AZ4984">
        <v>0</v>
      </c>
      <c r="BA4984">
        <v>0</v>
      </c>
    </row>
    <row r="4985" spans="1:53" x14ac:dyDescent="0.4">
      <c r="A4985">
        <v>5029</v>
      </c>
      <c r="B4985" s="1">
        <v>44751</v>
      </c>
      <c r="C4985">
        <v>2</v>
      </c>
      <c r="D4985" s="1">
        <v>44751.406944444447</v>
      </c>
      <c r="E4985" s="1">
        <v>44751.743055555555</v>
      </c>
      <c r="F4985">
        <v>43210</v>
      </c>
      <c r="G4985">
        <v>5214</v>
      </c>
      <c r="H4985">
        <v>0</v>
      </c>
      <c r="I4985">
        <v>0</v>
      </c>
      <c r="J4985">
        <v>100</v>
      </c>
      <c r="K4985">
        <v>0</v>
      </c>
      <c r="L4985">
        <v>0</v>
      </c>
      <c r="M4985">
        <v>4392</v>
      </c>
      <c r="N4985">
        <v>0</v>
      </c>
      <c r="O4985">
        <v>0</v>
      </c>
      <c r="P4985">
        <v>17500</v>
      </c>
      <c r="Q4985">
        <v>0</v>
      </c>
      <c r="R4985">
        <v>65824</v>
      </c>
      <c r="S4985">
        <v>0</v>
      </c>
      <c r="T4985">
        <v>0</v>
      </c>
      <c r="U4985">
        <v>0</v>
      </c>
      <c r="V4985">
        <v>1</v>
      </c>
      <c r="W4985">
        <v>4</v>
      </c>
      <c r="X4985">
        <v>0</v>
      </c>
      <c r="Y4985">
        <v>57</v>
      </c>
      <c r="Z4985">
        <v>27</v>
      </c>
      <c r="AA4985">
        <v>128</v>
      </c>
      <c r="AB4985">
        <v>21</v>
      </c>
      <c r="AC4985">
        <v>128</v>
      </c>
      <c r="AD4985">
        <v>23</v>
      </c>
      <c r="AE4985">
        <v>79</v>
      </c>
      <c r="AF4985">
        <v>0</v>
      </c>
      <c r="AG4985">
        <v>115824</v>
      </c>
      <c r="AH4985">
        <v>50000</v>
      </c>
      <c r="AI4985">
        <v>0</v>
      </c>
      <c r="AJ4985">
        <v>118</v>
      </c>
      <c r="AK4985" t="s">
        <v>59</v>
      </c>
      <c r="AL4985">
        <v>0</v>
      </c>
      <c r="AM4985">
        <v>0</v>
      </c>
      <c r="AN4985">
        <v>0</v>
      </c>
      <c r="AO4985">
        <v>0</v>
      </c>
      <c r="AP4985">
        <v>0</v>
      </c>
      <c r="AQ4985">
        <v>0</v>
      </c>
      <c r="AR4985">
        <v>0</v>
      </c>
      <c r="AS4985">
        <v>0</v>
      </c>
      <c r="AT4985">
        <v>0</v>
      </c>
      <c r="AU4985">
        <v>0</v>
      </c>
      <c r="AV4985">
        <v>0</v>
      </c>
      <c r="AW4985">
        <v>0</v>
      </c>
      <c r="AX4985">
        <v>-222</v>
      </c>
      <c r="AY4985">
        <v>50</v>
      </c>
      <c r="AZ4985">
        <v>98</v>
      </c>
      <c r="BA4985">
        <v>7467</v>
      </c>
    </row>
    <row r="4986" spans="1:53" x14ac:dyDescent="0.4">
      <c r="A4986">
        <v>5030</v>
      </c>
      <c r="B4986" s="1">
        <v>44751</v>
      </c>
      <c r="C4986">
        <v>3</v>
      </c>
      <c r="D4986" s="1">
        <v>44751.743055555555</v>
      </c>
      <c r="E4986" s="1">
        <v>44751.956944444442</v>
      </c>
      <c r="F4986">
        <v>89740</v>
      </c>
      <c r="G4986">
        <v>2850</v>
      </c>
      <c r="H4986">
        <v>0</v>
      </c>
      <c r="I4986">
        <v>0</v>
      </c>
      <c r="J4986">
        <v>0</v>
      </c>
      <c r="K4986">
        <v>0</v>
      </c>
      <c r="L4986">
        <v>0</v>
      </c>
      <c r="M4986">
        <v>8415</v>
      </c>
      <c r="N4986">
        <v>0</v>
      </c>
      <c r="O4986">
        <v>0</v>
      </c>
      <c r="P4986">
        <v>13440</v>
      </c>
      <c r="Q4986">
        <v>0</v>
      </c>
      <c r="R4986">
        <v>106030</v>
      </c>
      <c r="S4986">
        <v>0</v>
      </c>
      <c r="T4986">
        <v>0</v>
      </c>
      <c r="U4986">
        <v>0</v>
      </c>
      <c r="V4986">
        <v>9</v>
      </c>
      <c r="W4986">
        <v>4</v>
      </c>
      <c r="X4986">
        <v>0</v>
      </c>
      <c r="Y4986">
        <v>71</v>
      </c>
      <c r="Z4986">
        <v>28</v>
      </c>
      <c r="AA4986">
        <v>152</v>
      </c>
      <c r="AB4986">
        <v>15</v>
      </c>
      <c r="AC4986">
        <v>100</v>
      </c>
      <c r="AD4986">
        <v>21</v>
      </c>
      <c r="AE4986">
        <v>67</v>
      </c>
      <c r="AF4986">
        <v>9732</v>
      </c>
      <c r="AG4986">
        <v>221854</v>
      </c>
      <c r="AH4986">
        <v>50000</v>
      </c>
      <c r="AI4986">
        <v>0</v>
      </c>
      <c r="AJ4986">
        <v>108</v>
      </c>
      <c r="AK4986" t="s">
        <v>3</v>
      </c>
      <c r="AL4986">
        <v>0</v>
      </c>
      <c r="AM4986">
        <v>0</v>
      </c>
      <c r="AN4986">
        <v>0</v>
      </c>
      <c r="AO4986">
        <v>0</v>
      </c>
      <c r="AP4986">
        <v>0</v>
      </c>
      <c r="AQ4986">
        <v>0</v>
      </c>
      <c r="AR4986">
        <v>0</v>
      </c>
      <c r="AS4986">
        <v>0</v>
      </c>
      <c r="AT4986">
        <v>0</v>
      </c>
      <c r="AU4986">
        <v>0</v>
      </c>
      <c r="AV4986">
        <v>0</v>
      </c>
      <c r="AW4986">
        <v>0</v>
      </c>
      <c r="AX4986">
        <v>36062</v>
      </c>
      <c r="AY4986">
        <v>27</v>
      </c>
      <c r="AZ4986">
        <v>86</v>
      </c>
      <c r="BA4986">
        <v>3640</v>
      </c>
    </row>
    <row r="4987" spans="1:53" x14ac:dyDescent="0.4">
      <c r="A4987">
        <v>5031</v>
      </c>
      <c r="B4987" s="1">
        <v>44752</v>
      </c>
      <c r="C4987">
        <v>1</v>
      </c>
      <c r="D4987" s="1">
        <v>44752.291666666664</v>
      </c>
      <c r="E4987" s="1">
        <v>44752.402083333334</v>
      </c>
      <c r="F4987">
        <v>0</v>
      </c>
      <c r="G4987">
        <v>0</v>
      </c>
      <c r="H4987">
        <v>0</v>
      </c>
      <c r="I4987">
        <v>0</v>
      </c>
      <c r="J4987">
        <v>0</v>
      </c>
      <c r="K4987">
        <v>0</v>
      </c>
      <c r="L4987">
        <v>0</v>
      </c>
      <c r="M4987">
        <v>0</v>
      </c>
      <c r="N4987">
        <v>0</v>
      </c>
      <c r="O4987">
        <v>0</v>
      </c>
      <c r="P4987">
        <v>0</v>
      </c>
      <c r="Q4987">
        <v>0</v>
      </c>
      <c r="R4987">
        <v>0</v>
      </c>
      <c r="S4987">
        <v>0</v>
      </c>
      <c r="T4987">
        <v>0</v>
      </c>
      <c r="U4987">
        <v>0</v>
      </c>
      <c r="V4987">
        <v>0</v>
      </c>
      <c r="W4987">
        <v>1</v>
      </c>
      <c r="X4987">
        <v>0</v>
      </c>
      <c r="Y4987">
        <v>25</v>
      </c>
      <c r="Z4987">
        <v>10</v>
      </c>
      <c r="AA4987">
        <v>129</v>
      </c>
      <c r="AB4987">
        <v>18</v>
      </c>
      <c r="AC4987">
        <v>104</v>
      </c>
      <c r="AD4987">
        <v>19</v>
      </c>
      <c r="AE4987">
        <v>65</v>
      </c>
      <c r="AF4987">
        <v>0</v>
      </c>
      <c r="AG4987">
        <v>50000</v>
      </c>
      <c r="AH4987">
        <v>50000</v>
      </c>
      <c r="AI4987">
        <v>0</v>
      </c>
      <c r="AJ4987">
        <v>0</v>
      </c>
      <c r="AK4987" t="s">
        <v>6</v>
      </c>
      <c r="AL4987">
        <v>0</v>
      </c>
      <c r="AM4987">
        <v>0</v>
      </c>
      <c r="AN4987">
        <v>0</v>
      </c>
      <c r="AO4987">
        <v>0</v>
      </c>
      <c r="AP4987">
        <v>0</v>
      </c>
      <c r="AQ4987">
        <v>0</v>
      </c>
      <c r="AR4987">
        <v>0</v>
      </c>
      <c r="AS4987">
        <v>0</v>
      </c>
      <c r="AT4987">
        <v>0</v>
      </c>
      <c r="AU4987">
        <v>0</v>
      </c>
      <c r="AV4987">
        <v>0</v>
      </c>
      <c r="AW4987">
        <v>0</v>
      </c>
      <c r="AX4987">
        <v>0</v>
      </c>
      <c r="AY4987">
        <v>0</v>
      </c>
      <c r="AZ4987">
        <v>0</v>
      </c>
      <c r="BA4987">
        <v>0</v>
      </c>
    </row>
    <row r="4988" spans="1:53" x14ac:dyDescent="0.4">
      <c r="A4988">
        <v>5032</v>
      </c>
      <c r="B4988" s="1">
        <v>44752</v>
      </c>
      <c r="C4988">
        <v>2</v>
      </c>
      <c r="D4988" s="1">
        <v>44752.402083333334</v>
      </c>
      <c r="E4988" s="1">
        <v>44752.740277777775</v>
      </c>
      <c r="F4988">
        <v>43020</v>
      </c>
      <c r="G4988">
        <v>2838</v>
      </c>
      <c r="H4988">
        <v>0</v>
      </c>
      <c r="I4988">
        <v>0</v>
      </c>
      <c r="J4988">
        <v>100</v>
      </c>
      <c r="K4988">
        <v>800</v>
      </c>
      <c r="L4988">
        <v>0</v>
      </c>
      <c r="M4988">
        <v>4229</v>
      </c>
      <c r="N4988">
        <v>0</v>
      </c>
      <c r="O4988">
        <v>0</v>
      </c>
      <c r="P4988">
        <v>24730</v>
      </c>
      <c r="Q4988">
        <v>0</v>
      </c>
      <c r="R4988">
        <v>71288</v>
      </c>
      <c r="S4988">
        <v>0</v>
      </c>
      <c r="T4988">
        <v>0</v>
      </c>
      <c r="U4988">
        <v>0</v>
      </c>
      <c r="V4988">
        <v>0</v>
      </c>
      <c r="W4988">
        <v>7</v>
      </c>
      <c r="X4988">
        <v>0</v>
      </c>
      <c r="Y4988">
        <v>50</v>
      </c>
      <c r="Z4988">
        <v>30</v>
      </c>
      <c r="AA4988">
        <v>163</v>
      </c>
      <c r="AB4988">
        <v>21</v>
      </c>
      <c r="AC4988">
        <v>151</v>
      </c>
      <c r="AD4988">
        <v>20</v>
      </c>
      <c r="AE4988">
        <v>68</v>
      </c>
      <c r="AF4988">
        <v>2260</v>
      </c>
      <c r="AG4988">
        <v>121288</v>
      </c>
      <c r="AH4988">
        <v>50000</v>
      </c>
      <c r="AI4988">
        <v>0</v>
      </c>
      <c r="AJ4988">
        <v>115</v>
      </c>
      <c r="AK4988" t="s">
        <v>55</v>
      </c>
      <c r="AL4988">
        <v>0</v>
      </c>
      <c r="AM4988">
        <v>0</v>
      </c>
      <c r="AN4988">
        <v>0</v>
      </c>
      <c r="AO4988">
        <v>0</v>
      </c>
      <c r="AP4988">
        <v>0</v>
      </c>
      <c r="AQ4988">
        <v>0</v>
      </c>
      <c r="AR4988">
        <v>0</v>
      </c>
      <c r="AS4988">
        <v>0</v>
      </c>
      <c r="AT4988">
        <v>0</v>
      </c>
      <c r="AU4988">
        <v>0</v>
      </c>
      <c r="AV4988">
        <v>0</v>
      </c>
      <c r="AW4988">
        <v>0</v>
      </c>
      <c r="AX4988">
        <v>60</v>
      </c>
      <c r="AY4988">
        <v>54</v>
      </c>
      <c r="AZ4988">
        <v>113</v>
      </c>
      <c r="BA4988">
        <v>7972</v>
      </c>
    </row>
    <row r="4989" spans="1:53" x14ac:dyDescent="0.4">
      <c r="A4989">
        <v>5033</v>
      </c>
      <c r="B4989" s="1">
        <v>44752</v>
      </c>
      <c r="C4989">
        <v>3</v>
      </c>
      <c r="D4989" s="1">
        <v>44752.740277777775</v>
      </c>
      <c r="E4989" s="1">
        <v>44752.973611111112</v>
      </c>
      <c r="F4989">
        <v>38500</v>
      </c>
      <c r="G4989">
        <v>2838</v>
      </c>
      <c r="H4989">
        <v>0</v>
      </c>
      <c r="I4989">
        <v>0</v>
      </c>
      <c r="J4989">
        <v>0</v>
      </c>
      <c r="K4989">
        <v>1320</v>
      </c>
      <c r="L4989">
        <v>0</v>
      </c>
      <c r="M4989">
        <v>3875</v>
      </c>
      <c r="N4989">
        <v>0</v>
      </c>
      <c r="O4989">
        <v>0</v>
      </c>
      <c r="P4989">
        <v>-9370</v>
      </c>
      <c r="Q4989">
        <v>0</v>
      </c>
      <c r="R4989">
        <v>33288</v>
      </c>
      <c r="S4989">
        <v>0</v>
      </c>
      <c r="T4989">
        <v>0</v>
      </c>
      <c r="U4989">
        <v>0</v>
      </c>
      <c r="V4989">
        <v>2</v>
      </c>
      <c r="W4989">
        <v>7</v>
      </c>
      <c r="X4989">
        <v>0</v>
      </c>
      <c r="Y4989">
        <v>61</v>
      </c>
      <c r="Z4989">
        <v>30</v>
      </c>
      <c r="AA4989">
        <v>176</v>
      </c>
      <c r="AB4989">
        <v>27</v>
      </c>
      <c r="AC4989">
        <v>181</v>
      </c>
      <c r="AD4989">
        <v>19</v>
      </c>
      <c r="AE4989">
        <v>85</v>
      </c>
      <c r="AF4989">
        <v>2636</v>
      </c>
      <c r="AG4989">
        <v>154576</v>
      </c>
      <c r="AH4989">
        <v>50000</v>
      </c>
      <c r="AI4989">
        <v>0</v>
      </c>
      <c r="AJ4989">
        <v>108</v>
      </c>
      <c r="AK4989" t="s">
        <v>3</v>
      </c>
      <c r="AL4989">
        <v>0</v>
      </c>
      <c r="AM4989">
        <v>0</v>
      </c>
      <c r="AN4989">
        <v>0</v>
      </c>
      <c r="AO4989">
        <v>0</v>
      </c>
      <c r="AP4989">
        <v>0</v>
      </c>
      <c r="AQ4989">
        <v>0</v>
      </c>
      <c r="AR4989">
        <v>0</v>
      </c>
      <c r="AS4989">
        <v>0</v>
      </c>
      <c r="AT4989">
        <v>0</v>
      </c>
      <c r="AU4989">
        <v>0</v>
      </c>
      <c r="AV4989">
        <v>0</v>
      </c>
      <c r="AW4989">
        <v>0</v>
      </c>
      <c r="AX4989">
        <v>-4972</v>
      </c>
      <c r="AY4989">
        <v>10</v>
      </c>
      <c r="AZ4989">
        <v>23</v>
      </c>
      <c r="BA4989">
        <v>2628</v>
      </c>
    </row>
    <row r="4990" spans="1:53" x14ac:dyDescent="0.4">
      <c r="A4990">
        <v>5034</v>
      </c>
      <c r="B4990" s="1">
        <v>44753</v>
      </c>
      <c r="C4990">
        <v>1</v>
      </c>
      <c r="D4990" s="1">
        <v>44753.291666666664</v>
      </c>
      <c r="E4990" s="1">
        <v>44753.763888888891</v>
      </c>
      <c r="F4990">
        <v>17090</v>
      </c>
      <c r="G4990">
        <v>2090</v>
      </c>
      <c r="H4990">
        <v>0</v>
      </c>
      <c r="I4990">
        <v>0</v>
      </c>
      <c r="J4990">
        <v>540</v>
      </c>
      <c r="K4990">
        <v>0</v>
      </c>
      <c r="L4990">
        <v>0</v>
      </c>
      <c r="M4990">
        <v>1697</v>
      </c>
      <c r="N4990">
        <v>0</v>
      </c>
      <c r="O4990">
        <v>0</v>
      </c>
      <c r="P4990">
        <v>16080</v>
      </c>
      <c r="Q4990">
        <v>0</v>
      </c>
      <c r="R4990">
        <v>34720</v>
      </c>
      <c r="S4990">
        <v>0</v>
      </c>
      <c r="T4990">
        <v>0</v>
      </c>
      <c r="U4990">
        <v>0</v>
      </c>
      <c r="V4990">
        <v>1</v>
      </c>
      <c r="W4990">
        <v>0</v>
      </c>
      <c r="X4990">
        <v>0</v>
      </c>
      <c r="Y4990">
        <v>46</v>
      </c>
      <c r="Z4990">
        <v>24</v>
      </c>
      <c r="AA4990">
        <v>135</v>
      </c>
      <c r="AB4990">
        <v>25</v>
      </c>
      <c r="AC4990">
        <v>128</v>
      </c>
      <c r="AD4990">
        <v>14</v>
      </c>
      <c r="AE4990">
        <v>90</v>
      </c>
      <c r="AF4990">
        <v>530</v>
      </c>
      <c r="AG4990">
        <v>84720</v>
      </c>
      <c r="AH4990">
        <v>50000</v>
      </c>
      <c r="AI4990">
        <v>0</v>
      </c>
      <c r="AJ4990">
        <v>29</v>
      </c>
      <c r="AK4990" t="s">
        <v>62</v>
      </c>
      <c r="AL4990">
        <v>0</v>
      </c>
      <c r="AM4990">
        <v>0</v>
      </c>
      <c r="AN4990">
        <v>0</v>
      </c>
      <c r="AO4990">
        <v>0</v>
      </c>
      <c r="AP4990">
        <v>0</v>
      </c>
      <c r="AQ4990">
        <v>0</v>
      </c>
      <c r="AR4990">
        <v>0</v>
      </c>
      <c r="AS4990">
        <v>0</v>
      </c>
      <c r="AT4990">
        <v>0</v>
      </c>
      <c r="AU4990">
        <v>0</v>
      </c>
      <c r="AV4990">
        <v>0</v>
      </c>
      <c r="AW4990">
        <v>0</v>
      </c>
      <c r="AX4990">
        <v>2376</v>
      </c>
      <c r="AY4990">
        <v>35</v>
      </c>
      <c r="AZ4990">
        <v>53</v>
      </c>
      <c r="BA4990">
        <v>5207</v>
      </c>
    </row>
    <row r="4991" spans="1:53" x14ac:dyDescent="0.4">
      <c r="A4991">
        <v>5035</v>
      </c>
      <c r="B4991" s="1">
        <v>44753</v>
      </c>
      <c r="C4991">
        <v>2</v>
      </c>
      <c r="D4991" s="1">
        <v>44753.763888888891</v>
      </c>
      <c r="E4991" s="1">
        <v>44753.951388888891</v>
      </c>
      <c r="F4991">
        <v>22640</v>
      </c>
      <c r="G4991">
        <v>2376</v>
      </c>
      <c r="H4991">
        <v>0</v>
      </c>
      <c r="I4991">
        <v>0</v>
      </c>
      <c r="J4991">
        <v>0</v>
      </c>
      <c r="K4991">
        <v>0</v>
      </c>
      <c r="L4991">
        <v>0</v>
      </c>
      <c r="M4991">
        <v>2273</v>
      </c>
      <c r="N4991">
        <v>0</v>
      </c>
      <c r="O4991">
        <v>0</v>
      </c>
      <c r="P4991">
        <v>-16080</v>
      </c>
      <c r="Q4991">
        <v>0</v>
      </c>
      <c r="R4991">
        <v>8936</v>
      </c>
      <c r="S4991">
        <v>0</v>
      </c>
      <c r="T4991">
        <v>0</v>
      </c>
      <c r="U4991">
        <v>0</v>
      </c>
      <c r="V4991">
        <v>1</v>
      </c>
      <c r="W4991">
        <v>1</v>
      </c>
      <c r="X4991">
        <v>0</v>
      </c>
      <c r="Y4991">
        <v>47</v>
      </c>
      <c r="Z4991">
        <v>27</v>
      </c>
      <c r="AA4991">
        <v>141</v>
      </c>
      <c r="AB4991">
        <v>23</v>
      </c>
      <c r="AC4991">
        <v>132</v>
      </c>
      <c r="AD4991">
        <v>13</v>
      </c>
      <c r="AE4991">
        <v>91</v>
      </c>
      <c r="AF4991">
        <v>1430</v>
      </c>
      <c r="AG4991">
        <v>93656</v>
      </c>
      <c r="AH4991">
        <v>50000</v>
      </c>
      <c r="AI4991">
        <v>0</v>
      </c>
      <c r="AJ4991">
        <v>29</v>
      </c>
      <c r="AK4991" t="s">
        <v>62</v>
      </c>
      <c r="AL4991">
        <v>0</v>
      </c>
      <c r="AM4991">
        <v>0</v>
      </c>
      <c r="AN4991">
        <v>0</v>
      </c>
      <c r="AO4991">
        <v>0</v>
      </c>
      <c r="AP4991">
        <v>0</v>
      </c>
      <c r="AQ4991">
        <v>0</v>
      </c>
      <c r="AR4991">
        <v>0</v>
      </c>
      <c r="AS4991">
        <v>0</v>
      </c>
      <c r="AT4991">
        <v>0</v>
      </c>
      <c r="AU4991">
        <v>0</v>
      </c>
      <c r="AV4991">
        <v>0</v>
      </c>
      <c r="AW4991">
        <v>0</v>
      </c>
      <c r="AX4991">
        <v>4975</v>
      </c>
      <c r="AY4991">
        <v>6</v>
      </c>
      <c r="AZ4991">
        <v>13</v>
      </c>
      <c r="BA4991">
        <v>1499</v>
      </c>
    </row>
    <row r="4992" spans="1:53" x14ac:dyDescent="0.4">
      <c r="A4992">
        <v>5036</v>
      </c>
      <c r="B4992" s="1">
        <v>44754</v>
      </c>
      <c r="C4992">
        <v>1</v>
      </c>
      <c r="D4992" s="1">
        <v>44754.291666666664</v>
      </c>
      <c r="E4992" s="1">
        <v>44754.75</v>
      </c>
      <c r="F4992">
        <v>25640</v>
      </c>
      <c r="G4992">
        <v>1012</v>
      </c>
      <c r="H4992">
        <v>440</v>
      </c>
      <c r="I4992">
        <v>0</v>
      </c>
      <c r="J4992">
        <v>0</v>
      </c>
      <c r="K4992">
        <v>0</v>
      </c>
      <c r="L4992">
        <v>0</v>
      </c>
      <c r="M4992">
        <v>2463</v>
      </c>
      <c r="N4992">
        <v>0</v>
      </c>
      <c r="O4992">
        <v>0</v>
      </c>
      <c r="P4992">
        <v>15580</v>
      </c>
      <c r="Q4992">
        <v>0</v>
      </c>
      <c r="R4992">
        <v>42672</v>
      </c>
      <c r="S4992">
        <v>0</v>
      </c>
      <c r="T4992">
        <v>0</v>
      </c>
      <c r="U4992">
        <v>0</v>
      </c>
      <c r="V4992">
        <v>2</v>
      </c>
      <c r="W4992">
        <v>1</v>
      </c>
      <c r="X4992">
        <v>0</v>
      </c>
      <c r="Y4992">
        <v>44</v>
      </c>
      <c r="Z4992">
        <v>23</v>
      </c>
      <c r="AA4992">
        <v>88</v>
      </c>
      <c r="AB4992">
        <v>22</v>
      </c>
      <c r="AC4992">
        <v>137</v>
      </c>
      <c r="AD4992">
        <v>13</v>
      </c>
      <c r="AE4992">
        <v>87</v>
      </c>
      <c r="AF4992">
        <v>750</v>
      </c>
      <c r="AG4992">
        <v>92672</v>
      </c>
      <c r="AH4992">
        <v>50000</v>
      </c>
      <c r="AI4992">
        <v>0</v>
      </c>
      <c r="AJ4992">
        <v>74</v>
      </c>
      <c r="AK4992" t="s">
        <v>64</v>
      </c>
      <c r="AL4992">
        <v>0</v>
      </c>
      <c r="AM4992">
        <v>0</v>
      </c>
      <c r="AN4992">
        <v>0</v>
      </c>
      <c r="AO4992">
        <v>0</v>
      </c>
      <c r="AP4992">
        <v>0</v>
      </c>
      <c r="AQ4992">
        <v>0</v>
      </c>
      <c r="AR4992">
        <v>0</v>
      </c>
      <c r="AS4992">
        <v>0</v>
      </c>
      <c r="AT4992">
        <v>0</v>
      </c>
      <c r="AU4992">
        <v>0</v>
      </c>
      <c r="AV4992">
        <v>0</v>
      </c>
      <c r="AW4992">
        <v>0</v>
      </c>
      <c r="AX4992">
        <v>916</v>
      </c>
      <c r="AY4992">
        <v>41</v>
      </c>
      <c r="AZ4992">
        <v>67</v>
      </c>
      <c r="BA4992">
        <v>6260</v>
      </c>
    </row>
    <row r="4993" spans="1:53" x14ac:dyDescent="0.4">
      <c r="A4993">
        <v>5037</v>
      </c>
      <c r="B4993" s="1">
        <v>44754</v>
      </c>
      <c r="C4993">
        <v>2</v>
      </c>
      <c r="D4993" s="1">
        <v>44754.75</v>
      </c>
      <c r="E4993" s="1">
        <v>44754.957638888889</v>
      </c>
      <c r="F4993">
        <v>25040</v>
      </c>
      <c r="G4993">
        <v>616</v>
      </c>
      <c r="H4993">
        <v>0</v>
      </c>
      <c r="I4993">
        <v>0</v>
      </c>
      <c r="J4993">
        <v>0</v>
      </c>
      <c r="K4993">
        <v>0</v>
      </c>
      <c r="L4993">
        <v>0</v>
      </c>
      <c r="M4993">
        <v>2331</v>
      </c>
      <c r="N4993">
        <v>0</v>
      </c>
      <c r="O4993">
        <v>0</v>
      </c>
      <c r="P4993">
        <v>-10320</v>
      </c>
      <c r="Q4993">
        <v>0</v>
      </c>
      <c r="R4993">
        <v>15336</v>
      </c>
      <c r="S4993">
        <v>0</v>
      </c>
      <c r="T4993">
        <v>0</v>
      </c>
      <c r="U4993">
        <v>0</v>
      </c>
      <c r="V4993">
        <v>2</v>
      </c>
      <c r="W4993">
        <v>3</v>
      </c>
      <c r="X4993">
        <v>0</v>
      </c>
      <c r="Y4993">
        <v>46</v>
      </c>
      <c r="Z4993">
        <v>27</v>
      </c>
      <c r="AA4993">
        <v>87</v>
      </c>
      <c r="AB4993">
        <v>22</v>
      </c>
      <c r="AC4993">
        <v>149</v>
      </c>
      <c r="AD4993">
        <v>13</v>
      </c>
      <c r="AE4993">
        <v>83</v>
      </c>
      <c r="AF4993">
        <v>2070</v>
      </c>
      <c r="AG4993">
        <v>108008</v>
      </c>
      <c r="AH4993">
        <v>50000</v>
      </c>
      <c r="AI4993">
        <v>0</v>
      </c>
      <c r="AJ4993">
        <v>102</v>
      </c>
      <c r="AK4993" t="s">
        <v>50</v>
      </c>
      <c r="AL4993">
        <v>0</v>
      </c>
      <c r="AM4993">
        <v>0</v>
      </c>
      <c r="AN4993">
        <v>0</v>
      </c>
      <c r="AO4993">
        <v>0</v>
      </c>
      <c r="AP4993">
        <v>0</v>
      </c>
      <c r="AQ4993">
        <v>0</v>
      </c>
      <c r="AR4993">
        <v>0</v>
      </c>
      <c r="AS4993">
        <v>0</v>
      </c>
      <c r="AT4993">
        <v>0</v>
      </c>
      <c r="AU4993">
        <v>0</v>
      </c>
      <c r="AV4993">
        <v>0</v>
      </c>
      <c r="AW4993">
        <v>0</v>
      </c>
      <c r="AX4993">
        <v>17850</v>
      </c>
      <c r="AY4993">
        <v>12</v>
      </c>
      <c r="AZ4993">
        <v>28</v>
      </c>
      <c r="BA4993">
        <v>1831</v>
      </c>
    </row>
    <row r="4994" spans="1:53" x14ac:dyDescent="0.4">
      <c r="A4994">
        <v>5038</v>
      </c>
      <c r="B4994" s="1">
        <v>44755</v>
      </c>
      <c r="C4994">
        <v>1</v>
      </c>
      <c r="D4994" s="1">
        <v>44755.291666666664</v>
      </c>
      <c r="E4994" s="1">
        <v>44755.757638888892</v>
      </c>
      <c r="F4994">
        <v>24170</v>
      </c>
      <c r="G4994">
        <v>770</v>
      </c>
      <c r="H4994">
        <v>0</v>
      </c>
      <c r="I4994">
        <v>0</v>
      </c>
      <c r="J4994">
        <v>70</v>
      </c>
      <c r="K4994">
        <v>0</v>
      </c>
      <c r="L4994">
        <v>0</v>
      </c>
      <c r="M4994">
        <v>2261</v>
      </c>
      <c r="N4994">
        <v>0</v>
      </c>
      <c r="O4994">
        <v>0</v>
      </c>
      <c r="P4994">
        <v>10430</v>
      </c>
      <c r="Q4994">
        <v>0</v>
      </c>
      <c r="R4994">
        <v>35300</v>
      </c>
      <c r="S4994">
        <v>0</v>
      </c>
      <c r="T4994">
        <v>0</v>
      </c>
      <c r="U4994">
        <v>0</v>
      </c>
      <c r="V4994">
        <v>1</v>
      </c>
      <c r="W4994">
        <v>2</v>
      </c>
      <c r="X4994">
        <v>0</v>
      </c>
      <c r="Y4994">
        <v>43</v>
      </c>
      <c r="Z4994">
        <v>14</v>
      </c>
      <c r="AA4994">
        <v>102</v>
      </c>
      <c r="AB4994">
        <v>29</v>
      </c>
      <c r="AC4994">
        <v>135</v>
      </c>
      <c r="AD4994">
        <v>14</v>
      </c>
      <c r="AE4994">
        <v>80</v>
      </c>
      <c r="AF4994">
        <v>2150</v>
      </c>
      <c r="AG4994">
        <v>85300</v>
      </c>
      <c r="AH4994">
        <v>50000</v>
      </c>
      <c r="AI4994">
        <v>0</v>
      </c>
      <c r="AJ4994">
        <v>29</v>
      </c>
      <c r="AK4994" t="s">
        <v>62</v>
      </c>
      <c r="AL4994">
        <v>0</v>
      </c>
      <c r="AM4994">
        <v>0</v>
      </c>
      <c r="AN4994">
        <v>0</v>
      </c>
      <c r="AO4994">
        <v>0</v>
      </c>
      <c r="AP4994">
        <v>0</v>
      </c>
      <c r="AQ4994">
        <v>0</v>
      </c>
      <c r="AR4994">
        <v>0</v>
      </c>
      <c r="AS4994">
        <v>0</v>
      </c>
      <c r="AT4994">
        <v>0</v>
      </c>
      <c r="AU4994">
        <v>0</v>
      </c>
      <c r="AV4994">
        <v>0</v>
      </c>
      <c r="AW4994">
        <v>0</v>
      </c>
      <c r="AX4994">
        <v>308</v>
      </c>
      <c r="AY4994">
        <v>32</v>
      </c>
      <c r="AZ4994">
        <v>59</v>
      </c>
      <c r="BA4994">
        <v>4527</v>
      </c>
    </row>
    <row r="4995" spans="1:53" x14ac:dyDescent="0.4">
      <c r="A4995">
        <v>5039</v>
      </c>
      <c r="B4995" s="1">
        <v>44755</v>
      </c>
      <c r="C4995">
        <v>2</v>
      </c>
      <c r="D4995" s="1">
        <v>44755.757638888892</v>
      </c>
      <c r="E4995" s="1">
        <v>44755.957638888889</v>
      </c>
      <c r="F4995">
        <v>24940</v>
      </c>
      <c r="G4995">
        <v>1364</v>
      </c>
      <c r="H4995">
        <v>0</v>
      </c>
      <c r="I4995">
        <v>0</v>
      </c>
      <c r="J4995">
        <v>0</v>
      </c>
      <c r="K4995">
        <v>0</v>
      </c>
      <c r="L4995">
        <v>0</v>
      </c>
      <c r="M4995">
        <v>2390</v>
      </c>
      <c r="N4995">
        <v>0</v>
      </c>
      <c r="O4995">
        <v>0</v>
      </c>
      <c r="P4995">
        <v>-10430</v>
      </c>
      <c r="Q4995">
        <v>0</v>
      </c>
      <c r="R4995">
        <v>15874</v>
      </c>
      <c r="S4995">
        <v>0</v>
      </c>
      <c r="T4995">
        <v>0</v>
      </c>
      <c r="U4995">
        <v>0</v>
      </c>
      <c r="V4995">
        <v>3</v>
      </c>
      <c r="W4995">
        <v>1</v>
      </c>
      <c r="X4995">
        <v>0</v>
      </c>
      <c r="Y4995">
        <v>44</v>
      </c>
      <c r="Z4995">
        <v>15</v>
      </c>
      <c r="AA4995">
        <v>98</v>
      </c>
      <c r="AB4995">
        <v>25</v>
      </c>
      <c r="AC4995">
        <v>133</v>
      </c>
      <c r="AD4995">
        <v>13</v>
      </c>
      <c r="AE4995">
        <v>79</v>
      </c>
      <c r="AF4995">
        <v>2150</v>
      </c>
      <c r="AG4995">
        <v>101174</v>
      </c>
      <c r="AH4995">
        <v>50000</v>
      </c>
      <c r="AI4995">
        <v>0</v>
      </c>
      <c r="AJ4995">
        <v>108</v>
      </c>
      <c r="AK4995" t="s">
        <v>3</v>
      </c>
      <c r="AL4995">
        <v>0</v>
      </c>
      <c r="AM4995">
        <v>0</v>
      </c>
      <c r="AN4995">
        <v>0</v>
      </c>
      <c r="AO4995">
        <v>0</v>
      </c>
      <c r="AP4995">
        <v>0</v>
      </c>
      <c r="AQ4995">
        <v>0</v>
      </c>
      <c r="AR4995">
        <v>0</v>
      </c>
      <c r="AS4995">
        <v>0</v>
      </c>
      <c r="AT4995">
        <v>0</v>
      </c>
      <c r="AU4995">
        <v>0</v>
      </c>
      <c r="AV4995">
        <v>0</v>
      </c>
      <c r="AW4995">
        <v>0</v>
      </c>
      <c r="AX4995">
        <v>7889</v>
      </c>
      <c r="AY4995">
        <v>10</v>
      </c>
      <c r="AZ4995">
        <v>20</v>
      </c>
      <c r="BA4995">
        <v>1634</v>
      </c>
    </row>
    <row r="4996" spans="1:53" x14ac:dyDescent="0.4">
      <c r="A4996">
        <v>5040</v>
      </c>
      <c r="B4996" s="1">
        <v>44756</v>
      </c>
      <c r="C4996">
        <v>1</v>
      </c>
      <c r="D4996" s="1">
        <v>44756.291666666664</v>
      </c>
      <c r="E4996" s="1">
        <v>44756.440972222219</v>
      </c>
      <c r="F4996">
        <v>0</v>
      </c>
      <c r="G4996">
        <v>0</v>
      </c>
      <c r="H4996">
        <v>0</v>
      </c>
      <c r="I4996">
        <v>0</v>
      </c>
      <c r="J4996">
        <v>0</v>
      </c>
      <c r="K4996">
        <v>0</v>
      </c>
      <c r="L4996">
        <v>0</v>
      </c>
      <c r="M4996">
        <v>0</v>
      </c>
      <c r="N4996">
        <v>0</v>
      </c>
      <c r="O4996">
        <v>0</v>
      </c>
      <c r="P4996">
        <v>0</v>
      </c>
      <c r="Q4996">
        <v>0</v>
      </c>
      <c r="R4996">
        <v>0</v>
      </c>
      <c r="S4996">
        <v>0</v>
      </c>
      <c r="T4996">
        <v>0</v>
      </c>
      <c r="U4996">
        <v>0</v>
      </c>
      <c r="V4996">
        <v>0</v>
      </c>
      <c r="W4996">
        <v>1</v>
      </c>
      <c r="X4996">
        <v>0</v>
      </c>
      <c r="Y4996">
        <v>27</v>
      </c>
      <c r="Z4996">
        <v>12</v>
      </c>
      <c r="AA4996">
        <v>94</v>
      </c>
      <c r="AB4996">
        <v>24</v>
      </c>
      <c r="AC4996">
        <v>125</v>
      </c>
      <c r="AD4996">
        <v>13</v>
      </c>
      <c r="AE4996">
        <v>85</v>
      </c>
      <c r="AF4996">
        <v>0</v>
      </c>
      <c r="AG4996">
        <v>50000</v>
      </c>
      <c r="AH4996">
        <v>50000</v>
      </c>
      <c r="AI4996">
        <v>0</v>
      </c>
      <c r="AJ4996">
        <v>0</v>
      </c>
      <c r="AK4996" t="s">
        <v>6</v>
      </c>
      <c r="AL4996">
        <v>0</v>
      </c>
      <c r="AM4996">
        <v>0</v>
      </c>
      <c r="AN4996">
        <v>0</v>
      </c>
      <c r="AO4996">
        <v>0</v>
      </c>
      <c r="AP4996">
        <v>0</v>
      </c>
      <c r="AQ4996">
        <v>0</v>
      </c>
      <c r="AR4996">
        <v>0</v>
      </c>
      <c r="AS4996">
        <v>0</v>
      </c>
      <c r="AT4996">
        <v>0</v>
      </c>
      <c r="AU4996">
        <v>0</v>
      </c>
      <c r="AV4996">
        <v>0</v>
      </c>
      <c r="AW4996">
        <v>0</v>
      </c>
      <c r="AX4996">
        <v>0</v>
      </c>
      <c r="AY4996">
        <v>0</v>
      </c>
      <c r="AZ4996">
        <v>0</v>
      </c>
      <c r="BA4996">
        <v>0</v>
      </c>
    </row>
    <row r="4997" spans="1:53" x14ac:dyDescent="0.4">
      <c r="A4997">
        <v>5041</v>
      </c>
      <c r="B4997" s="1">
        <v>44756</v>
      </c>
      <c r="C4997">
        <v>2</v>
      </c>
      <c r="D4997" s="1">
        <v>44756.440972222219</v>
      </c>
      <c r="E4997" s="1">
        <v>44756.952777777777</v>
      </c>
      <c r="F4997">
        <v>34490</v>
      </c>
      <c r="G4997">
        <v>2706</v>
      </c>
      <c r="H4997">
        <v>0</v>
      </c>
      <c r="I4997">
        <v>0</v>
      </c>
      <c r="J4997">
        <v>0</v>
      </c>
      <c r="K4997">
        <v>0</v>
      </c>
      <c r="L4997">
        <v>0</v>
      </c>
      <c r="M4997">
        <v>3378</v>
      </c>
      <c r="N4997">
        <v>0</v>
      </c>
      <c r="O4997">
        <v>0</v>
      </c>
      <c r="P4997">
        <v>6600</v>
      </c>
      <c r="Q4997">
        <v>0</v>
      </c>
      <c r="R4997">
        <v>43796</v>
      </c>
      <c r="S4997">
        <v>0</v>
      </c>
      <c r="T4997">
        <v>0</v>
      </c>
      <c r="U4997">
        <v>0</v>
      </c>
      <c r="V4997">
        <v>2</v>
      </c>
      <c r="W4997">
        <v>1</v>
      </c>
      <c r="X4997">
        <v>0</v>
      </c>
      <c r="Y4997">
        <v>48</v>
      </c>
      <c r="Z4997">
        <v>21</v>
      </c>
      <c r="AA4997">
        <v>69</v>
      </c>
      <c r="AB4997">
        <v>27</v>
      </c>
      <c r="AC4997">
        <v>131</v>
      </c>
      <c r="AD4997">
        <v>11</v>
      </c>
      <c r="AE4997">
        <v>81</v>
      </c>
      <c r="AF4997">
        <v>600</v>
      </c>
      <c r="AG4997">
        <v>93796</v>
      </c>
      <c r="AH4997">
        <v>50000</v>
      </c>
      <c r="AI4997">
        <v>0</v>
      </c>
      <c r="AJ4997">
        <v>29</v>
      </c>
      <c r="AK4997" t="s">
        <v>62</v>
      </c>
      <c r="AL4997">
        <v>0</v>
      </c>
      <c r="AM4997">
        <v>0</v>
      </c>
      <c r="AN4997">
        <v>0</v>
      </c>
      <c r="AO4997">
        <v>0</v>
      </c>
      <c r="AP4997">
        <v>0</v>
      </c>
      <c r="AQ4997">
        <v>0</v>
      </c>
      <c r="AR4997">
        <v>0</v>
      </c>
      <c r="AS4997">
        <v>0</v>
      </c>
      <c r="AT4997">
        <v>0</v>
      </c>
      <c r="AU4997">
        <v>0</v>
      </c>
      <c r="AV4997">
        <v>0</v>
      </c>
      <c r="AW4997">
        <v>0</v>
      </c>
      <c r="AX4997">
        <v>0</v>
      </c>
      <c r="AY4997">
        <v>38</v>
      </c>
      <c r="AZ4997">
        <v>59</v>
      </c>
      <c r="BA4997">
        <v>5844</v>
      </c>
    </row>
    <row r="4998" spans="1:53" x14ac:dyDescent="0.4">
      <c r="A4998">
        <v>5042</v>
      </c>
      <c r="B4998" s="1">
        <v>44757</v>
      </c>
      <c r="C4998">
        <v>1</v>
      </c>
      <c r="D4998" s="1">
        <v>44757.291666666664</v>
      </c>
      <c r="E4998" s="1">
        <v>44757.438888888886</v>
      </c>
      <c r="F4998">
        <v>0</v>
      </c>
      <c r="G4998">
        <v>0</v>
      </c>
      <c r="H4998">
        <v>0</v>
      </c>
      <c r="I4998">
        <v>0</v>
      </c>
      <c r="J4998">
        <v>0</v>
      </c>
      <c r="K4998">
        <v>0</v>
      </c>
      <c r="L4998">
        <v>0</v>
      </c>
      <c r="M4998">
        <v>0</v>
      </c>
      <c r="N4998">
        <v>0</v>
      </c>
      <c r="O4998">
        <v>0</v>
      </c>
      <c r="P4998">
        <v>0</v>
      </c>
      <c r="Q4998">
        <v>0</v>
      </c>
      <c r="R4998">
        <v>0</v>
      </c>
      <c r="S4998">
        <v>0</v>
      </c>
      <c r="T4998">
        <v>0</v>
      </c>
      <c r="U4998">
        <v>0</v>
      </c>
      <c r="V4998">
        <v>0</v>
      </c>
      <c r="W4998">
        <v>1</v>
      </c>
      <c r="X4998">
        <v>0</v>
      </c>
      <c r="Y4998">
        <v>28</v>
      </c>
      <c r="Z4998">
        <v>14</v>
      </c>
      <c r="AA4998">
        <v>76</v>
      </c>
      <c r="AB4998">
        <v>24</v>
      </c>
      <c r="AC4998">
        <v>107</v>
      </c>
      <c r="AD4998">
        <v>11</v>
      </c>
      <c r="AE4998">
        <v>75</v>
      </c>
      <c r="AF4998">
        <v>0</v>
      </c>
      <c r="AG4998">
        <v>50000</v>
      </c>
      <c r="AH4998">
        <v>50000</v>
      </c>
      <c r="AI4998">
        <v>0</v>
      </c>
      <c r="AJ4998">
        <v>0</v>
      </c>
      <c r="AK4998" t="s">
        <v>6</v>
      </c>
      <c r="AL4998">
        <v>0</v>
      </c>
      <c r="AM4998">
        <v>0</v>
      </c>
      <c r="AN4998">
        <v>0</v>
      </c>
      <c r="AO4998">
        <v>0</v>
      </c>
      <c r="AP4998">
        <v>0</v>
      </c>
      <c r="AQ4998">
        <v>0</v>
      </c>
      <c r="AR4998">
        <v>0</v>
      </c>
      <c r="AS4998">
        <v>0</v>
      </c>
      <c r="AT4998">
        <v>0</v>
      </c>
      <c r="AU4998">
        <v>0</v>
      </c>
      <c r="AV4998">
        <v>0</v>
      </c>
      <c r="AW4998">
        <v>0</v>
      </c>
      <c r="AX4998">
        <v>0</v>
      </c>
      <c r="AY4998">
        <v>0</v>
      </c>
      <c r="AZ4998">
        <v>0</v>
      </c>
      <c r="BA4998">
        <v>0</v>
      </c>
    </row>
    <row r="4999" spans="1:53" x14ac:dyDescent="0.4">
      <c r="A4999">
        <v>5043</v>
      </c>
      <c r="B4999" s="1">
        <v>44757</v>
      </c>
      <c r="C4999">
        <v>2</v>
      </c>
      <c r="D4999" s="1">
        <v>44757.438888888886</v>
      </c>
      <c r="E4999" s="1">
        <v>44757.743750000001</v>
      </c>
      <c r="F4999">
        <v>23240</v>
      </c>
      <c r="G4999">
        <v>902</v>
      </c>
      <c r="H4999">
        <v>0</v>
      </c>
      <c r="I4999">
        <v>0</v>
      </c>
      <c r="J4999">
        <v>0</v>
      </c>
      <c r="K4999">
        <v>0</v>
      </c>
      <c r="L4999">
        <v>0</v>
      </c>
      <c r="M4999">
        <v>2194</v>
      </c>
      <c r="N4999">
        <v>0</v>
      </c>
      <c r="O4999">
        <v>0</v>
      </c>
      <c r="P4999">
        <v>15460</v>
      </c>
      <c r="Q4999">
        <v>0</v>
      </c>
      <c r="R4999">
        <v>39602</v>
      </c>
      <c r="S4999">
        <v>0</v>
      </c>
      <c r="T4999">
        <v>0</v>
      </c>
      <c r="U4999">
        <v>0</v>
      </c>
      <c r="V4999">
        <v>0</v>
      </c>
      <c r="W4999">
        <v>1</v>
      </c>
      <c r="X4999">
        <v>0</v>
      </c>
      <c r="Y4999">
        <v>62</v>
      </c>
      <c r="Z4999">
        <v>19</v>
      </c>
      <c r="AA4999">
        <v>72</v>
      </c>
      <c r="AB4999">
        <v>25</v>
      </c>
      <c r="AC4999">
        <v>159</v>
      </c>
      <c r="AD4999">
        <v>11</v>
      </c>
      <c r="AE4999">
        <v>77</v>
      </c>
      <c r="AF4999">
        <v>2930</v>
      </c>
      <c r="AG4999">
        <v>89602</v>
      </c>
      <c r="AH4999">
        <v>50000</v>
      </c>
      <c r="AI4999">
        <v>0</v>
      </c>
      <c r="AJ4999">
        <v>116</v>
      </c>
      <c r="AK4999" t="s">
        <v>54</v>
      </c>
      <c r="AL4999">
        <v>0</v>
      </c>
      <c r="AM4999">
        <v>0</v>
      </c>
      <c r="AN4999">
        <v>0</v>
      </c>
      <c r="AO4999">
        <v>0</v>
      </c>
      <c r="AP4999">
        <v>0</v>
      </c>
      <c r="AQ4999">
        <v>0</v>
      </c>
      <c r="AR4999">
        <v>0</v>
      </c>
      <c r="AS4999">
        <v>0</v>
      </c>
      <c r="AT4999">
        <v>0</v>
      </c>
      <c r="AU4999">
        <v>0</v>
      </c>
      <c r="AV4999">
        <v>0</v>
      </c>
      <c r="AW4999">
        <v>0</v>
      </c>
      <c r="AX4999">
        <v>260</v>
      </c>
      <c r="AY4999">
        <v>41</v>
      </c>
      <c r="AZ4999">
        <v>64</v>
      </c>
      <c r="BA4999">
        <v>5564</v>
      </c>
    </row>
    <row r="5000" spans="1:53" x14ac:dyDescent="0.4">
      <c r="A5000">
        <v>5044</v>
      </c>
      <c r="B5000" s="1">
        <v>44757</v>
      </c>
      <c r="C5000">
        <v>3</v>
      </c>
      <c r="D5000" s="1">
        <v>44757.743750000001</v>
      </c>
      <c r="E5000" s="1">
        <v>44757.993055555555</v>
      </c>
      <c r="F5000">
        <v>103980</v>
      </c>
      <c r="G5000">
        <v>2530</v>
      </c>
      <c r="H5000">
        <v>0</v>
      </c>
      <c r="I5000">
        <v>0</v>
      </c>
      <c r="J5000">
        <v>0</v>
      </c>
      <c r="K5000">
        <v>0</v>
      </c>
      <c r="L5000">
        <v>0</v>
      </c>
      <c r="M5000">
        <v>9685</v>
      </c>
      <c r="N5000">
        <v>0</v>
      </c>
      <c r="O5000">
        <v>0</v>
      </c>
      <c r="P5000">
        <v>-12060</v>
      </c>
      <c r="Q5000">
        <v>0</v>
      </c>
      <c r="R5000">
        <v>94450</v>
      </c>
      <c r="S5000">
        <v>0</v>
      </c>
      <c r="T5000">
        <v>0</v>
      </c>
      <c r="U5000">
        <v>0</v>
      </c>
      <c r="V5000">
        <v>3</v>
      </c>
      <c r="W5000">
        <v>6</v>
      </c>
      <c r="X5000">
        <v>0</v>
      </c>
      <c r="Y5000">
        <v>77</v>
      </c>
      <c r="Z5000">
        <v>24</v>
      </c>
      <c r="AA5000">
        <v>112</v>
      </c>
      <c r="AB5000">
        <v>27</v>
      </c>
      <c r="AC5000">
        <v>161</v>
      </c>
      <c r="AD5000">
        <v>12</v>
      </c>
      <c r="AE5000">
        <v>80</v>
      </c>
      <c r="AF5000">
        <v>20752</v>
      </c>
      <c r="AG5000">
        <v>184052</v>
      </c>
      <c r="AH5000">
        <v>50000</v>
      </c>
      <c r="AI5000">
        <v>0</v>
      </c>
      <c r="AJ5000">
        <v>108</v>
      </c>
      <c r="AK5000" t="s">
        <v>3</v>
      </c>
      <c r="AL5000">
        <v>0</v>
      </c>
      <c r="AM5000">
        <v>0</v>
      </c>
      <c r="AN5000">
        <v>0</v>
      </c>
      <c r="AO5000">
        <v>0</v>
      </c>
      <c r="AP5000">
        <v>0</v>
      </c>
      <c r="AQ5000">
        <v>0</v>
      </c>
      <c r="AR5000">
        <v>0</v>
      </c>
      <c r="AS5000">
        <v>0</v>
      </c>
      <c r="AT5000">
        <v>0</v>
      </c>
      <c r="AU5000">
        <v>0</v>
      </c>
      <c r="AV5000">
        <v>0</v>
      </c>
      <c r="AW5000">
        <v>0</v>
      </c>
      <c r="AX5000">
        <v>21380</v>
      </c>
      <c r="AY5000">
        <v>21</v>
      </c>
      <c r="AZ5000">
        <v>60</v>
      </c>
      <c r="BA5000">
        <v>3517</v>
      </c>
    </row>
    <row r="5001" spans="1:53" x14ac:dyDescent="0.4">
      <c r="A5001">
        <v>5045</v>
      </c>
      <c r="B5001" s="1">
        <v>44758</v>
      </c>
      <c r="C5001">
        <v>1</v>
      </c>
      <c r="D5001" s="1">
        <v>44758.291666666664</v>
      </c>
      <c r="E5001" s="1">
        <v>44758.429861111108</v>
      </c>
      <c r="F5001">
        <v>0</v>
      </c>
      <c r="G5001">
        <v>0</v>
      </c>
      <c r="H5001">
        <v>0</v>
      </c>
      <c r="I5001">
        <v>0</v>
      </c>
      <c r="J5001">
        <v>0</v>
      </c>
      <c r="K5001">
        <v>0</v>
      </c>
      <c r="L5001">
        <v>0</v>
      </c>
      <c r="M5001">
        <v>0</v>
      </c>
      <c r="N5001">
        <v>0</v>
      </c>
      <c r="O5001">
        <v>0</v>
      </c>
      <c r="P5001">
        <v>5502</v>
      </c>
      <c r="Q5001">
        <v>0</v>
      </c>
      <c r="R5001">
        <v>5502</v>
      </c>
      <c r="S5001">
        <v>0</v>
      </c>
      <c r="T5001">
        <v>0</v>
      </c>
      <c r="U5001">
        <v>0</v>
      </c>
      <c r="V5001">
        <v>0</v>
      </c>
      <c r="W5001">
        <v>1</v>
      </c>
      <c r="X5001">
        <v>0</v>
      </c>
      <c r="Y5001">
        <v>29</v>
      </c>
      <c r="Z5001">
        <v>16</v>
      </c>
      <c r="AA5001">
        <v>107</v>
      </c>
      <c r="AB5001">
        <v>27</v>
      </c>
      <c r="AC5001">
        <v>131</v>
      </c>
      <c r="AD5001">
        <v>13</v>
      </c>
      <c r="AE5001">
        <v>77</v>
      </c>
      <c r="AF5001">
        <v>0</v>
      </c>
      <c r="AG5001">
        <v>55502</v>
      </c>
      <c r="AH5001">
        <v>50000</v>
      </c>
      <c r="AI5001">
        <v>0</v>
      </c>
      <c r="AJ5001">
        <v>29</v>
      </c>
      <c r="AK5001" t="s">
        <v>62</v>
      </c>
      <c r="AL5001">
        <v>0</v>
      </c>
      <c r="AM5001">
        <v>0</v>
      </c>
      <c r="AN5001">
        <v>0</v>
      </c>
      <c r="AO5001">
        <v>0</v>
      </c>
      <c r="AP5001">
        <v>0</v>
      </c>
      <c r="AQ5001">
        <v>0</v>
      </c>
      <c r="AR5001">
        <v>0</v>
      </c>
      <c r="AS5001">
        <v>0</v>
      </c>
      <c r="AT5001">
        <v>0</v>
      </c>
      <c r="AU5001">
        <v>0</v>
      </c>
      <c r="AV5001">
        <v>0</v>
      </c>
      <c r="AW5001">
        <v>0</v>
      </c>
      <c r="AX5001">
        <v>-1500</v>
      </c>
      <c r="AY5001">
        <v>5</v>
      </c>
      <c r="AZ5001">
        <v>8</v>
      </c>
      <c r="BA5001">
        <v>85</v>
      </c>
    </row>
    <row r="5002" spans="1:53" x14ac:dyDescent="0.4">
      <c r="A5002">
        <v>5046</v>
      </c>
      <c r="B5002" s="1">
        <v>44758</v>
      </c>
      <c r="C5002">
        <v>2</v>
      </c>
      <c r="D5002" s="1">
        <v>44758.429861111108</v>
      </c>
      <c r="E5002" s="1">
        <v>44758.758333333331</v>
      </c>
      <c r="F5002">
        <v>42250</v>
      </c>
      <c r="G5002">
        <v>4719</v>
      </c>
      <c r="H5002">
        <v>0</v>
      </c>
      <c r="I5002">
        <v>0</v>
      </c>
      <c r="J5002">
        <v>0</v>
      </c>
      <c r="K5002">
        <v>400</v>
      </c>
      <c r="L5002">
        <v>0</v>
      </c>
      <c r="M5002">
        <v>4303</v>
      </c>
      <c r="N5002">
        <v>0</v>
      </c>
      <c r="O5002">
        <v>0</v>
      </c>
      <c r="P5002">
        <v>19958</v>
      </c>
      <c r="Q5002">
        <v>0</v>
      </c>
      <c r="R5002">
        <v>67327</v>
      </c>
      <c r="S5002">
        <v>0</v>
      </c>
      <c r="T5002">
        <v>0</v>
      </c>
      <c r="U5002">
        <v>0</v>
      </c>
      <c r="V5002">
        <v>3</v>
      </c>
      <c r="W5002">
        <v>2</v>
      </c>
      <c r="X5002">
        <v>0</v>
      </c>
      <c r="Y5002">
        <v>38</v>
      </c>
      <c r="Z5002">
        <v>28</v>
      </c>
      <c r="AA5002">
        <v>116</v>
      </c>
      <c r="AB5002">
        <v>36</v>
      </c>
      <c r="AC5002">
        <v>164</v>
      </c>
      <c r="AD5002">
        <v>10</v>
      </c>
      <c r="AE5002">
        <v>71</v>
      </c>
      <c r="AF5002">
        <v>15668</v>
      </c>
      <c r="AG5002">
        <v>122829</v>
      </c>
      <c r="AH5002">
        <v>50000</v>
      </c>
      <c r="AI5002">
        <v>0</v>
      </c>
      <c r="AJ5002">
        <v>103</v>
      </c>
      <c r="AK5002" t="s">
        <v>7</v>
      </c>
      <c r="AL5002">
        <v>0</v>
      </c>
      <c r="AM5002">
        <v>0</v>
      </c>
      <c r="AN5002">
        <v>0</v>
      </c>
      <c r="AO5002">
        <v>0</v>
      </c>
      <c r="AP5002">
        <v>0</v>
      </c>
      <c r="AQ5002">
        <v>0</v>
      </c>
      <c r="AR5002">
        <v>0</v>
      </c>
      <c r="AS5002">
        <v>0</v>
      </c>
      <c r="AT5002">
        <v>0</v>
      </c>
      <c r="AU5002">
        <v>0</v>
      </c>
      <c r="AV5002">
        <v>0</v>
      </c>
      <c r="AW5002">
        <v>0</v>
      </c>
      <c r="AX5002">
        <v>1914</v>
      </c>
      <c r="AY5002">
        <v>50</v>
      </c>
      <c r="AZ5002">
        <v>104</v>
      </c>
      <c r="BA5002">
        <v>7776</v>
      </c>
    </row>
    <row r="5003" spans="1:53" x14ac:dyDescent="0.4">
      <c r="A5003">
        <v>5047</v>
      </c>
      <c r="B5003" s="1">
        <v>44758</v>
      </c>
      <c r="C5003">
        <v>3</v>
      </c>
      <c r="D5003" s="1">
        <v>44758.758333333331</v>
      </c>
      <c r="E5003" s="1">
        <v>44758.960416666669</v>
      </c>
      <c r="F5003">
        <v>116760</v>
      </c>
      <c r="G5003">
        <v>6358</v>
      </c>
      <c r="H5003">
        <v>0</v>
      </c>
      <c r="I5003">
        <v>0</v>
      </c>
      <c r="J5003">
        <v>150</v>
      </c>
      <c r="K5003">
        <v>0</v>
      </c>
      <c r="L5003">
        <v>0</v>
      </c>
      <c r="M5003">
        <v>11177</v>
      </c>
      <c r="N5003">
        <v>0</v>
      </c>
      <c r="O5003">
        <v>0</v>
      </c>
      <c r="P5003">
        <v>-160</v>
      </c>
      <c r="Q5003">
        <v>0</v>
      </c>
      <c r="R5003">
        <v>122808</v>
      </c>
      <c r="S5003">
        <v>0</v>
      </c>
      <c r="T5003">
        <v>0</v>
      </c>
      <c r="U5003">
        <v>0</v>
      </c>
      <c r="V5003">
        <v>10</v>
      </c>
      <c r="W5003">
        <v>5</v>
      </c>
      <c r="X5003">
        <v>0</v>
      </c>
      <c r="Y5003">
        <v>73</v>
      </c>
      <c r="Z5003">
        <v>25</v>
      </c>
      <c r="AA5003">
        <v>125</v>
      </c>
      <c r="AB5003">
        <v>37</v>
      </c>
      <c r="AC5003">
        <v>168</v>
      </c>
      <c r="AD5003">
        <v>12</v>
      </c>
      <c r="AE5003">
        <v>79</v>
      </c>
      <c r="AF5003">
        <v>18968</v>
      </c>
      <c r="AG5003">
        <v>245637</v>
      </c>
      <c r="AH5003">
        <v>50000</v>
      </c>
      <c r="AI5003">
        <v>0</v>
      </c>
      <c r="AJ5003">
        <v>108</v>
      </c>
      <c r="AK5003" t="s">
        <v>3</v>
      </c>
      <c r="AL5003">
        <v>0</v>
      </c>
      <c r="AM5003">
        <v>0</v>
      </c>
      <c r="AN5003">
        <v>0</v>
      </c>
      <c r="AO5003">
        <v>0</v>
      </c>
      <c r="AP5003">
        <v>0</v>
      </c>
      <c r="AQ5003">
        <v>0</v>
      </c>
      <c r="AR5003">
        <v>0</v>
      </c>
      <c r="AS5003">
        <v>0</v>
      </c>
      <c r="AT5003">
        <v>0</v>
      </c>
      <c r="AU5003">
        <v>0</v>
      </c>
      <c r="AV5003">
        <v>0</v>
      </c>
      <c r="AW5003">
        <v>0</v>
      </c>
      <c r="AX5003">
        <v>33620</v>
      </c>
      <c r="AY5003">
        <v>28</v>
      </c>
      <c r="AZ5003">
        <v>84</v>
      </c>
      <c r="BA5003">
        <v>3967</v>
      </c>
    </row>
    <row r="5004" spans="1:53" x14ac:dyDescent="0.4">
      <c r="A5004">
        <v>5048</v>
      </c>
      <c r="B5004" s="1">
        <v>44758</v>
      </c>
      <c r="C5004">
        <v>4</v>
      </c>
      <c r="D5004" s="1">
        <v>44758.960416666669</v>
      </c>
      <c r="E5004" s="1">
        <v>44759.086111111108</v>
      </c>
      <c r="F5004">
        <v>67500</v>
      </c>
      <c r="G5004">
        <v>1782</v>
      </c>
      <c r="H5004">
        <v>0</v>
      </c>
      <c r="I5004">
        <v>0</v>
      </c>
      <c r="J5004">
        <v>0</v>
      </c>
      <c r="K5004">
        <v>0</v>
      </c>
      <c r="L5004">
        <v>0</v>
      </c>
      <c r="M5004">
        <v>6298</v>
      </c>
      <c r="N5004">
        <v>0</v>
      </c>
      <c r="O5004">
        <v>0</v>
      </c>
      <c r="P5004">
        <v>10300</v>
      </c>
      <c r="Q5004">
        <v>0</v>
      </c>
      <c r="R5004">
        <v>79582</v>
      </c>
      <c r="S5004">
        <v>0</v>
      </c>
      <c r="T5004">
        <v>0</v>
      </c>
      <c r="U5004">
        <v>0</v>
      </c>
      <c r="V5004">
        <v>14</v>
      </c>
      <c r="W5004">
        <v>4</v>
      </c>
      <c r="X5004">
        <v>0</v>
      </c>
      <c r="Y5004">
        <v>111</v>
      </c>
      <c r="Z5004">
        <v>28</v>
      </c>
      <c r="AA5004">
        <v>127</v>
      </c>
      <c r="AB5004">
        <v>39</v>
      </c>
      <c r="AC5004">
        <v>153</v>
      </c>
      <c r="AD5004">
        <v>11</v>
      </c>
      <c r="AE5004">
        <v>84</v>
      </c>
      <c r="AF5004">
        <v>23900</v>
      </c>
      <c r="AG5004">
        <v>325219</v>
      </c>
      <c r="AH5004">
        <v>50000</v>
      </c>
      <c r="AI5004">
        <v>0</v>
      </c>
      <c r="AJ5004">
        <v>108</v>
      </c>
      <c r="AK5004" t="s">
        <v>3</v>
      </c>
      <c r="AL5004">
        <v>0</v>
      </c>
      <c r="AM5004">
        <v>0</v>
      </c>
      <c r="AN5004">
        <v>0</v>
      </c>
      <c r="AO5004">
        <v>0</v>
      </c>
      <c r="AP5004">
        <v>0</v>
      </c>
      <c r="AQ5004">
        <v>0</v>
      </c>
      <c r="AR5004">
        <v>0</v>
      </c>
      <c r="AS5004">
        <v>0</v>
      </c>
      <c r="AT5004">
        <v>0</v>
      </c>
      <c r="AU5004">
        <v>0</v>
      </c>
      <c r="AV5004">
        <v>0</v>
      </c>
      <c r="AW5004">
        <v>0</v>
      </c>
      <c r="AX5004">
        <v>1243</v>
      </c>
      <c r="AY5004">
        <v>6</v>
      </c>
      <c r="AZ5004">
        <v>16</v>
      </c>
      <c r="BA5004">
        <v>1667</v>
      </c>
    </row>
    <row r="5005" spans="1:53" x14ac:dyDescent="0.4">
      <c r="A5005">
        <v>5049</v>
      </c>
      <c r="B5005" s="1">
        <v>44759</v>
      </c>
      <c r="C5005">
        <v>1</v>
      </c>
      <c r="D5005" s="1">
        <v>44759.291666666664</v>
      </c>
      <c r="E5005" s="1">
        <v>44759.397222222222</v>
      </c>
      <c r="F5005">
        <v>0</v>
      </c>
      <c r="G5005">
        <v>0</v>
      </c>
      <c r="H5005">
        <v>0</v>
      </c>
      <c r="I5005">
        <v>0</v>
      </c>
      <c r="J5005">
        <v>0</v>
      </c>
      <c r="K5005">
        <v>0</v>
      </c>
      <c r="L5005">
        <v>0</v>
      </c>
      <c r="M5005">
        <v>0</v>
      </c>
      <c r="N5005">
        <v>0</v>
      </c>
      <c r="O5005">
        <v>0</v>
      </c>
      <c r="P5005">
        <v>0</v>
      </c>
      <c r="Q5005">
        <v>0</v>
      </c>
      <c r="R5005">
        <v>0</v>
      </c>
      <c r="S5005">
        <v>0</v>
      </c>
      <c r="T5005">
        <v>0</v>
      </c>
      <c r="U5005">
        <v>0</v>
      </c>
      <c r="V5005">
        <v>0</v>
      </c>
      <c r="W5005">
        <v>1</v>
      </c>
      <c r="X5005">
        <v>0</v>
      </c>
      <c r="Y5005">
        <v>25</v>
      </c>
      <c r="Z5005">
        <v>12</v>
      </c>
      <c r="AA5005">
        <v>115</v>
      </c>
      <c r="AB5005">
        <v>28</v>
      </c>
      <c r="AC5005">
        <v>98</v>
      </c>
      <c r="AD5005">
        <v>9</v>
      </c>
      <c r="AE5005">
        <v>75</v>
      </c>
      <c r="AF5005">
        <v>0</v>
      </c>
      <c r="AG5005">
        <v>50000</v>
      </c>
      <c r="AH5005">
        <v>50000</v>
      </c>
      <c r="AI5005">
        <v>0</v>
      </c>
      <c r="AJ5005">
        <v>0</v>
      </c>
      <c r="AK5005" t="s">
        <v>6</v>
      </c>
      <c r="AL5005">
        <v>0</v>
      </c>
      <c r="AM5005">
        <v>0</v>
      </c>
      <c r="AN5005">
        <v>0</v>
      </c>
      <c r="AO5005">
        <v>0</v>
      </c>
      <c r="AP5005">
        <v>0</v>
      </c>
      <c r="AQ5005">
        <v>0</v>
      </c>
      <c r="AR5005">
        <v>0</v>
      </c>
      <c r="AS5005">
        <v>0</v>
      </c>
      <c r="AT5005">
        <v>0</v>
      </c>
      <c r="AU5005">
        <v>0</v>
      </c>
      <c r="AV5005">
        <v>0</v>
      </c>
      <c r="AW5005">
        <v>0</v>
      </c>
      <c r="AX5005">
        <v>0</v>
      </c>
      <c r="AY5005">
        <v>0</v>
      </c>
      <c r="AZ5005">
        <v>0</v>
      </c>
      <c r="BA5005">
        <v>0</v>
      </c>
    </row>
    <row r="5006" spans="1:53" x14ac:dyDescent="0.4">
      <c r="A5006">
        <v>5050</v>
      </c>
      <c r="B5006" s="1">
        <v>44759</v>
      </c>
      <c r="C5006">
        <v>2</v>
      </c>
      <c r="D5006" s="1">
        <v>44759.397222222222</v>
      </c>
      <c r="E5006" s="1">
        <v>44759.742361111108</v>
      </c>
      <c r="F5006">
        <v>49810</v>
      </c>
      <c r="G5006">
        <v>1474</v>
      </c>
      <c r="H5006">
        <v>220</v>
      </c>
      <c r="I5006">
        <v>0</v>
      </c>
      <c r="J5006">
        <v>100</v>
      </c>
      <c r="K5006">
        <v>0</v>
      </c>
      <c r="L5006">
        <v>0</v>
      </c>
      <c r="M5006">
        <v>4671</v>
      </c>
      <c r="N5006">
        <v>0</v>
      </c>
      <c r="O5006">
        <v>0</v>
      </c>
      <c r="P5006">
        <v>15480</v>
      </c>
      <c r="Q5006">
        <v>0</v>
      </c>
      <c r="R5006">
        <v>66884</v>
      </c>
      <c r="S5006">
        <v>0</v>
      </c>
      <c r="T5006">
        <v>0</v>
      </c>
      <c r="U5006">
        <v>0</v>
      </c>
      <c r="V5006">
        <v>0</v>
      </c>
      <c r="W5006">
        <v>1</v>
      </c>
      <c r="X5006">
        <v>0</v>
      </c>
      <c r="Y5006">
        <v>78</v>
      </c>
      <c r="Z5006">
        <v>32</v>
      </c>
      <c r="AA5006">
        <v>114</v>
      </c>
      <c r="AB5006">
        <v>27</v>
      </c>
      <c r="AC5006">
        <v>152</v>
      </c>
      <c r="AD5006">
        <v>11</v>
      </c>
      <c r="AE5006">
        <v>29</v>
      </c>
      <c r="AF5006">
        <v>3530</v>
      </c>
      <c r="AG5006">
        <v>116884</v>
      </c>
      <c r="AH5006">
        <v>50000</v>
      </c>
      <c r="AI5006">
        <v>0</v>
      </c>
      <c r="AJ5006">
        <v>115</v>
      </c>
      <c r="AK5006" t="s">
        <v>55</v>
      </c>
      <c r="AL5006">
        <v>0</v>
      </c>
      <c r="AM5006">
        <v>0</v>
      </c>
      <c r="AN5006">
        <v>0</v>
      </c>
      <c r="AO5006">
        <v>0</v>
      </c>
      <c r="AP5006">
        <v>0</v>
      </c>
      <c r="AQ5006">
        <v>0</v>
      </c>
      <c r="AR5006">
        <v>0</v>
      </c>
      <c r="AS5006">
        <v>0</v>
      </c>
      <c r="AT5006">
        <v>0</v>
      </c>
      <c r="AU5006">
        <v>0</v>
      </c>
      <c r="AV5006">
        <v>0</v>
      </c>
      <c r="AW5006">
        <v>0</v>
      </c>
      <c r="AX5006">
        <v>308</v>
      </c>
      <c r="AY5006">
        <v>51</v>
      </c>
      <c r="AZ5006">
        <v>106</v>
      </c>
      <c r="BA5006">
        <v>8060</v>
      </c>
    </row>
    <row r="5007" spans="1:53" x14ac:dyDescent="0.4">
      <c r="A5007">
        <v>5051</v>
      </c>
      <c r="B5007" s="1">
        <v>44759</v>
      </c>
      <c r="C5007">
        <v>3</v>
      </c>
      <c r="D5007" s="1">
        <v>44759.742361111108</v>
      </c>
      <c r="E5007" s="1">
        <v>44759.957638888889</v>
      </c>
      <c r="F5007">
        <v>75540</v>
      </c>
      <c r="G5007">
        <v>2365</v>
      </c>
      <c r="H5007">
        <v>0</v>
      </c>
      <c r="I5007">
        <v>0</v>
      </c>
      <c r="J5007">
        <v>0</v>
      </c>
      <c r="K5007">
        <v>0</v>
      </c>
      <c r="L5007">
        <v>0</v>
      </c>
      <c r="M5007">
        <v>7081</v>
      </c>
      <c r="N5007">
        <v>0</v>
      </c>
      <c r="O5007">
        <v>0</v>
      </c>
      <c r="P5007">
        <v>-2420</v>
      </c>
      <c r="Q5007">
        <v>0</v>
      </c>
      <c r="R5007">
        <v>75485</v>
      </c>
      <c r="S5007">
        <v>0</v>
      </c>
      <c r="T5007">
        <v>0</v>
      </c>
      <c r="U5007">
        <v>0</v>
      </c>
      <c r="V5007">
        <v>8</v>
      </c>
      <c r="W5007">
        <v>0</v>
      </c>
      <c r="X5007">
        <v>0</v>
      </c>
      <c r="Y5007">
        <v>74</v>
      </c>
      <c r="Z5007">
        <v>31</v>
      </c>
      <c r="AA5007">
        <v>122</v>
      </c>
      <c r="AB5007">
        <v>27</v>
      </c>
      <c r="AC5007">
        <v>156</v>
      </c>
      <c r="AD5007">
        <v>11</v>
      </c>
      <c r="AE5007">
        <v>74</v>
      </c>
      <c r="AF5007">
        <v>7630</v>
      </c>
      <c r="AG5007">
        <v>192369</v>
      </c>
      <c r="AH5007">
        <v>50000</v>
      </c>
      <c r="AI5007">
        <v>0</v>
      </c>
      <c r="AJ5007">
        <v>108</v>
      </c>
      <c r="AK5007" t="s">
        <v>3</v>
      </c>
      <c r="AL5007">
        <v>0</v>
      </c>
      <c r="AM5007">
        <v>0</v>
      </c>
      <c r="AN5007">
        <v>0</v>
      </c>
      <c r="AO5007">
        <v>0</v>
      </c>
      <c r="AP5007">
        <v>0</v>
      </c>
      <c r="AQ5007">
        <v>0</v>
      </c>
      <c r="AR5007">
        <v>0</v>
      </c>
      <c r="AS5007">
        <v>0</v>
      </c>
      <c r="AT5007">
        <v>0</v>
      </c>
      <c r="AU5007">
        <v>0</v>
      </c>
      <c r="AV5007">
        <v>0</v>
      </c>
      <c r="AW5007">
        <v>0</v>
      </c>
      <c r="AX5007">
        <v>10904</v>
      </c>
      <c r="AY5007">
        <v>22</v>
      </c>
      <c r="AZ5007">
        <v>56</v>
      </c>
      <c r="BA5007">
        <v>3304</v>
      </c>
    </row>
    <row r="5008" spans="1:53" x14ac:dyDescent="0.4">
      <c r="A5008">
        <v>5052</v>
      </c>
      <c r="B5008" s="1">
        <v>44760</v>
      </c>
      <c r="C5008">
        <v>1</v>
      </c>
      <c r="D5008" s="1">
        <v>44760.291666666664</v>
      </c>
      <c r="E5008" s="1">
        <v>44760.734027777777</v>
      </c>
      <c r="F5008">
        <v>43260</v>
      </c>
      <c r="G5008">
        <v>3608</v>
      </c>
      <c r="H5008">
        <v>0</v>
      </c>
      <c r="I5008">
        <v>0</v>
      </c>
      <c r="J5008">
        <v>170</v>
      </c>
      <c r="K5008">
        <v>0</v>
      </c>
      <c r="L5008">
        <v>0</v>
      </c>
      <c r="M5008">
        <v>4244</v>
      </c>
      <c r="N5008">
        <v>0</v>
      </c>
      <c r="O5008">
        <v>0</v>
      </c>
      <c r="P5008">
        <v>26290</v>
      </c>
      <c r="Q5008">
        <v>0</v>
      </c>
      <c r="R5008">
        <v>72988</v>
      </c>
      <c r="S5008">
        <v>0</v>
      </c>
      <c r="T5008">
        <v>0</v>
      </c>
      <c r="U5008">
        <v>0</v>
      </c>
      <c r="V5008">
        <v>1</v>
      </c>
      <c r="W5008">
        <v>4</v>
      </c>
      <c r="X5008">
        <v>0</v>
      </c>
      <c r="Y5008">
        <v>62</v>
      </c>
      <c r="Z5008">
        <v>25</v>
      </c>
      <c r="AA5008">
        <v>113</v>
      </c>
      <c r="AB5008">
        <v>17</v>
      </c>
      <c r="AC5008">
        <v>111</v>
      </c>
      <c r="AD5008">
        <v>12</v>
      </c>
      <c r="AE5008">
        <v>68</v>
      </c>
      <c r="AF5008">
        <v>5100</v>
      </c>
      <c r="AG5008">
        <v>122988</v>
      </c>
      <c r="AH5008">
        <v>50000</v>
      </c>
      <c r="AI5008">
        <v>0</v>
      </c>
      <c r="AJ5008">
        <v>118</v>
      </c>
      <c r="AK5008" t="s">
        <v>59</v>
      </c>
      <c r="AL5008">
        <v>0</v>
      </c>
      <c r="AM5008">
        <v>0</v>
      </c>
      <c r="AN5008">
        <v>0</v>
      </c>
      <c r="AO5008">
        <v>0</v>
      </c>
      <c r="AP5008">
        <v>0</v>
      </c>
      <c r="AQ5008">
        <v>0</v>
      </c>
      <c r="AR5008">
        <v>0</v>
      </c>
      <c r="AS5008">
        <v>0</v>
      </c>
      <c r="AT5008">
        <v>0</v>
      </c>
      <c r="AU5008">
        <v>0</v>
      </c>
      <c r="AV5008">
        <v>0</v>
      </c>
      <c r="AW5008">
        <v>0</v>
      </c>
      <c r="AX5008">
        <v>-1524</v>
      </c>
      <c r="AY5008">
        <v>51</v>
      </c>
      <c r="AZ5008">
        <v>111</v>
      </c>
      <c r="BA5008">
        <v>7617</v>
      </c>
    </row>
    <row r="5009" spans="1:53" x14ac:dyDescent="0.4">
      <c r="A5009">
        <v>5053</v>
      </c>
      <c r="B5009" s="1">
        <v>44760</v>
      </c>
      <c r="C5009">
        <v>2</v>
      </c>
      <c r="D5009" s="1">
        <v>44760.734027777777</v>
      </c>
      <c r="E5009" s="1">
        <v>44760.948611111111</v>
      </c>
      <c r="F5009">
        <v>47040</v>
      </c>
      <c r="G5009">
        <v>5676</v>
      </c>
      <c r="H5009">
        <v>0</v>
      </c>
      <c r="I5009">
        <v>0</v>
      </c>
      <c r="J5009">
        <v>100</v>
      </c>
      <c r="K5009">
        <v>0</v>
      </c>
      <c r="L5009">
        <v>0</v>
      </c>
      <c r="M5009">
        <v>4782</v>
      </c>
      <c r="N5009">
        <v>0</v>
      </c>
      <c r="O5009">
        <v>0</v>
      </c>
      <c r="P5009">
        <v>-22190</v>
      </c>
      <c r="Q5009">
        <v>0</v>
      </c>
      <c r="R5009">
        <v>30426</v>
      </c>
      <c r="S5009">
        <v>0</v>
      </c>
      <c r="T5009">
        <v>0</v>
      </c>
      <c r="U5009">
        <v>0</v>
      </c>
      <c r="V5009">
        <v>2</v>
      </c>
      <c r="W5009">
        <v>4</v>
      </c>
      <c r="X5009">
        <v>0</v>
      </c>
      <c r="Y5009">
        <v>76</v>
      </c>
      <c r="Z5009">
        <v>27</v>
      </c>
      <c r="AA5009">
        <v>127</v>
      </c>
      <c r="AB5009">
        <v>15</v>
      </c>
      <c r="AC5009">
        <v>113</v>
      </c>
      <c r="AD5009">
        <v>13</v>
      </c>
      <c r="AE5009">
        <v>69</v>
      </c>
      <c r="AF5009">
        <v>9200</v>
      </c>
      <c r="AG5009">
        <v>153414</v>
      </c>
      <c r="AH5009">
        <v>50000</v>
      </c>
      <c r="AI5009">
        <v>0</v>
      </c>
      <c r="AJ5009">
        <v>95</v>
      </c>
      <c r="AK5009" t="s">
        <v>21</v>
      </c>
      <c r="AL5009">
        <v>0</v>
      </c>
      <c r="AM5009">
        <v>0</v>
      </c>
      <c r="AN5009">
        <v>0</v>
      </c>
      <c r="AO5009">
        <v>0</v>
      </c>
      <c r="AP5009">
        <v>0</v>
      </c>
      <c r="AQ5009">
        <v>0</v>
      </c>
      <c r="AR5009">
        <v>0</v>
      </c>
      <c r="AS5009">
        <v>0</v>
      </c>
      <c r="AT5009">
        <v>0</v>
      </c>
      <c r="AU5009">
        <v>0</v>
      </c>
      <c r="AV5009">
        <v>0</v>
      </c>
      <c r="AW5009">
        <v>0</v>
      </c>
      <c r="AX5009">
        <v>9900</v>
      </c>
      <c r="AY5009">
        <v>10</v>
      </c>
      <c r="AZ5009">
        <v>25</v>
      </c>
      <c r="BA5009">
        <v>2676</v>
      </c>
    </row>
    <row r="5010" spans="1:53" x14ac:dyDescent="0.4">
      <c r="A5010">
        <v>5054</v>
      </c>
      <c r="B5010" s="1">
        <v>44761</v>
      </c>
      <c r="C5010">
        <v>1</v>
      </c>
      <c r="D5010" s="1">
        <v>44761.291666666664</v>
      </c>
      <c r="E5010" s="1">
        <v>44761.447916666664</v>
      </c>
      <c r="F5010">
        <v>0</v>
      </c>
      <c r="G5010">
        <v>0</v>
      </c>
      <c r="H5010">
        <v>0</v>
      </c>
      <c r="I5010">
        <v>0</v>
      </c>
      <c r="J5010">
        <v>0</v>
      </c>
      <c r="K5010">
        <v>0</v>
      </c>
      <c r="L5010">
        <v>0</v>
      </c>
      <c r="M5010">
        <v>0</v>
      </c>
      <c r="N5010">
        <v>0</v>
      </c>
      <c r="O5010">
        <v>0</v>
      </c>
      <c r="P5010">
        <v>0</v>
      </c>
      <c r="Q5010">
        <v>0</v>
      </c>
      <c r="R5010">
        <v>0</v>
      </c>
      <c r="S5010">
        <v>0</v>
      </c>
      <c r="T5010">
        <v>0</v>
      </c>
      <c r="U5010">
        <v>0</v>
      </c>
      <c r="V5010">
        <v>0</v>
      </c>
      <c r="W5010">
        <v>1</v>
      </c>
      <c r="X5010">
        <v>0</v>
      </c>
      <c r="Y5010">
        <v>25</v>
      </c>
      <c r="Z5010">
        <v>14</v>
      </c>
      <c r="AA5010">
        <v>111</v>
      </c>
      <c r="AB5010">
        <v>15</v>
      </c>
      <c r="AC5010">
        <v>102</v>
      </c>
      <c r="AD5010">
        <v>13</v>
      </c>
      <c r="AE5010">
        <v>65</v>
      </c>
      <c r="AF5010">
        <v>0</v>
      </c>
      <c r="AG5010">
        <v>50000</v>
      </c>
      <c r="AH5010">
        <v>50000</v>
      </c>
      <c r="AI5010">
        <v>0</v>
      </c>
      <c r="AJ5010">
        <v>0</v>
      </c>
      <c r="AK5010" t="s">
        <v>6</v>
      </c>
      <c r="AL5010">
        <v>0</v>
      </c>
      <c r="AM5010">
        <v>0</v>
      </c>
      <c r="AN5010">
        <v>0</v>
      </c>
      <c r="AO5010">
        <v>0</v>
      </c>
      <c r="AP5010">
        <v>0</v>
      </c>
      <c r="AQ5010">
        <v>0</v>
      </c>
      <c r="AR5010">
        <v>0</v>
      </c>
      <c r="AS5010">
        <v>0</v>
      </c>
      <c r="AT5010">
        <v>0</v>
      </c>
      <c r="AU5010">
        <v>0</v>
      </c>
      <c r="AV5010">
        <v>0</v>
      </c>
      <c r="AW5010">
        <v>0</v>
      </c>
      <c r="AX5010">
        <v>0</v>
      </c>
      <c r="AY5010">
        <v>0</v>
      </c>
      <c r="AZ5010">
        <v>0</v>
      </c>
      <c r="BA5010">
        <v>0</v>
      </c>
    </row>
    <row r="5011" spans="1:53" x14ac:dyDescent="0.4">
      <c r="A5011">
        <v>5055</v>
      </c>
      <c r="B5011" s="1">
        <v>44761</v>
      </c>
      <c r="C5011">
        <v>2</v>
      </c>
      <c r="D5011" s="1">
        <v>44761.447916666664</v>
      </c>
      <c r="E5011" s="1">
        <v>44761.751388888886</v>
      </c>
      <c r="F5011">
        <v>27020</v>
      </c>
      <c r="G5011">
        <v>748</v>
      </c>
      <c r="H5011">
        <v>30</v>
      </c>
      <c r="I5011">
        <v>0</v>
      </c>
      <c r="J5011">
        <v>100</v>
      </c>
      <c r="K5011">
        <v>0</v>
      </c>
      <c r="L5011">
        <v>0</v>
      </c>
      <c r="M5011">
        <v>2518</v>
      </c>
      <c r="N5011">
        <v>0</v>
      </c>
      <c r="O5011">
        <v>0</v>
      </c>
      <c r="P5011">
        <v>11890</v>
      </c>
      <c r="Q5011">
        <v>0</v>
      </c>
      <c r="R5011">
        <v>39588</v>
      </c>
      <c r="S5011">
        <v>0</v>
      </c>
      <c r="T5011">
        <v>0</v>
      </c>
      <c r="U5011">
        <v>0</v>
      </c>
      <c r="V5011">
        <v>1</v>
      </c>
      <c r="W5011">
        <v>0</v>
      </c>
      <c r="X5011">
        <v>0</v>
      </c>
      <c r="Y5011">
        <v>53</v>
      </c>
      <c r="Z5011">
        <v>20</v>
      </c>
      <c r="AA5011">
        <v>108</v>
      </c>
      <c r="AB5011">
        <v>16</v>
      </c>
      <c r="AC5011">
        <v>119</v>
      </c>
      <c r="AD5011">
        <v>16</v>
      </c>
      <c r="AE5011">
        <v>68</v>
      </c>
      <c r="AF5011">
        <v>3650</v>
      </c>
      <c r="AG5011">
        <v>89588</v>
      </c>
      <c r="AH5011">
        <v>50000</v>
      </c>
      <c r="AI5011">
        <v>0</v>
      </c>
      <c r="AJ5011">
        <v>103</v>
      </c>
      <c r="AK5011" t="s">
        <v>7</v>
      </c>
      <c r="AL5011">
        <v>0</v>
      </c>
      <c r="AM5011">
        <v>0</v>
      </c>
      <c r="AN5011">
        <v>0</v>
      </c>
      <c r="AO5011">
        <v>0</v>
      </c>
      <c r="AP5011">
        <v>0</v>
      </c>
      <c r="AQ5011">
        <v>0</v>
      </c>
      <c r="AR5011">
        <v>0</v>
      </c>
      <c r="AS5011">
        <v>0</v>
      </c>
      <c r="AT5011">
        <v>0</v>
      </c>
      <c r="AU5011">
        <v>0</v>
      </c>
      <c r="AV5011">
        <v>0</v>
      </c>
      <c r="AW5011">
        <v>0</v>
      </c>
      <c r="AX5011">
        <v>-996</v>
      </c>
      <c r="AY5011">
        <v>37</v>
      </c>
      <c r="AZ5011">
        <v>65</v>
      </c>
      <c r="BA5011">
        <v>5142</v>
      </c>
    </row>
    <row r="5012" spans="1:53" x14ac:dyDescent="0.4">
      <c r="A5012">
        <v>5056</v>
      </c>
      <c r="B5012" s="1">
        <v>44761</v>
      </c>
      <c r="C5012">
        <v>3</v>
      </c>
      <c r="D5012" s="1">
        <v>44761.751388888886</v>
      </c>
      <c r="E5012" s="1">
        <v>44761.951388888891</v>
      </c>
      <c r="F5012">
        <v>17040</v>
      </c>
      <c r="G5012">
        <v>1012</v>
      </c>
      <c r="H5012">
        <v>0</v>
      </c>
      <c r="I5012">
        <v>0</v>
      </c>
      <c r="J5012">
        <v>200</v>
      </c>
      <c r="K5012">
        <v>0</v>
      </c>
      <c r="L5012">
        <v>0</v>
      </c>
      <c r="M5012">
        <v>1622</v>
      </c>
      <c r="N5012">
        <v>0</v>
      </c>
      <c r="O5012">
        <v>0</v>
      </c>
      <c r="P5012">
        <v>-7270</v>
      </c>
      <c r="Q5012">
        <v>0</v>
      </c>
      <c r="R5012">
        <v>10582</v>
      </c>
      <c r="S5012">
        <v>0</v>
      </c>
      <c r="T5012">
        <v>0</v>
      </c>
      <c r="U5012">
        <v>0</v>
      </c>
      <c r="V5012">
        <v>2</v>
      </c>
      <c r="W5012">
        <v>0</v>
      </c>
      <c r="X5012">
        <v>0</v>
      </c>
      <c r="Y5012">
        <v>55</v>
      </c>
      <c r="Z5012">
        <v>16</v>
      </c>
      <c r="AA5012">
        <v>103</v>
      </c>
      <c r="AB5012">
        <v>16</v>
      </c>
      <c r="AC5012">
        <v>130</v>
      </c>
      <c r="AD5012">
        <v>16</v>
      </c>
      <c r="AE5012">
        <v>72</v>
      </c>
      <c r="AF5012">
        <v>4618</v>
      </c>
      <c r="AG5012">
        <v>100170</v>
      </c>
      <c r="AH5012">
        <v>50000</v>
      </c>
      <c r="AI5012">
        <v>0</v>
      </c>
      <c r="AJ5012">
        <v>30</v>
      </c>
      <c r="AK5012" t="s">
        <v>63</v>
      </c>
      <c r="AL5012">
        <v>0</v>
      </c>
      <c r="AM5012">
        <v>0</v>
      </c>
      <c r="AN5012">
        <v>0</v>
      </c>
      <c r="AO5012">
        <v>0</v>
      </c>
      <c r="AP5012">
        <v>0</v>
      </c>
      <c r="AQ5012">
        <v>0</v>
      </c>
      <c r="AR5012">
        <v>0</v>
      </c>
      <c r="AS5012">
        <v>0</v>
      </c>
      <c r="AT5012">
        <v>0</v>
      </c>
      <c r="AU5012">
        <v>0</v>
      </c>
      <c r="AV5012">
        <v>0</v>
      </c>
      <c r="AW5012">
        <v>0</v>
      </c>
      <c r="AX5012">
        <v>0</v>
      </c>
      <c r="AY5012">
        <v>4</v>
      </c>
      <c r="AZ5012">
        <v>9</v>
      </c>
      <c r="BA5012">
        <v>1278</v>
      </c>
    </row>
    <row r="5013" spans="1:53" x14ac:dyDescent="0.4">
      <c r="A5013">
        <v>5057</v>
      </c>
      <c r="B5013" s="1">
        <v>44762</v>
      </c>
      <c r="C5013">
        <v>1</v>
      </c>
      <c r="D5013" s="1">
        <v>44762.291666666664</v>
      </c>
      <c r="E5013" s="1">
        <v>44762.440972222219</v>
      </c>
      <c r="F5013">
        <v>0</v>
      </c>
      <c r="G5013">
        <v>0</v>
      </c>
      <c r="H5013">
        <v>0</v>
      </c>
      <c r="I5013">
        <v>0</v>
      </c>
      <c r="J5013">
        <v>0</v>
      </c>
      <c r="K5013">
        <v>0</v>
      </c>
      <c r="L5013">
        <v>0</v>
      </c>
      <c r="M5013">
        <v>0</v>
      </c>
      <c r="N5013">
        <v>0</v>
      </c>
      <c r="O5013">
        <v>0</v>
      </c>
      <c r="P5013">
        <v>0</v>
      </c>
      <c r="Q5013">
        <v>0</v>
      </c>
      <c r="R5013">
        <v>0</v>
      </c>
      <c r="S5013">
        <v>0</v>
      </c>
      <c r="T5013">
        <v>0</v>
      </c>
      <c r="U5013">
        <v>0</v>
      </c>
      <c r="V5013">
        <v>0</v>
      </c>
      <c r="W5013">
        <v>0</v>
      </c>
      <c r="X5013">
        <v>0</v>
      </c>
      <c r="Y5013">
        <v>30</v>
      </c>
      <c r="Z5013">
        <v>15</v>
      </c>
      <c r="AA5013">
        <v>103</v>
      </c>
      <c r="AB5013">
        <v>16</v>
      </c>
      <c r="AC5013">
        <v>125</v>
      </c>
      <c r="AD5013">
        <v>16</v>
      </c>
      <c r="AE5013">
        <v>70</v>
      </c>
      <c r="AF5013">
        <v>0</v>
      </c>
      <c r="AG5013">
        <v>50000</v>
      </c>
      <c r="AH5013">
        <v>50000</v>
      </c>
      <c r="AI5013">
        <v>0</v>
      </c>
      <c r="AJ5013">
        <v>0</v>
      </c>
      <c r="AK5013" t="s">
        <v>6</v>
      </c>
      <c r="AL5013">
        <v>0</v>
      </c>
      <c r="AM5013">
        <v>0</v>
      </c>
      <c r="AN5013">
        <v>0</v>
      </c>
      <c r="AO5013">
        <v>0</v>
      </c>
      <c r="AP5013">
        <v>0</v>
      </c>
      <c r="AQ5013">
        <v>0</v>
      </c>
      <c r="AR5013">
        <v>0</v>
      </c>
      <c r="AS5013">
        <v>0</v>
      </c>
      <c r="AT5013">
        <v>0</v>
      </c>
      <c r="AU5013">
        <v>0</v>
      </c>
      <c r="AV5013">
        <v>0</v>
      </c>
      <c r="AW5013">
        <v>0</v>
      </c>
      <c r="AX5013">
        <v>0</v>
      </c>
      <c r="AY5013">
        <v>0</v>
      </c>
      <c r="AZ5013">
        <v>0</v>
      </c>
      <c r="BA5013">
        <v>0</v>
      </c>
    </row>
    <row r="5014" spans="1:53" x14ac:dyDescent="0.4">
      <c r="A5014">
        <v>5058</v>
      </c>
      <c r="B5014" s="1">
        <v>44762</v>
      </c>
      <c r="C5014">
        <v>2</v>
      </c>
      <c r="D5014" s="1">
        <v>44762.440972222219</v>
      </c>
      <c r="E5014" s="1">
        <v>44762.750694444447</v>
      </c>
      <c r="F5014">
        <v>32890</v>
      </c>
      <c r="G5014">
        <v>1056</v>
      </c>
      <c r="H5014">
        <v>0</v>
      </c>
      <c r="I5014">
        <v>0</v>
      </c>
      <c r="J5014">
        <v>220</v>
      </c>
      <c r="K5014">
        <v>1600</v>
      </c>
      <c r="L5014">
        <v>0</v>
      </c>
      <c r="M5014">
        <v>3210</v>
      </c>
      <c r="N5014">
        <v>0</v>
      </c>
      <c r="O5014">
        <v>0</v>
      </c>
      <c r="P5014">
        <v>15010</v>
      </c>
      <c r="Q5014">
        <v>0</v>
      </c>
      <c r="R5014">
        <v>50336</v>
      </c>
      <c r="S5014">
        <v>0</v>
      </c>
      <c r="T5014">
        <v>0</v>
      </c>
      <c r="U5014">
        <v>0</v>
      </c>
      <c r="V5014">
        <v>0</v>
      </c>
      <c r="W5014">
        <v>0</v>
      </c>
      <c r="X5014">
        <v>0</v>
      </c>
      <c r="Y5014">
        <v>72</v>
      </c>
      <c r="Z5014">
        <v>29</v>
      </c>
      <c r="AA5014">
        <v>76</v>
      </c>
      <c r="AB5014">
        <v>21</v>
      </c>
      <c r="AC5014">
        <v>159</v>
      </c>
      <c r="AD5014">
        <v>15</v>
      </c>
      <c r="AE5014">
        <v>75</v>
      </c>
      <c r="AF5014">
        <v>3446</v>
      </c>
      <c r="AG5014">
        <v>100336</v>
      </c>
      <c r="AH5014">
        <v>50000</v>
      </c>
      <c r="AI5014">
        <v>0</v>
      </c>
      <c r="AJ5014">
        <v>116</v>
      </c>
      <c r="AK5014" t="s">
        <v>54</v>
      </c>
      <c r="AL5014">
        <v>0</v>
      </c>
      <c r="AM5014">
        <v>0</v>
      </c>
      <c r="AN5014">
        <v>0</v>
      </c>
      <c r="AO5014">
        <v>0</v>
      </c>
      <c r="AP5014">
        <v>0</v>
      </c>
      <c r="AQ5014">
        <v>0</v>
      </c>
      <c r="AR5014">
        <v>0</v>
      </c>
      <c r="AS5014">
        <v>0</v>
      </c>
      <c r="AT5014">
        <v>0</v>
      </c>
      <c r="AU5014">
        <v>0</v>
      </c>
      <c r="AV5014">
        <v>0</v>
      </c>
      <c r="AW5014">
        <v>0</v>
      </c>
      <c r="AX5014">
        <v>-1200</v>
      </c>
      <c r="AY5014">
        <v>41</v>
      </c>
      <c r="AZ5014">
        <v>76</v>
      </c>
      <c r="BA5014">
        <v>5722</v>
      </c>
    </row>
    <row r="5015" spans="1:53" x14ac:dyDescent="0.4">
      <c r="A5015">
        <v>5059</v>
      </c>
      <c r="B5015" s="1">
        <v>44762</v>
      </c>
      <c r="C5015">
        <v>3</v>
      </c>
      <c r="D5015" s="1">
        <v>44762.750694444447</v>
      </c>
      <c r="E5015" s="1">
        <v>44762.959722222222</v>
      </c>
      <c r="F5015">
        <v>27190</v>
      </c>
      <c r="G5015">
        <v>1474</v>
      </c>
      <c r="H5015">
        <v>0</v>
      </c>
      <c r="I5015">
        <v>0</v>
      </c>
      <c r="J5015">
        <v>100</v>
      </c>
      <c r="K5015">
        <v>0</v>
      </c>
      <c r="L5015">
        <v>0</v>
      </c>
      <c r="M5015">
        <v>2597</v>
      </c>
      <c r="N5015">
        <v>0</v>
      </c>
      <c r="O5015">
        <v>0</v>
      </c>
      <c r="P5015">
        <v>-12810</v>
      </c>
      <c r="Q5015">
        <v>0</v>
      </c>
      <c r="R5015">
        <v>15754</v>
      </c>
      <c r="S5015">
        <v>0</v>
      </c>
      <c r="T5015">
        <v>0</v>
      </c>
      <c r="U5015">
        <v>0</v>
      </c>
      <c r="V5015">
        <v>3</v>
      </c>
      <c r="W5015">
        <v>0</v>
      </c>
      <c r="X5015">
        <v>0</v>
      </c>
      <c r="Y5015">
        <v>59</v>
      </c>
      <c r="Z5015">
        <v>29</v>
      </c>
      <c r="AA5015">
        <v>67</v>
      </c>
      <c r="AB5015">
        <v>19</v>
      </c>
      <c r="AC5015">
        <v>155</v>
      </c>
      <c r="AD5015">
        <v>14</v>
      </c>
      <c r="AE5015">
        <v>74</v>
      </c>
      <c r="AF5015">
        <v>3446</v>
      </c>
      <c r="AG5015">
        <v>116290</v>
      </c>
      <c r="AH5015">
        <v>50000</v>
      </c>
      <c r="AI5015">
        <v>200</v>
      </c>
      <c r="AJ5015">
        <v>102</v>
      </c>
      <c r="AK5015" t="s">
        <v>50</v>
      </c>
      <c r="AL5015">
        <v>0</v>
      </c>
      <c r="AM5015">
        <v>0</v>
      </c>
      <c r="AN5015">
        <v>0</v>
      </c>
      <c r="AO5015">
        <v>0</v>
      </c>
      <c r="AP5015">
        <v>0</v>
      </c>
      <c r="AQ5015">
        <v>0</v>
      </c>
      <c r="AR5015">
        <v>0</v>
      </c>
      <c r="AS5015">
        <v>0</v>
      </c>
      <c r="AT5015">
        <v>0</v>
      </c>
      <c r="AU5015">
        <v>0</v>
      </c>
      <c r="AV5015">
        <v>0</v>
      </c>
      <c r="AW5015">
        <v>0</v>
      </c>
      <c r="AX5015">
        <v>4983</v>
      </c>
      <c r="AY5015">
        <v>8</v>
      </c>
      <c r="AZ5015">
        <v>17</v>
      </c>
      <c r="BA5015">
        <v>2003</v>
      </c>
    </row>
    <row r="5016" spans="1:53" x14ac:dyDescent="0.4">
      <c r="A5016">
        <v>5060</v>
      </c>
      <c r="B5016" s="1">
        <v>44763</v>
      </c>
      <c r="C5016">
        <v>1</v>
      </c>
      <c r="D5016" s="1">
        <v>44763.291666666664</v>
      </c>
      <c r="E5016" s="1">
        <v>44763.738194444442</v>
      </c>
      <c r="F5016">
        <v>32670</v>
      </c>
      <c r="G5016">
        <v>2244</v>
      </c>
      <c r="H5016">
        <v>0</v>
      </c>
      <c r="I5016">
        <v>0</v>
      </c>
      <c r="J5016">
        <v>0</v>
      </c>
      <c r="K5016">
        <v>0</v>
      </c>
      <c r="L5016">
        <v>0</v>
      </c>
      <c r="M5016">
        <v>3170</v>
      </c>
      <c r="N5016">
        <v>0</v>
      </c>
      <c r="O5016">
        <v>0</v>
      </c>
      <c r="P5016">
        <v>13080</v>
      </c>
      <c r="Q5016">
        <v>0</v>
      </c>
      <c r="R5016">
        <v>47994</v>
      </c>
      <c r="S5016">
        <v>0</v>
      </c>
      <c r="T5016">
        <v>0</v>
      </c>
      <c r="U5016">
        <v>0</v>
      </c>
      <c r="V5016">
        <v>1</v>
      </c>
      <c r="W5016">
        <v>4</v>
      </c>
      <c r="X5016">
        <v>0</v>
      </c>
      <c r="Y5016">
        <v>47</v>
      </c>
      <c r="Z5016">
        <v>19</v>
      </c>
      <c r="AA5016">
        <v>46</v>
      </c>
      <c r="AB5016">
        <v>23</v>
      </c>
      <c r="AC5016">
        <v>123</v>
      </c>
      <c r="AD5016">
        <v>14</v>
      </c>
      <c r="AE5016">
        <v>74</v>
      </c>
      <c r="AF5016">
        <v>4370</v>
      </c>
      <c r="AG5016">
        <v>97994</v>
      </c>
      <c r="AH5016">
        <v>50000</v>
      </c>
      <c r="AI5016">
        <v>0</v>
      </c>
      <c r="AJ5016">
        <v>74</v>
      </c>
      <c r="AK5016" t="s">
        <v>64</v>
      </c>
      <c r="AL5016">
        <v>0</v>
      </c>
      <c r="AM5016">
        <v>0</v>
      </c>
      <c r="AN5016">
        <v>0</v>
      </c>
      <c r="AO5016">
        <v>0</v>
      </c>
      <c r="AP5016">
        <v>0</v>
      </c>
      <c r="AQ5016">
        <v>0</v>
      </c>
      <c r="AR5016">
        <v>0</v>
      </c>
      <c r="AS5016">
        <v>0</v>
      </c>
      <c r="AT5016">
        <v>0</v>
      </c>
      <c r="AU5016">
        <v>0</v>
      </c>
      <c r="AV5016">
        <v>0</v>
      </c>
      <c r="AW5016">
        <v>0</v>
      </c>
      <c r="AX5016">
        <v>-606</v>
      </c>
      <c r="AY5016">
        <v>38</v>
      </c>
      <c r="AZ5016">
        <v>70</v>
      </c>
      <c r="BA5016">
        <v>5807</v>
      </c>
    </row>
    <row r="5017" spans="1:53" x14ac:dyDescent="0.4">
      <c r="A5017">
        <v>5061</v>
      </c>
      <c r="B5017" s="1">
        <v>44763</v>
      </c>
      <c r="C5017">
        <v>2</v>
      </c>
      <c r="D5017" s="1">
        <v>44763.738194444442</v>
      </c>
      <c r="E5017" s="1">
        <v>44763.953472222223</v>
      </c>
      <c r="F5017">
        <v>22020</v>
      </c>
      <c r="G5017">
        <v>594</v>
      </c>
      <c r="H5017">
        <v>0</v>
      </c>
      <c r="I5017">
        <v>0</v>
      </c>
      <c r="J5017">
        <v>0</v>
      </c>
      <c r="K5017">
        <v>2745</v>
      </c>
      <c r="L5017">
        <v>0</v>
      </c>
      <c r="M5017">
        <v>2302</v>
      </c>
      <c r="N5017">
        <v>0</v>
      </c>
      <c r="O5017">
        <v>0</v>
      </c>
      <c r="P5017">
        <v>-8080</v>
      </c>
      <c r="Q5017">
        <v>0</v>
      </c>
      <c r="R5017">
        <v>17279</v>
      </c>
      <c r="S5017">
        <v>0</v>
      </c>
      <c r="T5017">
        <v>0</v>
      </c>
      <c r="U5017">
        <v>0</v>
      </c>
      <c r="V5017">
        <v>2</v>
      </c>
      <c r="W5017">
        <v>5</v>
      </c>
      <c r="X5017">
        <v>0</v>
      </c>
      <c r="Y5017">
        <v>41</v>
      </c>
      <c r="Z5017">
        <v>23</v>
      </c>
      <c r="AA5017">
        <v>74</v>
      </c>
      <c r="AB5017">
        <v>25</v>
      </c>
      <c r="AC5017">
        <v>125</v>
      </c>
      <c r="AD5017">
        <v>12</v>
      </c>
      <c r="AE5017">
        <v>73</v>
      </c>
      <c r="AF5017">
        <v>7740</v>
      </c>
      <c r="AG5017">
        <v>115273</v>
      </c>
      <c r="AH5017">
        <v>50000</v>
      </c>
      <c r="AI5017">
        <v>0</v>
      </c>
      <c r="AJ5017">
        <v>29</v>
      </c>
      <c r="AK5017" t="s">
        <v>62</v>
      </c>
      <c r="AL5017">
        <v>0</v>
      </c>
      <c r="AM5017">
        <v>0</v>
      </c>
      <c r="AN5017">
        <v>0</v>
      </c>
      <c r="AO5017">
        <v>0</v>
      </c>
      <c r="AP5017">
        <v>0</v>
      </c>
      <c r="AQ5017">
        <v>0</v>
      </c>
      <c r="AR5017">
        <v>0</v>
      </c>
      <c r="AS5017">
        <v>0</v>
      </c>
      <c r="AT5017">
        <v>0</v>
      </c>
      <c r="AU5017">
        <v>0</v>
      </c>
      <c r="AV5017">
        <v>0</v>
      </c>
      <c r="AW5017">
        <v>0</v>
      </c>
      <c r="AX5017">
        <v>8910</v>
      </c>
      <c r="AY5017">
        <v>15</v>
      </c>
      <c r="AZ5017">
        <v>30</v>
      </c>
      <c r="BA5017">
        <v>2463</v>
      </c>
    </row>
    <row r="5018" spans="1:53" x14ac:dyDescent="0.4">
      <c r="A5018">
        <v>5062</v>
      </c>
      <c r="B5018" s="1">
        <v>44764</v>
      </c>
      <c r="C5018">
        <v>1</v>
      </c>
      <c r="D5018" s="1">
        <v>44764.291666666664</v>
      </c>
      <c r="E5018" s="1">
        <v>44764.394444444442</v>
      </c>
      <c r="F5018">
        <v>0</v>
      </c>
      <c r="G5018">
        <v>0</v>
      </c>
      <c r="H5018">
        <v>0</v>
      </c>
      <c r="I5018">
        <v>0</v>
      </c>
      <c r="J5018">
        <v>0</v>
      </c>
      <c r="K5018">
        <v>0</v>
      </c>
      <c r="L5018">
        <v>0</v>
      </c>
      <c r="M5018">
        <v>0</v>
      </c>
      <c r="N5018">
        <v>0</v>
      </c>
      <c r="O5018">
        <v>0</v>
      </c>
      <c r="P5018">
        <v>0</v>
      </c>
      <c r="Q5018">
        <v>0</v>
      </c>
      <c r="R5018">
        <v>0</v>
      </c>
      <c r="S5018">
        <v>0</v>
      </c>
      <c r="T5018">
        <v>0</v>
      </c>
      <c r="U5018">
        <v>0</v>
      </c>
      <c r="V5018">
        <v>0</v>
      </c>
      <c r="W5018">
        <v>1</v>
      </c>
      <c r="X5018">
        <v>0</v>
      </c>
      <c r="Y5018">
        <v>24</v>
      </c>
      <c r="Z5018">
        <v>12</v>
      </c>
      <c r="AA5018">
        <v>126</v>
      </c>
      <c r="AB5018">
        <v>23</v>
      </c>
      <c r="AC5018">
        <v>112</v>
      </c>
      <c r="AD5018">
        <v>12</v>
      </c>
      <c r="AE5018">
        <v>70</v>
      </c>
      <c r="AF5018">
        <v>0</v>
      </c>
      <c r="AG5018">
        <v>50000</v>
      </c>
      <c r="AH5018">
        <v>50000</v>
      </c>
      <c r="AI5018">
        <v>0</v>
      </c>
      <c r="AJ5018">
        <v>0</v>
      </c>
      <c r="AK5018" t="s">
        <v>6</v>
      </c>
      <c r="AL5018">
        <v>0</v>
      </c>
      <c r="AM5018">
        <v>0</v>
      </c>
      <c r="AN5018">
        <v>0</v>
      </c>
      <c r="AO5018">
        <v>0</v>
      </c>
      <c r="AP5018">
        <v>0</v>
      </c>
      <c r="AQ5018">
        <v>0</v>
      </c>
      <c r="AR5018">
        <v>0</v>
      </c>
      <c r="AS5018">
        <v>0</v>
      </c>
      <c r="AT5018">
        <v>0</v>
      </c>
      <c r="AU5018">
        <v>0</v>
      </c>
      <c r="AV5018">
        <v>0</v>
      </c>
      <c r="AW5018">
        <v>0</v>
      </c>
      <c r="AX5018">
        <v>0</v>
      </c>
      <c r="AY5018">
        <v>0</v>
      </c>
      <c r="AZ5018">
        <v>0</v>
      </c>
      <c r="BA5018">
        <v>0</v>
      </c>
    </row>
    <row r="5019" spans="1:53" x14ac:dyDescent="0.4">
      <c r="A5019">
        <v>5063</v>
      </c>
      <c r="B5019" s="1">
        <v>44764</v>
      </c>
      <c r="C5019">
        <v>2</v>
      </c>
      <c r="D5019" s="1">
        <v>44764.394444444442</v>
      </c>
      <c r="E5019" s="1">
        <v>44764.743750000001</v>
      </c>
      <c r="F5019">
        <v>30600</v>
      </c>
      <c r="G5019">
        <v>2730</v>
      </c>
      <c r="H5019">
        <v>0</v>
      </c>
      <c r="I5019">
        <v>0</v>
      </c>
      <c r="J5019">
        <v>0</v>
      </c>
      <c r="K5019">
        <v>800</v>
      </c>
      <c r="L5019">
        <v>0</v>
      </c>
      <c r="M5019">
        <v>3103</v>
      </c>
      <c r="N5019">
        <v>0</v>
      </c>
      <c r="O5019">
        <v>0</v>
      </c>
      <c r="P5019">
        <v>8280</v>
      </c>
      <c r="Q5019">
        <v>0</v>
      </c>
      <c r="R5019">
        <v>42410</v>
      </c>
      <c r="S5019">
        <v>0</v>
      </c>
      <c r="T5019">
        <v>0</v>
      </c>
      <c r="U5019">
        <v>0</v>
      </c>
      <c r="V5019">
        <v>3</v>
      </c>
      <c r="W5019">
        <v>0</v>
      </c>
      <c r="X5019">
        <v>0</v>
      </c>
      <c r="Y5019">
        <v>38</v>
      </c>
      <c r="Z5019">
        <v>15</v>
      </c>
      <c r="AA5019">
        <v>123</v>
      </c>
      <c r="AB5019">
        <v>21</v>
      </c>
      <c r="AC5019">
        <v>130</v>
      </c>
      <c r="AD5019">
        <v>14</v>
      </c>
      <c r="AE5019">
        <v>70</v>
      </c>
      <c r="AF5019">
        <v>2120</v>
      </c>
      <c r="AG5019">
        <v>92410</v>
      </c>
      <c r="AH5019">
        <v>50000</v>
      </c>
      <c r="AI5019">
        <v>0</v>
      </c>
      <c r="AJ5019">
        <v>118</v>
      </c>
      <c r="AK5019" t="s">
        <v>59</v>
      </c>
      <c r="AL5019">
        <v>0</v>
      </c>
      <c r="AM5019">
        <v>0</v>
      </c>
      <c r="AN5019">
        <v>0</v>
      </c>
      <c r="AO5019">
        <v>0</v>
      </c>
      <c r="AP5019">
        <v>0</v>
      </c>
      <c r="AQ5019">
        <v>0</v>
      </c>
      <c r="AR5019">
        <v>0</v>
      </c>
      <c r="AS5019">
        <v>0</v>
      </c>
      <c r="AT5019">
        <v>0</v>
      </c>
      <c r="AU5019">
        <v>0</v>
      </c>
      <c r="AV5019">
        <v>0</v>
      </c>
      <c r="AW5019">
        <v>0</v>
      </c>
      <c r="AX5019">
        <v>726</v>
      </c>
      <c r="AY5019">
        <v>37</v>
      </c>
      <c r="AZ5019">
        <v>64</v>
      </c>
      <c r="BA5019">
        <v>5394</v>
      </c>
    </row>
    <row r="5020" spans="1:53" x14ac:dyDescent="0.4">
      <c r="A5020">
        <v>5064</v>
      </c>
      <c r="B5020" s="1">
        <v>44764</v>
      </c>
      <c r="C5020">
        <v>3</v>
      </c>
      <c r="D5020" s="1">
        <v>44764.743750000001</v>
      </c>
      <c r="E5020" s="1">
        <v>44764.955555555556</v>
      </c>
      <c r="F5020">
        <v>31800</v>
      </c>
      <c r="G5020">
        <v>1034</v>
      </c>
      <c r="H5020">
        <v>0</v>
      </c>
      <c r="I5020">
        <v>0</v>
      </c>
      <c r="J5020">
        <v>0</v>
      </c>
      <c r="K5020">
        <v>0</v>
      </c>
      <c r="L5020">
        <v>0</v>
      </c>
      <c r="M5020">
        <v>2985</v>
      </c>
      <c r="N5020">
        <v>0</v>
      </c>
      <c r="O5020">
        <v>0</v>
      </c>
      <c r="P5020">
        <v>18930</v>
      </c>
      <c r="Q5020">
        <v>0</v>
      </c>
      <c r="R5020">
        <v>51764</v>
      </c>
      <c r="S5020">
        <v>0</v>
      </c>
      <c r="T5020">
        <v>0</v>
      </c>
      <c r="U5020">
        <v>0</v>
      </c>
      <c r="V5020">
        <v>6</v>
      </c>
      <c r="W5020">
        <v>1</v>
      </c>
      <c r="X5020">
        <v>0</v>
      </c>
      <c r="Y5020">
        <v>45</v>
      </c>
      <c r="Z5020">
        <v>15</v>
      </c>
      <c r="AA5020">
        <v>124</v>
      </c>
      <c r="AB5020">
        <v>22</v>
      </c>
      <c r="AC5020">
        <v>140</v>
      </c>
      <c r="AD5020">
        <v>16</v>
      </c>
      <c r="AE5020">
        <v>80</v>
      </c>
      <c r="AF5020">
        <v>11614</v>
      </c>
      <c r="AG5020">
        <v>144174</v>
      </c>
      <c r="AH5020">
        <v>50000</v>
      </c>
      <c r="AI5020">
        <v>0</v>
      </c>
      <c r="AJ5020">
        <v>115</v>
      </c>
      <c r="AK5020" t="s">
        <v>55</v>
      </c>
      <c r="AL5020">
        <v>0</v>
      </c>
      <c r="AM5020">
        <v>0</v>
      </c>
      <c r="AN5020">
        <v>0</v>
      </c>
      <c r="AO5020">
        <v>0</v>
      </c>
      <c r="AP5020">
        <v>0</v>
      </c>
      <c r="AQ5020">
        <v>0</v>
      </c>
      <c r="AR5020">
        <v>0</v>
      </c>
      <c r="AS5020">
        <v>0</v>
      </c>
      <c r="AT5020">
        <v>0</v>
      </c>
      <c r="AU5020">
        <v>0</v>
      </c>
      <c r="AV5020">
        <v>0</v>
      </c>
      <c r="AW5020">
        <v>0</v>
      </c>
      <c r="AX5020">
        <v>12100</v>
      </c>
      <c r="AY5020">
        <v>13</v>
      </c>
      <c r="AZ5020">
        <v>37</v>
      </c>
      <c r="BA5020">
        <v>1696</v>
      </c>
    </row>
    <row r="5021" spans="1:53" x14ac:dyDescent="0.4">
      <c r="A5021">
        <v>5065</v>
      </c>
      <c r="B5021" s="1">
        <v>44765</v>
      </c>
      <c r="C5021">
        <v>1</v>
      </c>
      <c r="D5021" s="1">
        <v>44765.291666666664</v>
      </c>
      <c r="E5021" s="1">
        <v>44765.406944444447</v>
      </c>
      <c r="F5021">
        <v>0</v>
      </c>
      <c r="G5021">
        <v>0</v>
      </c>
      <c r="H5021">
        <v>0</v>
      </c>
      <c r="I5021">
        <v>0</v>
      </c>
      <c r="J5021">
        <v>0</v>
      </c>
      <c r="K5021">
        <v>0</v>
      </c>
      <c r="L5021">
        <v>0</v>
      </c>
      <c r="M5021">
        <v>0</v>
      </c>
      <c r="N5021">
        <v>0</v>
      </c>
      <c r="O5021">
        <v>0</v>
      </c>
      <c r="P5021">
        <v>0</v>
      </c>
      <c r="Q5021">
        <v>0</v>
      </c>
      <c r="R5021">
        <v>0</v>
      </c>
      <c r="S5021">
        <v>0</v>
      </c>
      <c r="T5021">
        <v>0</v>
      </c>
      <c r="U5021">
        <v>0</v>
      </c>
      <c r="V5021">
        <v>0</v>
      </c>
      <c r="W5021">
        <v>1</v>
      </c>
      <c r="X5021">
        <v>0</v>
      </c>
      <c r="Y5021">
        <v>25</v>
      </c>
      <c r="Z5021">
        <v>10</v>
      </c>
      <c r="AA5021">
        <v>125</v>
      </c>
      <c r="AB5021">
        <v>22</v>
      </c>
      <c r="AC5021">
        <v>124</v>
      </c>
      <c r="AD5021">
        <v>16</v>
      </c>
      <c r="AE5021">
        <v>80</v>
      </c>
      <c r="AF5021">
        <v>0</v>
      </c>
      <c r="AG5021">
        <v>50000</v>
      </c>
      <c r="AH5021">
        <v>50000</v>
      </c>
      <c r="AI5021">
        <v>0</v>
      </c>
      <c r="AJ5021">
        <v>0</v>
      </c>
      <c r="AK5021" t="s">
        <v>6</v>
      </c>
      <c r="AL5021">
        <v>0</v>
      </c>
      <c r="AM5021">
        <v>0</v>
      </c>
      <c r="AN5021">
        <v>0</v>
      </c>
      <c r="AO5021">
        <v>0</v>
      </c>
      <c r="AP5021">
        <v>0</v>
      </c>
      <c r="AQ5021">
        <v>0</v>
      </c>
      <c r="AR5021">
        <v>0</v>
      </c>
      <c r="AS5021">
        <v>0</v>
      </c>
      <c r="AT5021">
        <v>0</v>
      </c>
      <c r="AU5021">
        <v>0</v>
      </c>
      <c r="AV5021">
        <v>0</v>
      </c>
      <c r="AW5021">
        <v>0</v>
      </c>
      <c r="AX5021">
        <v>0</v>
      </c>
      <c r="AY5021">
        <v>0</v>
      </c>
      <c r="AZ5021">
        <v>0</v>
      </c>
      <c r="BA5021">
        <v>0</v>
      </c>
    </row>
    <row r="5022" spans="1:53" x14ac:dyDescent="0.4">
      <c r="A5022">
        <v>5066</v>
      </c>
      <c r="B5022" s="1">
        <v>44765</v>
      </c>
      <c r="C5022">
        <v>2</v>
      </c>
      <c r="D5022" s="1">
        <v>44765.406944444447</v>
      </c>
      <c r="E5022" s="1">
        <v>44765.771527777775</v>
      </c>
      <c r="F5022">
        <v>40780</v>
      </c>
      <c r="G5022">
        <v>4466</v>
      </c>
      <c r="H5022">
        <v>0</v>
      </c>
      <c r="I5022">
        <v>0</v>
      </c>
      <c r="J5022">
        <v>100</v>
      </c>
      <c r="K5022">
        <v>0</v>
      </c>
      <c r="L5022">
        <v>0</v>
      </c>
      <c r="M5022">
        <v>4102</v>
      </c>
      <c r="N5022">
        <v>0</v>
      </c>
      <c r="O5022">
        <v>0</v>
      </c>
      <c r="P5022">
        <v>13690</v>
      </c>
      <c r="Q5022">
        <v>0</v>
      </c>
      <c r="R5022">
        <v>58836</v>
      </c>
      <c r="S5022">
        <v>0</v>
      </c>
      <c r="T5022">
        <v>0</v>
      </c>
      <c r="U5022">
        <v>0</v>
      </c>
      <c r="V5022">
        <v>2</v>
      </c>
      <c r="W5022">
        <v>3</v>
      </c>
      <c r="X5022">
        <v>0</v>
      </c>
      <c r="Y5022">
        <v>43</v>
      </c>
      <c r="Z5022">
        <v>22</v>
      </c>
      <c r="AA5022">
        <v>133</v>
      </c>
      <c r="AB5022">
        <v>25</v>
      </c>
      <c r="AC5022">
        <v>138</v>
      </c>
      <c r="AD5022">
        <v>16</v>
      </c>
      <c r="AE5022">
        <v>76</v>
      </c>
      <c r="AF5022">
        <v>3750</v>
      </c>
      <c r="AG5022">
        <v>108836</v>
      </c>
      <c r="AH5022">
        <v>50000</v>
      </c>
      <c r="AI5022">
        <v>0</v>
      </c>
      <c r="AJ5022">
        <v>29</v>
      </c>
      <c r="AK5022" t="s">
        <v>62</v>
      </c>
      <c r="AL5022">
        <v>0</v>
      </c>
      <c r="AM5022">
        <v>0</v>
      </c>
      <c r="AN5022">
        <v>0</v>
      </c>
      <c r="AO5022">
        <v>0</v>
      </c>
      <c r="AP5022">
        <v>0</v>
      </c>
      <c r="AQ5022">
        <v>0</v>
      </c>
      <c r="AR5022">
        <v>0</v>
      </c>
      <c r="AS5022">
        <v>0</v>
      </c>
      <c r="AT5022">
        <v>0</v>
      </c>
      <c r="AU5022">
        <v>0</v>
      </c>
      <c r="AV5022">
        <v>0</v>
      </c>
      <c r="AW5022">
        <v>0</v>
      </c>
      <c r="AX5022">
        <v>1188</v>
      </c>
      <c r="AY5022">
        <v>45</v>
      </c>
      <c r="AZ5022">
        <v>88</v>
      </c>
      <c r="BA5022">
        <v>7098</v>
      </c>
    </row>
    <row r="5023" spans="1:53" x14ac:dyDescent="0.4">
      <c r="A5023">
        <v>5067</v>
      </c>
      <c r="B5023" s="1">
        <v>44765</v>
      </c>
      <c r="C5023">
        <v>3</v>
      </c>
      <c r="D5023" s="1">
        <v>44765.771527777775</v>
      </c>
      <c r="E5023" s="1">
        <v>44765.990972222222</v>
      </c>
      <c r="F5023">
        <v>87870</v>
      </c>
      <c r="G5023">
        <v>1936</v>
      </c>
      <c r="H5023">
        <v>0</v>
      </c>
      <c r="I5023">
        <v>0</v>
      </c>
      <c r="J5023">
        <v>0</v>
      </c>
      <c r="K5023">
        <v>0</v>
      </c>
      <c r="L5023">
        <v>0</v>
      </c>
      <c r="M5023">
        <v>8164</v>
      </c>
      <c r="N5023">
        <v>0</v>
      </c>
      <c r="O5023">
        <v>0</v>
      </c>
      <c r="P5023">
        <v>47500</v>
      </c>
      <c r="Q5023">
        <v>0</v>
      </c>
      <c r="R5023">
        <v>137306</v>
      </c>
      <c r="S5023">
        <v>0</v>
      </c>
      <c r="T5023">
        <v>0</v>
      </c>
      <c r="U5023">
        <v>0</v>
      </c>
      <c r="V5023">
        <v>10</v>
      </c>
      <c r="W5023">
        <v>5</v>
      </c>
      <c r="X5023">
        <v>0</v>
      </c>
      <c r="Y5023">
        <v>45</v>
      </c>
      <c r="Z5023">
        <v>20</v>
      </c>
      <c r="AA5023">
        <v>126</v>
      </c>
      <c r="AB5023">
        <v>30</v>
      </c>
      <c r="AC5023">
        <v>134</v>
      </c>
      <c r="AD5023">
        <v>15</v>
      </c>
      <c r="AE5023">
        <v>75</v>
      </c>
      <c r="AF5023">
        <v>50552</v>
      </c>
      <c r="AG5023">
        <v>246142</v>
      </c>
      <c r="AH5023">
        <v>50000</v>
      </c>
      <c r="AI5023">
        <v>0</v>
      </c>
      <c r="AJ5023">
        <v>108</v>
      </c>
      <c r="AK5023" t="s">
        <v>3</v>
      </c>
      <c r="AL5023">
        <v>0</v>
      </c>
      <c r="AM5023">
        <v>0</v>
      </c>
      <c r="AN5023">
        <v>0</v>
      </c>
      <c r="AO5023">
        <v>0</v>
      </c>
      <c r="AP5023">
        <v>0</v>
      </c>
      <c r="AQ5023">
        <v>0</v>
      </c>
      <c r="AR5023">
        <v>0</v>
      </c>
      <c r="AS5023">
        <v>0</v>
      </c>
      <c r="AT5023">
        <v>0</v>
      </c>
      <c r="AU5023">
        <v>0</v>
      </c>
      <c r="AV5023">
        <v>0</v>
      </c>
      <c r="AW5023">
        <v>0</v>
      </c>
      <c r="AX5023">
        <v>26701</v>
      </c>
      <c r="AY5023">
        <v>28</v>
      </c>
      <c r="AZ5023">
        <v>78</v>
      </c>
      <c r="BA5023">
        <v>3246</v>
      </c>
    </row>
    <row r="5024" spans="1:53" x14ac:dyDescent="0.4">
      <c r="A5024">
        <v>5068</v>
      </c>
      <c r="B5024" s="1">
        <v>44766</v>
      </c>
      <c r="C5024">
        <v>1</v>
      </c>
      <c r="D5024" s="1">
        <v>44766.291666666664</v>
      </c>
      <c r="E5024" s="1">
        <v>44766.436111111114</v>
      </c>
      <c r="F5024">
        <v>0</v>
      </c>
      <c r="G5024">
        <v>0</v>
      </c>
      <c r="H5024">
        <v>0</v>
      </c>
      <c r="I5024">
        <v>0</v>
      </c>
      <c r="J5024">
        <v>0</v>
      </c>
      <c r="K5024">
        <v>0</v>
      </c>
      <c r="L5024">
        <v>0</v>
      </c>
      <c r="M5024">
        <v>0</v>
      </c>
      <c r="N5024">
        <v>0</v>
      </c>
      <c r="O5024">
        <v>0</v>
      </c>
      <c r="P5024">
        <v>9770</v>
      </c>
      <c r="Q5024">
        <v>0</v>
      </c>
      <c r="R5024">
        <v>9770</v>
      </c>
      <c r="S5024">
        <v>0</v>
      </c>
      <c r="T5024">
        <v>0</v>
      </c>
      <c r="U5024">
        <v>0</v>
      </c>
      <c r="V5024">
        <v>1</v>
      </c>
      <c r="W5024">
        <v>0</v>
      </c>
      <c r="X5024">
        <v>0</v>
      </c>
      <c r="Y5024">
        <v>32</v>
      </c>
      <c r="Z5024">
        <v>7</v>
      </c>
      <c r="AA5024">
        <v>115</v>
      </c>
      <c r="AB5024">
        <v>26</v>
      </c>
      <c r="AC5024">
        <v>132</v>
      </c>
      <c r="AD5024">
        <v>15</v>
      </c>
      <c r="AE5024">
        <v>75</v>
      </c>
      <c r="AF5024">
        <v>0</v>
      </c>
      <c r="AG5024">
        <v>59770</v>
      </c>
      <c r="AH5024">
        <v>50000</v>
      </c>
      <c r="AI5024">
        <v>0</v>
      </c>
      <c r="AJ5024">
        <v>29</v>
      </c>
      <c r="AK5024" t="s">
        <v>62</v>
      </c>
      <c r="AL5024">
        <v>0</v>
      </c>
      <c r="AM5024">
        <v>0</v>
      </c>
      <c r="AN5024">
        <v>0</v>
      </c>
      <c r="AO5024">
        <v>0</v>
      </c>
      <c r="AP5024">
        <v>0</v>
      </c>
      <c r="AQ5024">
        <v>0</v>
      </c>
      <c r="AR5024">
        <v>0</v>
      </c>
      <c r="AS5024">
        <v>0</v>
      </c>
      <c r="AT5024">
        <v>0</v>
      </c>
      <c r="AU5024">
        <v>0</v>
      </c>
      <c r="AV5024">
        <v>0</v>
      </c>
      <c r="AW5024">
        <v>0</v>
      </c>
      <c r="AX5024">
        <v>0</v>
      </c>
      <c r="AY5024">
        <v>7</v>
      </c>
      <c r="AZ5024">
        <v>16</v>
      </c>
      <c r="BA5024">
        <v>164</v>
      </c>
    </row>
    <row r="5025" spans="1:53" x14ac:dyDescent="0.4">
      <c r="A5025">
        <v>5069</v>
      </c>
      <c r="B5025" s="1">
        <v>44766</v>
      </c>
      <c r="C5025">
        <v>2</v>
      </c>
      <c r="D5025" s="1">
        <v>44766.436111111114</v>
      </c>
      <c r="E5025" s="1">
        <v>44766.729861111111</v>
      </c>
      <c r="F5025">
        <v>49650</v>
      </c>
      <c r="G5025">
        <v>3608</v>
      </c>
      <c r="H5025">
        <v>0</v>
      </c>
      <c r="I5025">
        <v>0</v>
      </c>
      <c r="J5025">
        <v>0</v>
      </c>
      <c r="K5025">
        <v>0</v>
      </c>
      <c r="L5025">
        <v>0</v>
      </c>
      <c r="M5025">
        <v>4839</v>
      </c>
      <c r="N5025">
        <v>0</v>
      </c>
      <c r="O5025">
        <v>0</v>
      </c>
      <c r="P5025">
        <v>-1440</v>
      </c>
      <c r="Q5025">
        <v>0</v>
      </c>
      <c r="R5025">
        <v>51818</v>
      </c>
      <c r="S5025">
        <v>0</v>
      </c>
      <c r="T5025">
        <v>0</v>
      </c>
      <c r="U5025">
        <v>0</v>
      </c>
      <c r="V5025">
        <v>1</v>
      </c>
      <c r="W5025">
        <v>3</v>
      </c>
      <c r="X5025">
        <v>0</v>
      </c>
      <c r="Y5025">
        <v>62</v>
      </c>
      <c r="Z5025">
        <v>9</v>
      </c>
      <c r="AA5025">
        <v>111</v>
      </c>
      <c r="AB5025">
        <v>24</v>
      </c>
      <c r="AC5025">
        <v>146</v>
      </c>
      <c r="AD5025">
        <v>14</v>
      </c>
      <c r="AE5025">
        <v>68</v>
      </c>
      <c r="AF5025">
        <v>6190</v>
      </c>
      <c r="AG5025">
        <v>111588</v>
      </c>
      <c r="AH5025">
        <v>50000</v>
      </c>
      <c r="AI5025">
        <v>0</v>
      </c>
      <c r="AJ5025">
        <v>29</v>
      </c>
      <c r="AK5025" t="s">
        <v>62</v>
      </c>
      <c r="AL5025">
        <v>0</v>
      </c>
      <c r="AM5025">
        <v>0</v>
      </c>
      <c r="AN5025">
        <v>0</v>
      </c>
      <c r="AO5025">
        <v>0</v>
      </c>
      <c r="AP5025">
        <v>0</v>
      </c>
      <c r="AQ5025">
        <v>0</v>
      </c>
      <c r="AR5025">
        <v>0</v>
      </c>
      <c r="AS5025">
        <v>0</v>
      </c>
      <c r="AT5025">
        <v>0</v>
      </c>
      <c r="AU5025">
        <v>0</v>
      </c>
      <c r="AV5025">
        <v>0</v>
      </c>
      <c r="AW5025">
        <v>0</v>
      </c>
      <c r="AX5025">
        <v>1188</v>
      </c>
      <c r="AY5025">
        <v>37</v>
      </c>
      <c r="AZ5025">
        <v>77</v>
      </c>
      <c r="BA5025">
        <v>6664</v>
      </c>
    </row>
    <row r="5026" spans="1:53" x14ac:dyDescent="0.4">
      <c r="A5026">
        <v>5070</v>
      </c>
      <c r="B5026" s="1">
        <v>44766</v>
      </c>
      <c r="C5026">
        <v>3</v>
      </c>
      <c r="D5026" s="1">
        <v>44766.729861111111</v>
      </c>
      <c r="E5026" s="1">
        <v>44766.95208333333</v>
      </c>
      <c r="F5026">
        <v>15340</v>
      </c>
      <c r="G5026">
        <v>2508</v>
      </c>
      <c r="H5026">
        <v>0</v>
      </c>
      <c r="I5026">
        <v>0</v>
      </c>
      <c r="J5026">
        <v>0</v>
      </c>
      <c r="K5026">
        <v>660</v>
      </c>
      <c r="L5026">
        <v>0</v>
      </c>
      <c r="M5026">
        <v>1683</v>
      </c>
      <c r="N5026">
        <v>0</v>
      </c>
      <c r="O5026">
        <v>0</v>
      </c>
      <c r="P5026">
        <v>-8330</v>
      </c>
      <c r="Q5026">
        <v>0</v>
      </c>
      <c r="R5026">
        <v>10178</v>
      </c>
      <c r="S5026">
        <v>0</v>
      </c>
      <c r="T5026">
        <v>0</v>
      </c>
      <c r="U5026">
        <v>0</v>
      </c>
      <c r="V5026">
        <v>1</v>
      </c>
      <c r="W5026">
        <v>4</v>
      </c>
      <c r="X5026">
        <v>0</v>
      </c>
      <c r="Y5026">
        <v>63</v>
      </c>
      <c r="Z5026">
        <v>11</v>
      </c>
      <c r="AA5026">
        <v>112</v>
      </c>
      <c r="AB5026">
        <v>22</v>
      </c>
      <c r="AC5026">
        <v>147</v>
      </c>
      <c r="AD5026">
        <v>14</v>
      </c>
      <c r="AE5026">
        <v>68</v>
      </c>
      <c r="AF5026">
        <v>9358</v>
      </c>
      <c r="AG5026">
        <v>121766</v>
      </c>
      <c r="AH5026">
        <v>50000</v>
      </c>
      <c r="AI5026">
        <v>0</v>
      </c>
      <c r="AJ5026">
        <v>103</v>
      </c>
      <c r="AK5026" t="s">
        <v>7</v>
      </c>
      <c r="AL5026">
        <v>0</v>
      </c>
      <c r="AM5026">
        <v>0</v>
      </c>
      <c r="AN5026">
        <v>0</v>
      </c>
      <c r="AO5026">
        <v>0</v>
      </c>
      <c r="AP5026">
        <v>0</v>
      </c>
      <c r="AQ5026">
        <v>0</v>
      </c>
      <c r="AR5026">
        <v>0</v>
      </c>
      <c r="AS5026">
        <v>0</v>
      </c>
      <c r="AT5026">
        <v>0</v>
      </c>
      <c r="AU5026">
        <v>0</v>
      </c>
      <c r="AV5026">
        <v>0</v>
      </c>
      <c r="AW5026">
        <v>0</v>
      </c>
      <c r="AX5026">
        <v>6060</v>
      </c>
      <c r="AY5026">
        <v>8</v>
      </c>
      <c r="AZ5026">
        <v>16</v>
      </c>
      <c r="BA5026">
        <v>1360</v>
      </c>
    </row>
    <row r="5027" spans="1:53" x14ac:dyDescent="0.4">
      <c r="A5027">
        <v>5071</v>
      </c>
      <c r="B5027" s="1">
        <v>44766</v>
      </c>
      <c r="C5027">
        <v>4</v>
      </c>
      <c r="D5027" s="1">
        <v>44766.95208333333</v>
      </c>
      <c r="E5027" s="1">
        <v>44767.104166666664</v>
      </c>
      <c r="F5027">
        <v>18420</v>
      </c>
      <c r="G5027">
        <v>594</v>
      </c>
      <c r="H5027">
        <v>0</v>
      </c>
      <c r="I5027">
        <v>0</v>
      </c>
      <c r="J5027">
        <v>0</v>
      </c>
      <c r="K5027">
        <v>0</v>
      </c>
      <c r="L5027">
        <v>0</v>
      </c>
      <c r="M5027">
        <v>1729</v>
      </c>
      <c r="N5027">
        <v>0</v>
      </c>
      <c r="O5027">
        <v>0</v>
      </c>
      <c r="P5027">
        <v>12600</v>
      </c>
      <c r="Q5027">
        <v>0</v>
      </c>
      <c r="R5027">
        <v>31614</v>
      </c>
      <c r="S5027">
        <v>0</v>
      </c>
      <c r="T5027">
        <v>0</v>
      </c>
      <c r="U5027">
        <v>0</v>
      </c>
      <c r="V5027">
        <v>2</v>
      </c>
      <c r="W5027">
        <v>5</v>
      </c>
      <c r="X5027">
        <v>0</v>
      </c>
      <c r="Y5027">
        <v>79</v>
      </c>
      <c r="Z5027">
        <v>12</v>
      </c>
      <c r="AA5027">
        <v>109</v>
      </c>
      <c r="AB5027">
        <v>21</v>
      </c>
      <c r="AC5027">
        <v>140</v>
      </c>
      <c r="AD5027">
        <v>13</v>
      </c>
      <c r="AE5027">
        <v>67</v>
      </c>
      <c r="AF5027">
        <v>9898</v>
      </c>
      <c r="AG5027">
        <v>153380</v>
      </c>
      <c r="AH5027">
        <v>50000</v>
      </c>
      <c r="AI5027">
        <v>0</v>
      </c>
      <c r="AJ5027">
        <v>108</v>
      </c>
      <c r="AK5027" t="s">
        <v>3</v>
      </c>
      <c r="AL5027">
        <v>0</v>
      </c>
      <c r="AM5027">
        <v>0</v>
      </c>
      <c r="AN5027">
        <v>0</v>
      </c>
      <c r="AO5027">
        <v>0</v>
      </c>
      <c r="AP5027">
        <v>0</v>
      </c>
      <c r="AQ5027">
        <v>0</v>
      </c>
      <c r="AR5027">
        <v>0</v>
      </c>
      <c r="AS5027">
        <v>0</v>
      </c>
      <c r="AT5027">
        <v>0</v>
      </c>
      <c r="AU5027">
        <v>0</v>
      </c>
      <c r="AV5027">
        <v>0</v>
      </c>
      <c r="AW5027">
        <v>0</v>
      </c>
      <c r="AX5027">
        <v>4400</v>
      </c>
      <c r="AY5027">
        <v>5</v>
      </c>
      <c r="AZ5027">
        <v>17</v>
      </c>
      <c r="BA5027">
        <v>714</v>
      </c>
    </row>
    <row r="5028" spans="1:53" x14ac:dyDescent="0.4">
      <c r="A5028">
        <v>5072</v>
      </c>
      <c r="B5028" s="1">
        <v>44767</v>
      </c>
      <c r="C5028">
        <v>1</v>
      </c>
      <c r="D5028" s="1">
        <v>44767.291666666664</v>
      </c>
      <c r="E5028" s="1">
        <v>44767.394444444442</v>
      </c>
      <c r="F5028">
        <v>0</v>
      </c>
      <c r="G5028">
        <v>0</v>
      </c>
      <c r="H5028">
        <v>0</v>
      </c>
      <c r="I5028">
        <v>0</v>
      </c>
      <c r="J5028">
        <v>0</v>
      </c>
      <c r="K5028">
        <v>0</v>
      </c>
      <c r="L5028">
        <v>0</v>
      </c>
      <c r="M5028">
        <v>0</v>
      </c>
      <c r="N5028">
        <v>0</v>
      </c>
      <c r="O5028">
        <v>0</v>
      </c>
      <c r="P5028">
        <v>0</v>
      </c>
      <c r="Q5028">
        <v>0</v>
      </c>
      <c r="R5028">
        <v>0</v>
      </c>
      <c r="S5028">
        <v>0</v>
      </c>
      <c r="T5028">
        <v>0</v>
      </c>
      <c r="U5028">
        <v>0</v>
      </c>
      <c r="V5028">
        <v>0</v>
      </c>
      <c r="W5028">
        <v>1</v>
      </c>
      <c r="X5028">
        <v>0</v>
      </c>
      <c r="Y5028">
        <v>26</v>
      </c>
      <c r="Z5028">
        <v>12</v>
      </c>
      <c r="AA5028">
        <v>107</v>
      </c>
      <c r="AB5028">
        <v>21</v>
      </c>
      <c r="AC5028">
        <v>112</v>
      </c>
      <c r="AD5028">
        <v>13</v>
      </c>
      <c r="AE5028">
        <v>65</v>
      </c>
      <c r="AF5028">
        <v>0</v>
      </c>
      <c r="AG5028">
        <v>50000</v>
      </c>
      <c r="AH5028">
        <v>50000</v>
      </c>
      <c r="AI5028">
        <v>0</v>
      </c>
      <c r="AJ5028">
        <v>0</v>
      </c>
      <c r="AK5028" t="s">
        <v>6</v>
      </c>
      <c r="AL5028">
        <v>0</v>
      </c>
      <c r="AM5028">
        <v>0</v>
      </c>
      <c r="AN5028">
        <v>0</v>
      </c>
      <c r="AO5028">
        <v>0</v>
      </c>
      <c r="AP5028">
        <v>0</v>
      </c>
      <c r="AQ5028">
        <v>0</v>
      </c>
      <c r="AR5028">
        <v>0</v>
      </c>
      <c r="AS5028">
        <v>0</v>
      </c>
      <c r="AT5028">
        <v>0</v>
      </c>
      <c r="AU5028">
        <v>0</v>
      </c>
      <c r="AV5028">
        <v>0</v>
      </c>
      <c r="AW5028">
        <v>0</v>
      </c>
      <c r="AX5028">
        <v>0</v>
      </c>
      <c r="AY5028">
        <v>0</v>
      </c>
      <c r="AZ5028">
        <v>0</v>
      </c>
      <c r="BA5028">
        <v>0</v>
      </c>
    </row>
    <row r="5029" spans="1:53" x14ac:dyDescent="0.4">
      <c r="A5029">
        <v>5073</v>
      </c>
      <c r="B5029" s="1">
        <v>44767</v>
      </c>
      <c r="C5029">
        <v>2</v>
      </c>
      <c r="D5029" s="1">
        <v>44767.394444444442</v>
      </c>
      <c r="E5029" s="1">
        <v>44767.740277777775</v>
      </c>
      <c r="F5029">
        <v>29440</v>
      </c>
      <c r="G5029">
        <v>2376</v>
      </c>
      <c r="H5029">
        <v>0</v>
      </c>
      <c r="I5029">
        <v>0</v>
      </c>
      <c r="J5029">
        <v>200</v>
      </c>
      <c r="K5029">
        <v>400</v>
      </c>
      <c r="L5029">
        <v>0</v>
      </c>
      <c r="M5029">
        <v>2910</v>
      </c>
      <c r="N5029">
        <v>0</v>
      </c>
      <c r="O5029">
        <v>0</v>
      </c>
      <c r="P5029">
        <v>12100</v>
      </c>
      <c r="Q5029">
        <v>0</v>
      </c>
      <c r="R5029">
        <v>44116</v>
      </c>
      <c r="S5029">
        <v>0</v>
      </c>
      <c r="T5029">
        <v>0</v>
      </c>
      <c r="U5029">
        <v>0</v>
      </c>
      <c r="V5029">
        <v>1</v>
      </c>
      <c r="W5029">
        <v>0</v>
      </c>
      <c r="X5029">
        <v>0</v>
      </c>
      <c r="Y5029">
        <v>56</v>
      </c>
      <c r="Z5029">
        <v>24</v>
      </c>
      <c r="AA5029">
        <v>92</v>
      </c>
      <c r="AB5029">
        <v>20</v>
      </c>
      <c r="AC5029">
        <v>123</v>
      </c>
      <c r="AD5029">
        <v>11</v>
      </c>
      <c r="AE5029">
        <v>61</v>
      </c>
      <c r="AF5029">
        <v>4570</v>
      </c>
      <c r="AG5029">
        <v>94116</v>
      </c>
      <c r="AH5029">
        <v>50000</v>
      </c>
      <c r="AI5029">
        <v>0</v>
      </c>
      <c r="AJ5029">
        <v>118</v>
      </c>
      <c r="AK5029" t="s">
        <v>59</v>
      </c>
      <c r="AL5029">
        <v>0</v>
      </c>
      <c r="AM5029">
        <v>0</v>
      </c>
      <c r="AN5029">
        <v>0</v>
      </c>
      <c r="AO5029">
        <v>0</v>
      </c>
      <c r="AP5029">
        <v>0</v>
      </c>
      <c r="AQ5029">
        <v>0</v>
      </c>
      <c r="AR5029">
        <v>0</v>
      </c>
      <c r="AS5029">
        <v>0</v>
      </c>
      <c r="AT5029">
        <v>0</v>
      </c>
      <c r="AU5029">
        <v>0</v>
      </c>
      <c r="AV5029">
        <v>0</v>
      </c>
      <c r="AW5029">
        <v>0</v>
      </c>
      <c r="AX5029">
        <v>594</v>
      </c>
      <c r="AY5029">
        <v>36</v>
      </c>
      <c r="AZ5029">
        <v>61</v>
      </c>
      <c r="BA5029">
        <v>6660</v>
      </c>
    </row>
    <row r="5030" spans="1:53" x14ac:dyDescent="0.4">
      <c r="A5030">
        <v>5074</v>
      </c>
      <c r="B5030" s="1">
        <v>44767</v>
      </c>
      <c r="C5030">
        <v>3</v>
      </c>
      <c r="D5030" s="1">
        <v>44767.740277777775</v>
      </c>
      <c r="E5030" s="1">
        <v>44767.946527777778</v>
      </c>
      <c r="F5030">
        <v>29910</v>
      </c>
      <c r="G5030">
        <v>902</v>
      </c>
      <c r="H5030">
        <v>30</v>
      </c>
      <c r="I5030">
        <v>0</v>
      </c>
      <c r="J5030">
        <v>320</v>
      </c>
      <c r="K5030">
        <v>0</v>
      </c>
      <c r="L5030">
        <v>0</v>
      </c>
      <c r="M5030">
        <v>2774</v>
      </c>
      <c r="N5030">
        <v>0</v>
      </c>
      <c r="O5030">
        <v>0</v>
      </c>
      <c r="P5030">
        <v>4790</v>
      </c>
      <c r="Q5030">
        <v>0</v>
      </c>
      <c r="R5030">
        <v>35312</v>
      </c>
      <c r="S5030">
        <v>0</v>
      </c>
      <c r="T5030">
        <v>0</v>
      </c>
      <c r="U5030">
        <v>0</v>
      </c>
      <c r="V5030">
        <v>3</v>
      </c>
      <c r="W5030">
        <v>1</v>
      </c>
      <c r="X5030">
        <v>0</v>
      </c>
      <c r="Y5030">
        <v>64</v>
      </c>
      <c r="Z5030">
        <v>28</v>
      </c>
      <c r="AA5030">
        <v>85</v>
      </c>
      <c r="AB5030">
        <v>25</v>
      </c>
      <c r="AC5030">
        <v>132</v>
      </c>
      <c r="AD5030">
        <v>11</v>
      </c>
      <c r="AE5030">
        <v>73</v>
      </c>
      <c r="AF5030">
        <v>5230</v>
      </c>
      <c r="AG5030">
        <v>129428</v>
      </c>
      <c r="AH5030">
        <v>50000</v>
      </c>
      <c r="AI5030">
        <v>0</v>
      </c>
      <c r="AJ5030">
        <v>103</v>
      </c>
      <c r="AK5030" t="s">
        <v>7</v>
      </c>
      <c r="AL5030">
        <v>0</v>
      </c>
      <c r="AM5030">
        <v>0</v>
      </c>
      <c r="AN5030">
        <v>0</v>
      </c>
      <c r="AO5030">
        <v>0</v>
      </c>
      <c r="AP5030">
        <v>0</v>
      </c>
      <c r="AQ5030">
        <v>0</v>
      </c>
      <c r="AR5030">
        <v>0</v>
      </c>
      <c r="AS5030">
        <v>0</v>
      </c>
      <c r="AT5030">
        <v>0</v>
      </c>
      <c r="AU5030">
        <v>0</v>
      </c>
      <c r="AV5030">
        <v>0</v>
      </c>
      <c r="AW5030">
        <v>0</v>
      </c>
      <c r="AX5030">
        <v>2994</v>
      </c>
      <c r="AY5030">
        <v>16</v>
      </c>
      <c r="AZ5030">
        <v>31</v>
      </c>
      <c r="BA5030">
        <v>2268</v>
      </c>
    </row>
    <row r="5031" spans="1:53" x14ac:dyDescent="0.4">
      <c r="A5031">
        <v>5075</v>
      </c>
      <c r="B5031" s="1">
        <v>44768</v>
      </c>
      <c r="C5031">
        <v>1</v>
      </c>
      <c r="D5031" s="1">
        <v>44768.291666666664</v>
      </c>
      <c r="E5031" s="1">
        <v>44768.409722222219</v>
      </c>
      <c r="F5031">
        <v>0</v>
      </c>
      <c r="G5031">
        <v>0</v>
      </c>
      <c r="H5031">
        <v>0</v>
      </c>
      <c r="I5031">
        <v>0</v>
      </c>
      <c r="J5031">
        <v>0</v>
      </c>
      <c r="K5031">
        <v>0</v>
      </c>
      <c r="L5031">
        <v>0</v>
      </c>
      <c r="M5031">
        <v>0</v>
      </c>
      <c r="N5031">
        <v>0</v>
      </c>
      <c r="O5031">
        <v>0</v>
      </c>
      <c r="P5031">
        <v>0</v>
      </c>
      <c r="Q5031">
        <v>0</v>
      </c>
      <c r="R5031">
        <v>0</v>
      </c>
      <c r="S5031">
        <v>0</v>
      </c>
      <c r="T5031">
        <v>0</v>
      </c>
      <c r="U5031">
        <v>0</v>
      </c>
      <c r="V5031">
        <v>0</v>
      </c>
      <c r="W5031">
        <v>1</v>
      </c>
      <c r="X5031">
        <v>0</v>
      </c>
      <c r="Y5031">
        <v>28</v>
      </c>
      <c r="Z5031">
        <v>14</v>
      </c>
      <c r="AA5031">
        <v>74</v>
      </c>
      <c r="AB5031">
        <v>24</v>
      </c>
      <c r="AC5031">
        <v>128</v>
      </c>
      <c r="AD5031">
        <v>10</v>
      </c>
      <c r="AE5031">
        <v>70</v>
      </c>
      <c r="AF5031">
        <v>0</v>
      </c>
      <c r="AG5031">
        <v>50000</v>
      </c>
      <c r="AH5031">
        <v>50000</v>
      </c>
      <c r="AI5031">
        <v>0</v>
      </c>
      <c r="AJ5031">
        <v>0</v>
      </c>
      <c r="AK5031" t="s">
        <v>6</v>
      </c>
      <c r="AL5031">
        <v>0</v>
      </c>
      <c r="AM5031">
        <v>0</v>
      </c>
      <c r="AN5031">
        <v>0</v>
      </c>
      <c r="AO5031">
        <v>0</v>
      </c>
      <c r="AP5031">
        <v>0</v>
      </c>
      <c r="AQ5031">
        <v>0</v>
      </c>
      <c r="AR5031">
        <v>0</v>
      </c>
      <c r="AS5031">
        <v>0</v>
      </c>
      <c r="AT5031">
        <v>0</v>
      </c>
      <c r="AU5031">
        <v>0</v>
      </c>
      <c r="AV5031">
        <v>0</v>
      </c>
      <c r="AW5031">
        <v>0</v>
      </c>
      <c r="AX5031">
        <v>0</v>
      </c>
      <c r="AY5031">
        <v>0</v>
      </c>
      <c r="AZ5031">
        <v>0</v>
      </c>
      <c r="BA5031">
        <v>0</v>
      </c>
    </row>
    <row r="5032" spans="1:53" x14ac:dyDescent="0.4">
      <c r="A5032">
        <v>5076</v>
      </c>
      <c r="B5032" s="1">
        <v>44768</v>
      </c>
      <c r="C5032">
        <v>2</v>
      </c>
      <c r="D5032" s="1">
        <v>44768.409722222219</v>
      </c>
      <c r="E5032" s="1">
        <v>44768.745138888888</v>
      </c>
      <c r="F5032">
        <v>25860</v>
      </c>
      <c r="G5032">
        <v>1958</v>
      </c>
      <c r="H5032">
        <v>0</v>
      </c>
      <c r="I5032">
        <v>0</v>
      </c>
      <c r="J5032">
        <v>0</v>
      </c>
      <c r="K5032">
        <v>0</v>
      </c>
      <c r="L5032">
        <v>0</v>
      </c>
      <c r="M5032">
        <v>2527</v>
      </c>
      <c r="N5032">
        <v>0</v>
      </c>
      <c r="O5032">
        <v>0</v>
      </c>
      <c r="P5032">
        <v>14330</v>
      </c>
      <c r="Q5032">
        <v>0</v>
      </c>
      <c r="R5032">
        <v>42148</v>
      </c>
      <c r="S5032">
        <v>0</v>
      </c>
      <c r="T5032">
        <v>0</v>
      </c>
      <c r="U5032">
        <v>0</v>
      </c>
      <c r="V5032">
        <v>4</v>
      </c>
      <c r="W5032">
        <v>0</v>
      </c>
      <c r="X5032">
        <v>0</v>
      </c>
      <c r="Y5032">
        <v>26</v>
      </c>
      <c r="Z5032">
        <v>27</v>
      </c>
      <c r="AA5032">
        <v>86</v>
      </c>
      <c r="AB5032">
        <v>27</v>
      </c>
      <c r="AC5032">
        <v>145</v>
      </c>
      <c r="AD5032">
        <v>10</v>
      </c>
      <c r="AE5032">
        <v>68</v>
      </c>
      <c r="AF5032">
        <v>1130</v>
      </c>
      <c r="AG5032">
        <v>92148</v>
      </c>
      <c r="AH5032">
        <v>50000</v>
      </c>
      <c r="AI5032">
        <v>0</v>
      </c>
      <c r="AJ5032">
        <v>118</v>
      </c>
      <c r="AK5032" t="s">
        <v>59</v>
      </c>
      <c r="AL5032">
        <v>0</v>
      </c>
      <c r="AM5032">
        <v>0</v>
      </c>
      <c r="AN5032">
        <v>0</v>
      </c>
      <c r="AO5032">
        <v>0</v>
      </c>
      <c r="AP5032">
        <v>0</v>
      </c>
      <c r="AQ5032">
        <v>0</v>
      </c>
      <c r="AR5032">
        <v>0</v>
      </c>
      <c r="AS5032">
        <v>0</v>
      </c>
      <c r="AT5032">
        <v>0</v>
      </c>
      <c r="AU5032">
        <v>0</v>
      </c>
      <c r="AV5032">
        <v>0</v>
      </c>
      <c r="AW5032">
        <v>0</v>
      </c>
      <c r="AX5032">
        <v>-920</v>
      </c>
      <c r="AY5032">
        <v>38</v>
      </c>
      <c r="AZ5032">
        <v>65</v>
      </c>
      <c r="BA5032">
        <v>5953</v>
      </c>
    </row>
    <row r="5033" spans="1:53" x14ac:dyDescent="0.4">
      <c r="A5033">
        <v>5077</v>
      </c>
      <c r="B5033" s="1">
        <v>44768</v>
      </c>
      <c r="C5033">
        <v>3</v>
      </c>
      <c r="D5033" s="1">
        <v>44768.745138888888</v>
      </c>
      <c r="E5033" s="1">
        <v>44768.95</v>
      </c>
      <c r="F5033">
        <v>23600</v>
      </c>
      <c r="G5033">
        <v>0</v>
      </c>
      <c r="H5033">
        <v>0</v>
      </c>
      <c r="I5033">
        <v>0</v>
      </c>
      <c r="J5033">
        <v>100</v>
      </c>
      <c r="K5033">
        <v>0</v>
      </c>
      <c r="L5033">
        <v>0</v>
      </c>
      <c r="M5033">
        <v>2134</v>
      </c>
      <c r="N5033">
        <v>0</v>
      </c>
      <c r="O5033">
        <v>0</v>
      </c>
      <c r="P5033">
        <v>-14330</v>
      </c>
      <c r="Q5033">
        <v>0</v>
      </c>
      <c r="R5033">
        <v>9170</v>
      </c>
      <c r="S5033">
        <v>0</v>
      </c>
      <c r="T5033">
        <v>0</v>
      </c>
      <c r="U5033">
        <v>0</v>
      </c>
      <c r="V5033">
        <v>4</v>
      </c>
      <c r="W5033">
        <v>0</v>
      </c>
      <c r="X5033">
        <v>0</v>
      </c>
      <c r="Y5033">
        <v>33</v>
      </c>
      <c r="Z5033">
        <v>27</v>
      </c>
      <c r="AA5033">
        <v>75</v>
      </c>
      <c r="AB5033">
        <v>25</v>
      </c>
      <c r="AC5033">
        <v>152</v>
      </c>
      <c r="AD5033">
        <v>10</v>
      </c>
      <c r="AE5033">
        <v>68</v>
      </c>
      <c r="AF5033">
        <v>4430</v>
      </c>
      <c r="AG5033">
        <v>101318</v>
      </c>
      <c r="AH5033">
        <v>50000</v>
      </c>
      <c r="AI5033">
        <v>0</v>
      </c>
      <c r="AJ5033">
        <v>37</v>
      </c>
      <c r="AL5033">
        <v>0</v>
      </c>
      <c r="AM5033">
        <v>0</v>
      </c>
      <c r="AN5033">
        <v>0</v>
      </c>
      <c r="AO5033">
        <v>0</v>
      </c>
      <c r="AP5033">
        <v>0</v>
      </c>
      <c r="AQ5033">
        <v>0</v>
      </c>
      <c r="AR5033">
        <v>0</v>
      </c>
      <c r="AS5033">
        <v>0</v>
      </c>
      <c r="AT5033">
        <v>0</v>
      </c>
      <c r="AU5033">
        <v>0</v>
      </c>
      <c r="AV5033">
        <v>0</v>
      </c>
      <c r="AW5033">
        <v>0</v>
      </c>
      <c r="AX5033">
        <v>0</v>
      </c>
      <c r="AY5033">
        <v>8</v>
      </c>
      <c r="AZ5033">
        <v>13</v>
      </c>
      <c r="BA5033">
        <v>1519</v>
      </c>
    </row>
    <row r="5034" spans="1:53" x14ac:dyDescent="0.4">
      <c r="A5034">
        <v>5078</v>
      </c>
      <c r="B5034" s="1">
        <v>44768</v>
      </c>
      <c r="C5034">
        <v>4</v>
      </c>
      <c r="D5034" s="1">
        <v>44768.95</v>
      </c>
      <c r="E5034" s="1">
        <v>44769.070833333331</v>
      </c>
      <c r="F5034">
        <v>7200</v>
      </c>
      <c r="G5034">
        <v>0</v>
      </c>
      <c r="H5034">
        <v>0</v>
      </c>
      <c r="I5034">
        <v>0</v>
      </c>
      <c r="J5034">
        <v>0</v>
      </c>
      <c r="K5034">
        <v>0</v>
      </c>
      <c r="L5034">
        <v>0</v>
      </c>
      <c r="M5034">
        <v>655</v>
      </c>
      <c r="N5034">
        <v>0</v>
      </c>
      <c r="O5034">
        <v>0</v>
      </c>
      <c r="P5034">
        <v>0</v>
      </c>
      <c r="Q5034">
        <v>0</v>
      </c>
      <c r="R5034">
        <v>7200</v>
      </c>
      <c r="S5034">
        <v>0</v>
      </c>
      <c r="T5034">
        <v>0</v>
      </c>
      <c r="U5034">
        <v>0</v>
      </c>
      <c r="V5034">
        <v>4</v>
      </c>
      <c r="W5034">
        <v>0</v>
      </c>
      <c r="X5034">
        <v>0</v>
      </c>
      <c r="Y5034">
        <v>33</v>
      </c>
      <c r="Z5034">
        <v>27</v>
      </c>
      <c r="AA5034">
        <v>75</v>
      </c>
      <c r="AB5034">
        <v>25</v>
      </c>
      <c r="AC5034">
        <v>152</v>
      </c>
      <c r="AD5034">
        <v>10</v>
      </c>
      <c r="AE5034">
        <v>68</v>
      </c>
      <c r="AF5034">
        <v>11630</v>
      </c>
      <c r="AG5034">
        <v>108518</v>
      </c>
      <c r="AH5034">
        <v>50000</v>
      </c>
      <c r="AI5034">
        <v>0</v>
      </c>
      <c r="AJ5034">
        <v>104</v>
      </c>
      <c r="AK5034" t="s">
        <v>60</v>
      </c>
      <c r="AL5034">
        <v>0</v>
      </c>
      <c r="AM5034">
        <v>0</v>
      </c>
      <c r="AN5034">
        <v>0</v>
      </c>
      <c r="AO5034">
        <v>0</v>
      </c>
      <c r="AP5034">
        <v>0</v>
      </c>
      <c r="AQ5034">
        <v>0</v>
      </c>
      <c r="AR5034">
        <v>0</v>
      </c>
      <c r="AS5034">
        <v>0</v>
      </c>
      <c r="AT5034">
        <v>0</v>
      </c>
      <c r="AU5034">
        <v>0</v>
      </c>
      <c r="AV5034">
        <v>0</v>
      </c>
      <c r="AW5034">
        <v>0</v>
      </c>
      <c r="AX5034">
        <v>0</v>
      </c>
      <c r="AY5034">
        <v>1</v>
      </c>
      <c r="AZ5034">
        <v>3</v>
      </c>
      <c r="BA5034">
        <v>116</v>
      </c>
    </row>
    <row r="5035" spans="1:53" x14ac:dyDescent="0.4">
      <c r="A5035">
        <v>5079</v>
      </c>
      <c r="B5035" s="1">
        <v>44769</v>
      </c>
      <c r="C5035">
        <v>1</v>
      </c>
      <c r="D5035" s="1">
        <v>44769.291666666664</v>
      </c>
      <c r="E5035" s="1">
        <v>44769.394444444442</v>
      </c>
      <c r="F5035">
        <v>0</v>
      </c>
      <c r="G5035">
        <v>0</v>
      </c>
      <c r="H5035">
        <v>0</v>
      </c>
      <c r="I5035">
        <v>0</v>
      </c>
      <c r="J5035">
        <v>0</v>
      </c>
      <c r="K5035">
        <v>0</v>
      </c>
      <c r="L5035">
        <v>0</v>
      </c>
      <c r="M5035">
        <v>0</v>
      </c>
      <c r="N5035">
        <v>0</v>
      </c>
      <c r="O5035">
        <v>0</v>
      </c>
      <c r="P5035">
        <v>0</v>
      </c>
      <c r="Q5035">
        <v>0</v>
      </c>
      <c r="R5035">
        <v>0</v>
      </c>
      <c r="S5035">
        <v>0</v>
      </c>
      <c r="T5035">
        <v>0</v>
      </c>
      <c r="U5035">
        <v>0</v>
      </c>
      <c r="V5035">
        <v>0</v>
      </c>
      <c r="W5035">
        <v>1</v>
      </c>
      <c r="X5035">
        <v>0</v>
      </c>
      <c r="Y5035">
        <v>29</v>
      </c>
      <c r="Z5035">
        <v>12</v>
      </c>
      <c r="AA5035">
        <v>77</v>
      </c>
      <c r="AB5035">
        <v>20</v>
      </c>
      <c r="AC5035">
        <v>119</v>
      </c>
      <c r="AD5035">
        <v>9</v>
      </c>
      <c r="AE5035">
        <v>65</v>
      </c>
      <c r="AF5035">
        <v>0</v>
      </c>
      <c r="AG5035">
        <v>50000</v>
      </c>
      <c r="AH5035">
        <v>50000</v>
      </c>
      <c r="AI5035">
        <v>0</v>
      </c>
      <c r="AJ5035">
        <v>0</v>
      </c>
      <c r="AK5035" t="s">
        <v>6</v>
      </c>
      <c r="AL5035">
        <v>0</v>
      </c>
      <c r="AM5035">
        <v>0</v>
      </c>
      <c r="AN5035">
        <v>0</v>
      </c>
      <c r="AO5035">
        <v>0</v>
      </c>
      <c r="AP5035">
        <v>0</v>
      </c>
      <c r="AQ5035">
        <v>0</v>
      </c>
      <c r="AR5035">
        <v>0</v>
      </c>
      <c r="AS5035">
        <v>0</v>
      </c>
      <c r="AT5035">
        <v>0</v>
      </c>
      <c r="AU5035">
        <v>0</v>
      </c>
      <c r="AV5035">
        <v>0</v>
      </c>
      <c r="AW5035">
        <v>0</v>
      </c>
      <c r="AX5035">
        <v>0</v>
      </c>
      <c r="AY5035">
        <v>0</v>
      </c>
      <c r="AZ5035">
        <v>0</v>
      </c>
      <c r="BA5035">
        <v>0</v>
      </c>
    </row>
    <row r="5036" spans="1:53" x14ac:dyDescent="0.4">
      <c r="A5036">
        <v>5080</v>
      </c>
      <c r="B5036" s="1">
        <v>44769</v>
      </c>
      <c r="C5036">
        <v>2</v>
      </c>
      <c r="D5036" s="1">
        <v>44769.394444444442</v>
      </c>
      <c r="E5036" s="1">
        <v>44769.763888888891</v>
      </c>
      <c r="F5036">
        <v>39600</v>
      </c>
      <c r="G5036">
        <v>1782</v>
      </c>
      <c r="H5036">
        <v>0</v>
      </c>
      <c r="I5036">
        <v>0</v>
      </c>
      <c r="J5036">
        <v>220</v>
      </c>
      <c r="K5036">
        <v>0</v>
      </c>
      <c r="L5036">
        <v>0</v>
      </c>
      <c r="M5036">
        <v>3741</v>
      </c>
      <c r="N5036">
        <v>0</v>
      </c>
      <c r="O5036">
        <v>0</v>
      </c>
      <c r="P5036">
        <v>5580</v>
      </c>
      <c r="Q5036">
        <v>0</v>
      </c>
      <c r="R5036">
        <v>46742</v>
      </c>
      <c r="S5036">
        <v>0</v>
      </c>
      <c r="T5036">
        <v>0</v>
      </c>
      <c r="U5036">
        <v>0</v>
      </c>
      <c r="V5036">
        <v>0</v>
      </c>
      <c r="W5036">
        <v>2</v>
      </c>
      <c r="X5036">
        <v>0</v>
      </c>
      <c r="Y5036">
        <v>65</v>
      </c>
      <c r="Z5036">
        <v>25</v>
      </c>
      <c r="AA5036">
        <v>63</v>
      </c>
      <c r="AB5036">
        <v>10</v>
      </c>
      <c r="AC5036">
        <v>127</v>
      </c>
      <c r="AD5036">
        <v>9</v>
      </c>
      <c r="AE5036">
        <v>67</v>
      </c>
      <c r="AF5036">
        <v>1060</v>
      </c>
      <c r="AG5036">
        <v>96742</v>
      </c>
      <c r="AH5036">
        <v>50000</v>
      </c>
      <c r="AI5036">
        <v>0</v>
      </c>
      <c r="AJ5036">
        <v>102</v>
      </c>
      <c r="AK5036" t="s">
        <v>50</v>
      </c>
      <c r="AL5036">
        <v>0</v>
      </c>
      <c r="AM5036">
        <v>0</v>
      </c>
      <c r="AN5036">
        <v>0</v>
      </c>
      <c r="AO5036">
        <v>0</v>
      </c>
      <c r="AP5036">
        <v>0</v>
      </c>
      <c r="AQ5036">
        <v>0</v>
      </c>
      <c r="AR5036">
        <v>0</v>
      </c>
      <c r="AS5036">
        <v>0</v>
      </c>
      <c r="AT5036">
        <v>0</v>
      </c>
      <c r="AU5036">
        <v>0</v>
      </c>
      <c r="AV5036">
        <v>0</v>
      </c>
      <c r="AW5036">
        <v>0</v>
      </c>
      <c r="AX5036">
        <v>-1130</v>
      </c>
      <c r="AY5036">
        <v>37</v>
      </c>
      <c r="AZ5036">
        <v>73</v>
      </c>
      <c r="BA5036">
        <v>5580</v>
      </c>
    </row>
    <row r="5037" spans="1:53" x14ac:dyDescent="0.4">
      <c r="A5037">
        <v>5081</v>
      </c>
      <c r="B5037" s="1">
        <v>44769</v>
      </c>
      <c r="C5037">
        <v>3</v>
      </c>
      <c r="D5037" s="1">
        <v>44769.763888888891</v>
      </c>
      <c r="E5037" s="1">
        <v>44770.015972222223</v>
      </c>
      <c r="F5037">
        <v>23035</v>
      </c>
      <c r="G5037">
        <v>0</v>
      </c>
      <c r="H5037">
        <v>0</v>
      </c>
      <c r="I5037">
        <v>0</v>
      </c>
      <c r="J5037">
        <v>0</v>
      </c>
      <c r="K5037">
        <v>0</v>
      </c>
      <c r="L5037">
        <v>0</v>
      </c>
      <c r="M5037">
        <v>2094</v>
      </c>
      <c r="N5037">
        <v>0</v>
      </c>
      <c r="O5037">
        <v>0</v>
      </c>
      <c r="P5037">
        <v>-300</v>
      </c>
      <c r="Q5037">
        <v>0</v>
      </c>
      <c r="R5037">
        <v>22735</v>
      </c>
      <c r="S5037">
        <v>0</v>
      </c>
      <c r="T5037">
        <v>0</v>
      </c>
      <c r="U5037">
        <v>0</v>
      </c>
      <c r="V5037">
        <v>1</v>
      </c>
      <c r="W5037">
        <v>2</v>
      </c>
      <c r="X5037">
        <v>0</v>
      </c>
      <c r="Y5037">
        <v>76</v>
      </c>
      <c r="Z5037">
        <v>27</v>
      </c>
      <c r="AA5037">
        <v>65</v>
      </c>
      <c r="AB5037">
        <v>11</v>
      </c>
      <c r="AC5037">
        <v>123</v>
      </c>
      <c r="AD5037">
        <v>8</v>
      </c>
      <c r="AE5037">
        <v>67</v>
      </c>
      <c r="AF5037">
        <v>1590</v>
      </c>
      <c r="AG5037">
        <v>119477</v>
      </c>
      <c r="AH5037">
        <v>50000</v>
      </c>
      <c r="AI5037">
        <v>0</v>
      </c>
      <c r="AJ5037">
        <v>108</v>
      </c>
      <c r="AK5037" t="s">
        <v>3</v>
      </c>
      <c r="AL5037">
        <v>0</v>
      </c>
      <c r="AM5037">
        <v>0</v>
      </c>
      <c r="AN5037">
        <v>0</v>
      </c>
      <c r="AO5037">
        <v>0</v>
      </c>
      <c r="AP5037">
        <v>0</v>
      </c>
      <c r="AQ5037">
        <v>0</v>
      </c>
      <c r="AR5037">
        <v>0</v>
      </c>
      <c r="AS5037">
        <v>0</v>
      </c>
      <c r="AT5037">
        <v>0</v>
      </c>
      <c r="AU5037">
        <v>0</v>
      </c>
      <c r="AV5037">
        <v>0</v>
      </c>
      <c r="AW5037">
        <v>0</v>
      </c>
      <c r="AX5037">
        <v>5258</v>
      </c>
      <c r="AY5037">
        <v>8</v>
      </c>
      <c r="AZ5037">
        <v>16</v>
      </c>
      <c r="BA5037">
        <v>1227</v>
      </c>
    </row>
    <row r="5038" spans="1:53" x14ac:dyDescent="0.4">
      <c r="A5038">
        <v>5082</v>
      </c>
      <c r="B5038" s="1">
        <v>44771</v>
      </c>
      <c r="C5038">
        <v>1</v>
      </c>
      <c r="D5038" s="1">
        <v>44771.291666666664</v>
      </c>
      <c r="E5038" s="1">
        <v>44771.40625</v>
      </c>
      <c r="F5038">
        <v>0</v>
      </c>
      <c r="G5038">
        <v>0</v>
      </c>
      <c r="H5038">
        <v>0</v>
      </c>
      <c r="I5038">
        <v>0</v>
      </c>
      <c r="J5038">
        <v>0</v>
      </c>
      <c r="K5038">
        <v>0</v>
      </c>
      <c r="L5038">
        <v>0</v>
      </c>
      <c r="M5038">
        <v>0</v>
      </c>
      <c r="N5038">
        <v>0</v>
      </c>
      <c r="O5038">
        <v>0</v>
      </c>
      <c r="P5038">
        <v>0</v>
      </c>
      <c r="Q5038">
        <v>0</v>
      </c>
      <c r="R5038">
        <v>0</v>
      </c>
      <c r="S5038">
        <v>0</v>
      </c>
      <c r="T5038">
        <v>0</v>
      </c>
      <c r="U5038">
        <v>0</v>
      </c>
      <c r="V5038">
        <v>0</v>
      </c>
      <c r="W5038">
        <v>1</v>
      </c>
      <c r="X5038">
        <v>0</v>
      </c>
      <c r="Y5038">
        <v>28</v>
      </c>
      <c r="Z5038">
        <v>10</v>
      </c>
      <c r="AA5038">
        <v>107</v>
      </c>
      <c r="AB5038">
        <v>4</v>
      </c>
      <c r="AC5038">
        <v>100</v>
      </c>
      <c r="AD5038">
        <v>6</v>
      </c>
      <c r="AE5038">
        <v>70</v>
      </c>
      <c r="AF5038">
        <v>0</v>
      </c>
      <c r="AG5038">
        <v>50000</v>
      </c>
      <c r="AH5038">
        <v>50000</v>
      </c>
      <c r="AI5038">
        <v>0</v>
      </c>
      <c r="AJ5038">
        <v>0</v>
      </c>
      <c r="AK5038" t="s">
        <v>6</v>
      </c>
      <c r="AL5038">
        <v>0</v>
      </c>
      <c r="AM5038">
        <v>0</v>
      </c>
      <c r="AN5038">
        <v>0</v>
      </c>
      <c r="AO5038">
        <v>0</v>
      </c>
      <c r="AP5038">
        <v>0</v>
      </c>
      <c r="AQ5038">
        <v>0</v>
      </c>
      <c r="AR5038">
        <v>0</v>
      </c>
      <c r="AS5038">
        <v>0</v>
      </c>
      <c r="AT5038">
        <v>0</v>
      </c>
      <c r="AU5038">
        <v>0</v>
      </c>
      <c r="AV5038">
        <v>0</v>
      </c>
      <c r="AW5038">
        <v>0</v>
      </c>
      <c r="AX5038">
        <v>0</v>
      </c>
      <c r="AY5038">
        <v>0</v>
      </c>
      <c r="AZ5038">
        <v>0</v>
      </c>
      <c r="BA5038">
        <v>0</v>
      </c>
    </row>
    <row r="5039" spans="1:53" x14ac:dyDescent="0.4">
      <c r="A5039">
        <v>5083</v>
      </c>
      <c r="B5039" s="1">
        <v>44771</v>
      </c>
      <c r="C5039">
        <v>2</v>
      </c>
      <c r="D5039" s="1">
        <v>44771.40625</v>
      </c>
      <c r="E5039" s="1">
        <v>44771.734722222223</v>
      </c>
      <c r="F5039">
        <v>30200</v>
      </c>
      <c r="G5039">
        <v>3300</v>
      </c>
      <c r="H5039">
        <v>0</v>
      </c>
      <c r="I5039">
        <v>0</v>
      </c>
      <c r="J5039">
        <v>0</v>
      </c>
      <c r="K5039">
        <v>400</v>
      </c>
      <c r="L5039">
        <v>0</v>
      </c>
      <c r="M5039">
        <v>3079</v>
      </c>
      <c r="N5039">
        <v>0</v>
      </c>
      <c r="O5039">
        <v>0</v>
      </c>
      <c r="P5039">
        <v>13150</v>
      </c>
      <c r="Q5039">
        <v>0</v>
      </c>
      <c r="R5039">
        <v>47050</v>
      </c>
      <c r="S5039">
        <v>0</v>
      </c>
      <c r="T5039">
        <v>0</v>
      </c>
      <c r="U5039">
        <v>0</v>
      </c>
      <c r="V5039">
        <v>4</v>
      </c>
      <c r="W5039">
        <v>2</v>
      </c>
      <c r="X5039">
        <v>0</v>
      </c>
      <c r="Y5039">
        <v>25</v>
      </c>
      <c r="Z5039">
        <v>17</v>
      </c>
      <c r="AA5039">
        <v>91</v>
      </c>
      <c r="AB5039">
        <v>2</v>
      </c>
      <c r="AC5039">
        <v>112</v>
      </c>
      <c r="AD5039">
        <v>4</v>
      </c>
      <c r="AE5039">
        <v>60</v>
      </c>
      <c r="AF5039">
        <v>3150</v>
      </c>
      <c r="AG5039">
        <v>97050</v>
      </c>
      <c r="AH5039">
        <v>50000</v>
      </c>
      <c r="AI5039">
        <v>0</v>
      </c>
      <c r="AJ5039">
        <v>118</v>
      </c>
      <c r="AK5039" t="s">
        <v>59</v>
      </c>
      <c r="AL5039">
        <v>0</v>
      </c>
      <c r="AM5039">
        <v>0</v>
      </c>
      <c r="AN5039">
        <v>0</v>
      </c>
      <c r="AO5039">
        <v>0</v>
      </c>
      <c r="AP5039">
        <v>0</v>
      </c>
      <c r="AQ5039">
        <v>0</v>
      </c>
      <c r="AR5039">
        <v>0</v>
      </c>
      <c r="AS5039">
        <v>0</v>
      </c>
      <c r="AT5039">
        <v>0</v>
      </c>
      <c r="AU5039">
        <v>0</v>
      </c>
      <c r="AV5039">
        <v>0</v>
      </c>
      <c r="AW5039">
        <v>0</v>
      </c>
      <c r="AX5039">
        <v>-1200</v>
      </c>
      <c r="AY5039">
        <v>45</v>
      </c>
      <c r="AZ5039">
        <v>72</v>
      </c>
      <c r="BA5039">
        <v>6340</v>
      </c>
    </row>
    <row r="5040" spans="1:53" x14ac:dyDescent="0.4">
      <c r="A5040">
        <v>5084</v>
      </c>
      <c r="B5040" s="1">
        <v>44771</v>
      </c>
      <c r="C5040">
        <v>3</v>
      </c>
      <c r="D5040" s="1">
        <v>44771.734722222223</v>
      </c>
      <c r="E5040" s="1">
        <v>44771.956250000003</v>
      </c>
      <c r="F5040">
        <v>18230</v>
      </c>
      <c r="G5040">
        <v>0</v>
      </c>
      <c r="H5040">
        <v>0</v>
      </c>
      <c r="I5040">
        <v>0</v>
      </c>
      <c r="J5040">
        <v>0</v>
      </c>
      <c r="K5040">
        <v>1440</v>
      </c>
      <c r="L5040">
        <v>0</v>
      </c>
      <c r="M5040">
        <v>1787</v>
      </c>
      <c r="N5040">
        <v>0</v>
      </c>
      <c r="O5040">
        <v>0</v>
      </c>
      <c r="P5040">
        <v>3010</v>
      </c>
      <c r="Q5040">
        <v>0</v>
      </c>
      <c r="R5040">
        <v>22680</v>
      </c>
      <c r="S5040">
        <v>0</v>
      </c>
      <c r="T5040">
        <v>0</v>
      </c>
      <c r="U5040">
        <v>0</v>
      </c>
      <c r="V5040">
        <v>5</v>
      </c>
      <c r="W5040">
        <v>4</v>
      </c>
      <c r="X5040">
        <v>0</v>
      </c>
      <c r="Y5040">
        <v>22</v>
      </c>
      <c r="Z5040">
        <v>17</v>
      </c>
      <c r="AA5040">
        <v>104</v>
      </c>
      <c r="AB5040">
        <v>5</v>
      </c>
      <c r="AC5040">
        <v>127</v>
      </c>
      <c r="AD5040">
        <v>7</v>
      </c>
      <c r="AE5040">
        <v>61</v>
      </c>
      <c r="AF5040">
        <v>7214</v>
      </c>
      <c r="AG5040">
        <v>119730</v>
      </c>
      <c r="AH5040">
        <v>50000</v>
      </c>
      <c r="AI5040">
        <v>0</v>
      </c>
      <c r="AJ5040">
        <v>29</v>
      </c>
      <c r="AK5040" t="s">
        <v>62</v>
      </c>
      <c r="AL5040">
        <v>0</v>
      </c>
      <c r="AM5040">
        <v>0</v>
      </c>
      <c r="AN5040">
        <v>0</v>
      </c>
      <c r="AO5040">
        <v>0</v>
      </c>
      <c r="AP5040">
        <v>0</v>
      </c>
      <c r="AQ5040">
        <v>0</v>
      </c>
      <c r="AR5040">
        <v>0</v>
      </c>
      <c r="AS5040">
        <v>0</v>
      </c>
      <c r="AT5040">
        <v>0</v>
      </c>
      <c r="AU5040">
        <v>0</v>
      </c>
      <c r="AV5040">
        <v>0</v>
      </c>
      <c r="AW5040">
        <v>0</v>
      </c>
      <c r="AX5040">
        <v>23664</v>
      </c>
      <c r="AY5040">
        <v>10</v>
      </c>
      <c r="AZ5040">
        <v>26</v>
      </c>
      <c r="BA5040">
        <v>1767</v>
      </c>
    </row>
    <row r="5041" spans="1:53" x14ac:dyDescent="0.4">
      <c r="A5041">
        <v>5085</v>
      </c>
      <c r="B5041" s="1">
        <v>44771</v>
      </c>
      <c r="C5041">
        <v>4</v>
      </c>
      <c r="D5041" s="1">
        <v>44771.956250000003</v>
      </c>
      <c r="E5041" s="1">
        <v>44772.06527777778</v>
      </c>
      <c r="F5041">
        <v>49280</v>
      </c>
      <c r="G5041">
        <v>1210</v>
      </c>
      <c r="H5041">
        <v>0</v>
      </c>
      <c r="I5041">
        <v>0</v>
      </c>
      <c r="J5041">
        <v>0</v>
      </c>
      <c r="K5041">
        <v>5200</v>
      </c>
      <c r="L5041">
        <v>0</v>
      </c>
      <c r="M5041">
        <v>5063</v>
      </c>
      <c r="N5041">
        <v>0</v>
      </c>
      <c r="O5041">
        <v>0</v>
      </c>
      <c r="P5041">
        <v>17620</v>
      </c>
      <c r="Q5041">
        <v>0</v>
      </c>
      <c r="R5041">
        <v>73310</v>
      </c>
      <c r="S5041">
        <v>0</v>
      </c>
      <c r="T5041">
        <v>0</v>
      </c>
      <c r="U5041">
        <v>0</v>
      </c>
      <c r="V5041">
        <v>8</v>
      </c>
      <c r="W5041">
        <v>6</v>
      </c>
      <c r="X5041">
        <v>0</v>
      </c>
      <c r="Y5041">
        <v>34</v>
      </c>
      <c r="Z5041">
        <v>17</v>
      </c>
      <c r="AA5041">
        <v>84</v>
      </c>
      <c r="AB5041">
        <v>4</v>
      </c>
      <c r="AC5041">
        <v>122</v>
      </c>
      <c r="AD5041">
        <v>6</v>
      </c>
      <c r="AE5041">
        <v>56</v>
      </c>
      <c r="AF5041">
        <v>29734</v>
      </c>
      <c r="AG5041">
        <v>192140</v>
      </c>
      <c r="AH5041">
        <v>50000</v>
      </c>
      <c r="AI5041">
        <v>-900</v>
      </c>
      <c r="AJ5041">
        <v>74</v>
      </c>
      <c r="AK5041" t="s">
        <v>64</v>
      </c>
      <c r="AL5041">
        <v>0</v>
      </c>
      <c r="AM5041">
        <v>0</v>
      </c>
      <c r="AN5041">
        <v>0</v>
      </c>
      <c r="AO5041">
        <v>0</v>
      </c>
      <c r="AP5041">
        <v>0</v>
      </c>
      <c r="AQ5041">
        <v>0</v>
      </c>
      <c r="AR5041">
        <v>0</v>
      </c>
      <c r="AS5041">
        <v>0</v>
      </c>
      <c r="AT5041">
        <v>0</v>
      </c>
      <c r="AU5041">
        <v>0</v>
      </c>
      <c r="AV5041">
        <v>0</v>
      </c>
      <c r="AW5041">
        <v>0</v>
      </c>
      <c r="AX5041">
        <v>0</v>
      </c>
      <c r="AY5041">
        <v>5</v>
      </c>
      <c r="AZ5041">
        <v>16</v>
      </c>
      <c r="BA5041">
        <v>1043</v>
      </c>
    </row>
    <row r="5042" spans="1:53" x14ac:dyDescent="0.4">
      <c r="A5042">
        <v>5086</v>
      </c>
      <c r="B5042" s="1">
        <v>44772</v>
      </c>
      <c r="C5042">
        <v>1</v>
      </c>
      <c r="D5042" s="1">
        <v>44772.291666666664</v>
      </c>
      <c r="E5042" s="1">
        <v>44772.918055555558</v>
      </c>
      <c r="F5042">
        <v>88775</v>
      </c>
      <c r="G5042">
        <v>4774</v>
      </c>
      <c r="H5042">
        <v>0</v>
      </c>
      <c r="I5042">
        <v>0</v>
      </c>
      <c r="J5042">
        <v>694</v>
      </c>
      <c r="K5042">
        <v>400</v>
      </c>
      <c r="L5042">
        <v>0</v>
      </c>
      <c r="M5042">
        <v>8473</v>
      </c>
      <c r="N5042">
        <v>0</v>
      </c>
      <c r="O5042">
        <v>0</v>
      </c>
      <c r="P5042">
        <v>15400</v>
      </c>
      <c r="Q5042">
        <v>0</v>
      </c>
      <c r="R5042">
        <v>108655</v>
      </c>
      <c r="S5042">
        <v>0</v>
      </c>
      <c r="T5042">
        <v>0</v>
      </c>
      <c r="U5042">
        <v>0</v>
      </c>
      <c r="V5042">
        <v>4</v>
      </c>
      <c r="W5042">
        <v>1</v>
      </c>
      <c r="X5042">
        <v>0</v>
      </c>
      <c r="Y5042">
        <v>68</v>
      </c>
      <c r="Z5042">
        <v>11</v>
      </c>
      <c r="AA5042">
        <v>136</v>
      </c>
      <c r="AB5042">
        <v>15</v>
      </c>
      <c r="AC5042">
        <v>180</v>
      </c>
      <c r="AD5042">
        <v>14</v>
      </c>
      <c r="AE5042">
        <v>68</v>
      </c>
      <c r="AF5042">
        <v>23867</v>
      </c>
      <c r="AG5042">
        <v>158655</v>
      </c>
      <c r="AH5042">
        <v>50000</v>
      </c>
      <c r="AI5042">
        <v>0</v>
      </c>
      <c r="AJ5042">
        <v>108</v>
      </c>
      <c r="AK5042" t="s">
        <v>3</v>
      </c>
      <c r="AL5042">
        <v>0</v>
      </c>
      <c r="AM5042">
        <v>0</v>
      </c>
      <c r="AN5042">
        <v>0</v>
      </c>
      <c r="AO5042">
        <v>0</v>
      </c>
      <c r="AP5042">
        <v>0</v>
      </c>
      <c r="AQ5042">
        <v>0</v>
      </c>
      <c r="AR5042">
        <v>0</v>
      </c>
      <c r="AS5042">
        <v>0</v>
      </c>
      <c r="AT5042">
        <v>0</v>
      </c>
      <c r="AU5042">
        <v>0</v>
      </c>
      <c r="AV5042">
        <v>0</v>
      </c>
      <c r="AW5042">
        <v>0</v>
      </c>
      <c r="AX5042">
        <v>19563</v>
      </c>
      <c r="AY5042">
        <v>68</v>
      </c>
      <c r="AZ5042">
        <v>154</v>
      </c>
      <c r="BA5042">
        <v>9796</v>
      </c>
    </row>
    <row r="5043" spans="1:53" x14ac:dyDescent="0.4">
      <c r="A5043">
        <v>5087</v>
      </c>
      <c r="B5043" s="1">
        <v>44772</v>
      </c>
      <c r="C5043">
        <v>2</v>
      </c>
      <c r="D5043" s="1">
        <v>44772.918055555558</v>
      </c>
      <c r="E5043" s="1">
        <v>44772.977777777778</v>
      </c>
      <c r="F5043">
        <v>9600</v>
      </c>
      <c r="G5043">
        <v>0</v>
      </c>
      <c r="H5043">
        <v>0</v>
      </c>
      <c r="I5043">
        <v>0</v>
      </c>
      <c r="J5043">
        <v>0</v>
      </c>
      <c r="K5043">
        <v>0</v>
      </c>
      <c r="L5043">
        <v>0</v>
      </c>
      <c r="M5043">
        <v>873</v>
      </c>
      <c r="N5043">
        <v>0</v>
      </c>
      <c r="O5043">
        <v>0</v>
      </c>
      <c r="P5043">
        <v>21600</v>
      </c>
      <c r="Q5043">
        <v>0</v>
      </c>
      <c r="R5043">
        <v>31200</v>
      </c>
      <c r="S5043">
        <v>0</v>
      </c>
      <c r="T5043">
        <v>0</v>
      </c>
      <c r="U5043">
        <v>0</v>
      </c>
      <c r="V5043">
        <v>5</v>
      </c>
      <c r="W5043">
        <v>1</v>
      </c>
      <c r="X5043">
        <v>0</v>
      </c>
      <c r="Y5043">
        <v>88</v>
      </c>
      <c r="Z5043">
        <v>14</v>
      </c>
      <c r="AA5043">
        <v>134</v>
      </c>
      <c r="AB5043">
        <v>14</v>
      </c>
      <c r="AC5043">
        <v>175</v>
      </c>
      <c r="AD5043">
        <v>14</v>
      </c>
      <c r="AE5043">
        <v>68</v>
      </c>
      <c r="AF5043">
        <v>23867</v>
      </c>
      <c r="AG5043">
        <v>189855</v>
      </c>
      <c r="AH5043">
        <v>50000</v>
      </c>
      <c r="AI5043">
        <v>0</v>
      </c>
      <c r="AJ5043">
        <v>108</v>
      </c>
      <c r="AK5043" t="s">
        <v>3</v>
      </c>
      <c r="AL5043">
        <v>0</v>
      </c>
      <c r="AM5043">
        <v>0</v>
      </c>
      <c r="AN5043">
        <v>0</v>
      </c>
      <c r="AO5043">
        <v>0</v>
      </c>
      <c r="AP5043">
        <v>0</v>
      </c>
      <c r="AQ5043">
        <v>0</v>
      </c>
      <c r="AR5043">
        <v>0</v>
      </c>
      <c r="AS5043">
        <v>0</v>
      </c>
      <c r="AT5043">
        <v>0</v>
      </c>
      <c r="AU5043">
        <v>0</v>
      </c>
      <c r="AV5043">
        <v>0</v>
      </c>
      <c r="AW5043">
        <v>0</v>
      </c>
      <c r="AX5043">
        <v>19156</v>
      </c>
      <c r="AY5043">
        <v>4</v>
      </c>
      <c r="AZ5043">
        <v>13</v>
      </c>
      <c r="BA5043">
        <v>529</v>
      </c>
    </row>
    <row r="5044" spans="1:53" x14ac:dyDescent="0.4">
      <c r="A5044">
        <v>5088</v>
      </c>
      <c r="B5044" s="1">
        <v>44773</v>
      </c>
      <c r="C5044">
        <v>1</v>
      </c>
      <c r="D5044" s="1">
        <v>44773.291666666664</v>
      </c>
      <c r="E5044" s="1">
        <v>44773.396527777775</v>
      </c>
      <c r="F5044">
        <v>0</v>
      </c>
      <c r="G5044">
        <v>0</v>
      </c>
      <c r="H5044">
        <v>0</v>
      </c>
      <c r="I5044">
        <v>0</v>
      </c>
      <c r="J5044">
        <v>0</v>
      </c>
      <c r="K5044">
        <v>0</v>
      </c>
      <c r="L5044">
        <v>0</v>
      </c>
      <c r="M5044">
        <v>0</v>
      </c>
      <c r="N5044">
        <v>0</v>
      </c>
      <c r="O5044">
        <v>0</v>
      </c>
      <c r="P5044">
        <v>0</v>
      </c>
      <c r="Q5044">
        <v>0</v>
      </c>
      <c r="R5044">
        <v>0</v>
      </c>
      <c r="S5044">
        <v>0</v>
      </c>
      <c r="T5044">
        <v>0</v>
      </c>
      <c r="U5044">
        <v>0</v>
      </c>
      <c r="V5044">
        <v>0</v>
      </c>
      <c r="W5044">
        <v>0</v>
      </c>
      <c r="X5044">
        <v>0</v>
      </c>
      <c r="Y5044">
        <v>30</v>
      </c>
      <c r="Z5044">
        <v>14</v>
      </c>
      <c r="AA5044">
        <v>110</v>
      </c>
      <c r="AB5044">
        <v>14</v>
      </c>
      <c r="AC5044">
        <v>117</v>
      </c>
      <c r="AD5044">
        <v>13</v>
      </c>
      <c r="AE5044">
        <v>65</v>
      </c>
      <c r="AF5044">
        <v>0</v>
      </c>
      <c r="AG5044">
        <v>50000</v>
      </c>
      <c r="AH5044">
        <v>50000</v>
      </c>
      <c r="AI5044">
        <v>0</v>
      </c>
      <c r="AJ5044">
        <v>0</v>
      </c>
      <c r="AK5044" t="s">
        <v>6</v>
      </c>
      <c r="AL5044">
        <v>0</v>
      </c>
      <c r="AM5044">
        <v>0</v>
      </c>
      <c r="AN5044">
        <v>0</v>
      </c>
      <c r="AO5044">
        <v>0</v>
      </c>
      <c r="AP5044">
        <v>0</v>
      </c>
      <c r="AQ5044">
        <v>0</v>
      </c>
      <c r="AR5044">
        <v>0</v>
      </c>
      <c r="AS5044">
        <v>0</v>
      </c>
      <c r="AT5044">
        <v>0</v>
      </c>
      <c r="AU5044">
        <v>0</v>
      </c>
      <c r="AV5044">
        <v>0</v>
      </c>
      <c r="AW5044">
        <v>0</v>
      </c>
      <c r="AX5044">
        <v>0</v>
      </c>
      <c r="AY5044">
        <v>0</v>
      </c>
      <c r="AZ5044">
        <v>0</v>
      </c>
      <c r="BA5044">
        <v>0</v>
      </c>
    </row>
    <row r="5045" spans="1:53" x14ac:dyDescent="0.4">
      <c r="A5045">
        <v>5089</v>
      </c>
      <c r="B5045" s="1">
        <v>44773</v>
      </c>
      <c r="C5045">
        <v>2</v>
      </c>
      <c r="D5045" s="1">
        <v>44773.396527777775</v>
      </c>
      <c r="E5045" s="1">
        <v>44773.738888888889</v>
      </c>
      <c r="F5045">
        <v>45125</v>
      </c>
      <c r="G5045">
        <v>902</v>
      </c>
      <c r="H5045">
        <v>220</v>
      </c>
      <c r="I5045">
        <v>0</v>
      </c>
      <c r="J5045">
        <v>100</v>
      </c>
      <c r="K5045">
        <v>0</v>
      </c>
      <c r="L5045">
        <v>0</v>
      </c>
      <c r="M5045">
        <v>4193</v>
      </c>
      <c r="N5045">
        <v>0</v>
      </c>
      <c r="O5045">
        <v>0</v>
      </c>
      <c r="P5045">
        <v>27200</v>
      </c>
      <c r="Q5045">
        <v>0</v>
      </c>
      <c r="R5045">
        <v>73347</v>
      </c>
      <c r="S5045">
        <v>0</v>
      </c>
      <c r="T5045">
        <v>0</v>
      </c>
      <c r="U5045">
        <v>0</v>
      </c>
      <c r="V5045">
        <v>1</v>
      </c>
      <c r="W5045">
        <v>3</v>
      </c>
      <c r="X5045">
        <v>0</v>
      </c>
      <c r="Y5045">
        <v>68</v>
      </c>
      <c r="Z5045">
        <v>19</v>
      </c>
      <c r="AA5045">
        <v>124</v>
      </c>
      <c r="AB5045">
        <v>13</v>
      </c>
      <c r="AC5045">
        <v>129</v>
      </c>
      <c r="AD5045">
        <v>11</v>
      </c>
      <c r="AE5045">
        <v>62</v>
      </c>
      <c r="AF5045">
        <v>6390</v>
      </c>
      <c r="AG5045">
        <v>123347</v>
      </c>
      <c r="AH5045">
        <v>50000</v>
      </c>
      <c r="AI5045">
        <v>0</v>
      </c>
      <c r="AJ5045">
        <v>115</v>
      </c>
      <c r="AK5045" t="s">
        <v>55</v>
      </c>
      <c r="AL5045">
        <v>0</v>
      </c>
      <c r="AM5045">
        <v>0</v>
      </c>
      <c r="AN5045">
        <v>0</v>
      </c>
      <c r="AO5045">
        <v>0</v>
      </c>
      <c r="AP5045">
        <v>0</v>
      </c>
      <c r="AQ5045">
        <v>0</v>
      </c>
      <c r="AR5045">
        <v>0</v>
      </c>
      <c r="AS5045">
        <v>0</v>
      </c>
      <c r="AT5045">
        <v>0</v>
      </c>
      <c r="AU5045">
        <v>0</v>
      </c>
      <c r="AV5045">
        <v>0</v>
      </c>
      <c r="AW5045">
        <v>0</v>
      </c>
      <c r="AX5045">
        <v>3890</v>
      </c>
      <c r="AY5045">
        <v>53</v>
      </c>
      <c r="AZ5045">
        <v>119</v>
      </c>
      <c r="BA5045">
        <v>7811</v>
      </c>
    </row>
    <row r="5046" spans="1:53" x14ac:dyDescent="0.4">
      <c r="A5046">
        <v>5090</v>
      </c>
      <c r="B5046" s="1">
        <v>44773</v>
      </c>
      <c r="C5046">
        <v>3</v>
      </c>
      <c r="D5046" s="1">
        <v>44773.738888888889</v>
      </c>
      <c r="E5046" s="1">
        <v>44774.027083333334</v>
      </c>
      <c r="F5046">
        <v>79700</v>
      </c>
      <c r="G5046">
        <v>9636</v>
      </c>
      <c r="H5046">
        <v>0</v>
      </c>
      <c r="I5046">
        <v>0</v>
      </c>
      <c r="J5046">
        <v>0</v>
      </c>
      <c r="K5046">
        <v>0</v>
      </c>
      <c r="L5046">
        <v>0</v>
      </c>
      <c r="M5046">
        <v>8116</v>
      </c>
      <c r="N5046">
        <v>0</v>
      </c>
      <c r="O5046">
        <v>0</v>
      </c>
      <c r="P5046">
        <v>-3800</v>
      </c>
      <c r="Q5046">
        <v>0</v>
      </c>
      <c r="R5046">
        <v>85536</v>
      </c>
      <c r="S5046">
        <v>0</v>
      </c>
      <c r="T5046">
        <v>0</v>
      </c>
      <c r="U5046">
        <v>0</v>
      </c>
      <c r="V5046">
        <v>3</v>
      </c>
      <c r="W5046">
        <v>12</v>
      </c>
      <c r="X5046">
        <v>0</v>
      </c>
      <c r="Y5046">
        <v>86</v>
      </c>
      <c r="Z5046">
        <v>25</v>
      </c>
      <c r="AA5046">
        <v>80</v>
      </c>
      <c r="AB5046">
        <v>11</v>
      </c>
      <c r="AC5046">
        <v>148</v>
      </c>
      <c r="AD5046">
        <v>13</v>
      </c>
      <c r="AE5046">
        <v>64</v>
      </c>
      <c r="AF5046">
        <v>10224</v>
      </c>
      <c r="AG5046">
        <v>208883</v>
      </c>
      <c r="AH5046">
        <v>50000</v>
      </c>
      <c r="AI5046">
        <v>0</v>
      </c>
      <c r="AJ5046">
        <v>108</v>
      </c>
      <c r="AK5046" t="s">
        <v>3</v>
      </c>
      <c r="AL5046">
        <v>0</v>
      </c>
      <c r="AM5046">
        <v>0</v>
      </c>
      <c r="AN5046">
        <v>0</v>
      </c>
      <c r="AO5046">
        <v>0</v>
      </c>
      <c r="AP5046">
        <v>0</v>
      </c>
      <c r="AQ5046">
        <v>0</v>
      </c>
      <c r="AR5046">
        <v>0</v>
      </c>
      <c r="AS5046">
        <v>0</v>
      </c>
      <c r="AT5046">
        <v>0</v>
      </c>
      <c r="AU5046">
        <v>0</v>
      </c>
      <c r="AV5046">
        <v>0</v>
      </c>
      <c r="AW5046">
        <v>0</v>
      </c>
      <c r="AX5046">
        <v>3220</v>
      </c>
      <c r="AY5046">
        <v>32</v>
      </c>
      <c r="AZ5046">
        <v>78</v>
      </c>
      <c r="BA5046">
        <v>3739</v>
      </c>
    </row>
    <row r="5047" spans="1:53" x14ac:dyDescent="0.4">
      <c r="A5047">
        <v>5091</v>
      </c>
      <c r="B5047" s="1">
        <v>44774</v>
      </c>
      <c r="C5047">
        <v>1</v>
      </c>
      <c r="D5047" s="1">
        <v>44774.291666666664</v>
      </c>
      <c r="E5047" s="1">
        <v>44774.742361111108</v>
      </c>
      <c r="F5047">
        <v>26890</v>
      </c>
      <c r="G5047">
        <v>462</v>
      </c>
      <c r="H5047">
        <v>0</v>
      </c>
      <c r="I5047">
        <v>0</v>
      </c>
      <c r="J5047">
        <v>0</v>
      </c>
      <c r="K5047">
        <v>0</v>
      </c>
      <c r="L5047">
        <v>0</v>
      </c>
      <c r="M5047">
        <v>2484</v>
      </c>
      <c r="N5047">
        <v>0</v>
      </c>
      <c r="O5047">
        <v>0</v>
      </c>
      <c r="P5047">
        <v>20040</v>
      </c>
      <c r="Q5047">
        <v>0</v>
      </c>
      <c r="R5047">
        <v>47392</v>
      </c>
      <c r="S5047">
        <v>0</v>
      </c>
      <c r="T5047">
        <v>0</v>
      </c>
      <c r="U5047">
        <v>0</v>
      </c>
      <c r="V5047">
        <v>2</v>
      </c>
      <c r="W5047">
        <v>1</v>
      </c>
      <c r="X5047">
        <v>0</v>
      </c>
      <c r="Y5047">
        <v>51</v>
      </c>
      <c r="Z5047">
        <v>16</v>
      </c>
      <c r="AA5047">
        <v>94</v>
      </c>
      <c r="AB5047">
        <v>17</v>
      </c>
      <c r="AC5047">
        <v>122</v>
      </c>
      <c r="AD5047">
        <v>12</v>
      </c>
      <c r="AE5047">
        <v>62</v>
      </c>
      <c r="AF5047">
        <v>1800</v>
      </c>
      <c r="AG5047">
        <v>97392</v>
      </c>
      <c r="AH5047">
        <v>50000</v>
      </c>
      <c r="AI5047">
        <v>0</v>
      </c>
      <c r="AJ5047">
        <v>74</v>
      </c>
      <c r="AK5047" t="s">
        <v>64</v>
      </c>
      <c r="AL5047">
        <v>0</v>
      </c>
      <c r="AM5047">
        <v>0</v>
      </c>
      <c r="AN5047">
        <v>0</v>
      </c>
      <c r="AO5047">
        <v>0</v>
      </c>
      <c r="AP5047">
        <v>0</v>
      </c>
      <c r="AQ5047">
        <v>0</v>
      </c>
      <c r="AR5047">
        <v>0</v>
      </c>
      <c r="AS5047">
        <v>0</v>
      </c>
      <c r="AT5047">
        <v>0</v>
      </c>
      <c r="AU5047">
        <v>0</v>
      </c>
      <c r="AV5047">
        <v>0</v>
      </c>
      <c r="AW5047">
        <v>0</v>
      </c>
      <c r="AX5047">
        <v>1628</v>
      </c>
      <c r="AY5047">
        <v>38</v>
      </c>
      <c r="AZ5047">
        <v>73</v>
      </c>
      <c r="BA5047">
        <v>6151</v>
      </c>
    </row>
    <row r="5048" spans="1:53" x14ac:dyDescent="0.4">
      <c r="A5048">
        <v>5092</v>
      </c>
      <c r="B5048" s="1">
        <v>44775</v>
      </c>
      <c r="C5048">
        <v>1</v>
      </c>
      <c r="D5048" s="1">
        <v>44775.291666666664</v>
      </c>
      <c r="E5048" s="1">
        <v>44775.395833333336</v>
      </c>
      <c r="F5048">
        <v>0</v>
      </c>
      <c r="G5048">
        <v>0</v>
      </c>
      <c r="H5048">
        <v>0</v>
      </c>
      <c r="I5048">
        <v>0</v>
      </c>
      <c r="J5048">
        <v>0</v>
      </c>
      <c r="K5048">
        <v>0</v>
      </c>
      <c r="L5048">
        <v>0</v>
      </c>
      <c r="M5048">
        <v>0</v>
      </c>
      <c r="N5048">
        <v>0</v>
      </c>
      <c r="O5048">
        <v>0</v>
      </c>
      <c r="P5048">
        <v>0</v>
      </c>
      <c r="Q5048">
        <v>0</v>
      </c>
      <c r="R5048">
        <v>0</v>
      </c>
      <c r="S5048">
        <v>0</v>
      </c>
      <c r="T5048">
        <v>0</v>
      </c>
      <c r="U5048">
        <v>0</v>
      </c>
      <c r="V5048">
        <v>0</v>
      </c>
      <c r="W5048">
        <v>1</v>
      </c>
      <c r="X5048">
        <v>0</v>
      </c>
      <c r="Y5048">
        <v>25</v>
      </c>
      <c r="Z5048">
        <v>16</v>
      </c>
      <c r="AA5048">
        <v>97</v>
      </c>
      <c r="AB5048">
        <v>17</v>
      </c>
      <c r="AC5048">
        <v>132</v>
      </c>
      <c r="AD5048">
        <v>13</v>
      </c>
      <c r="AE5048">
        <v>65</v>
      </c>
      <c r="AF5048">
        <v>0</v>
      </c>
      <c r="AG5048">
        <v>50000</v>
      </c>
      <c r="AH5048">
        <v>50000</v>
      </c>
      <c r="AI5048">
        <v>0</v>
      </c>
      <c r="AJ5048">
        <v>0</v>
      </c>
      <c r="AK5048" t="s">
        <v>6</v>
      </c>
      <c r="AL5048">
        <v>0</v>
      </c>
      <c r="AM5048">
        <v>0</v>
      </c>
      <c r="AN5048">
        <v>0</v>
      </c>
      <c r="AO5048">
        <v>0</v>
      </c>
      <c r="AP5048">
        <v>0</v>
      </c>
      <c r="AQ5048">
        <v>0</v>
      </c>
      <c r="AR5048">
        <v>0</v>
      </c>
      <c r="AS5048">
        <v>0</v>
      </c>
      <c r="AT5048">
        <v>0</v>
      </c>
      <c r="AU5048">
        <v>0</v>
      </c>
      <c r="AV5048">
        <v>0</v>
      </c>
      <c r="AW5048">
        <v>0</v>
      </c>
      <c r="AX5048">
        <v>0</v>
      </c>
      <c r="AY5048">
        <v>0</v>
      </c>
      <c r="AZ5048">
        <v>0</v>
      </c>
      <c r="BA5048">
        <v>0</v>
      </c>
    </row>
    <row r="5049" spans="1:53" x14ac:dyDescent="0.4">
      <c r="A5049">
        <v>5093</v>
      </c>
      <c r="B5049" s="1">
        <v>44775</v>
      </c>
      <c r="C5049">
        <v>2</v>
      </c>
      <c r="D5049" s="1">
        <v>44775.395833333336</v>
      </c>
      <c r="E5049" s="1">
        <v>44775.73541666667</v>
      </c>
      <c r="F5049">
        <v>24110</v>
      </c>
      <c r="G5049">
        <v>2266</v>
      </c>
      <c r="H5049">
        <v>0</v>
      </c>
      <c r="I5049">
        <v>0</v>
      </c>
      <c r="J5049">
        <v>0</v>
      </c>
      <c r="K5049">
        <v>400</v>
      </c>
      <c r="L5049">
        <v>0</v>
      </c>
      <c r="M5049">
        <v>2434</v>
      </c>
      <c r="N5049">
        <v>0</v>
      </c>
      <c r="O5049">
        <v>0</v>
      </c>
      <c r="P5049">
        <v>12720</v>
      </c>
      <c r="Q5049">
        <v>0</v>
      </c>
      <c r="R5049">
        <v>39496</v>
      </c>
      <c r="S5049">
        <v>0</v>
      </c>
      <c r="T5049">
        <v>0</v>
      </c>
      <c r="U5049">
        <v>0</v>
      </c>
      <c r="V5049">
        <v>1</v>
      </c>
      <c r="W5049">
        <v>2</v>
      </c>
      <c r="X5049">
        <v>0</v>
      </c>
      <c r="Y5049">
        <v>47</v>
      </c>
      <c r="Z5049">
        <v>24</v>
      </c>
      <c r="AA5049">
        <v>79</v>
      </c>
      <c r="AB5049">
        <v>21</v>
      </c>
      <c r="AC5049">
        <v>142</v>
      </c>
      <c r="AD5049">
        <v>12</v>
      </c>
      <c r="AE5049">
        <v>66</v>
      </c>
      <c r="AF5049">
        <v>0</v>
      </c>
      <c r="AG5049">
        <v>89496</v>
      </c>
      <c r="AH5049">
        <v>50000</v>
      </c>
      <c r="AI5049">
        <v>0</v>
      </c>
      <c r="AJ5049">
        <v>116</v>
      </c>
      <c r="AK5049" t="s">
        <v>54</v>
      </c>
      <c r="AL5049">
        <v>0</v>
      </c>
      <c r="AM5049">
        <v>0</v>
      </c>
      <c r="AN5049">
        <v>0</v>
      </c>
      <c r="AO5049">
        <v>0</v>
      </c>
      <c r="AP5049">
        <v>0</v>
      </c>
      <c r="AQ5049">
        <v>0</v>
      </c>
      <c r="AR5049">
        <v>0</v>
      </c>
      <c r="AS5049">
        <v>0</v>
      </c>
      <c r="AT5049">
        <v>0</v>
      </c>
      <c r="AU5049">
        <v>0</v>
      </c>
      <c r="AV5049">
        <v>0</v>
      </c>
      <c r="AW5049">
        <v>0</v>
      </c>
      <c r="AX5049">
        <v>-2260</v>
      </c>
      <c r="AY5049">
        <v>33</v>
      </c>
      <c r="AZ5049">
        <v>59</v>
      </c>
      <c r="BA5049">
        <v>5093</v>
      </c>
    </row>
    <row r="5050" spans="1:53" x14ac:dyDescent="0.4">
      <c r="A5050">
        <v>5094</v>
      </c>
      <c r="B5050" s="1">
        <v>44775</v>
      </c>
      <c r="C5050">
        <v>3</v>
      </c>
      <c r="D5050" s="1">
        <v>44775.73541666667</v>
      </c>
      <c r="E5050" s="1">
        <v>44775.954861111109</v>
      </c>
      <c r="F5050">
        <v>22880</v>
      </c>
      <c r="G5050">
        <v>220</v>
      </c>
      <c r="H5050">
        <v>0</v>
      </c>
      <c r="I5050">
        <v>0</v>
      </c>
      <c r="J5050">
        <v>0</v>
      </c>
      <c r="K5050">
        <v>0</v>
      </c>
      <c r="L5050">
        <v>0</v>
      </c>
      <c r="M5050">
        <v>2101</v>
      </c>
      <c r="N5050">
        <v>0</v>
      </c>
      <c r="O5050">
        <v>0</v>
      </c>
      <c r="P5050">
        <v>-12720</v>
      </c>
      <c r="Q5050">
        <v>0</v>
      </c>
      <c r="R5050">
        <v>10380</v>
      </c>
      <c r="S5050">
        <v>0</v>
      </c>
      <c r="T5050">
        <v>0</v>
      </c>
      <c r="U5050">
        <v>0</v>
      </c>
      <c r="V5050">
        <v>1</v>
      </c>
      <c r="W5050">
        <v>2</v>
      </c>
      <c r="X5050">
        <v>0</v>
      </c>
      <c r="Y5050">
        <v>55</v>
      </c>
      <c r="Z5050">
        <v>23</v>
      </c>
      <c r="AA5050">
        <v>72</v>
      </c>
      <c r="AB5050">
        <v>21</v>
      </c>
      <c r="AC5050">
        <v>158</v>
      </c>
      <c r="AD5050">
        <v>12</v>
      </c>
      <c r="AE5050">
        <v>66</v>
      </c>
      <c r="AF5050">
        <v>3420</v>
      </c>
      <c r="AG5050">
        <v>99876</v>
      </c>
      <c r="AH5050">
        <v>50000</v>
      </c>
      <c r="AI5050">
        <v>0</v>
      </c>
      <c r="AJ5050">
        <v>95</v>
      </c>
      <c r="AK5050" t="s">
        <v>21</v>
      </c>
      <c r="AL5050">
        <v>0</v>
      </c>
      <c r="AM5050">
        <v>0</v>
      </c>
      <c r="AN5050">
        <v>0</v>
      </c>
      <c r="AO5050">
        <v>0</v>
      </c>
      <c r="AP5050">
        <v>0</v>
      </c>
      <c r="AQ5050">
        <v>0</v>
      </c>
      <c r="AR5050">
        <v>0</v>
      </c>
      <c r="AS5050">
        <v>0</v>
      </c>
      <c r="AT5050">
        <v>0</v>
      </c>
      <c r="AU5050">
        <v>0</v>
      </c>
      <c r="AV5050">
        <v>0</v>
      </c>
      <c r="AW5050">
        <v>0</v>
      </c>
      <c r="AX5050">
        <v>5200</v>
      </c>
      <c r="AY5050">
        <v>7</v>
      </c>
      <c r="AZ5050">
        <v>14</v>
      </c>
      <c r="BA5050">
        <v>1527</v>
      </c>
    </row>
    <row r="5051" spans="1:53" x14ac:dyDescent="0.4">
      <c r="A5051">
        <v>5095</v>
      </c>
      <c r="B5051" s="1">
        <v>44776</v>
      </c>
      <c r="C5051">
        <v>1</v>
      </c>
      <c r="D5051" s="1">
        <v>44776.291666666664</v>
      </c>
      <c r="E5051" s="1">
        <v>44776.748611111114</v>
      </c>
      <c r="F5051">
        <v>31970</v>
      </c>
      <c r="G5051">
        <v>1892</v>
      </c>
      <c r="H5051">
        <v>0</v>
      </c>
      <c r="I5051">
        <v>0</v>
      </c>
      <c r="J5051">
        <v>0</v>
      </c>
      <c r="K5051">
        <v>0</v>
      </c>
      <c r="L5051">
        <v>0</v>
      </c>
      <c r="M5051">
        <v>3076</v>
      </c>
      <c r="N5051">
        <v>0</v>
      </c>
      <c r="O5051">
        <v>0</v>
      </c>
      <c r="P5051">
        <v>20980</v>
      </c>
      <c r="Q5051">
        <v>0</v>
      </c>
      <c r="R5051">
        <v>54842</v>
      </c>
      <c r="S5051">
        <v>0</v>
      </c>
      <c r="T5051">
        <v>0</v>
      </c>
      <c r="U5051">
        <v>0</v>
      </c>
      <c r="V5051">
        <v>2</v>
      </c>
      <c r="W5051">
        <v>1</v>
      </c>
      <c r="X5051">
        <v>0</v>
      </c>
      <c r="Y5051">
        <v>48</v>
      </c>
      <c r="Z5051">
        <v>25</v>
      </c>
      <c r="AA5051">
        <v>78</v>
      </c>
      <c r="AB5051">
        <v>26</v>
      </c>
      <c r="AC5051">
        <v>123</v>
      </c>
      <c r="AD5051">
        <v>17</v>
      </c>
      <c r="AE5051">
        <v>67</v>
      </c>
      <c r="AF5051">
        <v>8850</v>
      </c>
      <c r="AG5051">
        <v>104832</v>
      </c>
      <c r="AH5051">
        <v>50000</v>
      </c>
      <c r="AI5051">
        <v>-10</v>
      </c>
      <c r="AJ5051">
        <v>116</v>
      </c>
      <c r="AK5051" t="s">
        <v>54</v>
      </c>
      <c r="AL5051">
        <v>0</v>
      </c>
      <c r="AM5051">
        <v>0</v>
      </c>
      <c r="AN5051">
        <v>0</v>
      </c>
      <c r="AO5051">
        <v>0</v>
      </c>
      <c r="AP5051">
        <v>0</v>
      </c>
      <c r="AQ5051">
        <v>0</v>
      </c>
      <c r="AR5051">
        <v>0</v>
      </c>
      <c r="AS5051">
        <v>0</v>
      </c>
      <c r="AT5051">
        <v>0</v>
      </c>
      <c r="AU5051">
        <v>0</v>
      </c>
      <c r="AV5051">
        <v>0</v>
      </c>
      <c r="AW5051">
        <v>0</v>
      </c>
      <c r="AX5051">
        <v>-842</v>
      </c>
      <c r="AY5051">
        <v>48</v>
      </c>
      <c r="AZ5051">
        <v>88</v>
      </c>
      <c r="BA5051">
        <v>6241</v>
      </c>
    </row>
    <row r="5052" spans="1:53" x14ac:dyDescent="0.4">
      <c r="A5052">
        <v>5096</v>
      </c>
      <c r="B5052" s="1">
        <v>44776</v>
      </c>
      <c r="C5052">
        <v>2</v>
      </c>
      <c r="D5052" s="1">
        <v>44776.748611111114</v>
      </c>
      <c r="E5052" s="1">
        <v>44776.946527777778</v>
      </c>
      <c r="F5052">
        <v>37720</v>
      </c>
      <c r="G5052">
        <v>748</v>
      </c>
      <c r="H5052">
        <v>0</v>
      </c>
      <c r="I5052">
        <v>0</v>
      </c>
      <c r="J5052">
        <v>150</v>
      </c>
      <c r="K5052">
        <v>0</v>
      </c>
      <c r="L5052">
        <v>0</v>
      </c>
      <c r="M5052">
        <v>3481</v>
      </c>
      <c r="N5052">
        <v>0</v>
      </c>
      <c r="O5052">
        <v>0</v>
      </c>
      <c r="P5052">
        <v>-17780</v>
      </c>
      <c r="Q5052">
        <v>0</v>
      </c>
      <c r="R5052">
        <v>20538</v>
      </c>
      <c r="S5052">
        <v>0</v>
      </c>
      <c r="T5052">
        <v>0</v>
      </c>
      <c r="U5052">
        <v>0</v>
      </c>
      <c r="V5052">
        <v>3</v>
      </c>
      <c r="W5052">
        <v>0</v>
      </c>
      <c r="X5052">
        <v>0</v>
      </c>
      <c r="Y5052">
        <v>60</v>
      </c>
      <c r="Z5052">
        <v>26</v>
      </c>
      <c r="AA5052">
        <v>79</v>
      </c>
      <c r="AB5052">
        <v>25</v>
      </c>
      <c r="AC5052">
        <v>122</v>
      </c>
      <c r="AD5052">
        <v>17</v>
      </c>
      <c r="AE5052">
        <v>63</v>
      </c>
      <c r="AF5052">
        <v>11862</v>
      </c>
      <c r="AG5052">
        <v>125380</v>
      </c>
      <c r="AH5052">
        <v>50000</v>
      </c>
      <c r="AI5052">
        <v>0</v>
      </c>
      <c r="AJ5052">
        <v>108</v>
      </c>
      <c r="AK5052" t="s">
        <v>3</v>
      </c>
      <c r="AL5052">
        <v>0</v>
      </c>
      <c r="AM5052">
        <v>0</v>
      </c>
      <c r="AN5052">
        <v>0</v>
      </c>
      <c r="AO5052">
        <v>0</v>
      </c>
      <c r="AP5052">
        <v>0</v>
      </c>
      <c r="AQ5052">
        <v>0</v>
      </c>
      <c r="AR5052">
        <v>0</v>
      </c>
      <c r="AS5052">
        <v>0</v>
      </c>
      <c r="AT5052">
        <v>0</v>
      </c>
      <c r="AU5052">
        <v>0</v>
      </c>
      <c r="AV5052">
        <v>0</v>
      </c>
      <c r="AW5052">
        <v>0</v>
      </c>
      <c r="AX5052">
        <v>-1400</v>
      </c>
      <c r="AY5052">
        <v>10</v>
      </c>
      <c r="AZ5052">
        <v>23</v>
      </c>
      <c r="BA5052">
        <v>2057</v>
      </c>
    </row>
    <row r="5053" spans="1:53" x14ac:dyDescent="0.4">
      <c r="A5053">
        <v>5097</v>
      </c>
      <c r="B5053" s="1">
        <v>44776</v>
      </c>
      <c r="C5053">
        <v>3</v>
      </c>
      <c r="D5053" s="1">
        <v>44776.946527777778</v>
      </c>
      <c r="E5053" s="1">
        <v>44777.11041666667</v>
      </c>
      <c r="F5053">
        <v>3600</v>
      </c>
      <c r="G5053">
        <v>0</v>
      </c>
      <c r="H5053">
        <v>0</v>
      </c>
      <c r="I5053">
        <v>0</v>
      </c>
      <c r="J5053">
        <v>0</v>
      </c>
      <c r="K5053">
        <v>0</v>
      </c>
      <c r="L5053">
        <v>0</v>
      </c>
      <c r="M5053">
        <v>327</v>
      </c>
      <c r="N5053">
        <v>0</v>
      </c>
      <c r="O5053">
        <v>0</v>
      </c>
      <c r="P5053">
        <v>25900</v>
      </c>
      <c r="Q5053">
        <v>0</v>
      </c>
      <c r="R5053">
        <v>29500</v>
      </c>
      <c r="S5053">
        <v>0</v>
      </c>
      <c r="T5053">
        <v>0</v>
      </c>
      <c r="U5053">
        <v>0</v>
      </c>
      <c r="V5053">
        <v>5</v>
      </c>
      <c r="W5053">
        <v>0</v>
      </c>
      <c r="X5053">
        <v>0</v>
      </c>
      <c r="Y5053">
        <v>69</v>
      </c>
      <c r="Z5053">
        <v>28</v>
      </c>
      <c r="AA5053">
        <v>74</v>
      </c>
      <c r="AB5053">
        <v>25</v>
      </c>
      <c r="AC5053">
        <v>122</v>
      </c>
      <c r="AD5053">
        <v>17</v>
      </c>
      <c r="AE5053">
        <v>63</v>
      </c>
      <c r="AF5053">
        <v>11862</v>
      </c>
      <c r="AG5053">
        <v>154880</v>
      </c>
      <c r="AH5053">
        <v>50000</v>
      </c>
      <c r="AI5053">
        <v>0</v>
      </c>
      <c r="AJ5053">
        <v>108</v>
      </c>
      <c r="AK5053" t="s">
        <v>3</v>
      </c>
      <c r="AL5053">
        <v>0</v>
      </c>
      <c r="AM5053">
        <v>0</v>
      </c>
      <c r="AN5053">
        <v>0</v>
      </c>
      <c r="AO5053">
        <v>0</v>
      </c>
      <c r="AP5053">
        <v>0</v>
      </c>
      <c r="AQ5053">
        <v>0</v>
      </c>
      <c r="AR5053">
        <v>0</v>
      </c>
      <c r="AS5053">
        <v>0</v>
      </c>
      <c r="AT5053">
        <v>0</v>
      </c>
      <c r="AU5053">
        <v>0</v>
      </c>
      <c r="AV5053">
        <v>0</v>
      </c>
      <c r="AW5053">
        <v>0</v>
      </c>
      <c r="AX5053">
        <v>0</v>
      </c>
      <c r="AY5053">
        <v>4</v>
      </c>
      <c r="AZ5053">
        <v>17</v>
      </c>
      <c r="BA5053">
        <v>471</v>
      </c>
    </row>
    <row r="5054" spans="1:53" x14ac:dyDescent="0.4">
      <c r="A5054">
        <v>5098</v>
      </c>
      <c r="B5054" s="1">
        <v>44777</v>
      </c>
      <c r="C5054">
        <v>1</v>
      </c>
      <c r="D5054" s="1">
        <v>44777.291666666664</v>
      </c>
      <c r="E5054" s="1">
        <v>44777.736805555556</v>
      </c>
      <c r="F5054">
        <v>27840</v>
      </c>
      <c r="G5054">
        <v>1650</v>
      </c>
      <c r="H5054">
        <v>0</v>
      </c>
      <c r="I5054">
        <v>0</v>
      </c>
      <c r="J5054">
        <v>50</v>
      </c>
      <c r="K5054">
        <v>0</v>
      </c>
      <c r="L5054">
        <v>0</v>
      </c>
      <c r="M5054">
        <v>2674</v>
      </c>
      <c r="N5054">
        <v>0</v>
      </c>
      <c r="O5054">
        <v>0</v>
      </c>
      <c r="P5054">
        <v>19560</v>
      </c>
      <c r="Q5054">
        <v>0</v>
      </c>
      <c r="R5054">
        <v>49000</v>
      </c>
      <c r="S5054">
        <v>0</v>
      </c>
      <c r="T5054">
        <v>0</v>
      </c>
      <c r="U5054">
        <v>0</v>
      </c>
      <c r="V5054">
        <v>1</v>
      </c>
      <c r="W5054">
        <v>2</v>
      </c>
      <c r="X5054">
        <v>0</v>
      </c>
      <c r="Y5054">
        <v>57</v>
      </c>
      <c r="Z5054">
        <v>23</v>
      </c>
      <c r="AA5054">
        <v>32</v>
      </c>
      <c r="AB5054">
        <v>18</v>
      </c>
      <c r="AC5054">
        <v>121</v>
      </c>
      <c r="AD5054">
        <v>14</v>
      </c>
      <c r="AE5054">
        <v>59</v>
      </c>
      <c r="AF5054">
        <v>5061</v>
      </c>
      <c r="AG5054">
        <v>99000</v>
      </c>
      <c r="AH5054">
        <v>50000</v>
      </c>
      <c r="AI5054">
        <v>0</v>
      </c>
      <c r="AJ5054">
        <v>118</v>
      </c>
      <c r="AK5054" t="s">
        <v>59</v>
      </c>
      <c r="AL5054">
        <v>0</v>
      </c>
      <c r="AM5054">
        <v>0</v>
      </c>
      <c r="AN5054">
        <v>0</v>
      </c>
      <c r="AO5054">
        <v>0</v>
      </c>
      <c r="AP5054">
        <v>0</v>
      </c>
      <c r="AQ5054">
        <v>0</v>
      </c>
      <c r="AR5054">
        <v>0</v>
      </c>
      <c r="AS5054">
        <v>0</v>
      </c>
      <c r="AT5054">
        <v>0</v>
      </c>
      <c r="AU5054">
        <v>0</v>
      </c>
      <c r="AV5054">
        <v>0</v>
      </c>
      <c r="AW5054">
        <v>0</v>
      </c>
      <c r="AX5054">
        <v>0</v>
      </c>
      <c r="AY5054">
        <v>40</v>
      </c>
      <c r="AZ5054">
        <v>73</v>
      </c>
      <c r="BA5054">
        <v>6289</v>
      </c>
    </row>
    <row r="5055" spans="1:53" x14ac:dyDescent="0.4">
      <c r="A5055">
        <v>5099</v>
      </c>
      <c r="B5055" s="1">
        <v>44777</v>
      </c>
      <c r="C5055">
        <v>2</v>
      </c>
      <c r="D5055" s="1">
        <v>44777.736805555556</v>
      </c>
      <c r="E5055" s="1">
        <v>44777.925694444442</v>
      </c>
      <c r="F5055">
        <v>24150</v>
      </c>
      <c r="G5055">
        <v>0</v>
      </c>
      <c r="H5055">
        <v>0</v>
      </c>
      <c r="I5055">
        <v>0</v>
      </c>
      <c r="J5055">
        <v>0</v>
      </c>
      <c r="K5055">
        <v>400</v>
      </c>
      <c r="L5055">
        <v>0</v>
      </c>
      <c r="M5055">
        <v>2232</v>
      </c>
      <c r="N5055">
        <v>0</v>
      </c>
      <c r="O5055">
        <v>0</v>
      </c>
      <c r="P5055">
        <v>-19560</v>
      </c>
      <c r="Q5055">
        <v>0</v>
      </c>
      <c r="R5055">
        <v>4990</v>
      </c>
      <c r="S5055">
        <v>0</v>
      </c>
      <c r="T5055">
        <v>0</v>
      </c>
      <c r="U5055">
        <v>0</v>
      </c>
      <c r="V5055">
        <v>1</v>
      </c>
      <c r="W5055">
        <v>2</v>
      </c>
      <c r="X5055">
        <v>0</v>
      </c>
      <c r="Y5055">
        <v>59</v>
      </c>
      <c r="Z5055">
        <v>24</v>
      </c>
      <c r="AA5055">
        <v>51</v>
      </c>
      <c r="AB5055">
        <v>19</v>
      </c>
      <c r="AC5055">
        <v>121</v>
      </c>
      <c r="AD5055">
        <v>16</v>
      </c>
      <c r="AE5055">
        <v>59</v>
      </c>
      <c r="AF5055">
        <v>5591</v>
      </c>
      <c r="AG5055">
        <v>103990</v>
      </c>
      <c r="AH5055">
        <v>50000</v>
      </c>
      <c r="AI5055">
        <v>0</v>
      </c>
      <c r="AJ5055">
        <v>74</v>
      </c>
      <c r="AK5055" t="s">
        <v>64</v>
      </c>
      <c r="AL5055">
        <v>0</v>
      </c>
      <c r="AM5055">
        <v>0</v>
      </c>
      <c r="AN5055">
        <v>0</v>
      </c>
      <c r="AO5055">
        <v>0</v>
      </c>
      <c r="AP5055">
        <v>0</v>
      </c>
      <c r="AQ5055">
        <v>0</v>
      </c>
      <c r="AR5055">
        <v>0</v>
      </c>
      <c r="AS5055">
        <v>0</v>
      </c>
      <c r="AT5055">
        <v>0</v>
      </c>
      <c r="AU5055">
        <v>0</v>
      </c>
      <c r="AV5055">
        <v>0</v>
      </c>
      <c r="AW5055">
        <v>0</v>
      </c>
      <c r="AX5055">
        <v>5640</v>
      </c>
      <c r="AY5055">
        <v>7</v>
      </c>
      <c r="AZ5055">
        <v>13</v>
      </c>
      <c r="BA5055">
        <v>1831</v>
      </c>
    </row>
    <row r="5056" spans="1:53" x14ac:dyDescent="0.4">
      <c r="A5056">
        <v>5100</v>
      </c>
      <c r="B5056" s="1">
        <v>44778</v>
      </c>
      <c r="C5056">
        <v>1</v>
      </c>
      <c r="D5056" s="1">
        <v>44778.291666666664</v>
      </c>
      <c r="E5056" s="1">
        <v>44778.407638888886</v>
      </c>
      <c r="F5056">
        <v>0</v>
      </c>
      <c r="G5056">
        <v>0</v>
      </c>
      <c r="H5056">
        <v>0</v>
      </c>
      <c r="I5056">
        <v>0</v>
      </c>
      <c r="J5056">
        <v>0</v>
      </c>
      <c r="K5056">
        <v>0</v>
      </c>
      <c r="L5056">
        <v>0</v>
      </c>
      <c r="M5056">
        <v>0</v>
      </c>
      <c r="N5056">
        <v>0</v>
      </c>
      <c r="O5056">
        <v>0</v>
      </c>
      <c r="P5056">
        <v>0</v>
      </c>
      <c r="Q5056">
        <v>0</v>
      </c>
      <c r="R5056">
        <v>0</v>
      </c>
      <c r="S5056">
        <v>0</v>
      </c>
      <c r="T5056">
        <v>0</v>
      </c>
      <c r="U5056">
        <v>0</v>
      </c>
      <c r="V5056">
        <v>0</v>
      </c>
      <c r="W5056">
        <v>1</v>
      </c>
      <c r="X5056">
        <v>0</v>
      </c>
      <c r="Y5056">
        <v>29</v>
      </c>
      <c r="Z5056">
        <v>13</v>
      </c>
      <c r="AA5056">
        <v>71</v>
      </c>
      <c r="AB5056">
        <v>23</v>
      </c>
      <c r="AC5056">
        <v>111</v>
      </c>
      <c r="AD5056">
        <v>15</v>
      </c>
      <c r="AE5056">
        <v>55</v>
      </c>
      <c r="AF5056">
        <v>0</v>
      </c>
      <c r="AG5056">
        <v>49990</v>
      </c>
      <c r="AH5056">
        <v>50000</v>
      </c>
      <c r="AI5056">
        <v>-10</v>
      </c>
      <c r="AJ5056">
        <v>0</v>
      </c>
      <c r="AK5056" t="s">
        <v>6</v>
      </c>
      <c r="AL5056">
        <v>0</v>
      </c>
      <c r="AM5056">
        <v>0</v>
      </c>
      <c r="AN5056">
        <v>0</v>
      </c>
      <c r="AO5056">
        <v>0</v>
      </c>
      <c r="AP5056">
        <v>0</v>
      </c>
      <c r="AQ5056">
        <v>0</v>
      </c>
      <c r="AR5056">
        <v>0</v>
      </c>
      <c r="AS5056">
        <v>0</v>
      </c>
      <c r="AT5056">
        <v>0</v>
      </c>
      <c r="AU5056">
        <v>0</v>
      </c>
      <c r="AV5056">
        <v>0</v>
      </c>
      <c r="AW5056">
        <v>0</v>
      </c>
      <c r="AX5056">
        <v>0</v>
      </c>
      <c r="AY5056">
        <v>0</v>
      </c>
      <c r="AZ5056">
        <v>0</v>
      </c>
      <c r="BA5056">
        <v>0</v>
      </c>
    </row>
    <row r="5057" spans="1:53" x14ac:dyDescent="0.4">
      <c r="A5057">
        <v>5101</v>
      </c>
      <c r="B5057" s="1">
        <v>44778</v>
      </c>
      <c r="C5057">
        <v>2</v>
      </c>
      <c r="D5057" s="1">
        <v>44778.407638888886</v>
      </c>
      <c r="E5057" s="1">
        <v>44778.759027777778</v>
      </c>
      <c r="F5057">
        <v>35440</v>
      </c>
      <c r="G5057">
        <v>1760</v>
      </c>
      <c r="H5057">
        <v>0</v>
      </c>
      <c r="I5057">
        <v>0</v>
      </c>
      <c r="J5057">
        <v>100</v>
      </c>
      <c r="K5057">
        <v>0</v>
      </c>
      <c r="L5057">
        <v>0</v>
      </c>
      <c r="M5057">
        <v>3371</v>
      </c>
      <c r="N5057">
        <v>0</v>
      </c>
      <c r="O5057">
        <v>0</v>
      </c>
      <c r="P5057">
        <v>9590</v>
      </c>
      <c r="Q5057">
        <v>0</v>
      </c>
      <c r="R5057">
        <v>46690</v>
      </c>
      <c r="S5057">
        <v>0</v>
      </c>
      <c r="T5057">
        <v>0</v>
      </c>
      <c r="U5057">
        <v>0</v>
      </c>
      <c r="V5057">
        <v>1</v>
      </c>
      <c r="W5057">
        <v>3</v>
      </c>
      <c r="X5057">
        <v>0</v>
      </c>
      <c r="Y5057">
        <v>45</v>
      </c>
      <c r="Z5057">
        <v>29</v>
      </c>
      <c r="AA5057">
        <v>61</v>
      </c>
      <c r="AB5057">
        <v>23</v>
      </c>
      <c r="AC5057">
        <v>140</v>
      </c>
      <c r="AD5057">
        <v>18</v>
      </c>
      <c r="AE5057">
        <v>50</v>
      </c>
      <c r="AF5057">
        <v>3390</v>
      </c>
      <c r="AG5057">
        <v>96680</v>
      </c>
      <c r="AH5057">
        <v>50000</v>
      </c>
      <c r="AI5057">
        <v>-10</v>
      </c>
      <c r="AJ5057">
        <v>29</v>
      </c>
      <c r="AK5057" t="s">
        <v>62</v>
      </c>
      <c r="AL5057">
        <v>0</v>
      </c>
      <c r="AM5057">
        <v>0</v>
      </c>
      <c r="AN5057">
        <v>0</v>
      </c>
      <c r="AO5057">
        <v>0</v>
      </c>
      <c r="AP5057">
        <v>0</v>
      </c>
      <c r="AQ5057">
        <v>0</v>
      </c>
      <c r="AR5057">
        <v>0</v>
      </c>
      <c r="AS5057">
        <v>0</v>
      </c>
      <c r="AT5057">
        <v>0</v>
      </c>
      <c r="AU5057">
        <v>0</v>
      </c>
      <c r="AV5057">
        <v>0</v>
      </c>
      <c r="AW5057">
        <v>0</v>
      </c>
      <c r="AX5057">
        <v>0</v>
      </c>
      <c r="AY5057">
        <v>46</v>
      </c>
      <c r="AZ5057">
        <v>72</v>
      </c>
      <c r="BA5057">
        <v>6857</v>
      </c>
    </row>
    <row r="5058" spans="1:53" x14ac:dyDescent="0.4">
      <c r="A5058">
        <v>5102</v>
      </c>
      <c r="B5058" s="1">
        <v>44778</v>
      </c>
      <c r="C5058">
        <v>3</v>
      </c>
      <c r="D5058" s="1">
        <v>44778.759027777778</v>
      </c>
      <c r="E5058" s="1">
        <v>44778.952777777777</v>
      </c>
      <c r="F5058">
        <v>21690</v>
      </c>
      <c r="G5058">
        <v>594</v>
      </c>
      <c r="H5058">
        <v>0</v>
      </c>
      <c r="I5058">
        <v>0</v>
      </c>
      <c r="J5058">
        <v>694</v>
      </c>
      <c r="K5058">
        <v>0</v>
      </c>
      <c r="L5058">
        <v>0</v>
      </c>
      <c r="M5058">
        <v>1963</v>
      </c>
      <c r="N5058">
        <v>0</v>
      </c>
      <c r="O5058">
        <v>0</v>
      </c>
      <c r="P5058">
        <v>-9590</v>
      </c>
      <c r="Q5058">
        <v>0</v>
      </c>
      <c r="R5058">
        <v>12000</v>
      </c>
      <c r="S5058">
        <v>0</v>
      </c>
      <c r="T5058">
        <v>0</v>
      </c>
      <c r="U5058">
        <v>0</v>
      </c>
      <c r="V5058">
        <v>1</v>
      </c>
      <c r="W5058">
        <v>4</v>
      </c>
      <c r="X5058">
        <v>0</v>
      </c>
      <c r="Y5058">
        <v>46</v>
      </c>
      <c r="Z5058">
        <v>32</v>
      </c>
      <c r="AA5058">
        <v>99</v>
      </c>
      <c r="AB5058">
        <v>24</v>
      </c>
      <c r="AC5058">
        <v>144</v>
      </c>
      <c r="AD5058">
        <v>20</v>
      </c>
      <c r="AE5058">
        <v>56</v>
      </c>
      <c r="AF5058">
        <v>3994</v>
      </c>
      <c r="AG5058">
        <v>108690</v>
      </c>
      <c r="AH5058">
        <v>50000</v>
      </c>
      <c r="AI5058">
        <v>0</v>
      </c>
      <c r="AJ5058">
        <v>29</v>
      </c>
      <c r="AK5058" t="s">
        <v>62</v>
      </c>
      <c r="AL5058">
        <v>0</v>
      </c>
      <c r="AM5058">
        <v>0</v>
      </c>
      <c r="AN5058">
        <v>0</v>
      </c>
      <c r="AO5058">
        <v>0</v>
      </c>
      <c r="AP5058">
        <v>0</v>
      </c>
      <c r="AQ5058">
        <v>0</v>
      </c>
      <c r="AR5058">
        <v>0</v>
      </c>
      <c r="AS5058">
        <v>0</v>
      </c>
      <c r="AT5058">
        <v>0</v>
      </c>
      <c r="AU5058">
        <v>0</v>
      </c>
      <c r="AV5058">
        <v>0</v>
      </c>
      <c r="AW5058">
        <v>0</v>
      </c>
      <c r="AX5058">
        <v>22808</v>
      </c>
      <c r="AY5058">
        <v>10</v>
      </c>
      <c r="AZ5058">
        <v>25</v>
      </c>
      <c r="BA5058">
        <v>1544</v>
      </c>
    </row>
    <row r="5059" spans="1:53" x14ac:dyDescent="0.4">
      <c r="A5059">
        <v>5103</v>
      </c>
      <c r="B5059" s="1">
        <v>44778</v>
      </c>
      <c r="C5059">
        <v>4</v>
      </c>
      <c r="D5059" s="1">
        <v>44778.952777777777</v>
      </c>
      <c r="E5059" s="1">
        <v>44779.140277777777</v>
      </c>
      <c r="F5059">
        <v>62320</v>
      </c>
      <c r="G5059">
        <v>858</v>
      </c>
      <c r="H5059">
        <v>0</v>
      </c>
      <c r="I5059">
        <v>0</v>
      </c>
      <c r="J5059">
        <v>0</v>
      </c>
      <c r="K5059">
        <v>0</v>
      </c>
      <c r="L5059">
        <v>0</v>
      </c>
      <c r="M5059">
        <v>5743</v>
      </c>
      <c r="N5059">
        <v>0</v>
      </c>
      <c r="O5059">
        <v>0</v>
      </c>
      <c r="P5059">
        <v>32100</v>
      </c>
      <c r="Q5059">
        <v>0</v>
      </c>
      <c r="R5059">
        <v>95278</v>
      </c>
      <c r="S5059">
        <v>0</v>
      </c>
      <c r="T5059">
        <v>0</v>
      </c>
      <c r="U5059">
        <v>0</v>
      </c>
      <c r="V5059">
        <v>7</v>
      </c>
      <c r="W5059">
        <v>5</v>
      </c>
      <c r="X5059">
        <v>0</v>
      </c>
      <c r="Y5059">
        <v>65</v>
      </c>
      <c r="Z5059">
        <v>28</v>
      </c>
      <c r="AA5059">
        <v>92</v>
      </c>
      <c r="AB5059">
        <v>24</v>
      </c>
      <c r="AC5059">
        <v>136</v>
      </c>
      <c r="AD5059">
        <v>20</v>
      </c>
      <c r="AE5059">
        <v>54</v>
      </c>
      <c r="AF5059">
        <v>18054</v>
      </c>
      <c r="AG5059">
        <v>203968</v>
      </c>
      <c r="AH5059">
        <v>50000</v>
      </c>
      <c r="AI5059">
        <v>0</v>
      </c>
      <c r="AJ5059">
        <v>119</v>
      </c>
      <c r="AK5059" t="s">
        <v>56</v>
      </c>
      <c r="AL5059">
        <v>0</v>
      </c>
      <c r="AM5059">
        <v>0</v>
      </c>
      <c r="AN5059">
        <v>0</v>
      </c>
      <c r="AO5059">
        <v>0</v>
      </c>
      <c r="AP5059">
        <v>0</v>
      </c>
      <c r="AQ5059">
        <v>0</v>
      </c>
      <c r="AR5059">
        <v>0</v>
      </c>
      <c r="AS5059">
        <v>0</v>
      </c>
      <c r="AT5059">
        <v>0</v>
      </c>
      <c r="AU5059">
        <v>0</v>
      </c>
      <c r="AV5059">
        <v>0</v>
      </c>
      <c r="AW5059">
        <v>0</v>
      </c>
      <c r="AX5059">
        <v>1375</v>
      </c>
      <c r="AY5059">
        <v>9</v>
      </c>
      <c r="AZ5059">
        <v>25</v>
      </c>
      <c r="BA5059">
        <v>1763</v>
      </c>
    </row>
    <row r="5060" spans="1:53" x14ac:dyDescent="0.4">
      <c r="A5060">
        <v>5104</v>
      </c>
      <c r="B5060" s="1">
        <v>44779</v>
      </c>
      <c r="C5060">
        <v>1</v>
      </c>
      <c r="D5060" s="1">
        <v>44779.291666666664</v>
      </c>
      <c r="E5060" s="1">
        <v>44779.415972222225</v>
      </c>
      <c r="F5060">
        <v>0</v>
      </c>
      <c r="G5060">
        <v>0</v>
      </c>
      <c r="H5060">
        <v>0</v>
      </c>
      <c r="I5060">
        <v>0</v>
      </c>
      <c r="J5060">
        <v>0</v>
      </c>
      <c r="K5060">
        <v>0</v>
      </c>
      <c r="L5060">
        <v>0</v>
      </c>
      <c r="M5060">
        <v>0</v>
      </c>
      <c r="N5060">
        <v>0</v>
      </c>
      <c r="O5060">
        <v>0</v>
      </c>
      <c r="P5060">
        <v>0</v>
      </c>
      <c r="Q5060">
        <v>0</v>
      </c>
      <c r="R5060">
        <v>0</v>
      </c>
      <c r="S5060">
        <v>0</v>
      </c>
      <c r="T5060">
        <v>0</v>
      </c>
      <c r="U5060">
        <v>0</v>
      </c>
      <c r="V5060">
        <v>0</v>
      </c>
      <c r="W5060">
        <v>1</v>
      </c>
      <c r="X5060">
        <v>0</v>
      </c>
      <c r="Y5060">
        <v>25</v>
      </c>
      <c r="Z5060">
        <v>16</v>
      </c>
      <c r="AA5060">
        <v>95</v>
      </c>
      <c r="AB5060">
        <v>26</v>
      </c>
      <c r="AC5060">
        <v>106</v>
      </c>
      <c r="AD5060">
        <v>18</v>
      </c>
      <c r="AE5060">
        <v>50</v>
      </c>
      <c r="AF5060">
        <v>0</v>
      </c>
      <c r="AG5060">
        <v>50000</v>
      </c>
      <c r="AH5060">
        <v>50000</v>
      </c>
      <c r="AI5060">
        <v>0</v>
      </c>
      <c r="AJ5060">
        <v>0</v>
      </c>
      <c r="AK5060" t="s">
        <v>6</v>
      </c>
      <c r="AL5060">
        <v>0</v>
      </c>
      <c r="AM5060">
        <v>0</v>
      </c>
      <c r="AN5060">
        <v>0</v>
      </c>
      <c r="AO5060">
        <v>0</v>
      </c>
      <c r="AP5060">
        <v>0</v>
      </c>
      <c r="AQ5060">
        <v>0</v>
      </c>
      <c r="AR5060">
        <v>0</v>
      </c>
      <c r="AS5060">
        <v>0</v>
      </c>
      <c r="AT5060">
        <v>0</v>
      </c>
      <c r="AU5060">
        <v>0</v>
      </c>
      <c r="AV5060">
        <v>0</v>
      </c>
      <c r="AW5060">
        <v>0</v>
      </c>
      <c r="AX5060">
        <v>0</v>
      </c>
      <c r="AY5060">
        <v>0</v>
      </c>
      <c r="AZ5060">
        <v>0</v>
      </c>
      <c r="BA5060">
        <v>0</v>
      </c>
    </row>
    <row r="5061" spans="1:53" x14ac:dyDescent="0.4">
      <c r="A5061">
        <v>5105</v>
      </c>
      <c r="B5061" s="1">
        <v>44779</v>
      </c>
      <c r="C5061">
        <v>2</v>
      </c>
      <c r="D5061" s="1">
        <v>44779.415972222225</v>
      </c>
      <c r="E5061" s="1">
        <v>44779.741666666669</v>
      </c>
      <c r="F5061">
        <v>37705</v>
      </c>
      <c r="G5061">
        <v>4180</v>
      </c>
      <c r="H5061">
        <v>0</v>
      </c>
      <c r="I5061">
        <v>0</v>
      </c>
      <c r="J5061">
        <v>0</v>
      </c>
      <c r="K5061">
        <v>2400</v>
      </c>
      <c r="L5061">
        <v>0</v>
      </c>
      <c r="M5061">
        <v>4024</v>
      </c>
      <c r="N5061">
        <v>0</v>
      </c>
      <c r="O5061">
        <v>0</v>
      </c>
      <c r="P5061">
        <v>26210</v>
      </c>
      <c r="Q5061">
        <v>0</v>
      </c>
      <c r="R5061">
        <v>70495</v>
      </c>
      <c r="S5061">
        <v>0</v>
      </c>
      <c r="T5061">
        <v>0</v>
      </c>
      <c r="U5061">
        <v>0</v>
      </c>
      <c r="V5061">
        <v>3</v>
      </c>
      <c r="W5061">
        <v>2</v>
      </c>
      <c r="X5061">
        <v>0</v>
      </c>
      <c r="Y5061">
        <v>53</v>
      </c>
      <c r="Z5061">
        <v>24</v>
      </c>
      <c r="AA5061">
        <v>112</v>
      </c>
      <c r="AB5061">
        <v>34</v>
      </c>
      <c r="AC5061">
        <v>135</v>
      </c>
      <c r="AD5061">
        <v>20</v>
      </c>
      <c r="AE5061">
        <v>50</v>
      </c>
      <c r="AF5061">
        <v>1200</v>
      </c>
      <c r="AG5061">
        <v>120600</v>
      </c>
      <c r="AH5061">
        <v>50000</v>
      </c>
      <c r="AI5061">
        <v>105</v>
      </c>
      <c r="AJ5061">
        <v>29</v>
      </c>
      <c r="AK5061" t="s">
        <v>62</v>
      </c>
      <c r="AL5061">
        <v>0</v>
      </c>
      <c r="AM5061">
        <v>0</v>
      </c>
      <c r="AN5061">
        <v>0</v>
      </c>
      <c r="AO5061">
        <v>0</v>
      </c>
      <c r="AP5061">
        <v>0</v>
      </c>
      <c r="AQ5061">
        <v>0</v>
      </c>
      <c r="AR5061">
        <v>0</v>
      </c>
      <c r="AS5061">
        <v>0</v>
      </c>
      <c r="AT5061">
        <v>0</v>
      </c>
      <c r="AU5061">
        <v>0</v>
      </c>
      <c r="AV5061">
        <v>0</v>
      </c>
      <c r="AW5061">
        <v>0</v>
      </c>
      <c r="AX5061">
        <v>4501</v>
      </c>
      <c r="AY5061">
        <v>45</v>
      </c>
      <c r="AZ5061">
        <v>102</v>
      </c>
      <c r="BA5061">
        <v>6812</v>
      </c>
    </row>
    <row r="5062" spans="1:53" x14ac:dyDescent="0.4">
      <c r="A5062">
        <v>5106</v>
      </c>
      <c r="B5062" s="1">
        <v>44779</v>
      </c>
      <c r="C5062">
        <v>3</v>
      </c>
      <c r="D5062" s="1">
        <v>44779.741666666669</v>
      </c>
      <c r="E5062" s="1">
        <v>44779.870833333334</v>
      </c>
      <c r="F5062">
        <v>33265</v>
      </c>
      <c r="G5062">
        <v>4824</v>
      </c>
      <c r="H5062">
        <v>0</v>
      </c>
      <c r="I5062">
        <v>0</v>
      </c>
      <c r="J5062">
        <v>0</v>
      </c>
      <c r="K5062">
        <v>0</v>
      </c>
      <c r="L5062">
        <v>0</v>
      </c>
      <c r="M5062">
        <v>3462</v>
      </c>
      <c r="N5062">
        <v>0</v>
      </c>
      <c r="O5062">
        <v>0</v>
      </c>
      <c r="P5062">
        <v>-24050</v>
      </c>
      <c r="Q5062">
        <v>0</v>
      </c>
      <c r="R5062">
        <v>14039</v>
      </c>
      <c r="S5062">
        <v>0</v>
      </c>
      <c r="T5062">
        <v>0</v>
      </c>
      <c r="U5062">
        <v>0</v>
      </c>
      <c r="V5062">
        <v>3</v>
      </c>
      <c r="W5062">
        <v>2</v>
      </c>
      <c r="X5062">
        <v>0</v>
      </c>
      <c r="Y5062">
        <v>65</v>
      </c>
      <c r="Z5062">
        <v>24</v>
      </c>
      <c r="AA5062">
        <v>128</v>
      </c>
      <c r="AB5062">
        <v>36</v>
      </c>
      <c r="AC5062">
        <v>158</v>
      </c>
      <c r="AD5062">
        <v>21</v>
      </c>
      <c r="AE5062">
        <v>49</v>
      </c>
      <c r="AF5062">
        <v>1200</v>
      </c>
      <c r="AG5062">
        <v>134534</v>
      </c>
      <c r="AH5062">
        <v>50000</v>
      </c>
      <c r="AI5062">
        <v>0</v>
      </c>
      <c r="AJ5062">
        <v>108</v>
      </c>
      <c r="AK5062" t="s">
        <v>3</v>
      </c>
      <c r="AL5062">
        <v>0</v>
      </c>
      <c r="AM5062">
        <v>0</v>
      </c>
      <c r="AN5062">
        <v>0</v>
      </c>
      <c r="AO5062">
        <v>0</v>
      </c>
      <c r="AP5062">
        <v>0</v>
      </c>
      <c r="AQ5062">
        <v>0</v>
      </c>
      <c r="AR5062">
        <v>0</v>
      </c>
      <c r="AS5062">
        <v>0</v>
      </c>
      <c r="AT5062">
        <v>0</v>
      </c>
      <c r="AU5062">
        <v>0</v>
      </c>
      <c r="AV5062">
        <v>0</v>
      </c>
      <c r="AW5062">
        <v>0</v>
      </c>
      <c r="AX5062">
        <v>11975</v>
      </c>
      <c r="AY5062">
        <v>10</v>
      </c>
      <c r="AZ5062">
        <v>24</v>
      </c>
      <c r="BA5062">
        <v>2071</v>
      </c>
    </row>
    <row r="5063" spans="1:53" x14ac:dyDescent="0.4">
      <c r="A5063">
        <v>5107</v>
      </c>
      <c r="B5063" s="1">
        <v>44779</v>
      </c>
      <c r="C5063">
        <v>4</v>
      </c>
      <c r="D5063" s="1">
        <v>44779.870833333334</v>
      </c>
      <c r="E5063" s="1">
        <v>44779.988888888889</v>
      </c>
      <c r="F5063">
        <v>34920</v>
      </c>
      <c r="G5063">
        <v>275</v>
      </c>
      <c r="H5063">
        <v>0</v>
      </c>
      <c r="I5063">
        <v>0</v>
      </c>
      <c r="J5063">
        <v>0</v>
      </c>
      <c r="K5063">
        <v>0</v>
      </c>
      <c r="L5063">
        <v>0</v>
      </c>
      <c r="M5063">
        <v>3199</v>
      </c>
      <c r="N5063">
        <v>0</v>
      </c>
      <c r="O5063">
        <v>0</v>
      </c>
      <c r="P5063">
        <v>17800</v>
      </c>
      <c r="Q5063">
        <v>0</v>
      </c>
      <c r="R5063">
        <v>52995</v>
      </c>
      <c r="S5063">
        <v>0</v>
      </c>
      <c r="T5063">
        <v>0</v>
      </c>
      <c r="U5063">
        <v>0</v>
      </c>
      <c r="V5063">
        <v>3</v>
      </c>
      <c r="W5063">
        <v>4</v>
      </c>
      <c r="X5063">
        <v>0</v>
      </c>
      <c r="Y5063">
        <v>79</v>
      </c>
      <c r="Z5063">
        <v>26</v>
      </c>
      <c r="AA5063">
        <v>138</v>
      </c>
      <c r="AB5063">
        <v>38</v>
      </c>
      <c r="AC5063">
        <v>150</v>
      </c>
      <c r="AD5063">
        <v>20</v>
      </c>
      <c r="AE5063">
        <v>49</v>
      </c>
      <c r="AF5063">
        <v>28180</v>
      </c>
      <c r="AG5063">
        <v>187529</v>
      </c>
      <c r="AH5063">
        <v>50000</v>
      </c>
      <c r="AI5063">
        <v>0</v>
      </c>
      <c r="AJ5063">
        <v>95</v>
      </c>
      <c r="AK5063" t="s">
        <v>21</v>
      </c>
      <c r="AL5063">
        <v>0</v>
      </c>
      <c r="AM5063">
        <v>0</v>
      </c>
      <c r="AN5063">
        <v>0</v>
      </c>
      <c r="AO5063">
        <v>0</v>
      </c>
      <c r="AP5063">
        <v>0</v>
      </c>
      <c r="AQ5063">
        <v>0</v>
      </c>
      <c r="AR5063">
        <v>0</v>
      </c>
      <c r="AS5063">
        <v>0</v>
      </c>
      <c r="AT5063">
        <v>0</v>
      </c>
      <c r="AU5063">
        <v>0</v>
      </c>
      <c r="AV5063">
        <v>0</v>
      </c>
      <c r="AW5063">
        <v>0</v>
      </c>
      <c r="AX5063">
        <v>5680</v>
      </c>
      <c r="AY5063">
        <v>5</v>
      </c>
      <c r="AZ5063">
        <v>16</v>
      </c>
      <c r="BA5063">
        <v>806</v>
      </c>
    </row>
    <row r="5064" spans="1:53" x14ac:dyDescent="0.4">
      <c r="A5064">
        <v>5108</v>
      </c>
      <c r="B5064" s="1">
        <v>44780</v>
      </c>
      <c r="C5064">
        <v>1</v>
      </c>
      <c r="D5064" s="1">
        <v>44780.291666666664</v>
      </c>
      <c r="E5064" s="1">
        <v>44780.397222222222</v>
      </c>
      <c r="F5064">
        <v>0</v>
      </c>
      <c r="G5064">
        <v>0</v>
      </c>
      <c r="H5064">
        <v>0</v>
      </c>
      <c r="I5064">
        <v>0</v>
      </c>
      <c r="J5064">
        <v>0</v>
      </c>
      <c r="K5064">
        <v>0</v>
      </c>
      <c r="L5064">
        <v>0</v>
      </c>
      <c r="M5064">
        <v>0</v>
      </c>
      <c r="N5064">
        <v>0</v>
      </c>
      <c r="O5064">
        <v>0</v>
      </c>
      <c r="P5064">
        <v>0</v>
      </c>
      <c r="Q5064">
        <v>0</v>
      </c>
      <c r="R5064">
        <v>0</v>
      </c>
      <c r="S5064">
        <v>0</v>
      </c>
      <c r="T5064">
        <v>0</v>
      </c>
      <c r="U5064">
        <v>0</v>
      </c>
      <c r="V5064">
        <v>0</v>
      </c>
      <c r="W5064">
        <v>1</v>
      </c>
      <c r="X5064">
        <v>0</v>
      </c>
      <c r="Y5064">
        <v>23</v>
      </c>
      <c r="Z5064">
        <v>11</v>
      </c>
      <c r="AA5064">
        <v>132</v>
      </c>
      <c r="AB5064">
        <v>37</v>
      </c>
      <c r="AC5064">
        <v>131</v>
      </c>
      <c r="AD5064">
        <v>19</v>
      </c>
      <c r="AE5064">
        <v>45</v>
      </c>
      <c r="AF5064">
        <v>0</v>
      </c>
      <c r="AG5064">
        <v>50000</v>
      </c>
      <c r="AH5064">
        <v>50000</v>
      </c>
      <c r="AI5064">
        <v>0</v>
      </c>
      <c r="AJ5064">
        <v>0</v>
      </c>
      <c r="AK5064" t="s">
        <v>6</v>
      </c>
      <c r="AL5064">
        <v>0</v>
      </c>
      <c r="AM5064">
        <v>0</v>
      </c>
      <c r="AN5064">
        <v>0</v>
      </c>
      <c r="AO5064">
        <v>0</v>
      </c>
      <c r="AP5064">
        <v>0</v>
      </c>
      <c r="AQ5064">
        <v>0</v>
      </c>
      <c r="AR5064">
        <v>0</v>
      </c>
      <c r="AS5064">
        <v>0</v>
      </c>
      <c r="AT5064">
        <v>0</v>
      </c>
      <c r="AU5064">
        <v>0</v>
      </c>
      <c r="AV5064">
        <v>0</v>
      </c>
      <c r="AW5064">
        <v>0</v>
      </c>
      <c r="AX5064">
        <v>0</v>
      </c>
      <c r="AY5064">
        <v>0</v>
      </c>
      <c r="AZ5064">
        <v>0</v>
      </c>
      <c r="BA5064">
        <v>0</v>
      </c>
    </row>
    <row r="5065" spans="1:53" x14ac:dyDescent="0.4">
      <c r="A5065">
        <v>5109</v>
      </c>
      <c r="B5065" s="1">
        <v>44780</v>
      </c>
      <c r="C5065">
        <v>2</v>
      </c>
      <c r="D5065" s="1">
        <v>44780.397222222222</v>
      </c>
      <c r="E5065" s="1">
        <v>44780.745833333334</v>
      </c>
      <c r="F5065">
        <v>42975</v>
      </c>
      <c r="G5065">
        <v>1452</v>
      </c>
      <c r="H5065">
        <v>0</v>
      </c>
      <c r="I5065">
        <v>0</v>
      </c>
      <c r="J5065">
        <v>100</v>
      </c>
      <c r="K5065">
        <v>400</v>
      </c>
      <c r="L5065">
        <v>0</v>
      </c>
      <c r="M5065">
        <v>4063</v>
      </c>
      <c r="N5065">
        <v>0</v>
      </c>
      <c r="O5065">
        <v>0</v>
      </c>
      <c r="P5065">
        <v>15200</v>
      </c>
      <c r="Q5065">
        <v>0</v>
      </c>
      <c r="R5065">
        <v>59927</v>
      </c>
      <c r="S5065">
        <v>0</v>
      </c>
      <c r="T5065">
        <v>0</v>
      </c>
      <c r="U5065">
        <v>0</v>
      </c>
      <c r="V5065">
        <v>4</v>
      </c>
      <c r="W5065">
        <v>1</v>
      </c>
      <c r="X5065">
        <v>0</v>
      </c>
      <c r="Y5065">
        <v>37</v>
      </c>
      <c r="Z5065">
        <v>16</v>
      </c>
      <c r="AA5065">
        <v>136</v>
      </c>
      <c r="AB5065">
        <v>30</v>
      </c>
      <c r="AC5065">
        <v>167</v>
      </c>
      <c r="AD5065">
        <v>19</v>
      </c>
      <c r="AE5065">
        <v>52</v>
      </c>
      <c r="AF5065">
        <v>3010</v>
      </c>
      <c r="AG5065">
        <v>109927</v>
      </c>
      <c r="AH5065">
        <v>50000</v>
      </c>
      <c r="AI5065">
        <v>0</v>
      </c>
      <c r="AJ5065">
        <v>118</v>
      </c>
      <c r="AK5065" t="s">
        <v>59</v>
      </c>
      <c r="AL5065">
        <v>0</v>
      </c>
      <c r="AM5065">
        <v>0</v>
      </c>
      <c r="AN5065">
        <v>0</v>
      </c>
      <c r="AO5065">
        <v>0</v>
      </c>
      <c r="AP5065">
        <v>0</v>
      </c>
      <c r="AQ5065">
        <v>0</v>
      </c>
      <c r="AR5065">
        <v>0</v>
      </c>
      <c r="AS5065">
        <v>0</v>
      </c>
      <c r="AT5065">
        <v>0</v>
      </c>
      <c r="AU5065">
        <v>0</v>
      </c>
      <c r="AV5065">
        <v>0</v>
      </c>
      <c r="AW5065">
        <v>0</v>
      </c>
      <c r="AX5065">
        <v>2442</v>
      </c>
      <c r="AY5065">
        <v>48</v>
      </c>
      <c r="AZ5065">
        <v>95</v>
      </c>
      <c r="BA5065">
        <v>7566</v>
      </c>
    </row>
    <row r="5066" spans="1:53" x14ac:dyDescent="0.4">
      <c r="A5066">
        <v>5110</v>
      </c>
      <c r="B5066" s="1">
        <v>44780</v>
      </c>
      <c r="C5066">
        <v>3</v>
      </c>
      <c r="D5066" s="1">
        <v>44780.745833333334</v>
      </c>
      <c r="E5066" s="1">
        <v>44780.953472222223</v>
      </c>
      <c r="F5066">
        <v>21880</v>
      </c>
      <c r="G5066">
        <v>2442</v>
      </c>
      <c r="H5066">
        <v>0</v>
      </c>
      <c r="I5066">
        <v>0</v>
      </c>
      <c r="J5066">
        <v>0</v>
      </c>
      <c r="K5066">
        <v>720</v>
      </c>
      <c r="L5066">
        <v>0</v>
      </c>
      <c r="M5066">
        <v>2275</v>
      </c>
      <c r="N5066">
        <v>0</v>
      </c>
      <c r="O5066">
        <v>0</v>
      </c>
      <c r="P5066">
        <v>-15200</v>
      </c>
      <c r="Q5066">
        <v>0</v>
      </c>
      <c r="R5066">
        <v>9842</v>
      </c>
      <c r="S5066">
        <v>0</v>
      </c>
      <c r="T5066">
        <v>0</v>
      </c>
      <c r="U5066">
        <v>0</v>
      </c>
      <c r="V5066">
        <v>4</v>
      </c>
      <c r="W5066">
        <v>1</v>
      </c>
      <c r="X5066">
        <v>0</v>
      </c>
      <c r="Y5066">
        <v>44</v>
      </c>
      <c r="Z5066">
        <v>17</v>
      </c>
      <c r="AA5066">
        <v>151</v>
      </c>
      <c r="AB5066">
        <v>28</v>
      </c>
      <c r="AC5066">
        <v>188</v>
      </c>
      <c r="AD5066">
        <v>21</v>
      </c>
      <c r="AE5066">
        <v>54</v>
      </c>
      <c r="AF5066">
        <v>3730</v>
      </c>
      <c r="AG5066">
        <v>119769</v>
      </c>
      <c r="AH5066">
        <v>50000</v>
      </c>
      <c r="AI5066">
        <v>0</v>
      </c>
      <c r="AJ5066">
        <v>29</v>
      </c>
      <c r="AK5066" t="s">
        <v>62</v>
      </c>
      <c r="AL5066">
        <v>0</v>
      </c>
      <c r="AM5066">
        <v>0</v>
      </c>
      <c r="AN5066">
        <v>0</v>
      </c>
      <c r="AO5066">
        <v>0</v>
      </c>
      <c r="AP5066">
        <v>0</v>
      </c>
      <c r="AQ5066">
        <v>0</v>
      </c>
      <c r="AR5066">
        <v>0</v>
      </c>
      <c r="AS5066">
        <v>0</v>
      </c>
      <c r="AT5066">
        <v>0</v>
      </c>
      <c r="AU5066">
        <v>0</v>
      </c>
      <c r="AV5066">
        <v>0</v>
      </c>
      <c r="AW5066">
        <v>0</v>
      </c>
      <c r="AX5066">
        <v>4320</v>
      </c>
      <c r="AY5066">
        <v>5</v>
      </c>
      <c r="AZ5066">
        <v>11</v>
      </c>
      <c r="BA5066">
        <v>1374</v>
      </c>
    </row>
    <row r="5067" spans="1:53" x14ac:dyDescent="0.4">
      <c r="A5067">
        <v>5111</v>
      </c>
      <c r="B5067" s="1">
        <v>44781</v>
      </c>
      <c r="C5067">
        <v>1</v>
      </c>
      <c r="D5067" s="1">
        <v>44781.291666666664</v>
      </c>
      <c r="E5067" s="1">
        <v>44781.40347222222</v>
      </c>
      <c r="F5067">
        <v>0</v>
      </c>
      <c r="G5067">
        <v>0</v>
      </c>
      <c r="H5067">
        <v>0</v>
      </c>
      <c r="I5067">
        <v>0</v>
      </c>
      <c r="J5067">
        <v>0</v>
      </c>
      <c r="K5067">
        <v>0</v>
      </c>
      <c r="L5067">
        <v>0</v>
      </c>
      <c r="M5067">
        <v>0</v>
      </c>
      <c r="N5067">
        <v>0</v>
      </c>
      <c r="O5067">
        <v>0</v>
      </c>
      <c r="P5067">
        <v>0</v>
      </c>
      <c r="Q5067">
        <v>0</v>
      </c>
      <c r="R5067">
        <v>0</v>
      </c>
      <c r="S5067">
        <v>0</v>
      </c>
      <c r="T5067">
        <v>0</v>
      </c>
      <c r="U5067">
        <v>0</v>
      </c>
      <c r="V5067">
        <v>0</v>
      </c>
      <c r="W5067">
        <v>1</v>
      </c>
      <c r="X5067">
        <v>0</v>
      </c>
      <c r="Y5067">
        <v>25</v>
      </c>
      <c r="Z5067">
        <v>10</v>
      </c>
      <c r="AA5067">
        <v>124</v>
      </c>
      <c r="AB5067">
        <v>28</v>
      </c>
      <c r="AC5067">
        <v>105</v>
      </c>
      <c r="AD5067">
        <v>20</v>
      </c>
      <c r="AE5067">
        <v>50</v>
      </c>
      <c r="AF5067">
        <v>0</v>
      </c>
      <c r="AG5067">
        <v>50000</v>
      </c>
      <c r="AH5067">
        <v>50000</v>
      </c>
      <c r="AI5067">
        <v>0</v>
      </c>
      <c r="AJ5067">
        <v>0</v>
      </c>
      <c r="AK5067" t="s">
        <v>6</v>
      </c>
      <c r="AL5067">
        <v>0</v>
      </c>
      <c r="AM5067">
        <v>0</v>
      </c>
      <c r="AN5067">
        <v>0</v>
      </c>
      <c r="AO5067">
        <v>0</v>
      </c>
      <c r="AP5067">
        <v>0</v>
      </c>
      <c r="AQ5067">
        <v>0</v>
      </c>
      <c r="AR5067">
        <v>0</v>
      </c>
      <c r="AS5067">
        <v>0</v>
      </c>
      <c r="AT5067">
        <v>0</v>
      </c>
      <c r="AU5067">
        <v>0</v>
      </c>
      <c r="AV5067">
        <v>0</v>
      </c>
      <c r="AW5067">
        <v>0</v>
      </c>
      <c r="AX5067">
        <v>0</v>
      </c>
      <c r="AY5067">
        <v>0</v>
      </c>
      <c r="AZ5067">
        <v>0</v>
      </c>
      <c r="BA5067">
        <v>0</v>
      </c>
    </row>
    <row r="5068" spans="1:53" x14ac:dyDescent="0.4">
      <c r="A5068">
        <v>5112</v>
      </c>
      <c r="B5068" s="1">
        <v>44781</v>
      </c>
      <c r="C5068">
        <v>2</v>
      </c>
      <c r="D5068" s="1">
        <v>44781.40347222222</v>
      </c>
      <c r="E5068" s="1">
        <v>44781.742361111108</v>
      </c>
      <c r="F5068">
        <v>40070</v>
      </c>
      <c r="G5068">
        <v>2992</v>
      </c>
      <c r="H5068">
        <v>0</v>
      </c>
      <c r="I5068">
        <v>0</v>
      </c>
      <c r="J5068">
        <v>100</v>
      </c>
      <c r="K5068">
        <v>400</v>
      </c>
      <c r="L5068">
        <v>0</v>
      </c>
      <c r="M5068">
        <v>3937</v>
      </c>
      <c r="N5068">
        <v>0</v>
      </c>
      <c r="O5068">
        <v>0</v>
      </c>
      <c r="P5068">
        <v>8980</v>
      </c>
      <c r="Q5068">
        <v>0</v>
      </c>
      <c r="R5068">
        <v>52342</v>
      </c>
      <c r="S5068">
        <v>0</v>
      </c>
      <c r="T5068">
        <v>0</v>
      </c>
      <c r="U5068">
        <v>0</v>
      </c>
      <c r="V5068">
        <v>0</v>
      </c>
      <c r="W5068">
        <v>6</v>
      </c>
      <c r="X5068">
        <v>0</v>
      </c>
      <c r="Y5068">
        <v>46</v>
      </c>
      <c r="Z5068">
        <v>13</v>
      </c>
      <c r="AA5068">
        <v>134</v>
      </c>
      <c r="AB5068">
        <v>37</v>
      </c>
      <c r="AC5068">
        <v>139</v>
      </c>
      <c r="AD5068">
        <v>18</v>
      </c>
      <c r="AE5068">
        <v>62</v>
      </c>
      <c r="AF5068">
        <v>3050</v>
      </c>
      <c r="AG5068">
        <v>102342</v>
      </c>
      <c r="AH5068">
        <v>50000</v>
      </c>
      <c r="AI5068">
        <v>0</v>
      </c>
      <c r="AJ5068">
        <v>118</v>
      </c>
      <c r="AK5068" t="s">
        <v>59</v>
      </c>
      <c r="AL5068">
        <v>0</v>
      </c>
      <c r="AM5068">
        <v>0</v>
      </c>
      <c r="AN5068">
        <v>0</v>
      </c>
      <c r="AO5068">
        <v>0</v>
      </c>
      <c r="AP5068">
        <v>0</v>
      </c>
      <c r="AQ5068">
        <v>0</v>
      </c>
      <c r="AR5068">
        <v>0</v>
      </c>
      <c r="AS5068">
        <v>0</v>
      </c>
      <c r="AT5068">
        <v>0</v>
      </c>
      <c r="AU5068">
        <v>0</v>
      </c>
      <c r="AV5068">
        <v>0</v>
      </c>
      <c r="AW5068">
        <v>0</v>
      </c>
      <c r="AX5068">
        <v>0</v>
      </c>
      <c r="AY5068">
        <v>44</v>
      </c>
      <c r="AZ5068">
        <v>80</v>
      </c>
      <c r="BA5068">
        <v>6864</v>
      </c>
    </row>
    <row r="5069" spans="1:53" x14ac:dyDescent="0.4">
      <c r="A5069">
        <v>5113</v>
      </c>
      <c r="B5069" s="1">
        <v>44781</v>
      </c>
      <c r="C5069">
        <v>3</v>
      </c>
      <c r="D5069" s="1">
        <v>44781.742361111108</v>
      </c>
      <c r="E5069" s="1">
        <v>44781.852777777778</v>
      </c>
      <c r="F5069">
        <v>15690</v>
      </c>
      <c r="G5069">
        <v>0</v>
      </c>
      <c r="H5069">
        <v>0</v>
      </c>
      <c r="I5069">
        <v>0</v>
      </c>
      <c r="J5069">
        <v>0</v>
      </c>
      <c r="K5069">
        <v>0</v>
      </c>
      <c r="L5069">
        <v>0</v>
      </c>
      <c r="M5069">
        <v>1425</v>
      </c>
      <c r="N5069">
        <v>0</v>
      </c>
      <c r="O5069">
        <v>0</v>
      </c>
      <c r="P5069">
        <v>-4660</v>
      </c>
      <c r="Q5069">
        <v>0</v>
      </c>
      <c r="R5069">
        <v>11030</v>
      </c>
      <c r="S5069">
        <v>0</v>
      </c>
      <c r="T5069">
        <v>0</v>
      </c>
      <c r="U5069">
        <v>0</v>
      </c>
      <c r="V5069">
        <v>1</v>
      </c>
      <c r="W5069">
        <v>5</v>
      </c>
      <c r="X5069">
        <v>0</v>
      </c>
      <c r="Y5069">
        <v>50</v>
      </c>
      <c r="Z5069">
        <v>10</v>
      </c>
      <c r="AA5069">
        <v>136</v>
      </c>
      <c r="AB5069">
        <v>37</v>
      </c>
      <c r="AC5069">
        <v>142</v>
      </c>
      <c r="AD5069">
        <v>18</v>
      </c>
      <c r="AE5069">
        <v>62</v>
      </c>
      <c r="AF5069">
        <v>4250</v>
      </c>
      <c r="AG5069">
        <v>111272</v>
      </c>
      <c r="AH5069">
        <v>50000</v>
      </c>
      <c r="AI5069">
        <v>-2100</v>
      </c>
      <c r="AJ5069">
        <v>95</v>
      </c>
      <c r="AK5069" t="s">
        <v>21</v>
      </c>
      <c r="AL5069">
        <v>0</v>
      </c>
      <c r="AM5069">
        <v>0</v>
      </c>
      <c r="AN5069">
        <v>0</v>
      </c>
      <c r="AO5069">
        <v>0</v>
      </c>
      <c r="AP5069">
        <v>0</v>
      </c>
      <c r="AQ5069">
        <v>0</v>
      </c>
      <c r="AR5069">
        <v>0</v>
      </c>
      <c r="AS5069">
        <v>0</v>
      </c>
      <c r="AT5069">
        <v>0</v>
      </c>
      <c r="AU5069">
        <v>0</v>
      </c>
      <c r="AV5069">
        <v>0</v>
      </c>
      <c r="AW5069">
        <v>0</v>
      </c>
      <c r="AX5069">
        <v>-2280</v>
      </c>
      <c r="AY5069">
        <v>5</v>
      </c>
      <c r="AZ5069">
        <v>8</v>
      </c>
      <c r="BA5069">
        <v>901</v>
      </c>
    </row>
    <row r="5070" spans="1:53" x14ac:dyDescent="0.4">
      <c r="A5070">
        <v>5114</v>
      </c>
      <c r="B5070" s="1">
        <v>44782</v>
      </c>
      <c r="C5070">
        <v>1</v>
      </c>
      <c r="D5070" s="1">
        <v>44782.291666666664</v>
      </c>
      <c r="E5070" s="1">
        <v>44782.402777777781</v>
      </c>
      <c r="F5070">
        <v>0</v>
      </c>
      <c r="G5070">
        <v>0</v>
      </c>
      <c r="H5070">
        <v>0</v>
      </c>
      <c r="I5070">
        <v>0</v>
      </c>
      <c r="J5070">
        <v>0</v>
      </c>
      <c r="K5070">
        <v>0</v>
      </c>
      <c r="L5070">
        <v>0</v>
      </c>
      <c r="M5070">
        <v>0</v>
      </c>
      <c r="N5070">
        <v>0</v>
      </c>
      <c r="O5070">
        <v>0</v>
      </c>
      <c r="P5070">
        <v>0</v>
      </c>
      <c r="Q5070">
        <v>0</v>
      </c>
      <c r="R5070">
        <v>0</v>
      </c>
      <c r="S5070">
        <v>0</v>
      </c>
      <c r="T5070">
        <v>0</v>
      </c>
      <c r="U5070">
        <v>0</v>
      </c>
      <c r="V5070">
        <v>0</v>
      </c>
      <c r="W5070">
        <v>1</v>
      </c>
      <c r="X5070">
        <v>0</v>
      </c>
      <c r="Y5070">
        <v>26</v>
      </c>
      <c r="Z5070">
        <v>11</v>
      </c>
      <c r="AA5070">
        <v>102</v>
      </c>
      <c r="AB5070">
        <v>39</v>
      </c>
      <c r="AC5070">
        <v>120</v>
      </c>
      <c r="AD5070">
        <v>18</v>
      </c>
      <c r="AE5070">
        <v>60</v>
      </c>
      <c r="AF5070">
        <v>0</v>
      </c>
      <c r="AG5070">
        <v>50000</v>
      </c>
      <c r="AH5070">
        <v>50000</v>
      </c>
      <c r="AI5070">
        <v>0</v>
      </c>
      <c r="AJ5070">
        <v>0</v>
      </c>
      <c r="AK5070" t="s">
        <v>6</v>
      </c>
      <c r="AL5070">
        <v>0</v>
      </c>
      <c r="AM5070">
        <v>0</v>
      </c>
      <c r="AN5070">
        <v>0</v>
      </c>
      <c r="AO5070">
        <v>0</v>
      </c>
      <c r="AP5070">
        <v>0</v>
      </c>
      <c r="AQ5070">
        <v>0</v>
      </c>
      <c r="AR5070">
        <v>0</v>
      </c>
      <c r="AS5070">
        <v>0</v>
      </c>
      <c r="AT5070">
        <v>0</v>
      </c>
      <c r="AU5070">
        <v>0</v>
      </c>
      <c r="AV5070">
        <v>0</v>
      </c>
      <c r="AW5070">
        <v>0</v>
      </c>
      <c r="AX5070">
        <v>0</v>
      </c>
      <c r="AY5070">
        <v>0</v>
      </c>
      <c r="AZ5070">
        <v>0</v>
      </c>
      <c r="BA5070">
        <v>0</v>
      </c>
    </row>
    <row r="5071" spans="1:53" x14ac:dyDescent="0.4">
      <c r="A5071">
        <v>5115</v>
      </c>
      <c r="B5071" s="1">
        <v>44782</v>
      </c>
      <c r="C5071">
        <v>2</v>
      </c>
      <c r="D5071" s="1">
        <v>44782.402777777781</v>
      </c>
      <c r="E5071" s="1">
        <v>44782.744444444441</v>
      </c>
      <c r="F5071">
        <v>34950</v>
      </c>
      <c r="G5071">
        <v>1518</v>
      </c>
      <c r="H5071">
        <v>0</v>
      </c>
      <c r="I5071">
        <v>0</v>
      </c>
      <c r="J5071">
        <v>0</v>
      </c>
      <c r="K5071">
        <v>400</v>
      </c>
      <c r="L5071">
        <v>0</v>
      </c>
      <c r="M5071">
        <v>3349</v>
      </c>
      <c r="N5071">
        <v>0</v>
      </c>
      <c r="O5071">
        <v>0</v>
      </c>
      <c r="P5071">
        <v>13680</v>
      </c>
      <c r="Q5071">
        <v>0</v>
      </c>
      <c r="R5071">
        <v>50548</v>
      </c>
      <c r="S5071">
        <v>0</v>
      </c>
      <c r="T5071">
        <v>0</v>
      </c>
      <c r="U5071">
        <v>0</v>
      </c>
      <c r="V5071">
        <v>0</v>
      </c>
      <c r="W5071">
        <v>2</v>
      </c>
      <c r="X5071">
        <v>0</v>
      </c>
      <c r="Y5071">
        <v>60</v>
      </c>
      <c r="Z5071">
        <v>24</v>
      </c>
      <c r="AA5071">
        <v>144</v>
      </c>
      <c r="AB5071">
        <v>38</v>
      </c>
      <c r="AC5071">
        <v>148</v>
      </c>
      <c r="AD5071">
        <v>21</v>
      </c>
      <c r="AE5071">
        <v>63</v>
      </c>
      <c r="AF5071">
        <v>600</v>
      </c>
      <c r="AG5071">
        <v>100548</v>
      </c>
      <c r="AH5071">
        <v>50000</v>
      </c>
      <c r="AI5071">
        <v>0</v>
      </c>
      <c r="AJ5071">
        <v>116</v>
      </c>
      <c r="AK5071" t="s">
        <v>54</v>
      </c>
      <c r="AL5071">
        <v>0</v>
      </c>
      <c r="AM5071">
        <v>0</v>
      </c>
      <c r="AN5071">
        <v>0</v>
      </c>
      <c r="AO5071">
        <v>0</v>
      </c>
      <c r="AP5071">
        <v>0</v>
      </c>
      <c r="AQ5071">
        <v>0</v>
      </c>
      <c r="AR5071">
        <v>0</v>
      </c>
      <c r="AS5071">
        <v>0</v>
      </c>
      <c r="AT5071">
        <v>0</v>
      </c>
      <c r="AU5071">
        <v>0</v>
      </c>
      <c r="AV5071">
        <v>0</v>
      </c>
      <c r="AW5071">
        <v>0</v>
      </c>
      <c r="AX5071">
        <v>-2120</v>
      </c>
      <c r="AY5071">
        <v>42</v>
      </c>
      <c r="AZ5071">
        <v>77</v>
      </c>
      <c r="BA5071">
        <v>6600</v>
      </c>
    </row>
    <row r="5072" spans="1:53" x14ac:dyDescent="0.4">
      <c r="A5072">
        <v>5116</v>
      </c>
      <c r="B5072" s="1">
        <v>44782</v>
      </c>
      <c r="C5072">
        <v>3</v>
      </c>
      <c r="D5072" s="1">
        <v>44782.744444444441</v>
      </c>
      <c r="E5072" s="1">
        <v>44782.910416666666</v>
      </c>
      <c r="F5072">
        <v>21830</v>
      </c>
      <c r="G5072">
        <v>0</v>
      </c>
      <c r="H5072">
        <v>0</v>
      </c>
      <c r="I5072">
        <v>0</v>
      </c>
      <c r="J5072">
        <v>0</v>
      </c>
      <c r="K5072">
        <v>0</v>
      </c>
      <c r="L5072">
        <v>0</v>
      </c>
      <c r="M5072">
        <v>1985</v>
      </c>
      <c r="N5072">
        <v>0</v>
      </c>
      <c r="O5072">
        <v>0</v>
      </c>
      <c r="P5072">
        <v>-13680</v>
      </c>
      <c r="Q5072">
        <v>0</v>
      </c>
      <c r="R5072">
        <v>8150</v>
      </c>
      <c r="S5072">
        <v>0</v>
      </c>
      <c r="T5072">
        <v>0</v>
      </c>
      <c r="U5072">
        <v>0</v>
      </c>
      <c r="V5072">
        <v>1</v>
      </c>
      <c r="W5072">
        <v>1</v>
      </c>
      <c r="X5072">
        <v>0</v>
      </c>
      <c r="Y5072">
        <v>64</v>
      </c>
      <c r="Z5072">
        <v>21</v>
      </c>
      <c r="AA5072">
        <v>139</v>
      </c>
      <c r="AB5072">
        <v>37</v>
      </c>
      <c r="AC5072">
        <v>148</v>
      </c>
      <c r="AD5072">
        <v>21</v>
      </c>
      <c r="AE5072">
        <v>63</v>
      </c>
      <c r="AF5072">
        <v>1800</v>
      </c>
      <c r="AG5072">
        <v>108698</v>
      </c>
      <c r="AH5072">
        <v>50000</v>
      </c>
      <c r="AI5072">
        <v>0</v>
      </c>
      <c r="AJ5072">
        <v>30</v>
      </c>
      <c r="AK5072" t="s">
        <v>63</v>
      </c>
      <c r="AL5072">
        <v>0</v>
      </c>
      <c r="AM5072">
        <v>0</v>
      </c>
      <c r="AN5072">
        <v>0</v>
      </c>
      <c r="AO5072">
        <v>0</v>
      </c>
      <c r="AP5072">
        <v>0</v>
      </c>
      <c r="AQ5072">
        <v>0</v>
      </c>
      <c r="AR5072">
        <v>0</v>
      </c>
      <c r="AS5072">
        <v>0</v>
      </c>
      <c r="AT5072">
        <v>0</v>
      </c>
      <c r="AU5072">
        <v>0</v>
      </c>
      <c r="AV5072">
        <v>0</v>
      </c>
      <c r="AW5072">
        <v>0</v>
      </c>
      <c r="AX5072">
        <v>6240</v>
      </c>
      <c r="AY5072">
        <v>10</v>
      </c>
      <c r="AZ5072">
        <v>19</v>
      </c>
      <c r="BA5072">
        <v>1554</v>
      </c>
    </row>
    <row r="5073" spans="1:53" x14ac:dyDescent="0.4">
      <c r="A5073">
        <v>5117</v>
      </c>
      <c r="B5073" s="1">
        <v>44783</v>
      </c>
      <c r="C5073">
        <v>1</v>
      </c>
      <c r="D5073" s="1">
        <v>44783.291666666664</v>
      </c>
      <c r="E5073" s="1">
        <v>44783.411111111112</v>
      </c>
      <c r="F5073">
        <v>0</v>
      </c>
      <c r="G5073">
        <v>0</v>
      </c>
      <c r="H5073">
        <v>0</v>
      </c>
      <c r="I5073">
        <v>0</v>
      </c>
      <c r="J5073">
        <v>0</v>
      </c>
      <c r="K5073">
        <v>0</v>
      </c>
      <c r="L5073">
        <v>0</v>
      </c>
      <c r="M5073">
        <v>0</v>
      </c>
      <c r="N5073">
        <v>0</v>
      </c>
      <c r="O5073">
        <v>0</v>
      </c>
      <c r="P5073">
        <v>0</v>
      </c>
      <c r="Q5073">
        <v>0</v>
      </c>
      <c r="R5073">
        <v>0</v>
      </c>
      <c r="S5073">
        <v>0</v>
      </c>
      <c r="T5073">
        <v>0</v>
      </c>
      <c r="U5073">
        <v>0</v>
      </c>
      <c r="V5073">
        <v>0</v>
      </c>
      <c r="W5073">
        <v>1</v>
      </c>
      <c r="X5073">
        <v>0</v>
      </c>
      <c r="Y5073">
        <v>25</v>
      </c>
      <c r="Z5073">
        <v>10</v>
      </c>
      <c r="AA5073">
        <v>124</v>
      </c>
      <c r="AB5073">
        <v>28</v>
      </c>
      <c r="AC5073">
        <v>104</v>
      </c>
      <c r="AD5073">
        <v>20</v>
      </c>
      <c r="AE5073">
        <v>60</v>
      </c>
      <c r="AF5073">
        <v>0</v>
      </c>
      <c r="AG5073">
        <v>50000</v>
      </c>
      <c r="AH5073">
        <v>50000</v>
      </c>
      <c r="AI5073">
        <v>0</v>
      </c>
      <c r="AJ5073">
        <v>0</v>
      </c>
      <c r="AK5073" t="s">
        <v>6</v>
      </c>
      <c r="AL5073">
        <v>0</v>
      </c>
      <c r="AM5073">
        <v>0</v>
      </c>
      <c r="AN5073">
        <v>0</v>
      </c>
      <c r="AO5073">
        <v>0</v>
      </c>
      <c r="AP5073">
        <v>0</v>
      </c>
      <c r="AQ5073">
        <v>0</v>
      </c>
      <c r="AR5073">
        <v>0</v>
      </c>
      <c r="AS5073">
        <v>0</v>
      </c>
      <c r="AT5073">
        <v>0</v>
      </c>
      <c r="AU5073">
        <v>0</v>
      </c>
      <c r="AV5073">
        <v>0</v>
      </c>
      <c r="AW5073">
        <v>0</v>
      </c>
      <c r="AX5073">
        <v>0</v>
      </c>
      <c r="AY5073">
        <v>0</v>
      </c>
      <c r="AZ5073">
        <v>0</v>
      </c>
      <c r="BA5073">
        <v>0</v>
      </c>
    </row>
    <row r="5074" spans="1:53" x14ac:dyDescent="0.4">
      <c r="A5074">
        <v>5118</v>
      </c>
      <c r="B5074" s="1">
        <v>44783</v>
      </c>
      <c r="C5074">
        <v>2</v>
      </c>
      <c r="D5074" s="1">
        <v>44783.411111111112</v>
      </c>
      <c r="E5074" s="1">
        <v>44783.743750000001</v>
      </c>
      <c r="F5074">
        <v>41560</v>
      </c>
      <c r="G5074">
        <v>1650</v>
      </c>
      <c r="H5074">
        <v>0</v>
      </c>
      <c r="I5074">
        <v>0</v>
      </c>
      <c r="J5074">
        <v>0</v>
      </c>
      <c r="K5074">
        <v>0</v>
      </c>
      <c r="L5074">
        <v>0</v>
      </c>
      <c r="M5074">
        <v>3926</v>
      </c>
      <c r="N5074">
        <v>0</v>
      </c>
      <c r="O5074">
        <v>0</v>
      </c>
      <c r="P5074">
        <v>10680</v>
      </c>
      <c r="Q5074">
        <v>0</v>
      </c>
      <c r="R5074">
        <v>53890</v>
      </c>
      <c r="S5074">
        <v>0</v>
      </c>
      <c r="T5074">
        <v>0</v>
      </c>
      <c r="U5074">
        <v>0</v>
      </c>
      <c r="V5074">
        <v>2</v>
      </c>
      <c r="W5074">
        <v>0</v>
      </c>
      <c r="X5074">
        <v>0</v>
      </c>
      <c r="Y5074">
        <v>55</v>
      </c>
      <c r="Z5074">
        <v>20</v>
      </c>
      <c r="AA5074">
        <v>132</v>
      </c>
      <c r="AB5074">
        <v>24</v>
      </c>
      <c r="AC5074">
        <v>140</v>
      </c>
      <c r="AD5074">
        <v>24</v>
      </c>
      <c r="AE5074">
        <v>60</v>
      </c>
      <c r="AF5074">
        <v>2910</v>
      </c>
      <c r="AG5074">
        <v>103890</v>
      </c>
      <c r="AH5074">
        <v>50000</v>
      </c>
      <c r="AI5074">
        <v>0</v>
      </c>
      <c r="AJ5074">
        <v>103</v>
      </c>
      <c r="AK5074" t="s">
        <v>7</v>
      </c>
      <c r="AL5074">
        <v>0</v>
      </c>
      <c r="AM5074">
        <v>0</v>
      </c>
      <c r="AN5074">
        <v>0</v>
      </c>
      <c r="AO5074">
        <v>0</v>
      </c>
      <c r="AP5074">
        <v>0</v>
      </c>
      <c r="AQ5074">
        <v>0</v>
      </c>
      <c r="AR5074">
        <v>0</v>
      </c>
      <c r="AS5074">
        <v>0</v>
      </c>
      <c r="AT5074">
        <v>0</v>
      </c>
      <c r="AU5074">
        <v>0</v>
      </c>
      <c r="AV5074">
        <v>0</v>
      </c>
      <c r="AW5074">
        <v>0</v>
      </c>
      <c r="AX5074">
        <v>-620</v>
      </c>
      <c r="AY5074">
        <v>43</v>
      </c>
      <c r="AZ5074">
        <v>84</v>
      </c>
      <c r="BA5074">
        <v>7071</v>
      </c>
    </row>
    <row r="5075" spans="1:53" x14ac:dyDescent="0.4">
      <c r="A5075">
        <v>5119</v>
      </c>
      <c r="B5075" s="1">
        <v>44783</v>
      </c>
      <c r="C5075">
        <v>3</v>
      </c>
      <c r="D5075" s="1">
        <v>44783.743750000001</v>
      </c>
      <c r="E5075" s="1">
        <v>44783.970833333333</v>
      </c>
      <c r="F5075">
        <v>24360</v>
      </c>
      <c r="G5075">
        <v>440</v>
      </c>
      <c r="H5075">
        <v>0</v>
      </c>
      <c r="I5075">
        <v>0</v>
      </c>
      <c r="J5075">
        <v>0</v>
      </c>
      <c r="K5075">
        <v>0</v>
      </c>
      <c r="L5075">
        <v>0</v>
      </c>
      <c r="M5075">
        <v>2253</v>
      </c>
      <c r="N5075">
        <v>0</v>
      </c>
      <c r="O5075">
        <v>0</v>
      </c>
      <c r="P5075">
        <v>-4080</v>
      </c>
      <c r="Q5075">
        <v>0</v>
      </c>
      <c r="R5075">
        <v>20720</v>
      </c>
      <c r="S5075">
        <v>0</v>
      </c>
      <c r="T5075">
        <v>0</v>
      </c>
      <c r="U5075">
        <v>0</v>
      </c>
      <c r="V5075">
        <v>3</v>
      </c>
      <c r="W5075">
        <v>0</v>
      </c>
      <c r="X5075">
        <v>0</v>
      </c>
      <c r="Y5075">
        <v>59</v>
      </c>
      <c r="Z5075">
        <v>22</v>
      </c>
      <c r="AA5075">
        <v>131</v>
      </c>
      <c r="AB5075">
        <v>26</v>
      </c>
      <c r="AC5075">
        <v>136</v>
      </c>
      <c r="AD5075">
        <v>24</v>
      </c>
      <c r="AE5075">
        <v>60</v>
      </c>
      <c r="AF5075">
        <v>8670</v>
      </c>
      <c r="AG5075">
        <v>124610</v>
      </c>
      <c r="AH5075">
        <v>50000</v>
      </c>
      <c r="AI5075">
        <v>0</v>
      </c>
      <c r="AJ5075">
        <v>108</v>
      </c>
      <c r="AK5075" t="s">
        <v>3</v>
      </c>
      <c r="AL5075">
        <v>0</v>
      </c>
      <c r="AM5075">
        <v>0</v>
      </c>
      <c r="AN5075">
        <v>0</v>
      </c>
      <c r="AO5075">
        <v>0</v>
      </c>
      <c r="AP5075">
        <v>0</v>
      </c>
      <c r="AQ5075">
        <v>0</v>
      </c>
      <c r="AR5075">
        <v>0</v>
      </c>
      <c r="AS5075">
        <v>0</v>
      </c>
      <c r="AT5075">
        <v>0</v>
      </c>
      <c r="AU5075">
        <v>0</v>
      </c>
      <c r="AV5075">
        <v>0</v>
      </c>
      <c r="AW5075">
        <v>0</v>
      </c>
      <c r="AX5075">
        <v>3060</v>
      </c>
      <c r="AY5075">
        <v>9</v>
      </c>
      <c r="AZ5075">
        <v>18</v>
      </c>
      <c r="BA5075">
        <v>1399</v>
      </c>
    </row>
    <row r="5076" spans="1:53" x14ac:dyDescent="0.4">
      <c r="A5076">
        <v>5120</v>
      </c>
      <c r="B5076" s="1">
        <v>44784</v>
      </c>
      <c r="C5076">
        <v>1</v>
      </c>
      <c r="D5076" s="1">
        <v>44784.291666666664</v>
      </c>
      <c r="E5076" s="1">
        <v>44784.407638888886</v>
      </c>
      <c r="F5076">
        <v>0</v>
      </c>
      <c r="G5076">
        <v>0</v>
      </c>
      <c r="H5076">
        <v>0</v>
      </c>
      <c r="I5076">
        <v>0</v>
      </c>
      <c r="J5076">
        <v>0</v>
      </c>
      <c r="K5076">
        <v>0</v>
      </c>
      <c r="L5076">
        <v>0</v>
      </c>
      <c r="M5076">
        <v>0</v>
      </c>
      <c r="N5076">
        <v>0</v>
      </c>
      <c r="O5076">
        <v>0</v>
      </c>
      <c r="P5076">
        <v>0</v>
      </c>
      <c r="Q5076">
        <v>0</v>
      </c>
      <c r="R5076">
        <v>0</v>
      </c>
      <c r="S5076">
        <v>0</v>
      </c>
      <c r="T5076">
        <v>0</v>
      </c>
      <c r="U5076">
        <v>0</v>
      </c>
      <c r="V5076">
        <v>0</v>
      </c>
      <c r="W5076">
        <v>1</v>
      </c>
      <c r="X5076">
        <v>0</v>
      </c>
      <c r="Y5076">
        <v>25</v>
      </c>
      <c r="Z5076">
        <v>10</v>
      </c>
      <c r="AA5076">
        <v>124</v>
      </c>
      <c r="AB5076">
        <v>27</v>
      </c>
      <c r="AC5076">
        <v>107</v>
      </c>
      <c r="AD5076">
        <v>24</v>
      </c>
      <c r="AE5076">
        <v>60</v>
      </c>
      <c r="AF5076">
        <v>0</v>
      </c>
      <c r="AG5076">
        <v>50000</v>
      </c>
      <c r="AH5076">
        <v>50000</v>
      </c>
      <c r="AI5076">
        <v>0</v>
      </c>
      <c r="AJ5076">
        <v>0</v>
      </c>
      <c r="AK5076" t="s">
        <v>6</v>
      </c>
      <c r="AL5076">
        <v>0</v>
      </c>
      <c r="AM5076">
        <v>0</v>
      </c>
      <c r="AN5076">
        <v>0</v>
      </c>
      <c r="AO5076">
        <v>0</v>
      </c>
      <c r="AP5076">
        <v>0</v>
      </c>
      <c r="AQ5076">
        <v>0</v>
      </c>
      <c r="AR5076">
        <v>0</v>
      </c>
      <c r="AS5076">
        <v>0</v>
      </c>
      <c r="AT5076">
        <v>0</v>
      </c>
      <c r="AU5076">
        <v>0</v>
      </c>
      <c r="AV5076">
        <v>0</v>
      </c>
      <c r="AW5076">
        <v>0</v>
      </c>
      <c r="AX5076">
        <v>0</v>
      </c>
      <c r="AY5076">
        <v>0</v>
      </c>
      <c r="AZ5076">
        <v>0</v>
      </c>
      <c r="BA5076">
        <v>0</v>
      </c>
    </row>
    <row r="5077" spans="1:53" x14ac:dyDescent="0.4">
      <c r="A5077">
        <v>5121</v>
      </c>
      <c r="B5077" s="1">
        <v>44784</v>
      </c>
      <c r="C5077">
        <v>2</v>
      </c>
      <c r="D5077" s="1">
        <v>44784.407638888886</v>
      </c>
      <c r="E5077" s="1">
        <v>44784.736805555556</v>
      </c>
      <c r="F5077">
        <v>35770</v>
      </c>
      <c r="G5077">
        <v>902</v>
      </c>
      <c r="H5077">
        <v>0</v>
      </c>
      <c r="I5077">
        <v>0</v>
      </c>
      <c r="J5077">
        <v>0</v>
      </c>
      <c r="K5077">
        <v>0</v>
      </c>
      <c r="L5077">
        <v>0</v>
      </c>
      <c r="M5077">
        <v>3331</v>
      </c>
      <c r="N5077">
        <v>0</v>
      </c>
      <c r="O5077">
        <v>0</v>
      </c>
      <c r="P5077">
        <v>17570</v>
      </c>
      <c r="Q5077">
        <v>0</v>
      </c>
      <c r="R5077">
        <v>54242</v>
      </c>
      <c r="S5077">
        <v>0</v>
      </c>
      <c r="T5077">
        <v>0</v>
      </c>
      <c r="U5077">
        <v>0</v>
      </c>
      <c r="V5077">
        <v>4</v>
      </c>
      <c r="W5077">
        <v>0</v>
      </c>
      <c r="X5077">
        <v>0</v>
      </c>
      <c r="Y5077">
        <v>37</v>
      </c>
      <c r="Z5077">
        <v>19</v>
      </c>
      <c r="AA5077">
        <v>136</v>
      </c>
      <c r="AB5077">
        <v>23</v>
      </c>
      <c r="AC5077">
        <v>130</v>
      </c>
      <c r="AD5077">
        <v>26</v>
      </c>
      <c r="AE5077">
        <v>62</v>
      </c>
      <c r="AF5077">
        <v>1500</v>
      </c>
      <c r="AG5077">
        <v>104242</v>
      </c>
      <c r="AH5077">
        <v>50000</v>
      </c>
      <c r="AI5077">
        <v>0</v>
      </c>
      <c r="AJ5077">
        <v>103</v>
      </c>
      <c r="AK5077" t="s">
        <v>7</v>
      </c>
      <c r="AL5077">
        <v>0</v>
      </c>
      <c r="AM5077">
        <v>0</v>
      </c>
      <c r="AN5077">
        <v>0</v>
      </c>
      <c r="AO5077">
        <v>0</v>
      </c>
      <c r="AP5077">
        <v>0</v>
      </c>
      <c r="AQ5077">
        <v>0</v>
      </c>
      <c r="AR5077">
        <v>0</v>
      </c>
      <c r="AS5077">
        <v>0</v>
      </c>
      <c r="AT5077">
        <v>0</v>
      </c>
      <c r="AU5077">
        <v>0</v>
      </c>
      <c r="AV5077">
        <v>0</v>
      </c>
      <c r="AW5077">
        <v>0</v>
      </c>
      <c r="AX5077">
        <v>-600</v>
      </c>
      <c r="AY5077">
        <v>42</v>
      </c>
      <c r="AZ5077">
        <v>84</v>
      </c>
      <c r="BA5077">
        <v>6689</v>
      </c>
    </row>
    <row r="5078" spans="1:53" x14ac:dyDescent="0.4">
      <c r="A5078">
        <v>5122</v>
      </c>
      <c r="B5078" s="1">
        <v>44784</v>
      </c>
      <c r="C5078">
        <v>3</v>
      </c>
      <c r="D5078" s="1">
        <v>44784.736805555556</v>
      </c>
      <c r="E5078" s="1">
        <v>44785.040277777778</v>
      </c>
      <c r="F5078">
        <v>83670</v>
      </c>
      <c r="G5078">
        <v>2354</v>
      </c>
      <c r="H5078">
        <v>0</v>
      </c>
      <c r="I5078">
        <v>0</v>
      </c>
      <c r="J5078">
        <v>0</v>
      </c>
      <c r="K5078">
        <v>0</v>
      </c>
      <c r="L5078">
        <v>0</v>
      </c>
      <c r="M5078">
        <v>7819</v>
      </c>
      <c r="N5078">
        <v>0</v>
      </c>
      <c r="O5078">
        <v>0</v>
      </c>
      <c r="P5078">
        <v>1118</v>
      </c>
      <c r="Q5078">
        <v>0</v>
      </c>
      <c r="R5078">
        <v>87142</v>
      </c>
      <c r="S5078">
        <v>0</v>
      </c>
      <c r="T5078">
        <v>0</v>
      </c>
      <c r="U5078">
        <v>0</v>
      </c>
      <c r="V5078">
        <v>9</v>
      </c>
      <c r="W5078">
        <v>1</v>
      </c>
      <c r="X5078">
        <v>0</v>
      </c>
      <c r="Y5078">
        <v>54</v>
      </c>
      <c r="Z5078">
        <v>23</v>
      </c>
      <c r="AA5078">
        <v>127</v>
      </c>
      <c r="AB5078">
        <v>26</v>
      </c>
      <c r="AC5078">
        <v>126</v>
      </c>
      <c r="AD5078">
        <v>27</v>
      </c>
      <c r="AE5078">
        <v>54</v>
      </c>
      <c r="AF5078">
        <v>15435</v>
      </c>
      <c r="AG5078">
        <v>191384</v>
      </c>
      <c r="AH5078">
        <v>50000</v>
      </c>
      <c r="AI5078">
        <v>0</v>
      </c>
      <c r="AJ5078">
        <v>108</v>
      </c>
      <c r="AK5078" t="s">
        <v>3</v>
      </c>
      <c r="AL5078">
        <v>0</v>
      </c>
      <c r="AM5078">
        <v>0</v>
      </c>
      <c r="AN5078">
        <v>0</v>
      </c>
      <c r="AO5078">
        <v>0</v>
      </c>
      <c r="AP5078">
        <v>0</v>
      </c>
      <c r="AQ5078">
        <v>0</v>
      </c>
      <c r="AR5078">
        <v>0</v>
      </c>
      <c r="AS5078">
        <v>0</v>
      </c>
      <c r="AT5078">
        <v>0</v>
      </c>
      <c r="AU5078">
        <v>0</v>
      </c>
      <c r="AV5078">
        <v>0</v>
      </c>
      <c r="AW5078">
        <v>0</v>
      </c>
      <c r="AX5078">
        <v>0</v>
      </c>
      <c r="AY5078">
        <v>20</v>
      </c>
      <c r="AZ5078">
        <v>45</v>
      </c>
      <c r="BA5078">
        <v>3363</v>
      </c>
    </row>
    <row r="5079" spans="1:53" x14ac:dyDescent="0.4">
      <c r="A5079">
        <v>5123</v>
      </c>
      <c r="B5079" s="1">
        <v>44785</v>
      </c>
      <c r="C5079">
        <v>1</v>
      </c>
      <c r="D5079" s="1">
        <v>44785.291666666664</v>
      </c>
      <c r="E5079" s="1">
        <v>44785.408333333333</v>
      </c>
      <c r="F5079">
        <v>0</v>
      </c>
      <c r="G5079">
        <v>0</v>
      </c>
      <c r="H5079">
        <v>0</v>
      </c>
      <c r="I5079">
        <v>0</v>
      </c>
      <c r="J5079">
        <v>0</v>
      </c>
      <c r="K5079">
        <v>0</v>
      </c>
      <c r="L5079">
        <v>0</v>
      </c>
      <c r="M5079">
        <v>0</v>
      </c>
      <c r="N5079">
        <v>0</v>
      </c>
      <c r="O5079">
        <v>0</v>
      </c>
      <c r="P5079">
        <v>0</v>
      </c>
      <c r="Q5079">
        <v>0</v>
      </c>
      <c r="R5079">
        <v>0</v>
      </c>
      <c r="S5079">
        <v>0</v>
      </c>
      <c r="T5079">
        <v>0</v>
      </c>
      <c r="U5079">
        <v>0</v>
      </c>
      <c r="V5079">
        <v>0</v>
      </c>
      <c r="W5079">
        <v>1</v>
      </c>
      <c r="X5079">
        <v>0</v>
      </c>
      <c r="Y5079">
        <v>25</v>
      </c>
      <c r="Z5079">
        <v>10</v>
      </c>
      <c r="AA5079">
        <v>125</v>
      </c>
      <c r="AB5079">
        <v>25</v>
      </c>
      <c r="AC5079">
        <v>107</v>
      </c>
      <c r="AD5079">
        <v>26</v>
      </c>
      <c r="AE5079">
        <v>50</v>
      </c>
      <c r="AF5079">
        <v>0</v>
      </c>
      <c r="AG5079">
        <v>50000</v>
      </c>
      <c r="AH5079">
        <v>50000</v>
      </c>
      <c r="AI5079">
        <v>0</v>
      </c>
      <c r="AJ5079">
        <v>0</v>
      </c>
      <c r="AK5079" t="s">
        <v>6</v>
      </c>
      <c r="AL5079">
        <v>0</v>
      </c>
      <c r="AM5079">
        <v>0</v>
      </c>
      <c r="AN5079">
        <v>0</v>
      </c>
      <c r="AO5079">
        <v>0</v>
      </c>
      <c r="AP5079">
        <v>0</v>
      </c>
      <c r="AQ5079">
        <v>0</v>
      </c>
      <c r="AR5079">
        <v>0</v>
      </c>
      <c r="AS5079">
        <v>0</v>
      </c>
      <c r="AT5079">
        <v>0</v>
      </c>
      <c r="AU5079">
        <v>0</v>
      </c>
      <c r="AV5079">
        <v>0</v>
      </c>
      <c r="AW5079">
        <v>0</v>
      </c>
      <c r="AX5079">
        <v>0</v>
      </c>
      <c r="AY5079">
        <v>0</v>
      </c>
      <c r="AZ5079">
        <v>0</v>
      </c>
      <c r="BA5079">
        <v>0</v>
      </c>
    </row>
    <row r="5080" spans="1:53" x14ac:dyDescent="0.4">
      <c r="A5080">
        <v>5124</v>
      </c>
      <c r="B5080" s="1">
        <v>44785</v>
      </c>
      <c r="C5080">
        <v>2</v>
      </c>
      <c r="D5080" s="1">
        <v>44785.408333333333</v>
      </c>
      <c r="E5080" s="1">
        <v>44785.748611111114</v>
      </c>
      <c r="F5080">
        <v>39740</v>
      </c>
      <c r="G5080">
        <v>1628</v>
      </c>
      <c r="H5080">
        <v>0</v>
      </c>
      <c r="I5080">
        <v>0</v>
      </c>
      <c r="J5080">
        <v>50</v>
      </c>
      <c r="K5080">
        <v>0</v>
      </c>
      <c r="L5080">
        <v>0</v>
      </c>
      <c r="M5080">
        <v>3753</v>
      </c>
      <c r="N5080">
        <v>0</v>
      </c>
      <c r="O5080">
        <v>0</v>
      </c>
      <c r="P5080">
        <v>23350</v>
      </c>
      <c r="Q5080">
        <v>0</v>
      </c>
      <c r="R5080">
        <v>64668</v>
      </c>
      <c r="S5080">
        <v>0</v>
      </c>
      <c r="T5080">
        <v>0</v>
      </c>
      <c r="U5080">
        <v>0</v>
      </c>
      <c r="V5080">
        <v>1</v>
      </c>
      <c r="W5080">
        <v>2</v>
      </c>
      <c r="X5080">
        <v>0</v>
      </c>
      <c r="Y5080">
        <v>70</v>
      </c>
      <c r="Z5080">
        <v>19</v>
      </c>
      <c r="AA5080">
        <v>69</v>
      </c>
      <c r="AB5080">
        <v>25</v>
      </c>
      <c r="AC5080">
        <v>108</v>
      </c>
      <c r="AD5080">
        <v>28</v>
      </c>
      <c r="AE5080">
        <v>48</v>
      </c>
      <c r="AF5080">
        <v>5700</v>
      </c>
      <c r="AG5080">
        <v>114618</v>
      </c>
      <c r="AH5080">
        <v>50000</v>
      </c>
      <c r="AI5080">
        <v>-50</v>
      </c>
      <c r="AJ5080">
        <v>103</v>
      </c>
      <c r="AK5080" t="s">
        <v>7</v>
      </c>
      <c r="AL5080">
        <v>0</v>
      </c>
      <c r="AM5080">
        <v>0</v>
      </c>
      <c r="AN5080">
        <v>0</v>
      </c>
      <c r="AO5080">
        <v>0</v>
      </c>
      <c r="AP5080">
        <v>0</v>
      </c>
      <c r="AQ5080">
        <v>0</v>
      </c>
      <c r="AR5080">
        <v>0</v>
      </c>
      <c r="AS5080">
        <v>0</v>
      </c>
      <c r="AT5080">
        <v>0</v>
      </c>
      <c r="AU5080">
        <v>0</v>
      </c>
      <c r="AV5080">
        <v>0</v>
      </c>
      <c r="AW5080">
        <v>0</v>
      </c>
      <c r="AX5080">
        <v>14</v>
      </c>
      <c r="AY5080">
        <v>50</v>
      </c>
      <c r="AZ5080">
        <v>103</v>
      </c>
      <c r="BA5080">
        <v>7693</v>
      </c>
    </row>
    <row r="5081" spans="1:53" x14ac:dyDescent="0.4">
      <c r="A5081">
        <v>5125</v>
      </c>
      <c r="B5081" s="1">
        <v>44785</v>
      </c>
      <c r="C5081">
        <v>3</v>
      </c>
      <c r="D5081" s="1">
        <v>44785.748611111114</v>
      </c>
      <c r="E5081" s="1">
        <v>44785.96875</v>
      </c>
      <c r="F5081">
        <v>67610</v>
      </c>
      <c r="G5081">
        <v>594</v>
      </c>
      <c r="H5081">
        <v>0</v>
      </c>
      <c r="I5081">
        <v>0</v>
      </c>
      <c r="J5081">
        <v>0</v>
      </c>
      <c r="K5081">
        <v>0</v>
      </c>
      <c r="L5081">
        <v>0</v>
      </c>
      <c r="M5081">
        <v>6199</v>
      </c>
      <c r="N5081">
        <v>0</v>
      </c>
      <c r="O5081">
        <v>0</v>
      </c>
      <c r="P5081">
        <v>-2910</v>
      </c>
      <c r="Q5081">
        <v>0</v>
      </c>
      <c r="R5081">
        <v>65294</v>
      </c>
      <c r="S5081">
        <v>0</v>
      </c>
      <c r="T5081">
        <v>0</v>
      </c>
      <c r="U5081">
        <v>0</v>
      </c>
      <c r="V5081">
        <v>2</v>
      </c>
      <c r="W5081">
        <v>1</v>
      </c>
      <c r="X5081">
        <v>0</v>
      </c>
      <c r="Y5081">
        <v>91</v>
      </c>
      <c r="Z5081">
        <v>19</v>
      </c>
      <c r="AA5081">
        <v>89</v>
      </c>
      <c r="AB5081">
        <v>24</v>
      </c>
      <c r="AC5081">
        <v>93</v>
      </c>
      <c r="AD5081">
        <v>27</v>
      </c>
      <c r="AE5081">
        <v>47</v>
      </c>
      <c r="AF5081">
        <v>43250</v>
      </c>
      <c r="AG5081">
        <v>179962</v>
      </c>
      <c r="AH5081">
        <v>50000</v>
      </c>
      <c r="AI5081">
        <v>0</v>
      </c>
      <c r="AJ5081">
        <v>115</v>
      </c>
      <c r="AK5081" t="s">
        <v>55</v>
      </c>
      <c r="AL5081">
        <v>0</v>
      </c>
      <c r="AM5081">
        <v>0</v>
      </c>
      <c r="AN5081">
        <v>0</v>
      </c>
      <c r="AO5081">
        <v>0</v>
      </c>
      <c r="AP5081">
        <v>0</v>
      </c>
      <c r="AQ5081">
        <v>0</v>
      </c>
      <c r="AR5081">
        <v>0</v>
      </c>
      <c r="AS5081">
        <v>0</v>
      </c>
      <c r="AT5081">
        <v>0</v>
      </c>
      <c r="AU5081">
        <v>0</v>
      </c>
      <c r="AV5081">
        <v>0</v>
      </c>
      <c r="AW5081">
        <v>0</v>
      </c>
      <c r="AX5081">
        <v>50223</v>
      </c>
      <c r="AY5081">
        <v>22</v>
      </c>
      <c r="AZ5081">
        <v>62</v>
      </c>
      <c r="BA5081">
        <v>3206</v>
      </c>
    </row>
    <row r="5082" spans="1:53" x14ac:dyDescent="0.4">
      <c r="A5082">
        <v>5126</v>
      </c>
      <c r="B5082" s="1">
        <v>44785</v>
      </c>
      <c r="C5082">
        <v>4</v>
      </c>
      <c r="D5082" s="1">
        <v>44785.96875</v>
      </c>
      <c r="E5082" s="1">
        <v>44786.175000000003</v>
      </c>
      <c r="F5082">
        <v>88550</v>
      </c>
      <c r="G5082">
        <v>4323</v>
      </c>
      <c r="H5082">
        <v>0</v>
      </c>
      <c r="I5082">
        <v>0</v>
      </c>
      <c r="J5082">
        <v>0</v>
      </c>
      <c r="K5082">
        <v>0</v>
      </c>
      <c r="L5082">
        <v>0</v>
      </c>
      <c r="M5082">
        <v>8443</v>
      </c>
      <c r="N5082">
        <v>0</v>
      </c>
      <c r="O5082">
        <v>0</v>
      </c>
      <c r="P5082">
        <v>3740</v>
      </c>
      <c r="Q5082">
        <v>0</v>
      </c>
      <c r="R5082">
        <v>96613</v>
      </c>
      <c r="S5082">
        <v>0</v>
      </c>
      <c r="T5082">
        <v>0</v>
      </c>
      <c r="U5082">
        <v>0</v>
      </c>
      <c r="V5082">
        <v>7</v>
      </c>
      <c r="W5082">
        <v>3</v>
      </c>
      <c r="X5082">
        <v>0</v>
      </c>
      <c r="Y5082">
        <v>94</v>
      </c>
      <c r="Z5082">
        <v>25</v>
      </c>
      <c r="AA5082">
        <v>96</v>
      </c>
      <c r="AB5082">
        <v>22</v>
      </c>
      <c r="AC5082">
        <v>95</v>
      </c>
      <c r="AD5082">
        <v>29</v>
      </c>
      <c r="AE5082">
        <v>53</v>
      </c>
      <c r="AF5082">
        <v>73227</v>
      </c>
      <c r="AG5082">
        <v>276575</v>
      </c>
      <c r="AH5082">
        <v>50000</v>
      </c>
      <c r="AI5082">
        <v>0</v>
      </c>
      <c r="AJ5082">
        <v>119</v>
      </c>
      <c r="AK5082" t="s">
        <v>56</v>
      </c>
      <c r="AL5082">
        <v>0</v>
      </c>
      <c r="AM5082">
        <v>0</v>
      </c>
      <c r="AN5082">
        <v>0</v>
      </c>
      <c r="AO5082">
        <v>0</v>
      </c>
      <c r="AP5082">
        <v>0</v>
      </c>
      <c r="AQ5082">
        <v>0</v>
      </c>
      <c r="AR5082">
        <v>0</v>
      </c>
      <c r="AS5082">
        <v>0</v>
      </c>
      <c r="AT5082">
        <v>0</v>
      </c>
      <c r="AU5082">
        <v>0</v>
      </c>
      <c r="AV5082">
        <v>0</v>
      </c>
      <c r="AW5082">
        <v>0</v>
      </c>
      <c r="AX5082">
        <v>0</v>
      </c>
      <c r="AY5082">
        <v>5</v>
      </c>
      <c r="AZ5082">
        <v>9</v>
      </c>
      <c r="BA5082">
        <v>2013</v>
      </c>
    </row>
    <row r="5083" spans="1:53" x14ac:dyDescent="0.4">
      <c r="A5083">
        <v>5127</v>
      </c>
      <c r="B5083" s="1">
        <v>44786</v>
      </c>
      <c r="C5083">
        <v>1</v>
      </c>
      <c r="D5083" s="1">
        <v>44786.291666666664</v>
      </c>
      <c r="E5083" s="1">
        <v>44786.402083333334</v>
      </c>
      <c r="F5083">
        <v>0</v>
      </c>
      <c r="G5083">
        <v>0</v>
      </c>
      <c r="H5083">
        <v>0</v>
      </c>
      <c r="I5083">
        <v>0</v>
      </c>
      <c r="J5083">
        <v>0</v>
      </c>
      <c r="K5083">
        <v>0</v>
      </c>
      <c r="L5083">
        <v>0</v>
      </c>
      <c r="M5083">
        <v>0</v>
      </c>
      <c r="N5083">
        <v>0</v>
      </c>
      <c r="O5083">
        <v>0</v>
      </c>
      <c r="P5083">
        <v>0</v>
      </c>
      <c r="Q5083">
        <v>0</v>
      </c>
      <c r="R5083">
        <v>0</v>
      </c>
      <c r="S5083">
        <v>0</v>
      </c>
      <c r="T5083">
        <v>0</v>
      </c>
      <c r="U5083">
        <v>0</v>
      </c>
      <c r="V5083">
        <v>0</v>
      </c>
      <c r="W5083">
        <v>1</v>
      </c>
      <c r="X5083">
        <v>0</v>
      </c>
      <c r="Y5083">
        <v>25</v>
      </c>
      <c r="Z5083">
        <v>17</v>
      </c>
      <c r="AA5083">
        <v>93</v>
      </c>
      <c r="AB5083">
        <v>22</v>
      </c>
      <c r="AC5083">
        <v>91</v>
      </c>
      <c r="AD5083">
        <v>28</v>
      </c>
      <c r="AE5083">
        <v>50</v>
      </c>
      <c r="AF5083">
        <v>0</v>
      </c>
      <c r="AG5083">
        <v>50000</v>
      </c>
      <c r="AH5083">
        <v>50000</v>
      </c>
      <c r="AI5083">
        <v>0</v>
      </c>
      <c r="AJ5083">
        <v>0</v>
      </c>
      <c r="AK5083" t="s">
        <v>6</v>
      </c>
      <c r="AL5083">
        <v>0</v>
      </c>
      <c r="AM5083">
        <v>0</v>
      </c>
      <c r="AN5083">
        <v>0</v>
      </c>
      <c r="AO5083">
        <v>0</v>
      </c>
      <c r="AP5083">
        <v>0</v>
      </c>
      <c r="AQ5083">
        <v>0</v>
      </c>
      <c r="AR5083">
        <v>0</v>
      </c>
      <c r="AS5083">
        <v>0</v>
      </c>
      <c r="AT5083">
        <v>0</v>
      </c>
      <c r="AU5083">
        <v>0</v>
      </c>
      <c r="AV5083">
        <v>0</v>
      </c>
      <c r="AW5083">
        <v>0</v>
      </c>
      <c r="AX5083">
        <v>0</v>
      </c>
      <c r="AY5083">
        <v>0</v>
      </c>
      <c r="AZ5083">
        <v>0</v>
      </c>
      <c r="BA5083">
        <v>0</v>
      </c>
    </row>
    <row r="5084" spans="1:53" x14ac:dyDescent="0.4">
      <c r="A5084">
        <v>5128</v>
      </c>
      <c r="B5084" s="1">
        <v>44786</v>
      </c>
      <c r="C5084">
        <v>2</v>
      </c>
      <c r="D5084" s="1">
        <v>44786.402083333334</v>
      </c>
      <c r="E5084" s="1">
        <v>44786.732638888891</v>
      </c>
      <c r="F5084">
        <v>32410</v>
      </c>
      <c r="G5084">
        <v>594</v>
      </c>
      <c r="H5084">
        <v>0</v>
      </c>
      <c r="I5084">
        <v>0</v>
      </c>
      <c r="J5084">
        <v>100</v>
      </c>
      <c r="K5084">
        <v>0</v>
      </c>
      <c r="L5084">
        <v>0</v>
      </c>
      <c r="M5084">
        <v>2986</v>
      </c>
      <c r="N5084">
        <v>0</v>
      </c>
      <c r="O5084">
        <v>0</v>
      </c>
      <c r="P5084">
        <v>15330</v>
      </c>
      <c r="Q5084">
        <v>0</v>
      </c>
      <c r="R5084">
        <v>48234</v>
      </c>
      <c r="S5084">
        <v>0</v>
      </c>
      <c r="T5084">
        <v>0</v>
      </c>
      <c r="U5084">
        <v>0</v>
      </c>
      <c r="V5084">
        <v>3</v>
      </c>
      <c r="W5084">
        <v>0</v>
      </c>
      <c r="X5084">
        <v>0</v>
      </c>
      <c r="Y5084">
        <v>41</v>
      </c>
      <c r="Z5084">
        <v>24</v>
      </c>
      <c r="AA5084">
        <v>70</v>
      </c>
      <c r="AB5084">
        <v>24</v>
      </c>
      <c r="AC5084">
        <v>118</v>
      </c>
      <c r="AD5084">
        <v>27</v>
      </c>
      <c r="AE5084">
        <v>49</v>
      </c>
      <c r="AF5084">
        <v>5670</v>
      </c>
      <c r="AG5084">
        <v>98234</v>
      </c>
      <c r="AH5084">
        <v>50000</v>
      </c>
      <c r="AI5084">
        <v>0</v>
      </c>
      <c r="AJ5084">
        <v>115</v>
      </c>
      <c r="AK5084" t="s">
        <v>55</v>
      </c>
      <c r="AL5084">
        <v>0</v>
      </c>
      <c r="AM5084">
        <v>0</v>
      </c>
      <c r="AN5084">
        <v>0</v>
      </c>
      <c r="AO5084">
        <v>0</v>
      </c>
      <c r="AP5084">
        <v>0</v>
      </c>
      <c r="AQ5084">
        <v>0</v>
      </c>
      <c r="AR5084">
        <v>0</v>
      </c>
      <c r="AS5084">
        <v>0</v>
      </c>
      <c r="AT5084">
        <v>0</v>
      </c>
      <c r="AU5084">
        <v>0</v>
      </c>
      <c r="AV5084">
        <v>0</v>
      </c>
      <c r="AW5084">
        <v>0</v>
      </c>
      <c r="AX5084">
        <v>594</v>
      </c>
      <c r="AY5084">
        <v>40</v>
      </c>
      <c r="AZ5084">
        <v>78</v>
      </c>
      <c r="BA5084">
        <v>6061</v>
      </c>
    </row>
    <row r="5085" spans="1:53" x14ac:dyDescent="0.4">
      <c r="A5085">
        <v>5129</v>
      </c>
      <c r="B5085" s="1">
        <v>44786</v>
      </c>
      <c r="C5085">
        <v>3</v>
      </c>
      <c r="D5085" s="1">
        <v>44786.732638888891</v>
      </c>
      <c r="E5085" s="1">
        <v>44787.113194444442</v>
      </c>
      <c r="F5085">
        <v>104580</v>
      </c>
      <c r="G5085">
        <v>1012</v>
      </c>
      <c r="H5085">
        <v>0</v>
      </c>
      <c r="I5085">
        <v>0</v>
      </c>
      <c r="J5085">
        <v>0</v>
      </c>
      <c r="K5085">
        <v>1300</v>
      </c>
      <c r="L5085">
        <v>0</v>
      </c>
      <c r="M5085">
        <v>9719</v>
      </c>
      <c r="N5085">
        <v>0</v>
      </c>
      <c r="O5085">
        <v>0</v>
      </c>
      <c r="P5085">
        <v>41450</v>
      </c>
      <c r="Q5085">
        <v>0</v>
      </c>
      <c r="R5085">
        <v>148342</v>
      </c>
      <c r="S5085">
        <v>0</v>
      </c>
      <c r="T5085">
        <v>0</v>
      </c>
      <c r="U5085">
        <v>0</v>
      </c>
      <c r="V5085">
        <v>10</v>
      </c>
      <c r="W5085">
        <v>5</v>
      </c>
      <c r="X5085">
        <v>0</v>
      </c>
      <c r="Y5085">
        <v>55</v>
      </c>
      <c r="Z5085">
        <v>23</v>
      </c>
      <c r="AA5085">
        <v>65</v>
      </c>
      <c r="AB5085">
        <v>26</v>
      </c>
      <c r="AC5085">
        <v>107</v>
      </c>
      <c r="AD5085">
        <v>25</v>
      </c>
      <c r="AE5085">
        <v>51</v>
      </c>
      <c r="AF5085">
        <v>46030</v>
      </c>
      <c r="AG5085">
        <v>246576</v>
      </c>
      <c r="AH5085">
        <v>50000</v>
      </c>
      <c r="AI5085">
        <v>0</v>
      </c>
      <c r="AJ5085">
        <v>108</v>
      </c>
      <c r="AK5085" t="s">
        <v>3</v>
      </c>
      <c r="AL5085">
        <v>0</v>
      </c>
      <c r="AM5085">
        <v>0</v>
      </c>
      <c r="AN5085">
        <v>0</v>
      </c>
      <c r="AO5085">
        <v>0</v>
      </c>
      <c r="AP5085">
        <v>0</v>
      </c>
      <c r="AQ5085">
        <v>0</v>
      </c>
      <c r="AR5085">
        <v>0</v>
      </c>
      <c r="AS5085">
        <v>0</v>
      </c>
      <c r="AT5085">
        <v>0</v>
      </c>
      <c r="AU5085">
        <v>0</v>
      </c>
      <c r="AV5085">
        <v>0</v>
      </c>
      <c r="AW5085">
        <v>0</v>
      </c>
      <c r="AX5085">
        <v>7359</v>
      </c>
      <c r="AY5085">
        <v>26</v>
      </c>
      <c r="AZ5085">
        <v>74</v>
      </c>
      <c r="BA5085">
        <v>4384</v>
      </c>
    </row>
    <row r="5086" spans="1:53" x14ac:dyDescent="0.4">
      <c r="A5086">
        <v>5130</v>
      </c>
      <c r="B5086" s="1">
        <v>44787</v>
      </c>
      <c r="C5086">
        <v>1</v>
      </c>
      <c r="D5086" s="1">
        <v>44787.291666666664</v>
      </c>
      <c r="E5086" s="1">
        <v>44787.393750000003</v>
      </c>
      <c r="F5086">
        <v>0</v>
      </c>
      <c r="G5086">
        <v>0</v>
      </c>
      <c r="H5086">
        <v>0</v>
      </c>
      <c r="I5086">
        <v>0</v>
      </c>
      <c r="J5086">
        <v>0</v>
      </c>
      <c r="K5086">
        <v>0</v>
      </c>
      <c r="L5086">
        <v>0</v>
      </c>
      <c r="M5086">
        <v>0</v>
      </c>
      <c r="N5086">
        <v>0</v>
      </c>
      <c r="O5086">
        <v>0</v>
      </c>
      <c r="P5086">
        <v>0</v>
      </c>
      <c r="Q5086">
        <v>0</v>
      </c>
      <c r="R5086">
        <v>0</v>
      </c>
      <c r="S5086">
        <v>0</v>
      </c>
      <c r="T5086">
        <v>0</v>
      </c>
      <c r="U5086">
        <v>0</v>
      </c>
      <c r="V5086">
        <v>0</v>
      </c>
      <c r="W5086">
        <v>1</v>
      </c>
      <c r="X5086">
        <v>0</v>
      </c>
      <c r="Y5086">
        <v>29</v>
      </c>
      <c r="Z5086">
        <v>14</v>
      </c>
      <c r="AA5086">
        <v>66</v>
      </c>
      <c r="AB5086">
        <v>24</v>
      </c>
      <c r="AC5086">
        <v>104</v>
      </c>
      <c r="AD5086">
        <v>23</v>
      </c>
      <c r="AE5086">
        <v>45</v>
      </c>
      <c r="AF5086">
        <v>0</v>
      </c>
      <c r="AG5086">
        <v>50000</v>
      </c>
      <c r="AH5086">
        <v>50000</v>
      </c>
      <c r="AI5086">
        <v>0</v>
      </c>
      <c r="AJ5086">
        <v>0</v>
      </c>
      <c r="AK5086" t="s">
        <v>6</v>
      </c>
      <c r="AL5086">
        <v>0</v>
      </c>
      <c r="AM5086">
        <v>0</v>
      </c>
      <c r="AN5086">
        <v>0</v>
      </c>
      <c r="AO5086">
        <v>0</v>
      </c>
      <c r="AP5086">
        <v>0</v>
      </c>
      <c r="AQ5086">
        <v>0</v>
      </c>
      <c r="AR5086">
        <v>0</v>
      </c>
      <c r="AS5086">
        <v>0</v>
      </c>
      <c r="AT5086">
        <v>0</v>
      </c>
      <c r="AU5086">
        <v>0</v>
      </c>
      <c r="AV5086">
        <v>0</v>
      </c>
      <c r="AW5086">
        <v>0</v>
      </c>
      <c r="AX5086">
        <v>0</v>
      </c>
      <c r="AY5086">
        <v>0</v>
      </c>
      <c r="AZ5086">
        <v>0</v>
      </c>
      <c r="BA5086">
        <v>0</v>
      </c>
    </row>
    <row r="5087" spans="1:53" x14ac:dyDescent="0.4">
      <c r="A5087">
        <v>5131</v>
      </c>
      <c r="B5087" s="1">
        <v>44787</v>
      </c>
      <c r="C5087">
        <v>2</v>
      </c>
      <c r="D5087" s="1">
        <v>44787.393750000003</v>
      </c>
      <c r="E5087" s="1">
        <v>44787.729861111111</v>
      </c>
      <c r="F5087">
        <v>28420</v>
      </c>
      <c r="G5087">
        <v>1056</v>
      </c>
      <c r="H5087">
        <v>0</v>
      </c>
      <c r="I5087">
        <v>0</v>
      </c>
      <c r="J5087">
        <v>0</v>
      </c>
      <c r="K5087">
        <v>0</v>
      </c>
      <c r="L5087">
        <v>0</v>
      </c>
      <c r="M5087">
        <v>2678</v>
      </c>
      <c r="N5087">
        <v>0</v>
      </c>
      <c r="O5087">
        <v>0</v>
      </c>
      <c r="P5087">
        <v>14970</v>
      </c>
      <c r="Q5087">
        <v>0</v>
      </c>
      <c r="R5087">
        <v>44446</v>
      </c>
      <c r="S5087">
        <v>0</v>
      </c>
      <c r="T5087">
        <v>0</v>
      </c>
      <c r="U5087">
        <v>0</v>
      </c>
      <c r="V5087">
        <v>1</v>
      </c>
      <c r="W5087">
        <v>0</v>
      </c>
      <c r="X5087">
        <v>0</v>
      </c>
      <c r="Y5087">
        <v>58</v>
      </c>
      <c r="Z5087">
        <v>28</v>
      </c>
      <c r="AA5087">
        <v>75</v>
      </c>
      <c r="AB5087">
        <v>28</v>
      </c>
      <c r="AC5087">
        <v>105</v>
      </c>
      <c r="AD5087">
        <v>23</v>
      </c>
      <c r="AE5087">
        <v>41</v>
      </c>
      <c r="AF5087">
        <v>2340</v>
      </c>
      <c r="AG5087">
        <v>94446</v>
      </c>
      <c r="AH5087">
        <v>50000</v>
      </c>
      <c r="AI5087">
        <v>0</v>
      </c>
      <c r="AJ5087">
        <v>118</v>
      </c>
      <c r="AK5087" t="s">
        <v>59</v>
      </c>
      <c r="AL5087">
        <v>0</v>
      </c>
      <c r="AM5087">
        <v>0</v>
      </c>
      <c r="AN5087">
        <v>0</v>
      </c>
      <c r="AO5087">
        <v>0</v>
      </c>
      <c r="AP5087">
        <v>0</v>
      </c>
      <c r="AQ5087">
        <v>0</v>
      </c>
      <c r="AR5087">
        <v>0</v>
      </c>
      <c r="AS5087">
        <v>0</v>
      </c>
      <c r="AT5087">
        <v>0</v>
      </c>
      <c r="AU5087">
        <v>0</v>
      </c>
      <c r="AV5087">
        <v>0</v>
      </c>
      <c r="AW5087">
        <v>0</v>
      </c>
      <c r="AX5087">
        <v>0</v>
      </c>
      <c r="AY5087">
        <v>37</v>
      </c>
      <c r="AZ5087">
        <v>74</v>
      </c>
      <c r="BA5087">
        <v>5501</v>
      </c>
    </row>
    <row r="5088" spans="1:53" x14ac:dyDescent="0.4">
      <c r="A5088">
        <v>5132</v>
      </c>
      <c r="B5088" s="1">
        <v>44787</v>
      </c>
      <c r="C5088">
        <v>3</v>
      </c>
      <c r="D5088" s="1">
        <v>44787.729861111111</v>
      </c>
      <c r="E5088" s="1">
        <v>44787.959722222222</v>
      </c>
      <c r="F5088">
        <v>128390</v>
      </c>
      <c r="G5088">
        <v>3460</v>
      </c>
      <c r="H5088">
        <v>0</v>
      </c>
      <c r="I5088">
        <v>0</v>
      </c>
      <c r="J5088">
        <v>0</v>
      </c>
      <c r="K5088">
        <v>0</v>
      </c>
      <c r="L5088">
        <v>0</v>
      </c>
      <c r="M5088">
        <v>11986</v>
      </c>
      <c r="N5088">
        <v>0</v>
      </c>
      <c r="O5088">
        <v>0</v>
      </c>
      <c r="P5088">
        <v>-11770</v>
      </c>
      <c r="Q5088">
        <v>0</v>
      </c>
      <c r="R5088">
        <v>120080</v>
      </c>
      <c r="S5088">
        <v>0</v>
      </c>
      <c r="T5088">
        <v>0</v>
      </c>
      <c r="U5088">
        <v>0</v>
      </c>
      <c r="V5088">
        <v>11</v>
      </c>
      <c r="W5088">
        <v>1</v>
      </c>
      <c r="X5088">
        <v>0</v>
      </c>
      <c r="Y5088">
        <v>57</v>
      </c>
      <c r="Z5088">
        <v>29</v>
      </c>
      <c r="AA5088">
        <v>90</v>
      </c>
      <c r="AB5088">
        <v>27</v>
      </c>
      <c r="AC5088">
        <v>99</v>
      </c>
      <c r="AD5088">
        <v>25</v>
      </c>
      <c r="AE5088">
        <v>45</v>
      </c>
      <c r="AF5088">
        <v>16516</v>
      </c>
      <c r="AG5088">
        <v>214526</v>
      </c>
      <c r="AH5088">
        <v>50000</v>
      </c>
      <c r="AI5088">
        <v>0</v>
      </c>
      <c r="AJ5088">
        <v>108</v>
      </c>
      <c r="AK5088" t="s">
        <v>3</v>
      </c>
      <c r="AL5088">
        <v>0</v>
      </c>
      <c r="AM5088">
        <v>0</v>
      </c>
      <c r="AN5088">
        <v>0</v>
      </c>
      <c r="AO5088">
        <v>0</v>
      </c>
      <c r="AP5088">
        <v>0</v>
      </c>
      <c r="AQ5088">
        <v>0</v>
      </c>
      <c r="AR5088">
        <v>0</v>
      </c>
      <c r="AS5088">
        <v>0</v>
      </c>
      <c r="AT5088">
        <v>0</v>
      </c>
      <c r="AU5088">
        <v>0</v>
      </c>
      <c r="AV5088">
        <v>0</v>
      </c>
      <c r="AW5088">
        <v>0</v>
      </c>
      <c r="AX5088">
        <v>5200</v>
      </c>
      <c r="AY5088">
        <v>11</v>
      </c>
      <c r="AZ5088">
        <v>41</v>
      </c>
      <c r="BA5088">
        <v>1947</v>
      </c>
    </row>
    <row r="5089" spans="1:53" x14ac:dyDescent="0.4">
      <c r="A5089">
        <v>5133</v>
      </c>
      <c r="B5089" s="1">
        <v>44788</v>
      </c>
      <c r="C5089">
        <v>1</v>
      </c>
      <c r="D5089" s="1">
        <v>44788.291666666664</v>
      </c>
      <c r="E5089" s="1">
        <v>44788.749305555553</v>
      </c>
      <c r="F5089">
        <v>38580</v>
      </c>
      <c r="G5089">
        <v>1496</v>
      </c>
      <c r="H5089">
        <v>0</v>
      </c>
      <c r="I5089">
        <v>0</v>
      </c>
      <c r="J5089">
        <v>100</v>
      </c>
      <c r="K5089">
        <v>0</v>
      </c>
      <c r="L5089">
        <v>0</v>
      </c>
      <c r="M5089">
        <v>3629</v>
      </c>
      <c r="N5089">
        <v>0</v>
      </c>
      <c r="O5089">
        <v>0</v>
      </c>
      <c r="P5089">
        <v>16230</v>
      </c>
      <c r="Q5089">
        <v>0</v>
      </c>
      <c r="R5089">
        <v>56206</v>
      </c>
      <c r="S5089">
        <v>0</v>
      </c>
      <c r="T5089">
        <v>0</v>
      </c>
      <c r="U5089">
        <v>0</v>
      </c>
      <c r="V5089">
        <v>2</v>
      </c>
      <c r="W5089">
        <v>1</v>
      </c>
      <c r="X5089">
        <v>0</v>
      </c>
      <c r="Y5089">
        <v>46</v>
      </c>
      <c r="Z5089">
        <v>38</v>
      </c>
      <c r="AA5089">
        <v>105</v>
      </c>
      <c r="AB5089">
        <v>30</v>
      </c>
      <c r="AC5089">
        <v>119</v>
      </c>
      <c r="AD5089">
        <v>22</v>
      </c>
      <c r="AE5089">
        <v>46</v>
      </c>
      <c r="AF5089">
        <v>2860</v>
      </c>
      <c r="AG5089">
        <v>106206</v>
      </c>
      <c r="AH5089">
        <v>50000</v>
      </c>
      <c r="AI5089">
        <v>0</v>
      </c>
      <c r="AJ5089">
        <v>118</v>
      </c>
      <c r="AK5089" t="s">
        <v>59</v>
      </c>
      <c r="AL5089">
        <v>0</v>
      </c>
      <c r="AM5089">
        <v>0</v>
      </c>
      <c r="AN5089">
        <v>0</v>
      </c>
      <c r="AO5089">
        <v>0</v>
      </c>
      <c r="AP5089">
        <v>0</v>
      </c>
      <c r="AQ5089">
        <v>0</v>
      </c>
      <c r="AR5089">
        <v>0</v>
      </c>
      <c r="AS5089">
        <v>0</v>
      </c>
      <c r="AT5089">
        <v>0</v>
      </c>
      <c r="AU5089">
        <v>0</v>
      </c>
      <c r="AV5089">
        <v>0</v>
      </c>
      <c r="AW5089">
        <v>0</v>
      </c>
      <c r="AX5089">
        <v>-530</v>
      </c>
      <c r="AY5089">
        <v>48</v>
      </c>
      <c r="AZ5089">
        <v>90</v>
      </c>
      <c r="BA5089">
        <v>7046</v>
      </c>
    </row>
    <row r="5090" spans="1:53" x14ac:dyDescent="0.4">
      <c r="A5090">
        <v>5134</v>
      </c>
      <c r="B5090" s="1">
        <v>44788</v>
      </c>
      <c r="C5090">
        <v>2</v>
      </c>
      <c r="D5090" s="1">
        <v>44788.749305555553</v>
      </c>
      <c r="E5090" s="1">
        <v>44789.040277777778</v>
      </c>
      <c r="F5090">
        <v>124500</v>
      </c>
      <c r="G5090">
        <v>8206</v>
      </c>
      <c r="H5090">
        <v>0</v>
      </c>
      <c r="I5090">
        <v>0</v>
      </c>
      <c r="J5090">
        <v>0</v>
      </c>
      <c r="K5090">
        <v>0</v>
      </c>
      <c r="L5090">
        <v>0</v>
      </c>
      <c r="M5090">
        <v>12063</v>
      </c>
      <c r="N5090">
        <v>0</v>
      </c>
      <c r="O5090">
        <v>0</v>
      </c>
      <c r="P5090">
        <v>14730</v>
      </c>
      <c r="Q5090">
        <v>0</v>
      </c>
      <c r="R5090">
        <v>147436</v>
      </c>
      <c r="S5090">
        <v>0</v>
      </c>
      <c r="T5090">
        <v>0</v>
      </c>
      <c r="U5090">
        <v>0</v>
      </c>
      <c r="V5090">
        <v>10</v>
      </c>
      <c r="W5090">
        <v>3</v>
      </c>
      <c r="X5090">
        <v>0</v>
      </c>
      <c r="Y5090">
        <v>89</v>
      </c>
      <c r="Z5090">
        <v>37</v>
      </c>
      <c r="AA5090">
        <v>109</v>
      </c>
      <c r="AB5090">
        <v>32</v>
      </c>
      <c r="AC5090">
        <v>109</v>
      </c>
      <c r="AD5090">
        <v>22</v>
      </c>
      <c r="AE5090">
        <v>50</v>
      </c>
      <c r="AF5090">
        <v>17392</v>
      </c>
      <c r="AG5090">
        <v>253642</v>
      </c>
      <c r="AH5090">
        <v>50000</v>
      </c>
      <c r="AI5090">
        <v>0</v>
      </c>
      <c r="AJ5090">
        <v>95</v>
      </c>
      <c r="AK5090" t="s">
        <v>21</v>
      </c>
      <c r="AL5090">
        <v>0</v>
      </c>
      <c r="AM5090">
        <v>0</v>
      </c>
      <c r="AN5090">
        <v>0</v>
      </c>
      <c r="AO5090">
        <v>0</v>
      </c>
      <c r="AP5090">
        <v>0</v>
      </c>
      <c r="AQ5090">
        <v>0</v>
      </c>
      <c r="AR5090">
        <v>0</v>
      </c>
      <c r="AS5090">
        <v>0</v>
      </c>
      <c r="AT5090">
        <v>0</v>
      </c>
      <c r="AU5090">
        <v>0</v>
      </c>
      <c r="AV5090">
        <v>0</v>
      </c>
      <c r="AW5090">
        <v>0</v>
      </c>
      <c r="AX5090">
        <v>1100</v>
      </c>
      <c r="AY5090">
        <v>23</v>
      </c>
      <c r="AZ5090">
        <v>64</v>
      </c>
      <c r="BA5090">
        <v>4018</v>
      </c>
    </row>
    <row r="5091" spans="1:53" x14ac:dyDescent="0.4">
      <c r="A5091">
        <v>5135</v>
      </c>
      <c r="B5091" s="1">
        <v>44789</v>
      </c>
      <c r="C5091">
        <v>1</v>
      </c>
      <c r="D5091" s="1">
        <v>44789.291666666664</v>
      </c>
      <c r="E5091" s="1">
        <v>44789.40625</v>
      </c>
      <c r="F5091">
        <v>0</v>
      </c>
      <c r="G5091">
        <v>0</v>
      </c>
      <c r="H5091">
        <v>0</v>
      </c>
      <c r="I5091">
        <v>0</v>
      </c>
      <c r="J5091">
        <v>0</v>
      </c>
      <c r="K5091">
        <v>0</v>
      </c>
      <c r="L5091">
        <v>0</v>
      </c>
      <c r="M5091">
        <v>0</v>
      </c>
      <c r="N5091">
        <v>0</v>
      </c>
      <c r="O5091">
        <v>0</v>
      </c>
      <c r="P5091">
        <v>0</v>
      </c>
      <c r="Q5091">
        <v>0</v>
      </c>
      <c r="R5091">
        <v>0</v>
      </c>
      <c r="S5091">
        <v>0</v>
      </c>
      <c r="T5091">
        <v>0</v>
      </c>
      <c r="U5091">
        <v>0</v>
      </c>
      <c r="V5091">
        <v>0</v>
      </c>
      <c r="W5091">
        <v>1</v>
      </c>
      <c r="X5091">
        <v>0</v>
      </c>
      <c r="Y5091">
        <v>25</v>
      </c>
      <c r="Z5091">
        <v>14</v>
      </c>
      <c r="AA5091">
        <v>103</v>
      </c>
      <c r="AB5091">
        <v>30</v>
      </c>
      <c r="AC5091">
        <v>105</v>
      </c>
      <c r="AD5091">
        <v>21</v>
      </c>
      <c r="AE5091">
        <v>45</v>
      </c>
      <c r="AF5091">
        <v>0</v>
      </c>
      <c r="AG5091">
        <v>50000</v>
      </c>
      <c r="AH5091">
        <v>50000</v>
      </c>
      <c r="AI5091">
        <v>0</v>
      </c>
      <c r="AJ5091">
        <v>0</v>
      </c>
      <c r="AK5091" t="s">
        <v>6</v>
      </c>
      <c r="AL5091">
        <v>0</v>
      </c>
      <c r="AM5091">
        <v>0</v>
      </c>
      <c r="AN5091">
        <v>0</v>
      </c>
      <c r="AO5091">
        <v>0</v>
      </c>
      <c r="AP5091">
        <v>0</v>
      </c>
      <c r="AQ5091">
        <v>0</v>
      </c>
      <c r="AR5091">
        <v>0</v>
      </c>
      <c r="AS5091">
        <v>0</v>
      </c>
      <c r="AT5091">
        <v>0</v>
      </c>
      <c r="AU5091">
        <v>0</v>
      </c>
      <c r="AV5091">
        <v>0</v>
      </c>
      <c r="AW5091">
        <v>0</v>
      </c>
      <c r="AX5091">
        <v>0</v>
      </c>
      <c r="AY5091">
        <v>0</v>
      </c>
      <c r="AZ5091">
        <v>0</v>
      </c>
      <c r="BA5091">
        <v>0</v>
      </c>
    </row>
    <row r="5092" spans="1:53" x14ac:dyDescent="0.4">
      <c r="A5092">
        <v>5136</v>
      </c>
      <c r="B5092" s="1">
        <v>44789</v>
      </c>
      <c r="C5092">
        <v>2</v>
      </c>
      <c r="D5092" s="1">
        <v>44789.40625</v>
      </c>
      <c r="E5092" s="1">
        <v>44789.741666666669</v>
      </c>
      <c r="F5092">
        <v>41340</v>
      </c>
      <c r="G5092">
        <v>1364</v>
      </c>
      <c r="H5092">
        <v>0</v>
      </c>
      <c r="I5092">
        <v>0</v>
      </c>
      <c r="J5092">
        <v>250</v>
      </c>
      <c r="K5092">
        <v>0</v>
      </c>
      <c r="L5092">
        <v>0</v>
      </c>
      <c r="M5092">
        <v>3855</v>
      </c>
      <c r="N5092">
        <v>0</v>
      </c>
      <c r="O5092">
        <v>0</v>
      </c>
      <c r="P5092">
        <v>25360</v>
      </c>
      <c r="Q5092">
        <v>0</v>
      </c>
      <c r="R5092">
        <v>67814</v>
      </c>
      <c r="S5092">
        <v>0</v>
      </c>
      <c r="T5092">
        <v>0</v>
      </c>
      <c r="U5092">
        <v>0</v>
      </c>
      <c r="V5092">
        <v>1</v>
      </c>
      <c r="W5092">
        <v>10</v>
      </c>
      <c r="X5092">
        <v>0</v>
      </c>
      <c r="Y5092">
        <v>32</v>
      </c>
      <c r="Z5092">
        <v>22</v>
      </c>
      <c r="AA5092">
        <v>120</v>
      </c>
      <c r="AB5092">
        <v>18</v>
      </c>
      <c r="AC5092">
        <v>100</v>
      </c>
      <c r="AD5092">
        <v>23</v>
      </c>
      <c r="AE5092">
        <v>49</v>
      </c>
      <c r="AF5092">
        <v>750</v>
      </c>
      <c r="AG5092">
        <v>117814</v>
      </c>
      <c r="AH5092">
        <v>50000</v>
      </c>
      <c r="AI5092">
        <v>0</v>
      </c>
      <c r="AJ5092">
        <v>119</v>
      </c>
      <c r="AK5092" t="s">
        <v>56</v>
      </c>
      <c r="AL5092">
        <v>0</v>
      </c>
      <c r="AM5092">
        <v>0</v>
      </c>
      <c r="AN5092">
        <v>0</v>
      </c>
      <c r="AO5092">
        <v>0</v>
      </c>
      <c r="AP5092">
        <v>0</v>
      </c>
      <c r="AQ5092">
        <v>0</v>
      </c>
      <c r="AR5092">
        <v>0</v>
      </c>
      <c r="AS5092">
        <v>0</v>
      </c>
      <c r="AT5092">
        <v>0</v>
      </c>
      <c r="AU5092">
        <v>0</v>
      </c>
      <c r="AV5092">
        <v>0</v>
      </c>
      <c r="AW5092">
        <v>0</v>
      </c>
      <c r="AX5092">
        <v>-600</v>
      </c>
      <c r="AY5092">
        <v>51</v>
      </c>
      <c r="AZ5092">
        <v>101</v>
      </c>
      <c r="BA5092">
        <v>7772</v>
      </c>
    </row>
    <row r="5093" spans="1:53" x14ac:dyDescent="0.4">
      <c r="A5093">
        <v>5137</v>
      </c>
      <c r="B5093" s="1">
        <v>44789</v>
      </c>
      <c r="C5093">
        <v>3</v>
      </c>
      <c r="D5093" s="1">
        <v>44789.741666666669</v>
      </c>
      <c r="E5093" s="1">
        <v>44790.056944444441</v>
      </c>
      <c r="F5093">
        <v>87940</v>
      </c>
      <c r="G5093">
        <v>1452</v>
      </c>
      <c r="H5093">
        <v>0</v>
      </c>
      <c r="I5093">
        <v>0</v>
      </c>
      <c r="J5093">
        <v>0</v>
      </c>
      <c r="K5093">
        <v>400</v>
      </c>
      <c r="L5093">
        <v>0</v>
      </c>
      <c r="M5093">
        <v>8161</v>
      </c>
      <c r="N5093">
        <v>0</v>
      </c>
      <c r="O5093">
        <v>0</v>
      </c>
      <c r="P5093">
        <v>27420</v>
      </c>
      <c r="Q5093">
        <v>0</v>
      </c>
      <c r="R5093">
        <v>117212</v>
      </c>
      <c r="S5093">
        <v>0</v>
      </c>
      <c r="T5093">
        <v>0</v>
      </c>
      <c r="U5093">
        <v>0</v>
      </c>
      <c r="V5093">
        <v>11</v>
      </c>
      <c r="W5093">
        <v>6</v>
      </c>
      <c r="X5093">
        <v>0</v>
      </c>
      <c r="Y5093">
        <v>59</v>
      </c>
      <c r="Z5093">
        <v>23</v>
      </c>
      <c r="AA5093">
        <v>119</v>
      </c>
      <c r="AB5093">
        <v>21</v>
      </c>
      <c r="AC5093">
        <v>103</v>
      </c>
      <c r="AD5093">
        <v>22</v>
      </c>
      <c r="AE5093">
        <v>46</v>
      </c>
      <c r="AF5093">
        <v>10390</v>
      </c>
      <c r="AG5093">
        <v>235026</v>
      </c>
      <c r="AH5093">
        <v>50000</v>
      </c>
      <c r="AI5093">
        <v>0</v>
      </c>
      <c r="AJ5093">
        <v>108</v>
      </c>
      <c r="AK5093" t="s">
        <v>3</v>
      </c>
      <c r="AL5093">
        <v>0</v>
      </c>
      <c r="AM5093">
        <v>0</v>
      </c>
      <c r="AN5093">
        <v>0</v>
      </c>
      <c r="AO5093">
        <v>0</v>
      </c>
      <c r="AP5093">
        <v>0</v>
      </c>
      <c r="AQ5093">
        <v>0</v>
      </c>
      <c r="AR5093">
        <v>0</v>
      </c>
      <c r="AS5093">
        <v>0</v>
      </c>
      <c r="AT5093">
        <v>0</v>
      </c>
      <c r="AU5093">
        <v>0</v>
      </c>
      <c r="AV5093">
        <v>0</v>
      </c>
      <c r="AW5093">
        <v>0</v>
      </c>
      <c r="AX5093">
        <v>14635</v>
      </c>
      <c r="AY5093">
        <v>26</v>
      </c>
      <c r="AZ5093">
        <v>67</v>
      </c>
      <c r="BA5093">
        <v>4682</v>
      </c>
    </row>
    <row r="5094" spans="1:53" x14ac:dyDescent="0.4">
      <c r="A5094">
        <v>5138</v>
      </c>
      <c r="B5094" s="1">
        <v>44790</v>
      </c>
      <c r="C5094">
        <v>1</v>
      </c>
      <c r="D5094" s="1">
        <v>44790.291666666664</v>
      </c>
      <c r="E5094" s="1">
        <v>44790.739583333336</v>
      </c>
      <c r="F5094">
        <v>37930</v>
      </c>
      <c r="G5094">
        <v>1078</v>
      </c>
      <c r="H5094">
        <v>0</v>
      </c>
      <c r="I5094">
        <v>0</v>
      </c>
      <c r="J5094">
        <v>50</v>
      </c>
      <c r="K5094">
        <v>0</v>
      </c>
      <c r="L5094">
        <v>0</v>
      </c>
      <c r="M5094">
        <v>3539</v>
      </c>
      <c r="N5094">
        <v>0</v>
      </c>
      <c r="O5094">
        <v>0</v>
      </c>
      <c r="P5094">
        <v>20840</v>
      </c>
      <c r="Q5094">
        <v>0</v>
      </c>
      <c r="R5094">
        <v>59798</v>
      </c>
      <c r="S5094">
        <v>0</v>
      </c>
      <c r="T5094">
        <v>0</v>
      </c>
      <c r="U5094">
        <v>0</v>
      </c>
      <c r="V5094">
        <v>2</v>
      </c>
      <c r="W5094">
        <v>2</v>
      </c>
      <c r="X5094">
        <v>0</v>
      </c>
      <c r="Y5094">
        <v>43</v>
      </c>
      <c r="Z5094">
        <v>32</v>
      </c>
      <c r="AA5094">
        <v>120</v>
      </c>
      <c r="AB5094">
        <v>22</v>
      </c>
      <c r="AC5094">
        <v>128</v>
      </c>
      <c r="AD5094">
        <v>22</v>
      </c>
      <c r="AE5094">
        <v>42</v>
      </c>
      <c r="AF5094">
        <v>6266</v>
      </c>
      <c r="AG5094">
        <v>109798</v>
      </c>
      <c r="AH5094">
        <v>50000</v>
      </c>
      <c r="AI5094">
        <v>0</v>
      </c>
      <c r="AJ5094">
        <v>119</v>
      </c>
      <c r="AK5094" t="s">
        <v>56</v>
      </c>
      <c r="AL5094">
        <v>0</v>
      </c>
      <c r="AM5094">
        <v>0</v>
      </c>
      <c r="AN5094">
        <v>0</v>
      </c>
      <c r="AO5094">
        <v>0</v>
      </c>
      <c r="AP5094">
        <v>0</v>
      </c>
      <c r="AQ5094">
        <v>0</v>
      </c>
      <c r="AR5094">
        <v>0</v>
      </c>
      <c r="AS5094">
        <v>0</v>
      </c>
      <c r="AT5094">
        <v>0</v>
      </c>
      <c r="AU5094">
        <v>0</v>
      </c>
      <c r="AV5094">
        <v>0</v>
      </c>
      <c r="AW5094">
        <v>0</v>
      </c>
      <c r="AX5094">
        <v>594</v>
      </c>
      <c r="AY5094">
        <v>45</v>
      </c>
      <c r="AZ5094">
        <v>94</v>
      </c>
      <c r="BA5094">
        <v>6771</v>
      </c>
    </row>
    <row r="5095" spans="1:53" x14ac:dyDescent="0.4">
      <c r="A5095">
        <v>5139</v>
      </c>
      <c r="B5095" s="1">
        <v>44790</v>
      </c>
      <c r="C5095">
        <v>2</v>
      </c>
      <c r="D5095" s="1">
        <v>44790.739583333336</v>
      </c>
      <c r="E5095" s="1">
        <v>44790.944444444445</v>
      </c>
      <c r="F5095">
        <v>51890</v>
      </c>
      <c r="G5095">
        <v>2827</v>
      </c>
      <c r="H5095">
        <v>0</v>
      </c>
      <c r="I5095">
        <v>0</v>
      </c>
      <c r="J5095">
        <v>50</v>
      </c>
      <c r="K5095">
        <v>0</v>
      </c>
      <c r="L5095">
        <v>0</v>
      </c>
      <c r="M5095">
        <v>4970</v>
      </c>
      <c r="N5095">
        <v>0</v>
      </c>
      <c r="O5095">
        <v>0</v>
      </c>
      <c r="P5095">
        <v>-20840</v>
      </c>
      <c r="Q5095">
        <v>0</v>
      </c>
      <c r="R5095">
        <v>33827</v>
      </c>
      <c r="S5095">
        <v>0</v>
      </c>
      <c r="T5095">
        <v>0</v>
      </c>
      <c r="U5095">
        <v>0</v>
      </c>
      <c r="V5095">
        <v>4</v>
      </c>
      <c r="W5095">
        <v>2</v>
      </c>
      <c r="X5095">
        <v>0</v>
      </c>
      <c r="Y5095">
        <v>50</v>
      </c>
      <c r="Z5095">
        <v>31</v>
      </c>
      <c r="AA5095">
        <v>120</v>
      </c>
      <c r="AB5095">
        <v>23</v>
      </c>
      <c r="AC5095">
        <v>132</v>
      </c>
      <c r="AD5095">
        <v>22</v>
      </c>
      <c r="AE5095">
        <v>45</v>
      </c>
      <c r="AF5095">
        <v>13500</v>
      </c>
      <c r="AG5095">
        <v>143625</v>
      </c>
      <c r="AH5095">
        <v>50000</v>
      </c>
      <c r="AI5095">
        <v>0</v>
      </c>
      <c r="AJ5095">
        <v>108</v>
      </c>
      <c r="AK5095" t="s">
        <v>3</v>
      </c>
      <c r="AL5095">
        <v>0</v>
      </c>
      <c r="AM5095">
        <v>0</v>
      </c>
      <c r="AN5095">
        <v>0</v>
      </c>
      <c r="AO5095">
        <v>0</v>
      </c>
      <c r="AP5095">
        <v>0</v>
      </c>
      <c r="AQ5095">
        <v>0</v>
      </c>
      <c r="AR5095">
        <v>0</v>
      </c>
      <c r="AS5095">
        <v>0</v>
      </c>
      <c r="AT5095">
        <v>0</v>
      </c>
      <c r="AU5095">
        <v>0</v>
      </c>
      <c r="AV5095">
        <v>0</v>
      </c>
      <c r="AW5095">
        <v>0</v>
      </c>
      <c r="AX5095">
        <v>9378</v>
      </c>
      <c r="AY5095">
        <v>11</v>
      </c>
      <c r="AZ5095">
        <v>26</v>
      </c>
      <c r="BA5095">
        <v>2690</v>
      </c>
    </row>
    <row r="5096" spans="1:53" x14ac:dyDescent="0.4">
      <c r="A5096">
        <v>5140</v>
      </c>
      <c r="B5096" s="1">
        <v>44791</v>
      </c>
      <c r="C5096">
        <v>1</v>
      </c>
      <c r="D5096" s="1">
        <v>44791.291666666664</v>
      </c>
      <c r="E5096" s="1">
        <v>44791.40347222222</v>
      </c>
      <c r="F5096">
        <v>0</v>
      </c>
      <c r="G5096">
        <v>0</v>
      </c>
      <c r="H5096">
        <v>0</v>
      </c>
      <c r="I5096">
        <v>0</v>
      </c>
      <c r="J5096">
        <v>0</v>
      </c>
      <c r="K5096">
        <v>0</v>
      </c>
      <c r="L5096">
        <v>0</v>
      </c>
      <c r="M5096">
        <v>0</v>
      </c>
      <c r="N5096">
        <v>0</v>
      </c>
      <c r="O5096">
        <v>0</v>
      </c>
      <c r="P5096">
        <v>0</v>
      </c>
      <c r="Q5096">
        <v>0</v>
      </c>
      <c r="R5096">
        <v>0</v>
      </c>
      <c r="S5096">
        <v>0</v>
      </c>
      <c r="T5096">
        <v>0</v>
      </c>
      <c r="U5096">
        <v>0</v>
      </c>
      <c r="V5096">
        <v>0</v>
      </c>
      <c r="W5096">
        <v>1</v>
      </c>
      <c r="X5096">
        <v>0</v>
      </c>
      <c r="Y5096">
        <v>25</v>
      </c>
      <c r="Z5096">
        <v>14</v>
      </c>
      <c r="AA5096">
        <v>106</v>
      </c>
      <c r="AB5096">
        <v>24</v>
      </c>
      <c r="AC5096">
        <v>105</v>
      </c>
      <c r="AD5096">
        <v>22</v>
      </c>
      <c r="AE5096">
        <v>40</v>
      </c>
      <c r="AF5096">
        <v>0</v>
      </c>
      <c r="AG5096">
        <v>50000</v>
      </c>
      <c r="AH5096">
        <v>50000</v>
      </c>
      <c r="AI5096">
        <v>0</v>
      </c>
      <c r="AJ5096">
        <v>0</v>
      </c>
      <c r="AK5096" t="s">
        <v>6</v>
      </c>
      <c r="AL5096">
        <v>0</v>
      </c>
      <c r="AM5096">
        <v>0</v>
      </c>
      <c r="AN5096">
        <v>0</v>
      </c>
      <c r="AO5096">
        <v>0</v>
      </c>
      <c r="AP5096">
        <v>0</v>
      </c>
      <c r="AQ5096">
        <v>0</v>
      </c>
      <c r="AR5096">
        <v>0</v>
      </c>
      <c r="AS5096">
        <v>0</v>
      </c>
      <c r="AT5096">
        <v>0</v>
      </c>
      <c r="AU5096">
        <v>0</v>
      </c>
      <c r="AV5096">
        <v>0</v>
      </c>
      <c r="AW5096">
        <v>0</v>
      </c>
      <c r="AX5096">
        <v>0</v>
      </c>
      <c r="AY5096">
        <v>0</v>
      </c>
      <c r="AZ5096">
        <v>0</v>
      </c>
      <c r="BA5096">
        <v>0</v>
      </c>
    </row>
    <row r="5097" spans="1:53" x14ac:dyDescent="0.4">
      <c r="A5097">
        <v>5141</v>
      </c>
      <c r="B5097" s="1">
        <v>44791</v>
      </c>
      <c r="C5097">
        <v>2</v>
      </c>
      <c r="D5097" s="1">
        <v>44791.40347222222</v>
      </c>
      <c r="E5097" s="1">
        <v>44791.738888888889</v>
      </c>
      <c r="F5097">
        <v>31780</v>
      </c>
      <c r="G5097">
        <v>1892</v>
      </c>
      <c r="H5097">
        <v>0</v>
      </c>
      <c r="I5097">
        <v>0</v>
      </c>
      <c r="J5097">
        <v>100</v>
      </c>
      <c r="K5097">
        <v>400</v>
      </c>
      <c r="L5097">
        <v>0</v>
      </c>
      <c r="M5097">
        <v>3085</v>
      </c>
      <c r="N5097">
        <v>0</v>
      </c>
      <c r="O5097">
        <v>0</v>
      </c>
      <c r="P5097">
        <v>16510</v>
      </c>
      <c r="Q5097">
        <v>0</v>
      </c>
      <c r="R5097">
        <v>50482</v>
      </c>
      <c r="S5097">
        <v>0</v>
      </c>
      <c r="T5097">
        <v>0</v>
      </c>
      <c r="U5097">
        <v>0</v>
      </c>
      <c r="V5097">
        <v>1</v>
      </c>
      <c r="W5097">
        <v>0</v>
      </c>
      <c r="X5097">
        <v>0</v>
      </c>
      <c r="Y5097">
        <v>63</v>
      </c>
      <c r="Z5097">
        <v>34</v>
      </c>
      <c r="AA5097">
        <v>72</v>
      </c>
      <c r="AB5097">
        <v>28</v>
      </c>
      <c r="AC5097">
        <v>114</v>
      </c>
      <c r="AD5097">
        <v>21</v>
      </c>
      <c r="AE5097">
        <v>37</v>
      </c>
      <c r="AF5097">
        <v>600</v>
      </c>
      <c r="AG5097">
        <v>100482</v>
      </c>
      <c r="AH5097">
        <v>50000</v>
      </c>
      <c r="AI5097">
        <v>0</v>
      </c>
      <c r="AJ5097">
        <v>119</v>
      </c>
      <c r="AK5097" t="s">
        <v>56</v>
      </c>
      <c r="AL5097">
        <v>0</v>
      </c>
      <c r="AM5097">
        <v>0</v>
      </c>
      <c r="AN5097">
        <v>0</v>
      </c>
      <c r="AO5097">
        <v>0</v>
      </c>
      <c r="AP5097">
        <v>0</v>
      </c>
      <c r="AQ5097">
        <v>0</v>
      </c>
      <c r="AR5097">
        <v>0</v>
      </c>
      <c r="AS5097">
        <v>0</v>
      </c>
      <c r="AT5097">
        <v>0</v>
      </c>
      <c r="AU5097">
        <v>0</v>
      </c>
      <c r="AV5097">
        <v>0</v>
      </c>
      <c r="AW5097">
        <v>0</v>
      </c>
      <c r="AX5097">
        <v>-1282</v>
      </c>
      <c r="AY5097">
        <v>46</v>
      </c>
      <c r="AZ5097">
        <v>79</v>
      </c>
      <c r="BA5097">
        <v>6326</v>
      </c>
    </row>
    <row r="5098" spans="1:53" x14ac:dyDescent="0.4">
      <c r="A5098">
        <v>5142</v>
      </c>
      <c r="B5098" s="1">
        <v>44792</v>
      </c>
      <c r="C5098">
        <v>1</v>
      </c>
      <c r="D5098" s="1">
        <v>44792.291666666664</v>
      </c>
      <c r="E5098" s="1">
        <v>44792.413194444445</v>
      </c>
      <c r="F5098">
        <v>0</v>
      </c>
      <c r="G5098">
        <v>0</v>
      </c>
      <c r="H5098">
        <v>0</v>
      </c>
      <c r="I5098">
        <v>0</v>
      </c>
      <c r="J5098">
        <v>0</v>
      </c>
      <c r="K5098">
        <v>0</v>
      </c>
      <c r="L5098">
        <v>0</v>
      </c>
      <c r="M5098">
        <v>0</v>
      </c>
      <c r="N5098">
        <v>0</v>
      </c>
      <c r="O5098">
        <v>0</v>
      </c>
      <c r="P5098">
        <v>0</v>
      </c>
      <c r="Q5098">
        <v>0</v>
      </c>
      <c r="R5098">
        <v>0</v>
      </c>
      <c r="S5098">
        <v>0</v>
      </c>
      <c r="T5098">
        <v>0</v>
      </c>
      <c r="U5098">
        <v>0</v>
      </c>
      <c r="V5098">
        <v>0</v>
      </c>
      <c r="W5098">
        <v>1</v>
      </c>
      <c r="X5098">
        <v>0</v>
      </c>
      <c r="Y5098">
        <v>30</v>
      </c>
      <c r="Z5098">
        <v>10</v>
      </c>
      <c r="AA5098">
        <v>77</v>
      </c>
      <c r="AB5098">
        <v>21</v>
      </c>
      <c r="AC5098">
        <v>108</v>
      </c>
      <c r="AD5098">
        <v>24</v>
      </c>
      <c r="AE5098">
        <v>50</v>
      </c>
      <c r="AF5098">
        <v>0</v>
      </c>
      <c r="AG5098">
        <v>50000</v>
      </c>
      <c r="AH5098">
        <v>50000</v>
      </c>
      <c r="AI5098">
        <v>0</v>
      </c>
      <c r="AJ5098">
        <v>0</v>
      </c>
      <c r="AK5098" t="s">
        <v>6</v>
      </c>
      <c r="AL5098">
        <v>0</v>
      </c>
      <c r="AM5098">
        <v>0</v>
      </c>
      <c r="AN5098">
        <v>0</v>
      </c>
      <c r="AO5098">
        <v>0</v>
      </c>
      <c r="AP5098">
        <v>0</v>
      </c>
      <c r="AQ5098">
        <v>0</v>
      </c>
      <c r="AR5098">
        <v>0</v>
      </c>
      <c r="AS5098">
        <v>0</v>
      </c>
      <c r="AT5098">
        <v>0</v>
      </c>
      <c r="AU5098">
        <v>0</v>
      </c>
      <c r="AV5098">
        <v>0</v>
      </c>
      <c r="AW5098">
        <v>0</v>
      </c>
      <c r="AX5098">
        <v>0</v>
      </c>
      <c r="AY5098">
        <v>0</v>
      </c>
      <c r="AZ5098">
        <v>0</v>
      </c>
      <c r="BA5098">
        <v>0</v>
      </c>
    </row>
    <row r="5099" spans="1:53" x14ac:dyDescent="0.4">
      <c r="A5099">
        <v>5143</v>
      </c>
      <c r="B5099" s="1">
        <v>44792</v>
      </c>
      <c r="C5099">
        <v>2</v>
      </c>
      <c r="D5099" s="1">
        <v>44792.413194444445</v>
      </c>
      <c r="E5099" s="1">
        <v>44792.743750000001</v>
      </c>
      <c r="F5099">
        <v>28050</v>
      </c>
      <c r="G5099">
        <v>2090</v>
      </c>
      <c r="H5099">
        <v>0</v>
      </c>
      <c r="I5099">
        <v>0</v>
      </c>
      <c r="J5099">
        <v>0</v>
      </c>
      <c r="K5099">
        <v>0</v>
      </c>
      <c r="L5099">
        <v>0</v>
      </c>
      <c r="M5099">
        <v>2736</v>
      </c>
      <c r="N5099">
        <v>0</v>
      </c>
      <c r="O5099">
        <v>0</v>
      </c>
      <c r="P5099">
        <v>23190</v>
      </c>
      <c r="Q5099">
        <v>0</v>
      </c>
      <c r="R5099">
        <v>53330</v>
      </c>
      <c r="S5099">
        <v>0</v>
      </c>
      <c r="T5099">
        <v>0</v>
      </c>
      <c r="U5099">
        <v>0</v>
      </c>
      <c r="V5099">
        <v>4</v>
      </c>
      <c r="W5099">
        <v>0</v>
      </c>
      <c r="X5099">
        <v>0</v>
      </c>
      <c r="Y5099">
        <v>32</v>
      </c>
      <c r="Z5099">
        <v>23</v>
      </c>
      <c r="AA5099">
        <v>78</v>
      </c>
      <c r="AB5099">
        <v>18</v>
      </c>
      <c r="AC5099">
        <v>117</v>
      </c>
      <c r="AD5099">
        <v>24</v>
      </c>
      <c r="AE5099">
        <v>41</v>
      </c>
      <c r="AF5099">
        <v>9899</v>
      </c>
      <c r="AG5099">
        <v>103430</v>
      </c>
      <c r="AH5099">
        <v>50000</v>
      </c>
      <c r="AI5099">
        <v>100</v>
      </c>
      <c r="AJ5099">
        <v>74</v>
      </c>
      <c r="AK5099" t="s">
        <v>64</v>
      </c>
      <c r="AL5099">
        <v>0</v>
      </c>
      <c r="AM5099">
        <v>0</v>
      </c>
      <c r="AN5099">
        <v>0</v>
      </c>
      <c r="AO5099">
        <v>0</v>
      </c>
      <c r="AP5099">
        <v>0</v>
      </c>
      <c r="AQ5099">
        <v>0</v>
      </c>
      <c r="AR5099">
        <v>0</v>
      </c>
      <c r="AS5099">
        <v>0</v>
      </c>
      <c r="AT5099">
        <v>0</v>
      </c>
      <c r="AU5099">
        <v>0</v>
      </c>
      <c r="AV5099">
        <v>0</v>
      </c>
      <c r="AW5099">
        <v>0</v>
      </c>
      <c r="AX5099">
        <v>-1128</v>
      </c>
      <c r="AY5099">
        <v>45</v>
      </c>
      <c r="AZ5099">
        <v>83</v>
      </c>
      <c r="BA5099">
        <v>6454</v>
      </c>
    </row>
    <row r="5100" spans="1:53" x14ac:dyDescent="0.4">
      <c r="A5100">
        <v>5144</v>
      </c>
      <c r="B5100" s="1">
        <v>44792</v>
      </c>
      <c r="C5100">
        <v>3</v>
      </c>
      <c r="D5100" s="1">
        <v>44792.743750000001</v>
      </c>
      <c r="E5100" s="1">
        <v>44792.950694444444</v>
      </c>
      <c r="F5100">
        <v>47090</v>
      </c>
      <c r="G5100">
        <v>1562</v>
      </c>
      <c r="H5100">
        <v>0</v>
      </c>
      <c r="I5100">
        <v>0</v>
      </c>
      <c r="J5100">
        <v>300</v>
      </c>
      <c r="K5100">
        <v>1200</v>
      </c>
      <c r="L5100">
        <v>0</v>
      </c>
      <c r="M5100">
        <v>4504</v>
      </c>
      <c r="N5100">
        <v>0</v>
      </c>
      <c r="O5100">
        <v>0</v>
      </c>
      <c r="P5100">
        <v>-23190</v>
      </c>
      <c r="Q5100">
        <v>0</v>
      </c>
      <c r="R5100">
        <v>26362</v>
      </c>
      <c r="S5100">
        <v>0</v>
      </c>
      <c r="T5100">
        <v>0</v>
      </c>
      <c r="U5100">
        <v>0</v>
      </c>
      <c r="V5100">
        <v>5</v>
      </c>
      <c r="W5100">
        <v>1</v>
      </c>
      <c r="X5100">
        <v>0</v>
      </c>
      <c r="Y5100">
        <v>36</v>
      </c>
      <c r="Z5100">
        <v>21</v>
      </c>
      <c r="AA5100">
        <v>82</v>
      </c>
      <c r="AB5100">
        <v>15</v>
      </c>
      <c r="AC5100">
        <v>111</v>
      </c>
      <c r="AD5100">
        <v>23</v>
      </c>
      <c r="AE5100">
        <v>39</v>
      </c>
      <c r="AF5100">
        <v>17978</v>
      </c>
      <c r="AG5100">
        <v>129692</v>
      </c>
      <c r="AH5100">
        <v>50000</v>
      </c>
      <c r="AI5100">
        <v>0</v>
      </c>
      <c r="AJ5100">
        <v>115</v>
      </c>
      <c r="AK5100" t="s">
        <v>55</v>
      </c>
      <c r="AL5100">
        <v>0</v>
      </c>
      <c r="AM5100">
        <v>0</v>
      </c>
      <c r="AN5100">
        <v>0</v>
      </c>
      <c r="AO5100">
        <v>0</v>
      </c>
      <c r="AP5100">
        <v>0</v>
      </c>
      <c r="AQ5100">
        <v>0</v>
      </c>
      <c r="AR5100">
        <v>0</v>
      </c>
      <c r="AS5100">
        <v>0</v>
      </c>
      <c r="AT5100">
        <v>0</v>
      </c>
      <c r="AU5100">
        <v>0</v>
      </c>
      <c r="AV5100">
        <v>0</v>
      </c>
      <c r="AW5100">
        <v>0</v>
      </c>
      <c r="AX5100">
        <v>2880</v>
      </c>
      <c r="AY5100">
        <v>11</v>
      </c>
      <c r="AZ5100">
        <v>19</v>
      </c>
      <c r="BA5100">
        <v>2141</v>
      </c>
    </row>
    <row r="5101" spans="1:53" x14ac:dyDescent="0.4">
      <c r="A5101">
        <v>5145</v>
      </c>
      <c r="B5101" s="1">
        <v>44793</v>
      </c>
      <c r="C5101">
        <v>1</v>
      </c>
      <c r="D5101" s="1">
        <v>44793.291666666664</v>
      </c>
      <c r="E5101" s="1">
        <v>44793.407638888886</v>
      </c>
      <c r="F5101">
        <v>0</v>
      </c>
      <c r="G5101">
        <v>0</v>
      </c>
      <c r="H5101">
        <v>0</v>
      </c>
      <c r="I5101">
        <v>0</v>
      </c>
      <c r="J5101">
        <v>0</v>
      </c>
      <c r="K5101">
        <v>0</v>
      </c>
      <c r="L5101">
        <v>0</v>
      </c>
      <c r="M5101">
        <v>0</v>
      </c>
      <c r="N5101">
        <v>0</v>
      </c>
      <c r="O5101">
        <v>0</v>
      </c>
      <c r="P5101">
        <v>0</v>
      </c>
      <c r="Q5101">
        <v>0</v>
      </c>
      <c r="R5101">
        <v>0</v>
      </c>
      <c r="S5101">
        <v>0</v>
      </c>
      <c r="T5101">
        <v>0</v>
      </c>
      <c r="U5101">
        <v>0</v>
      </c>
      <c r="V5101">
        <v>0</v>
      </c>
      <c r="W5101">
        <v>1</v>
      </c>
      <c r="X5101">
        <v>0</v>
      </c>
      <c r="Y5101">
        <v>30</v>
      </c>
      <c r="Z5101">
        <v>10</v>
      </c>
      <c r="AA5101">
        <v>83</v>
      </c>
      <c r="AB5101">
        <v>10</v>
      </c>
      <c r="AC5101">
        <v>106</v>
      </c>
      <c r="AD5101">
        <v>21</v>
      </c>
      <c r="AE5101">
        <v>35</v>
      </c>
      <c r="AF5101">
        <v>0</v>
      </c>
      <c r="AG5101">
        <v>50000</v>
      </c>
      <c r="AH5101">
        <v>50000</v>
      </c>
      <c r="AI5101">
        <v>0</v>
      </c>
      <c r="AJ5101">
        <v>0</v>
      </c>
      <c r="AK5101" t="s">
        <v>6</v>
      </c>
      <c r="AL5101">
        <v>0</v>
      </c>
      <c r="AM5101">
        <v>0</v>
      </c>
      <c r="AN5101">
        <v>0</v>
      </c>
      <c r="AO5101">
        <v>0</v>
      </c>
      <c r="AP5101">
        <v>0</v>
      </c>
      <c r="AQ5101">
        <v>0</v>
      </c>
      <c r="AR5101">
        <v>0</v>
      </c>
      <c r="AS5101">
        <v>0</v>
      </c>
      <c r="AT5101">
        <v>0</v>
      </c>
      <c r="AU5101">
        <v>0</v>
      </c>
      <c r="AV5101">
        <v>0</v>
      </c>
      <c r="AW5101">
        <v>0</v>
      </c>
      <c r="AX5101">
        <v>0</v>
      </c>
      <c r="AY5101">
        <v>0</v>
      </c>
      <c r="AZ5101">
        <v>0</v>
      </c>
      <c r="BA5101">
        <v>0</v>
      </c>
    </row>
    <row r="5102" spans="1:53" x14ac:dyDescent="0.4">
      <c r="A5102">
        <v>5146</v>
      </c>
      <c r="B5102" s="1">
        <v>44793</v>
      </c>
      <c r="C5102">
        <v>2</v>
      </c>
      <c r="D5102" s="1">
        <v>44793.407638888886</v>
      </c>
      <c r="E5102" s="1">
        <v>44793.744444444441</v>
      </c>
      <c r="F5102">
        <v>35700</v>
      </c>
      <c r="G5102">
        <v>2794</v>
      </c>
      <c r="H5102">
        <v>0</v>
      </c>
      <c r="I5102">
        <v>0</v>
      </c>
      <c r="J5102">
        <v>0</v>
      </c>
      <c r="K5102">
        <v>1200</v>
      </c>
      <c r="L5102">
        <v>0</v>
      </c>
      <c r="M5102">
        <v>3603</v>
      </c>
      <c r="N5102">
        <v>0</v>
      </c>
      <c r="O5102">
        <v>0</v>
      </c>
      <c r="P5102">
        <v>17210</v>
      </c>
      <c r="Q5102">
        <v>0</v>
      </c>
      <c r="R5102">
        <v>56904</v>
      </c>
      <c r="S5102">
        <v>0</v>
      </c>
      <c r="T5102">
        <v>0</v>
      </c>
      <c r="U5102">
        <v>0</v>
      </c>
      <c r="V5102">
        <v>3</v>
      </c>
      <c r="W5102">
        <v>2</v>
      </c>
      <c r="X5102">
        <v>0</v>
      </c>
      <c r="Y5102">
        <v>49</v>
      </c>
      <c r="Z5102">
        <v>18</v>
      </c>
      <c r="AA5102">
        <v>62</v>
      </c>
      <c r="AB5102">
        <v>5</v>
      </c>
      <c r="AC5102">
        <v>111</v>
      </c>
      <c r="AD5102">
        <v>21</v>
      </c>
      <c r="AE5102">
        <v>39</v>
      </c>
      <c r="AF5102">
        <v>1200</v>
      </c>
      <c r="AG5102">
        <v>106904</v>
      </c>
      <c r="AH5102">
        <v>50000</v>
      </c>
      <c r="AI5102">
        <v>0</v>
      </c>
      <c r="AJ5102">
        <v>118</v>
      </c>
      <c r="AK5102" t="s">
        <v>59</v>
      </c>
      <c r="AL5102">
        <v>0</v>
      </c>
      <c r="AM5102">
        <v>0</v>
      </c>
      <c r="AN5102">
        <v>0</v>
      </c>
      <c r="AO5102">
        <v>0</v>
      </c>
      <c r="AP5102">
        <v>0</v>
      </c>
      <c r="AQ5102">
        <v>0</v>
      </c>
      <c r="AR5102">
        <v>0</v>
      </c>
      <c r="AS5102">
        <v>0</v>
      </c>
      <c r="AT5102">
        <v>0</v>
      </c>
      <c r="AU5102">
        <v>0</v>
      </c>
      <c r="AV5102">
        <v>0</v>
      </c>
      <c r="AW5102">
        <v>0</v>
      </c>
      <c r="AX5102">
        <v>-3320</v>
      </c>
      <c r="AY5102">
        <v>46</v>
      </c>
      <c r="AZ5102">
        <v>86</v>
      </c>
      <c r="BA5102">
        <v>6970</v>
      </c>
    </row>
    <row r="5103" spans="1:53" x14ac:dyDescent="0.4">
      <c r="A5103">
        <v>5147</v>
      </c>
      <c r="B5103" s="1">
        <v>44793</v>
      </c>
      <c r="C5103">
        <v>3</v>
      </c>
      <c r="D5103" s="1">
        <v>44793.744444444441</v>
      </c>
      <c r="E5103" s="1">
        <v>44793.954861111109</v>
      </c>
      <c r="F5103">
        <v>48890</v>
      </c>
      <c r="G5103">
        <v>440</v>
      </c>
      <c r="H5103">
        <v>0</v>
      </c>
      <c r="I5103">
        <v>0</v>
      </c>
      <c r="J5103">
        <v>0</v>
      </c>
      <c r="K5103">
        <v>0</v>
      </c>
      <c r="L5103">
        <v>0</v>
      </c>
      <c r="M5103">
        <v>4483</v>
      </c>
      <c r="N5103">
        <v>0</v>
      </c>
      <c r="O5103">
        <v>0</v>
      </c>
      <c r="P5103">
        <v>29858</v>
      </c>
      <c r="Q5103">
        <v>0</v>
      </c>
      <c r="R5103">
        <v>79188</v>
      </c>
      <c r="S5103">
        <v>0</v>
      </c>
      <c r="T5103">
        <v>0</v>
      </c>
      <c r="U5103">
        <v>0</v>
      </c>
      <c r="V5103">
        <v>7</v>
      </c>
      <c r="W5103">
        <v>5</v>
      </c>
      <c r="X5103">
        <v>0</v>
      </c>
      <c r="Y5103">
        <v>61</v>
      </c>
      <c r="Z5103">
        <v>23</v>
      </c>
      <c r="AA5103">
        <v>53</v>
      </c>
      <c r="AB5103">
        <v>3</v>
      </c>
      <c r="AC5103">
        <v>111</v>
      </c>
      <c r="AD5103">
        <v>22</v>
      </c>
      <c r="AE5103">
        <v>42</v>
      </c>
      <c r="AF5103">
        <v>11880</v>
      </c>
      <c r="AG5103">
        <v>186092</v>
      </c>
      <c r="AH5103">
        <v>50000</v>
      </c>
      <c r="AI5103">
        <v>0</v>
      </c>
      <c r="AJ5103">
        <v>30</v>
      </c>
      <c r="AK5103" t="s">
        <v>63</v>
      </c>
      <c r="AL5103">
        <v>0</v>
      </c>
      <c r="AM5103">
        <v>0</v>
      </c>
      <c r="AN5103">
        <v>0</v>
      </c>
      <c r="AO5103">
        <v>0</v>
      </c>
      <c r="AP5103">
        <v>0</v>
      </c>
      <c r="AQ5103">
        <v>0</v>
      </c>
      <c r="AR5103">
        <v>0</v>
      </c>
      <c r="AS5103">
        <v>0</v>
      </c>
      <c r="AT5103">
        <v>0</v>
      </c>
      <c r="AU5103">
        <v>0</v>
      </c>
      <c r="AV5103">
        <v>0</v>
      </c>
      <c r="AW5103">
        <v>0</v>
      </c>
      <c r="AX5103">
        <v>20450</v>
      </c>
      <c r="AY5103">
        <v>22</v>
      </c>
      <c r="AZ5103">
        <v>59</v>
      </c>
      <c r="BA5103">
        <v>2867</v>
      </c>
    </row>
    <row r="5104" spans="1:53" x14ac:dyDescent="0.4">
      <c r="A5104">
        <v>5148</v>
      </c>
      <c r="B5104" s="1">
        <v>44794</v>
      </c>
      <c r="C5104">
        <v>1</v>
      </c>
      <c r="D5104" s="1">
        <v>44794.291666666664</v>
      </c>
      <c r="E5104" s="1">
        <v>44794.395138888889</v>
      </c>
      <c r="F5104">
        <v>0</v>
      </c>
      <c r="G5104">
        <v>0</v>
      </c>
      <c r="H5104">
        <v>0</v>
      </c>
      <c r="I5104">
        <v>0</v>
      </c>
      <c r="J5104">
        <v>0</v>
      </c>
      <c r="K5104">
        <v>0</v>
      </c>
      <c r="L5104">
        <v>0</v>
      </c>
      <c r="M5104">
        <v>0</v>
      </c>
      <c r="N5104">
        <v>0</v>
      </c>
      <c r="O5104">
        <v>0</v>
      </c>
      <c r="P5104">
        <v>0</v>
      </c>
      <c r="Q5104">
        <v>0</v>
      </c>
      <c r="R5104">
        <v>0</v>
      </c>
      <c r="S5104">
        <v>0</v>
      </c>
      <c r="T5104">
        <v>0</v>
      </c>
      <c r="U5104">
        <v>0</v>
      </c>
      <c r="V5104">
        <v>0</v>
      </c>
      <c r="W5104">
        <v>1</v>
      </c>
      <c r="X5104">
        <v>0</v>
      </c>
      <c r="Y5104">
        <v>29</v>
      </c>
      <c r="Z5104">
        <v>18</v>
      </c>
      <c r="AA5104">
        <v>59</v>
      </c>
      <c r="AB5104">
        <v>6</v>
      </c>
      <c r="AC5104">
        <v>66</v>
      </c>
      <c r="AD5104">
        <v>21</v>
      </c>
      <c r="AE5104">
        <v>35</v>
      </c>
      <c r="AF5104">
        <v>0</v>
      </c>
      <c r="AG5104">
        <v>50000</v>
      </c>
      <c r="AH5104">
        <v>50000</v>
      </c>
      <c r="AI5104">
        <v>0</v>
      </c>
      <c r="AJ5104">
        <v>0</v>
      </c>
      <c r="AK5104" t="s">
        <v>6</v>
      </c>
      <c r="AL5104">
        <v>0</v>
      </c>
      <c r="AM5104">
        <v>0</v>
      </c>
      <c r="AN5104">
        <v>0</v>
      </c>
      <c r="AO5104">
        <v>0</v>
      </c>
      <c r="AP5104">
        <v>0</v>
      </c>
      <c r="AQ5104">
        <v>0</v>
      </c>
      <c r="AR5104">
        <v>0</v>
      </c>
      <c r="AS5104">
        <v>0</v>
      </c>
      <c r="AT5104">
        <v>0</v>
      </c>
      <c r="AU5104">
        <v>0</v>
      </c>
      <c r="AV5104">
        <v>0</v>
      </c>
      <c r="AW5104">
        <v>0</v>
      </c>
      <c r="AX5104">
        <v>0</v>
      </c>
      <c r="AY5104">
        <v>0</v>
      </c>
      <c r="AZ5104">
        <v>0</v>
      </c>
      <c r="BA5104">
        <v>0</v>
      </c>
    </row>
    <row r="5105" spans="1:53" x14ac:dyDescent="0.4">
      <c r="A5105">
        <v>5149</v>
      </c>
      <c r="B5105" s="1">
        <v>44794</v>
      </c>
      <c r="C5105">
        <v>2</v>
      </c>
      <c r="D5105" s="1">
        <v>44794.395138888889</v>
      </c>
      <c r="E5105" s="1">
        <v>44794.736805555556</v>
      </c>
      <c r="F5105">
        <v>38110</v>
      </c>
      <c r="G5105">
        <v>1628</v>
      </c>
      <c r="H5105">
        <v>0</v>
      </c>
      <c r="I5105">
        <v>0</v>
      </c>
      <c r="J5105">
        <v>0</v>
      </c>
      <c r="K5105">
        <v>0</v>
      </c>
      <c r="L5105">
        <v>0</v>
      </c>
      <c r="M5105">
        <v>3610</v>
      </c>
      <c r="N5105">
        <v>0</v>
      </c>
      <c r="O5105">
        <v>0</v>
      </c>
      <c r="P5105">
        <v>22940</v>
      </c>
      <c r="Q5105">
        <v>0</v>
      </c>
      <c r="R5105">
        <v>62678</v>
      </c>
      <c r="S5105">
        <v>0</v>
      </c>
      <c r="T5105">
        <v>0</v>
      </c>
      <c r="U5105">
        <v>0</v>
      </c>
      <c r="V5105">
        <v>3</v>
      </c>
      <c r="W5105">
        <v>0</v>
      </c>
      <c r="X5105">
        <v>0</v>
      </c>
      <c r="Y5105">
        <v>59</v>
      </c>
      <c r="Z5105">
        <v>26</v>
      </c>
      <c r="AA5105">
        <v>54</v>
      </c>
      <c r="AB5105">
        <v>5</v>
      </c>
      <c r="AC5105">
        <v>82</v>
      </c>
      <c r="AD5105">
        <v>21</v>
      </c>
      <c r="AE5105">
        <v>33</v>
      </c>
      <c r="AF5105">
        <v>4070</v>
      </c>
      <c r="AG5105">
        <v>112678</v>
      </c>
      <c r="AH5105">
        <v>50000</v>
      </c>
      <c r="AI5105">
        <v>0</v>
      </c>
      <c r="AJ5105">
        <v>118</v>
      </c>
      <c r="AK5105" t="s">
        <v>59</v>
      </c>
      <c r="AL5105">
        <v>0</v>
      </c>
      <c r="AM5105">
        <v>0</v>
      </c>
      <c r="AN5105">
        <v>0</v>
      </c>
      <c r="AO5105">
        <v>0</v>
      </c>
      <c r="AP5105">
        <v>0</v>
      </c>
      <c r="AQ5105">
        <v>0</v>
      </c>
      <c r="AR5105">
        <v>0</v>
      </c>
      <c r="AS5105">
        <v>0</v>
      </c>
      <c r="AT5105">
        <v>0</v>
      </c>
      <c r="AU5105">
        <v>0</v>
      </c>
      <c r="AV5105">
        <v>0</v>
      </c>
      <c r="AW5105">
        <v>0</v>
      </c>
      <c r="AX5105">
        <v>-606</v>
      </c>
      <c r="AY5105">
        <v>53</v>
      </c>
      <c r="AZ5105">
        <v>100</v>
      </c>
      <c r="BA5105">
        <v>7556</v>
      </c>
    </row>
    <row r="5106" spans="1:53" x14ac:dyDescent="0.4">
      <c r="A5106">
        <v>5150</v>
      </c>
      <c r="B5106" s="1">
        <v>44794</v>
      </c>
      <c r="C5106">
        <v>3</v>
      </c>
      <c r="D5106" s="1">
        <v>44794.736805555556</v>
      </c>
      <c r="E5106" s="1">
        <v>44794.929861111108</v>
      </c>
      <c r="F5106">
        <v>49200</v>
      </c>
      <c r="G5106">
        <v>3432</v>
      </c>
      <c r="H5106">
        <v>0</v>
      </c>
      <c r="I5106">
        <v>0</v>
      </c>
      <c r="J5106">
        <v>0</v>
      </c>
      <c r="K5106">
        <v>0</v>
      </c>
      <c r="L5106">
        <v>0</v>
      </c>
      <c r="M5106">
        <v>4781</v>
      </c>
      <c r="N5106">
        <v>0</v>
      </c>
      <c r="O5106">
        <v>0</v>
      </c>
      <c r="P5106">
        <v>-22940</v>
      </c>
      <c r="Q5106">
        <v>0</v>
      </c>
      <c r="R5106">
        <v>29692</v>
      </c>
      <c r="S5106">
        <v>0</v>
      </c>
      <c r="T5106">
        <v>0</v>
      </c>
      <c r="U5106">
        <v>0</v>
      </c>
      <c r="V5106">
        <v>4</v>
      </c>
      <c r="W5106">
        <v>1</v>
      </c>
      <c r="X5106">
        <v>0</v>
      </c>
      <c r="Y5106">
        <v>67</v>
      </c>
      <c r="Z5106">
        <v>28</v>
      </c>
      <c r="AA5106">
        <v>56</v>
      </c>
      <c r="AB5106">
        <v>5</v>
      </c>
      <c r="AC5106">
        <v>80</v>
      </c>
      <c r="AD5106">
        <v>20</v>
      </c>
      <c r="AE5106">
        <v>30</v>
      </c>
      <c r="AF5106">
        <v>9590</v>
      </c>
      <c r="AG5106">
        <v>142370</v>
      </c>
      <c r="AH5106">
        <v>50000</v>
      </c>
      <c r="AI5106">
        <v>0</v>
      </c>
      <c r="AJ5106">
        <v>108</v>
      </c>
      <c r="AK5106" t="s">
        <v>3</v>
      </c>
      <c r="AL5106">
        <v>0</v>
      </c>
      <c r="AM5106">
        <v>0</v>
      </c>
      <c r="AN5106">
        <v>0</v>
      </c>
      <c r="AO5106">
        <v>0</v>
      </c>
      <c r="AP5106">
        <v>0</v>
      </c>
      <c r="AQ5106">
        <v>0</v>
      </c>
      <c r="AR5106">
        <v>0</v>
      </c>
      <c r="AS5106">
        <v>0</v>
      </c>
      <c r="AT5106">
        <v>0</v>
      </c>
      <c r="AU5106">
        <v>0</v>
      </c>
      <c r="AV5106">
        <v>0</v>
      </c>
      <c r="AW5106">
        <v>0</v>
      </c>
      <c r="AX5106">
        <v>4680</v>
      </c>
      <c r="AY5106">
        <v>10</v>
      </c>
      <c r="AZ5106">
        <v>21</v>
      </c>
      <c r="BA5106">
        <v>2382</v>
      </c>
    </row>
    <row r="5107" spans="1:53" x14ac:dyDescent="0.4">
      <c r="A5107">
        <v>5151</v>
      </c>
      <c r="B5107" s="1">
        <v>44795</v>
      </c>
      <c r="C5107">
        <v>1</v>
      </c>
      <c r="D5107" s="1">
        <v>44795.291666666664</v>
      </c>
      <c r="E5107" s="1">
        <v>44795.415277777778</v>
      </c>
      <c r="F5107">
        <v>0</v>
      </c>
      <c r="G5107">
        <v>0</v>
      </c>
      <c r="H5107">
        <v>0</v>
      </c>
      <c r="I5107">
        <v>0</v>
      </c>
      <c r="J5107">
        <v>0</v>
      </c>
      <c r="K5107">
        <v>0</v>
      </c>
      <c r="L5107">
        <v>0</v>
      </c>
      <c r="M5107">
        <v>0</v>
      </c>
      <c r="N5107">
        <v>0</v>
      </c>
      <c r="O5107">
        <v>0</v>
      </c>
      <c r="P5107">
        <v>0</v>
      </c>
      <c r="Q5107">
        <v>0</v>
      </c>
      <c r="R5107">
        <v>0</v>
      </c>
      <c r="S5107">
        <v>0</v>
      </c>
      <c r="T5107">
        <v>0</v>
      </c>
      <c r="U5107">
        <v>0</v>
      </c>
      <c r="V5107">
        <v>0</v>
      </c>
      <c r="W5107">
        <v>1</v>
      </c>
      <c r="X5107">
        <v>0</v>
      </c>
      <c r="Y5107">
        <v>25</v>
      </c>
      <c r="Z5107">
        <v>13</v>
      </c>
      <c r="AA5107">
        <v>113</v>
      </c>
      <c r="AB5107">
        <v>10</v>
      </c>
      <c r="AC5107">
        <v>126</v>
      </c>
      <c r="AD5107">
        <v>72</v>
      </c>
      <c r="AE5107">
        <v>80</v>
      </c>
      <c r="AF5107">
        <v>0</v>
      </c>
      <c r="AG5107">
        <v>50000</v>
      </c>
      <c r="AH5107">
        <v>50000</v>
      </c>
      <c r="AI5107">
        <v>0</v>
      </c>
      <c r="AJ5107">
        <v>0</v>
      </c>
      <c r="AK5107" t="s">
        <v>6</v>
      </c>
      <c r="AL5107">
        <v>0</v>
      </c>
      <c r="AM5107">
        <v>0</v>
      </c>
      <c r="AN5107">
        <v>0</v>
      </c>
      <c r="AO5107">
        <v>0</v>
      </c>
      <c r="AP5107">
        <v>0</v>
      </c>
      <c r="AQ5107">
        <v>0</v>
      </c>
      <c r="AR5107">
        <v>0</v>
      </c>
      <c r="AS5107">
        <v>0</v>
      </c>
      <c r="AT5107">
        <v>0</v>
      </c>
      <c r="AU5107">
        <v>0</v>
      </c>
      <c r="AV5107">
        <v>0</v>
      </c>
      <c r="AW5107">
        <v>0</v>
      </c>
      <c r="AX5107">
        <v>0</v>
      </c>
      <c r="AY5107">
        <v>0</v>
      </c>
      <c r="AZ5107">
        <v>0</v>
      </c>
      <c r="BA5107">
        <v>0</v>
      </c>
    </row>
    <row r="5108" spans="1:53" x14ac:dyDescent="0.4">
      <c r="A5108">
        <v>5152</v>
      </c>
      <c r="B5108" s="1">
        <v>44795</v>
      </c>
      <c r="C5108">
        <v>2</v>
      </c>
      <c r="D5108" s="1">
        <v>44795.415277777778</v>
      </c>
      <c r="E5108" s="1">
        <v>44795.740277777775</v>
      </c>
      <c r="F5108">
        <v>33370</v>
      </c>
      <c r="G5108">
        <v>1958</v>
      </c>
      <c r="H5108">
        <v>0</v>
      </c>
      <c r="I5108">
        <v>0</v>
      </c>
      <c r="J5108">
        <v>0</v>
      </c>
      <c r="K5108">
        <v>0</v>
      </c>
      <c r="L5108">
        <v>0</v>
      </c>
      <c r="M5108">
        <v>3208</v>
      </c>
      <c r="N5108">
        <v>0</v>
      </c>
      <c r="O5108">
        <v>0</v>
      </c>
      <c r="P5108">
        <v>14830</v>
      </c>
      <c r="Q5108">
        <v>0</v>
      </c>
      <c r="R5108">
        <v>50158</v>
      </c>
      <c r="S5108">
        <v>0</v>
      </c>
      <c r="T5108">
        <v>0</v>
      </c>
      <c r="U5108">
        <v>0</v>
      </c>
      <c r="V5108">
        <v>0</v>
      </c>
      <c r="W5108">
        <v>4</v>
      </c>
      <c r="X5108">
        <v>0</v>
      </c>
      <c r="Y5108">
        <v>46</v>
      </c>
      <c r="Z5108">
        <v>31</v>
      </c>
      <c r="AA5108">
        <v>129</v>
      </c>
      <c r="AB5108">
        <v>9</v>
      </c>
      <c r="AC5108">
        <v>144</v>
      </c>
      <c r="AD5108">
        <v>76</v>
      </c>
      <c r="AE5108">
        <v>74</v>
      </c>
      <c r="AF5108">
        <v>3414</v>
      </c>
      <c r="AG5108">
        <v>100158</v>
      </c>
      <c r="AH5108">
        <v>50000</v>
      </c>
      <c r="AI5108">
        <v>0</v>
      </c>
      <c r="AJ5108">
        <v>119</v>
      </c>
      <c r="AK5108" t="s">
        <v>56</v>
      </c>
      <c r="AL5108">
        <v>0</v>
      </c>
      <c r="AM5108">
        <v>0</v>
      </c>
      <c r="AN5108">
        <v>0</v>
      </c>
      <c r="AO5108">
        <v>0</v>
      </c>
      <c r="AP5108">
        <v>0</v>
      </c>
      <c r="AQ5108">
        <v>0</v>
      </c>
      <c r="AR5108">
        <v>0</v>
      </c>
      <c r="AS5108">
        <v>0</v>
      </c>
      <c r="AT5108">
        <v>0</v>
      </c>
      <c r="AU5108">
        <v>0</v>
      </c>
      <c r="AV5108">
        <v>0</v>
      </c>
      <c r="AW5108">
        <v>0</v>
      </c>
      <c r="AX5108">
        <v>658</v>
      </c>
      <c r="AY5108">
        <v>41</v>
      </c>
      <c r="AZ5108">
        <v>76</v>
      </c>
      <c r="BA5108">
        <v>6552</v>
      </c>
    </row>
    <row r="5109" spans="1:53" x14ac:dyDescent="0.4">
      <c r="A5109">
        <v>5153</v>
      </c>
      <c r="B5109" s="1">
        <v>44796</v>
      </c>
      <c r="C5109">
        <v>1</v>
      </c>
      <c r="D5109" s="1">
        <v>44796.291666666664</v>
      </c>
      <c r="E5109" s="1">
        <v>44796.411805555559</v>
      </c>
      <c r="F5109">
        <v>0</v>
      </c>
      <c r="G5109">
        <v>0</v>
      </c>
      <c r="H5109">
        <v>0</v>
      </c>
      <c r="I5109">
        <v>0</v>
      </c>
      <c r="J5109">
        <v>0</v>
      </c>
      <c r="K5109">
        <v>0</v>
      </c>
      <c r="L5109">
        <v>0</v>
      </c>
      <c r="M5109">
        <v>0</v>
      </c>
      <c r="N5109">
        <v>0</v>
      </c>
      <c r="O5109">
        <v>0</v>
      </c>
      <c r="P5109">
        <v>0</v>
      </c>
      <c r="Q5109">
        <v>0</v>
      </c>
      <c r="R5109">
        <v>0</v>
      </c>
      <c r="S5109">
        <v>0</v>
      </c>
      <c r="T5109">
        <v>0</v>
      </c>
      <c r="U5109">
        <v>0</v>
      </c>
      <c r="V5109">
        <v>0</v>
      </c>
      <c r="W5109">
        <v>1</v>
      </c>
      <c r="X5109">
        <v>0</v>
      </c>
      <c r="Y5109">
        <v>26</v>
      </c>
      <c r="Z5109">
        <v>13</v>
      </c>
      <c r="AA5109">
        <v>101</v>
      </c>
      <c r="AB5109">
        <v>10</v>
      </c>
      <c r="AC5109">
        <v>146</v>
      </c>
      <c r="AD5109">
        <v>74</v>
      </c>
      <c r="AE5109">
        <v>70</v>
      </c>
      <c r="AF5109">
        <v>0</v>
      </c>
      <c r="AG5109">
        <v>50000</v>
      </c>
      <c r="AH5109">
        <v>50000</v>
      </c>
      <c r="AI5109">
        <v>0</v>
      </c>
      <c r="AJ5109">
        <v>0</v>
      </c>
      <c r="AK5109" t="s">
        <v>6</v>
      </c>
      <c r="AL5109">
        <v>0</v>
      </c>
      <c r="AM5109">
        <v>0</v>
      </c>
      <c r="AN5109">
        <v>0</v>
      </c>
      <c r="AO5109">
        <v>0</v>
      </c>
      <c r="AP5109">
        <v>0</v>
      </c>
      <c r="AQ5109">
        <v>0</v>
      </c>
      <c r="AR5109">
        <v>0</v>
      </c>
      <c r="AS5109">
        <v>0</v>
      </c>
      <c r="AT5109">
        <v>0</v>
      </c>
      <c r="AU5109">
        <v>0</v>
      </c>
      <c r="AV5109">
        <v>0</v>
      </c>
      <c r="AW5109">
        <v>0</v>
      </c>
      <c r="AX5109">
        <v>0</v>
      </c>
      <c r="AY5109">
        <v>0</v>
      </c>
      <c r="AZ5109">
        <v>0</v>
      </c>
      <c r="BA5109">
        <v>0</v>
      </c>
    </row>
    <row r="5110" spans="1:53" x14ac:dyDescent="0.4">
      <c r="A5110">
        <v>5154</v>
      </c>
      <c r="B5110" s="1">
        <v>44796</v>
      </c>
      <c r="C5110">
        <v>2</v>
      </c>
      <c r="D5110" s="1">
        <v>44796.411805555559</v>
      </c>
      <c r="E5110" s="1">
        <v>44796.738194444442</v>
      </c>
      <c r="F5110">
        <v>32380</v>
      </c>
      <c r="G5110">
        <v>1496</v>
      </c>
      <c r="H5110">
        <v>0</v>
      </c>
      <c r="I5110">
        <v>0</v>
      </c>
      <c r="J5110">
        <v>150</v>
      </c>
      <c r="K5110">
        <v>0</v>
      </c>
      <c r="L5110">
        <v>0</v>
      </c>
      <c r="M5110">
        <v>3065</v>
      </c>
      <c r="N5110">
        <v>0</v>
      </c>
      <c r="O5110">
        <v>0</v>
      </c>
      <c r="P5110">
        <v>21560</v>
      </c>
      <c r="Q5110">
        <v>0</v>
      </c>
      <c r="R5110">
        <v>55286</v>
      </c>
      <c r="S5110">
        <v>0</v>
      </c>
      <c r="T5110">
        <v>0</v>
      </c>
      <c r="U5110">
        <v>0</v>
      </c>
      <c r="V5110">
        <v>0</v>
      </c>
      <c r="W5110">
        <v>3</v>
      </c>
      <c r="X5110">
        <v>0</v>
      </c>
      <c r="Y5110">
        <v>52</v>
      </c>
      <c r="Z5110">
        <v>20</v>
      </c>
      <c r="AA5110">
        <v>84</v>
      </c>
      <c r="AB5110">
        <v>11</v>
      </c>
      <c r="AC5110">
        <v>177</v>
      </c>
      <c r="AD5110">
        <v>74</v>
      </c>
      <c r="AE5110">
        <v>74</v>
      </c>
      <c r="AF5110">
        <v>17122</v>
      </c>
      <c r="AG5110">
        <v>105286</v>
      </c>
      <c r="AH5110">
        <v>50000</v>
      </c>
      <c r="AI5110">
        <v>0</v>
      </c>
      <c r="AJ5110">
        <v>119</v>
      </c>
      <c r="AK5110" t="s">
        <v>56</v>
      </c>
      <c r="AL5110">
        <v>0</v>
      </c>
      <c r="AM5110">
        <v>0</v>
      </c>
      <c r="AN5110">
        <v>0</v>
      </c>
      <c r="AO5110">
        <v>0</v>
      </c>
      <c r="AP5110">
        <v>0</v>
      </c>
      <c r="AQ5110">
        <v>0</v>
      </c>
      <c r="AR5110">
        <v>0</v>
      </c>
      <c r="AS5110">
        <v>0</v>
      </c>
      <c r="AT5110">
        <v>0</v>
      </c>
      <c r="AU5110">
        <v>0</v>
      </c>
      <c r="AV5110">
        <v>0</v>
      </c>
      <c r="AW5110">
        <v>0</v>
      </c>
      <c r="AX5110">
        <v>-530</v>
      </c>
      <c r="AY5110">
        <v>42</v>
      </c>
      <c r="AZ5110">
        <v>89</v>
      </c>
      <c r="BA5110">
        <v>6058</v>
      </c>
    </row>
    <row r="5111" spans="1:53" x14ac:dyDescent="0.4">
      <c r="A5111">
        <v>5155</v>
      </c>
      <c r="B5111" s="1">
        <v>44796</v>
      </c>
      <c r="C5111">
        <v>3</v>
      </c>
      <c r="D5111" s="1">
        <v>44796.738194444442</v>
      </c>
      <c r="E5111" s="1">
        <v>44796.947916666664</v>
      </c>
      <c r="F5111">
        <v>29620</v>
      </c>
      <c r="G5111">
        <v>0</v>
      </c>
      <c r="H5111">
        <v>0</v>
      </c>
      <c r="I5111">
        <v>0</v>
      </c>
      <c r="J5111">
        <v>200</v>
      </c>
      <c r="K5111">
        <v>0</v>
      </c>
      <c r="L5111">
        <v>0</v>
      </c>
      <c r="M5111">
        <v>2672</v>
      </c>
      <c r="N5111">
        <v>0</v>
      </c>
      <c r="O5111">
        <v>0</v>
      </c>
      <c r="P5111">
        <v>-21560</v>
      </c>
      <c r="Q5111">
        <v>0</v>
      </c>
      <c r="R5111">
        <v>7860</v>
      </c>
      <c r="S5111">
        <v>0</v>
      </c>
      <c r="T5111">
        <v>0</v>
      </c>
      <c r="U5111">
        <v>0</v>
      </c>
      <c r="V5111">
        <v>0</v>
      </c>
      <c r="W5111">
        <v>3</v>
      </c>
      <c r="X5111">
        <v>0</v>
      </c>
      <c r="Y5111">
        <v>59</v>
      </c>
      <c r="Z5111">
        <v>21</v>
      </c>
      <c r="AA5111">
        <v>84</v>
      </c>
      <c r="AB5111">
        <v>17</v>
      </c>
      <c r="AC5111">
        <v>183</v>
      </c>
      <c r="AD5111">
        <v>74</v>
      </c>
      <c r="AE5111">
        <v>74</v>
      </c>
      <c r="AF5111">
        <v>17122</v>
      </c>
      <c r="AG5111">
        <v>113146</v>
      </c>
      <c r="AH5111">
        <v>50000</v>
      </c>
      <c r="AI5111">
        <v>0</v>
      </c>
      <c r="AJ5111">
        <v>30</v>
      </c>
      <c r="AK5111" t="s">
        <v>63</v>
      </c>
      <c r="AL5111">
        <v>0</v>
      </c>
      <c r="AM5111">
        <v>0</v>
      </c>
      <c r="AN5111">
        <v>0</v>
      </c>
      <c r="AO5111">
        <v>0</v>
      </c>
      <c r="AP5111">
        <v>0</v>
      </c>
      <c r="AQ5111">
        <v>0</v>
      </c>
      <c r="AR5111">
        <v>0</v>
      </c>
      <c r="AS5111">
        <v>0</v>
      </c>
      <c r="AT5111">
        <v>0</v>
      </c>
      <c r="AU5111">
        <v>0</v>
      </c>
      <c r="AV5111">
        <v>0</v>
      </c>
      <c r="AW5111">
        <v>0</v>
      </c>
      <c r="AX5111">
        <v>5880</v>
      </c>
      <c r="AY5111">
        <v>9</v>
      </c>
      <c r="AZ5111">
        <v>13</v>
      </c>
      <c r="BA5111">
        <v>1854</v>
      </c>
    </row>
    <row r="5112" spans="1:53" x14ac:dyDescent="0.4">
      <c r="A5112">
        <v>5156</v>
      </c>
      <c r="B5112" s="1">
        <v>44796</v>
      </c>
      <c r="C5112">
        <v>4</v>
      </c>
      <c r="D5112" s="1">
        <v>44796.947916666664</v>
      </c>
      <c r="E5112" s="1">
        <v>44797.050694444442</v>
      </c>
      <c r="F5112">
        <v>6480</v>
      </c>
      <c r="G5112">
        <v>0</v>
      </c>
      <c r="H5112">
        <v>0</v>
      </c>
      <c r="I5112">
        <v>0</v>
      </c>
      <c r="J5112">
        <v>0</v>
      </c>
      <c r="K5112">
        <v>0</v>
      </c>
      <c r="L5112">
        <v>0</v>
      </c>
      <c r="M5112">
        <v>588</v>
      </c>
      <c r="N5112">
        <v>0</v>
      </c>
      <c r="O5112">
        <v>0</v>
      </c>
      <c r="P5112">
        <v>9800</v>
      </c>
      <c r="Q5112">
        <v>0</v>
      </c>
      <c r="R5112">
        <v>16280</v>
      </c>
      <c r="S5112">
        <v>0</v>
      </c>
      <c r="T5112">
        <v>0</v>
      </c>
      <c r="U5112">
        <v>0</v>
      </c>
      <c r="V5112">
        <v>1</v>
      </c>
      <c r="W5112">
        <v>2</v>
      </c>
      <c r="X5112">
        <v>0</v>
      </c>
      <c r="Y5112">
        <v>70</v>
      </c>
      <c r="Z5112">
        <v>22</v>
      </c>
      <c r="AA5112">
        <v>81</v>
      </c>
      <c r="AB5112">
        <v>18</v>
      </c>
      <c r="AC5112">
        <v>186</v>
      </c>
      <c r="AD5112">
        <v>74</v>
      </c>
      <c r="AE5112">
        <v>74</v>
      </c>
      <c r="AF5112">
        <v>17122</v>
      </c>
      <c r="AG5112">
        <v>129426</v>
      </c>
      <c r="AH5112">
        <v>50000</v>
      </c>
      <c r="AI5112">
        <v>0</v>
      </c>
      <c r="AJ5112">
        <v>108</v>
      </c>
      <c r="AK5112" t="s">
        <v>3</v>
      </c>
      <c r="AL5112">
        <v>0</v>
      </c>
      <c r="AM5112">
        <v>0</v>
      </c>
      <c r="AN5112">
        <v>0</v>
      </c>
      <c r="AO5112">
        <v>0</v>
      </c>
      <c r="AP5112">
        <v>0</v>
      </c>
      <c r="AQ5112">
        <v>0</v>
      </c>
      <c r="AR5112">
        <v>0</v>
      </c>
      <c r="AS5112">
        <v>0</v>
      </c>
      <c r="AT5112">
        <v>0</v>
      </c>
      <c r="AU5112">
        <v>0</v>
      </c>
      <c r="AV5112">
        <v>0</v>
      </c>
      <c r="AW5112">
        <v>0</v>
      </c>
      <c r="AX5112">
        <v>935</v>
      </c>
      <c r="AY5112">
        <v>3</v>
      </c>
      <c r="AZ5112">
        <v>6</v>
      </c>
      <c r="BA5112">
        <v>450</v>
      </c>
    </row>
    <row r="5113" spans="1:53" x14ac:dyDescent="0.4">
      <c r="A5113">
        <v>5157</v>
      </c>
      <c r="B5113" s="1">
        <v>44797</v>
      </c>
      <c r="C5113">
        <v>1</v>
      </c>
      <c r="D5113" s="1">
        <v>44797.291666666664</v>
      </c>
      <c r="E5113" s="1">
        <v>44797.40625</v>
      </c>
      <c r="F5113">
        <v>0</v>
      </c>
      <c r="G5113">
        <v>0</v>
      </c>
      <c r="H5113">
        <v>0</v>
      </c>
      <c r="I5113">
        <v>0</v>
      </c>
      <c r="J5113">
        <v>0</v>
      </c>
      <c r="K5113">
        <v>0</v>
      </c>
      <c r="L5113">
        <v>0</v>
      </c>
      <c r="M5113">
        <v>0</v>
      </c>
      <c r="N5113">
        <v>0</v>
      </c>
      <c r="O5113">
        <v>0</v>
      </c>
      <c r="P5113">
        <v>0</v>
      </c>
      <c r="Q5113">
        <v>0</v>
      </c>
      <c r="R5113">
        <v>0</v>
      </c>
      <c r="S5113">
        <v>0</v>
      </c>
      <c r="T5113">
        <v>0</v>
      </c>
      <c r="U5113">
        <v>0</v>
      </c>
      <c r="V5113">
        <v>0</v>
      </c>
      <c r="W5113">
        <v>1</v>
      </c>
      <c r="X5113">
        <v>0</v>
      </c>
      <c r="Y5113">
        <v>28</v>
      </c>
      <c r="Z5113">
        <v>13</v>
      </c>
      <c r="AA5113">
        <v>81</v>
      </c>
      <c r="AB5113">
        <v>17</v>
      </c>
      <c r="AC5113">
        <v>112</v>
      </c>
      <c r="AD5113">
        <v>72</v>
      </c>
      <c r="AE5113">
        <v>70</v>
      </c>
      <c r="AF5113">
        <v>0</v>
      </c>
      <c r="AG5113">
        <v>50000</v>
      </c>
      <c r="AH5113">
        <v>50000</v>
      </c>
      <c r="AI5113">
        <v>0</v>
      </c>
      <c r="AJ5113">
        <v>0</v>
      </c>
      <c r="AK5113" t="s">
        <v>6</v>
      </c>
      <c r="AL5113">
        <v>0</v>
      </c>
      <c r="AM5113">
        <v>0</v>
      </c>
      <c r="AN5113">
        <v>0</v>
      </c>
      <c r="AO5113">
        <v>0</v>
      </c>
      <c r="AP5113">
        <v>0</v>
      </c>
      <c r="AQ5113">
        <v>0</v>
      </c>
      <c r="AR5113">
        <v>0</v>
      </c>
      <c r="AS5113">
        <v>0</v>
      </c>
      <c r="AT5113">
        <v>0</v>
      </c>
      <c r="AU5113">
        <v>0</v>
      </c>
      <c r="AV5113">
        <v>0</v>
      </c>
      <c r="AW5113">
        <v>0</v>
      </c>
      <c r="AX5113">
        <v>0</v>
      </c>
      <c r="AY5113">
        <v>0</v>
      </c>
      <c r="AZ5113">
        <v>0</v>
      </c>
      <c r="BA5113">
        <v>0</v>
      </c>
    </row>
    <row r="5114" spans="1:53" x14ac:dyDescent="0.4">
      <c r="A5114">
        <v>5158</v>
      </c>
      <c r="B5114" s="1">
        <v>44797</v>
      </c>
      <c r="C5114">
        <v>2</v>
      </c>
      <c r="D5114" s="1">
        <v>44797.40625</v>
      </c>
      <c r="E5114" s="1">
        <v>44797.737500000003</v>
      </c>
      <c r="F5114">
        <v>29460</v>
      </c>
      <c r="G5114">
        <v>3410</v>
      </c>
      <c r="H5114">
        <v>0</v>
      </c>
      <c r="I5114">
        <v>0</v>
      </c>
      <c r="J5114">
        <v>100</v>
      </c>
      <c r="K5114">
        <v>0</v>
      </c>
      <c r="L5114">
        <v>0</v>
      </c>
      <c r="M5114">
        <v>2977</v>
      </c>
      <c r="N5114">
        <v>0</v>
      </c>
      <c r="O5114">
        <v>0</v>
      </c>
      <c r="P5114">
        <v>19770</v>
      </c>
      <c r="Q5114">
        <v>0</v>
      </c>
      <c r="R5114">
        <v>52540</v>
      </c>
      <c r="S5114">
        <v>0</v>
      </c>
      <c r="T5114">
        <v>0</v>
      </c>
      <c r="U5114">
        <v>0</v>
      </c>
      <c r="V5114">
        <v>0</v>
      </c>
      <c r="W5114">
        <v>4</v>
      </c>
      <c r="X5114">
        <v>0</v>
      </c>
      <c r="Y5114">
        <v>56</v>
      </c>
      <c r="Z5114">
        <v>18</v>
      </c>
      <c r="AA5114">
        <v>119</v>
      </c>
      <c r="AB5114">
        <v>19</v>
      </c>
      <c r="AC5114">
        <v>126</v>
      </c>
      <c r="AD5114">
        <v>71</v>
      </c>
      <c r="AE5114">
        <v>75</v>
      </c>
      <c r="AF5114">
        <v>3000</v>
      </c>
      <c r="AG5114">
        <v>102540</v>
      </c>
      <c r="AH5114">
        <v>50000</v>
      </c>
      <c r="AI5114">
        <v>0</v>
      </c>
      <c r="AJ5114">
        <v>103</v>
      </c>
      <c r="AK5114" t="s">
        <v>7</v>
      </c>
      <c r="AL5114">
        <v>0</v>
      </c>
      <c r="AM5114">
        <v>0</v>
      </c>
      <c r="AN5114">
        <v>0</v>
      </c>
      <c r="AO5114">
        <v>0</v>
      </c>
      <c r="AP5114">
        <v>0</v>
      </c>
      <c r="AQ5114">
        <v>0</v>
      </c>
      <c r="AR5114">
        <v>0</v>
      </c>
      <c r="AS5114">
        <v>0</v>
      </c>
      <c r="AT5114">
        <v>0</v>
      </c>
      <c r="AU5114">
        <v>0</v>
      </c>
      <c r="AV5114">
        <v>0</v>
      </c>
      <c r="AW5114">
        <v>0</v>
      </c>
      <c r="AX5114">
        <v>658</v>
      </c>
      <c r="AY5114">
        <v>49</v>
      </c>
      <c r="AZ5114">
        <v>81</v>
      </c>
      <c r="BA5114">
        <v>7084</v>
      </c>
    </row>
    <row r="5115" spans="1:53" x14ac:dyDescent="0.4">
      <c r="A5115">
        <v>5159</v>
      </c>
      <c r="B5115" s="1">
        <v>44797</v>
      </c>
      <c r="C5115">
        <v>3</v>
      </c>
      <c r="D5115" s="1">
        <v>44797.737500000003</v>
      </c>
      <c r="E5115" s="1">
        <v>44797.92291666667</v>
      </c>
      <c r="F5115">
        <v>23370</v>
      </c>
      <c r="G5115">
        <v>2233</v>
      </c>
      <c r="H5115">
        <v>0</v>
      </c>
      <c r="I5115">
        <v>0</v>
      </c>
      <c r="J5115">
        <v>0</v>
      </c>
      <c r="K5115">
        <v>0</v>
      </c>
      <c r="L5115">
        <v>0</v>
      </c>
      <c r="M5115">
        <v>2325</v>
      </c>
      <c r="N5115">
        <v>0</v>
      </c>
      <c r="O5115">
        <v>0</v>
      </c>
      <c r="P5115">
        <v>-19770</v>
      </c>
      <c r="Q5115">
        <v>0</v>
      </c>
      <c r="R5115">
        <v>5833</v>
      </c>
      <c r="S5115">
        <v>0</v>
      </c>
      <c r="T5115">
        <v>0</v>
      </c>
      <c r="U5115">
        <v>0</v>
      </c>
      <c r="V5115">
        <v>0</v>
      </c>
      <c r="W5115">
        <v>4</v>
      </c>
      <c r="X5115">
        <v>0</v>
      </c>
      <c r="Y5115">
        <v>60</v>
      </c>
      <c r="Z5115">
        <v>19</v>
      </c>
      <c r="AA5115">
        <v>131</v>
      </c>
      <c r="AB5115">
        <v>20</v>
      </c>
      <c r="AC5115">
        <v>136</v>
      </c>
      <c r="AD5115">
        <v>68</v>
      </c>
      <c r="AE5115">
        <v>73</v>
      </c>
      <c r="AF5115">
        <v>3000</v>
      </c>
      <c r="AG5115">
        <v>108373</v>
      </c>
      <c r="AH5115">
        <v>50000</v>
      </c>
      <c r="AI5115">
        <v>0</v>
      </c>
      <c r="AJ5115">
        <v>108</v>
      </c>
      <c r="AK5115" t="s">
        <v>3</v>
      </c>
      <c r="AL5115">
        <v>0</v>
      </c>
      <c r="AM5115">
        <v>0</v>
      </c>
      <c r="AN5115">
        <v>0</v>
      </c>
      <c r="AO5115">
        <v>0</v>
      </c>
      <c r="AP5115">
        <v>0</v>
      </c>
      <c r="AQ5115">
        <v>0</v>
      </c>
      <c r="AR5115">
        <v>0</v>
      </c>
      <c r="AS5115">
        <v>0</v>
      </c>
      <c r="AT5115">
        <v>0</v>
      </c>
      <c r="AU5115">
        <v>0</v>
      </c>
      <c r="AV5115">
        <v>0</v>
      </c>
      <c r="AW5115">
        <v>0</v>
      </c>
      <c r="AX5115">
        <v>3840</v>
      </c>
      <c r="AY5115">
        <v>4</v>
      </c>
      <c r="AZ5115">
        <v>7</v>
      </c>
      <c r="BA5115">
        <v>1707</v>
      </c>
    </row>
    <row r="5116" spans="1:53" x14ac:dyDescent="0.4">
      <c r="A5116">
        <v>5160</v>
      </c>
      <c r="B5116" s="1">
        <v>44798</v>
      </c>
      <c r="C5116">
        <v>1</v>
      </c>
      <c r="D5116" s="1">
        <v>44798.291666666664</v>
      </c>
      <c r="E5116" s="1">
        <v>44798.40347222222</v>
      </c>
      <c r="F5116">
        <v>0</v>
      </c>
      <c r="G5116">
        <v>0</v>
      </c>
      <c r="H5116">
        <v>0</v>
      </c>
      <c r="I5116">
        <v>0</v>
      </c>
      <c r="J5116">
        <v>0</v>
      </c>
      <c r="K5116">
        <v>0</v>
      </c>
      <c r="L5116">
        <v>0</v>
      </c>
      <c r="M5116">
        <v>0</v>
      </c>
      <c r="N5116">
        <v>0</v>
      </c>
      <c r="O5116">
        <v>0</v>
      </c>
      <c r="P5116">
        <v>0</v>
      </c>
      <c r="Q5116">
        <v>0</v>
      </c>
      <c r="R5116">
        <v>0</v>
      </c>
      <c r="S5116">
        <v>0</v>
      </c>
      <c r="T5116">
        <v>0</v>
      </c>
      <c r="U5116">
        <v>0</v>
      </c>
      <c r="V5116">
        <v>0</v>
      </c>
      <c r="W5116">
        <v>1</v>
      </c>
      <c r="X5116">
        <v>0</v>
      </c>
      <c r="Y5116">
        <v>25</v>
      </c>
      <c r="Z5116">
        <v>10</v>
      </c>
      <c r="AA5116">
        <v>125</v>
      </c>
      <c r="AB5116">
        <v>19</v>
      </c>
      <c r="AC5116">
        <v>114</v>
      </c>
      <c r="AD5116">
        <v>68</v>
      </c>
      <c r="AE5116">
        <v>70</v>
      </c>
      <c r="AF5116">
        <v>0</v>
      </c>
      <c r="AG5116">
        <v>50000</v>
      </c>
      <c r="AH5116">
        <v>50000</v>
      </c>
      <c r="AI5116">
        <v>0</v>
      </c>
      <c r="AJ5116">
        <v>0</v>
      </c>
      <c r="AK5116" t="s">
        <v>6</v>
      </c>
      <c r="AL5116">
        <v>0</v>
      </c>
      <c r="AM5116">
        <v>0</v>
      </c>
      <c r="AN5116">
        <v>0</v>
      </c>
      <c r="AO5116">
        <v>0</v>
      </c>
      <c r="AP5116">
        <v>0</v>
      </c>
      <c r="AQ5116">
        <v>0</v>
      </c>
      <c r="AR5116">
        <v>0</v>
      </c>
      <c r="AS5116">
        <v>0</v>
      </c>
      <c r="AT5116">
        <v>0</v>
      </c>
      <c r="AU5116">
        <v>0</v>
      </c>
      <c r="AV5116">
        <v>0</v>
      </c>
      <c r="AW5116">
        <v>0</v>
      </c>
      <c r="AX5116">
        <v>0</v>
      </c>
      <c r="AY5116">
        <v>0</v>
      </c>
      <c r="AZ5116">
        <v>0</v>
      </c>
      <c r="BA5116">
        <v>0</v>
      </c>
    </row>
    <row r="5117" spans="1:53" x14ac:dyDescent="0.4">
      <c r="A5117">
        <v>5161</v>
      </c>
      <c r="B5117" s="1">
        <v>44798</v>
      </c>
      <c r="C5117">
        <v>2</v>
      </c>
      <c r="D5117" s="1">
        <v>44798.40347222222</v>
      </c>
      <c r="E5117" s="1">
        <v>44798.740972222222</v>
      </c>
      <c r="F5117">
        <v>35730</v>
      </c>
      <c r="G5117">
        <v>2398</v>
      </c>
      <c r="H5117">
        <v>0</v>
      </c>
      <c r="I5117">
        <v>0</v>
      </c>
      <c r="J5117">
        <v>0</v>
      </c>
      <c r="K5117">
        <v>400</v>
      </c>
      <c r="L5117">
        <v>0</v>
      </c>
      <c r="M5117">
        <v>3502</v>
      </c>
      <c r="N5117">
        <v>0</v>
      </c>
      <c r="O5117">
        <v>0</v>
      </c>
      <c r="P5117">
        <v>8480</v>
      </c>
      <c r="Q5117">
        <v>0</v>
      </c>
      <c r="R5117">
        <v>47008</v>
      </c>
      <c r="S5117">
        <v>0</v>
      </c>
      <c r="T5117">
        <v>0</v>
      </c>
      <c r="U5117">
        <v>0</v>
      </c>
      <c r="V5117">
        <v>1</v>
      </c>
      <c r="W5117">
        <v>3</v>
      </c>
      <c r="X5117">
        <v>0</v>
      </c>
      <c r="Y5117">
        <v>47</v>
      </c>
      <c r="Z5117">
        <v>18</v>
      </c>
      <c r="AA5117">
        <v>102</v>
      </c>
      <c r="AB5117">
        <v>14</v>
      </c>
      <c r="AC5117">
        <v>126</v>
      </c>
      <c r="AD5117">
        <v>66</v>
      </c>
      <c r="AE5117">
        <v>68</v>
      </c>
      <c r="AF5117">
        <v>3450</v>
      </c>
      <c r="AG5117">
        <v>97008</v>
      </c>
      <c r="AH5117">
        <v>50000</v>
      </c>
      <c r="AI5117">
        <v>0</v>
      </c>
      <c r="AJ5117">
        <v>103</v>
      </c>
      <c r="AK5117" t="s">
        <v>7</v>
      </c>
      <c r="AL5117">
        <v>0</v>
      </c>
      <c r="AM5117">
        <v>0</v>
      </c>
      <c r="AN5117">
        <v>0</v>
      </c>
      <c r="AO5117">
        <v>0</v>
      </c>
      <c r="AP5117">
        <v>0</v>
      </c>
      <c r="AQ5117">
        <v>0</v>
      </c>
      <c r="AR5117">
        <v>0</v>
      </c>
      <c r="AS5117">
        <v>0</v>
      </c>
      <c r="AT5117">
        <v>0</v>
      </c>
      <c r="AU5117">
        <v>0</v>
      </c>
      <c r="AV5117">
        <v>0</v>
      </c>
      <c r="AW5117">
        <v>0</v>
      </c>
      <c r="AX5117">
        <v>0</v>
      </c>
      <c r="AY5117">
        <v>35</v>
      </c>
      <c r="AZ5117">
        <v>69</v>
      </c>
      <c r="BA5117">
        <v>5810</v>
      </c>
    </row>
    <row r="5118" spans="1:53" x14ac:dyDescent="0.4">
      <c r="A5118">
        <v>5162</v>
      </c>
      <c r="B5118" s="1">
        <v>44798</v>
      </c>
      <c r="C5118">
        <v>3</v>
      </c>
      <c r="D5118" s="1">
        <v>44798.740972222222</v>
      </c>
      <c r="E5118" s="1">
        <v>44798.94027777778</v>
      </c>
      <c r="F5118">
        <v>57200</v>
      </c>
      <c r="G5118">
        <v>2528</v>
      </c>
      <c r="H5118">
        <v>0</v>
      </c>
      <c r="I5118">
        <v>0</v>
      </c>
      <c r="J5118">
        <v>0</v>
      </c>
      <c r="K5118">
        <v>0</v>
      </c>
      <c r="L5118">
        <v>0</v>
      </c>
      <c r="M5118">
        <v>5430</v>
      </c>
      <c r="N5118">
        <v>0</v>
      </c>
      <c r="O5118">
        <v>0</v>
      </c>
      <c r="P5118">
        <v>-4080</v>
      </c>
      <c r="Q5118">
        <v>0</v>
      </c>
      <c r="R5118">
        <v>55648</v>
      </c>
      <c r="S5118">
        <v>0</v>
      </c>
      <c r="T5118">
        <v>0</v>
      </c>
      <c r="U5118">
        <v>0</v>
      </c>
      <c r="V5118">
        <v>7</v>
      </c>
      <c r="W5118">
        <v>2</v>
      </c>
      <c r="X5118">
        <v>0</v>
      </c>
      <c r="Y5118">
        <v>47</v>
      </c>
      <c r="Z5118">
        <v>17</v>
      </c>
      <c r="AA5118">
        <v>19</v>
      </c>
      <c r="AB5118">
        <v>13</v>
      </c>
      <c r="AC5118">
        <v>125</v>
      </c>
      <c r="AD5118">
        <v>66</v>
      </c>
      <c r="AE5118">
        <v>66</v>
      </c>
      <c r="AF5118">
        <v>3960</v>
      </c>
      <c r="AG5118">
        <v>143656</v>
      </c>
      <c r="AH5118">
        <v>50000</v>
      </c>
      <c r="AI5118">
        <v>-9000</v>
      </c>
      <c r="AJ5118">
        <v>30</v>
      </c>
      <c r="AK5118" t="s">
        <v>63</v>
      </c>
      <c r="AL5118">
        <v>0</v>
      </c>
      <c r="AM5118">
        <v>0</v>
      </c>
      <c r="AN5118">
        <v>0</v>
      </c>
      <c r="AO5118">
        <v>0</v>
      </c>
      <c r="AP5118">
        <v>0</v>
      </c>
      <c r="AQ5118">
        <v>0</v>
      </c>
      <c r="AR5118">
        <v>0</v>
      </c>
      <c r="AS5118">
        <v>0</v>
      </c>
      <c r="AT5118">
        <v>0</v>
      </c>
      <c r="AU5118">
        <v>0</v>
      </c>
      <c r="AV5118">
        <v>0</v>
      </c>
      <c r="AW5118">
        <v>0</v>
      </c>
      <c r="AX5118">
        <v>3000</v>
      </c>
      <c r="AY5118">
        <v>17</v>
      </c>
      <c r="AZ5118">
        <v>36</v>
      </c>
      <c r="BA5118">
        <v>2332</v>
      </c>
    </row>
    <row r="5119" spans="1:53" x14ac:dyDescent="0.4">
      <c r="A5119">
        <v>5163</v>
      </c>
      <c r="B5119" s="1">
        <v>44798</v>
      </c>
      <c r="C5119">
        <v>4</v>
      </c>
      <c r="D5119" s="1">
        <v>44798.94027777778</v>
      </c>
      <c r="E5119" s="1">
        <v>44798.943055555559</v>
      </c>
      <c r="F5119">
        <v>0</v>
      </c>
      <c r="G5119">
        <v>0</v>
      </c>
      <c r="H5119">
        <v>0</v>
      </c>
      <c r="I5119">
        <v>0</v>
      </c>
      <c r="J5119">
        <v>0</v>
      </c>
      <c r="K5119">
        <v>0</v>
      </c>
      <c r="L5119">
        <v>0</v>
      </c>
      <c r="M5119">
        <v>0</v>
      </c>
      <c r="N5119">
        <v>0</v>
      </c>
      <c r="O5119">
        <v>0</v>
      </c>
      <c r="P5119">
        <v>0</v>
      </c>
      <c r="Q5119">
        <v>0</v>
      </c>
      <c r="R5119">
        <v>0</v>
      </c>
      <c r="S5119">
        <v>0</v>
      </c>
      <c r="T5119">
        <v>0</v>
      </c>
      <c r="U5119">
        <v>0</v>
      </c>
      <c r="V5119">
        <v>7</v>
      </c>
      <c r="W5119">
        <v>2</v>
      </c>
      <c r="X5119">
        <v>0</v>
      </c>
      <c r="Y5119">
        <v>47</v>
      </c>
      <c r="Z5119">
        <v>17</v>
      </c>
      <c r="AA5119">
        <v>109</v>
      </c>
      <c r="AB5119">
        <v>13</v>
      </c>
      <c r="AC5119">
        <v>125</v>
      </c>
      <c r="AD5119">
        <v>66</v>
      </c>
      <c r="AE5119">
        <v>66</v>
      </c>
      <c r="AF5119">
        <v>3960</v>
      </c>
      <c r="AG5119">
        <v>152656</v>
      </c>
      <c r="AH5119">
        <v>50000</v>
      </c>
      <c r="AI5119">
        <v>0</v>
      </c>
      <c r="AJ5119">
        <v>30</v>
      </c>
      <c r="AK5119" t="s">
        <v>63</v>
      </c>
      <c r="AL5119">
        <v>0</v>
      </c>
      <c r="AM5119">
        <v>0</v>
      </c>
      <c r="AN5119">
        <v>0</v>
      </c>
      <c r="AO5119">
        <v>0</v>
      </c>
      <c r="AP5119">
        <v>0</v>
      </c>
      <c r="AQ5119">
        <v>0</v>
      </c>
      <c r="AR5119">
        <v>0</v>
      </c>
      <c r="AS5119">
        <v>0</v>
      </c>
      <c r="AT5119">
        <v>0</v>
      </c>
      <c r="AU5119">
        <v>0</v>
      </c>
      <c r="AV5119">
        <v>0</v>
      </c>
      <c r="AW5119">
        <v>0</v>
      </c>
      <c r="AX5119">
        <v>3000</v>
      </c>
      <c r="AY5119">
        <v>0</v>
      </c>
      <c r="AZ5119">
        <v>0</v>
      </c>
      <c r="BA5119">
        <v>12</v>
      </c>
    </row>
    <row r="5120" spans="1:53" x14ac:dyDescent="0.4">
      <c r="A5120">
        <v>5164</v>
      </c>
      <c r="B5120" s="1">
        <v>44798</v>
      </c>
      <c r="C5120">
        <v>5</v>
      </c>
      <c r="D5120" s="1">
        <v>44798.943055555559</v>
      </c>
      <c r="E5120" s="1">
        <v>44799.087500000001</v>
      </c>
      <c r="F5120">
        <v>19000</v>
      </c>
      <c r="G5120">
        <v>0</v>
      </c>
      <c r="H5120">
        <v>0</v>
      </c>
      <c r="I5120">
        <v>0</v>
      </c>
      <c r="J5120">
        <v>0</v>
      </c>
      <c r="K5120">
        <v>0</v>
      </c>
      <c r="L5120">
        <v>0</v>
      </c>
      <c r="M5120">
        <v>1727</v>
      </c>
      <c r="N5120">
        <v>0</v>
      </c>
      <c r="O5120">
        <v>0</v>
      </c>
      <c r="P5120">
        <v>13200</v>
      </c>
      <c r="Q5120">
        <v>0</v>
      </c>
      <c r="R5120">
        <v>32200</v>
      </c>
      <c r="S5120">
        <v>0</v>
      </c>
      <c r="T5120">
        <v>0</v>
      </c>
      <c r="U5120">
        <v>0</v>
      </c>
      <c r="V5120">
        <v>11</v>
      </c>
      <c r="W5120">
        <v>1</v>
      </c>
      <c r="X5120">
        <v>0</v>
      </c>
      <c r="Y5120">
        <v>46</v>
      </c>
      <c r="Z5120">
        <v>14</v>
      </c>
      <c r="AA5120">
        <v>105</v>
      </c>
      <c r="AB5120">
        <v>15</v>
      </c>
      <c r="AC5120">
        <v>125</v>
      </c>
      <c r="AD5120">
        <v>66</v>
      </c>
      <c r="AE5120">
        <v>66</v>
      </c>
      <c r="AF5120">
        <v>3960</v>
      </c>
      <c r="AG5120">
        <v>184856</v>
      </c>
      <c r="AH5120">
        <v>50000</v>
      </c>
      <c r="AI5120">
        <v>0</v>
      </c>
      <c r="AJ5120">
        <v>108</v>
      </c>
      <c r="AK5120" t="s">
        <v>3</v>
      </c>
      <c r="AL5120">
        <v>0</v>
      </c>
      <c r="AM5120">
        <v>0</v>
      </c>
      <c r="AN5120">
        <v>0</v>
      </c>
      <c r="AO5120">
        <v>0</v>
      </c>
      <c r="AP5120">
        <v>0</v>
      </c>
      <c r="AQ5120">
        <v>0</v>
      </c>
      <c r="AR5120">
        <v>0</v>
      </c>
      <c r="AS5120">
        <v>0</v>
      </c>
      <c r="AT5120">
        <v>0</v>
      </c>
      <c r="AU5120">
        <v>0</v>
      </c>
      <c r="AV5120">
        <v>0</v>
      </c>
      <c r="AW5120">
        <v>0</v>
      </c>
      <c r="AX5120">
        <v>0</v>
      </c>
      <c r="AY5120">
        <v>4</v>
      </c>
      <c r="AZ5120">
        <v>13</v>
      </c>
      <c r="BA5120">
        <v>940</v>
      </c>
    </row>
    <row r="5121" spans="1:53" x14ac:dyDescent="0.4">
      <c r="A5121">
        <v>5165</v>
      </c>
      <c r="B5121" s="1">
        <v>44799</v>
      </c>
      <c r="C5121">
        <v>1</v>
      </c>
      <c r="D5121" s="1">
        <v>44799.291666666664</v>
      </c>
      <c r="E5121" s="1">
        <v>44799.397222222222</v>
      </c>
      <c r="F5121">
        <v>0</v>
      </c>
      <c r="G5121">
        <v>0</v>
      </c>
      <c r="H5121">
        <v>0</v>
      </c>
      <c r="I5121">
        <v>0</v>
      </c>
      <c r="J5121">
        <v>0</v>
      </c>
      <c r="K5121">
        <v>0</v>
      </c>
      <c r="L5121">
        <v>0</v>
      </c>
      <c r="M5121">
        <v>0</v>
      </c>
      <c r="N5121">
        <v>0</v>
      </c>
      <c r="O5121">
        <v>0</v>
      </c>
      <c r="P5121">
        <v>0</v>
      </c>
      <c r="Q5121">
        <v>0</v>
      </c>
      <c r="R5121">
        <v>0</v>
      </c>
      <c r="S5121">
        <v>0</v>
      </c>
      <c r="T5121">
        <v>0</v>
      </c>
      <c r="U5121">
        <v>0</v>
      </c>
      <c r="V5121">
        <v>0</v>
      </c>
      <c r="W5121">
        <v>1</v>
      </c>
      <c r="X5121">
        <v>0</v>
      </c>
      <c r="Y5121">
        <v>26</v>
      </c>
      <c r="Z5121">
        <v>13</v>
      </c>
      <c r="AA5121">
        <v>105</v>
      </c>
      <c r="AB5121">
        <v>12</v>
      </c>
      <c r="AC5121">
        <v>101</v>
      </c>
      <c r="AD5121">
        <v>65</v>
      </c>
      <c r="AE5121">
        <v>65</v>
      </c>
      <c r="AF5121">
        <v>0</v>
      </c>
      <c r="AG5121">
        <v>50000</v>
      </c>
      <c r="AH5121">
        <v>50000</v>
      </c>
      <c r="AI5121">
        <v>0</v>
      </c>
      <c r="AJ5121">
        <v>0</v>
      </c>
      <c r="AK5121" t="s">
        <v>6</v>
      </c>
      <c r="AL5121">
        <v>0</v>
      </c>
      <c r="AM5121">
        <v>0</v>
      </c>
      <c r="AN5121">
        <v>0</v>
      </c>
      <c r="AO5121">
        <v>0</v>
      </c>
      <c r="AP5121">
        <v>0</v>
      </c>
      <c r="AQ5121">
        <v>0</v>
      </c>
      <c r="AR5121">
        <v>0</v>
      </c>
      <c r="AS5121">
        <v>0</v>
      </c>
      <c r="AT5121">
        <v>0</v>
      </c>
      <c r="AU5121">
        <v>0</v>
      </c>
      <c r="AV5121">
        <v>0</v>
      </c>
      <c r="AW5121">
        <v>0</v>
      </c>
      <c r="AX5121">
        <v>0</v>
      </c>
      <c r="AY5121">
        <v>0</v>
      </c>
      <c r="AZ5121">
        <v>0</v>
      </c>
      <c r="BA5121">
        <v>0</v>
      </c>
    </row>
    <row r="5122" spans="1:53" x14ac:dyDescent="0.4">
      <c r="A5122">
        <v>5166</v>
      </c>
      <c r="B5122" s="1">
        <v>44799</v>
      </c>
      <c r="C5122">
        <v>2</v>
      </c>
      <c r="D5122" s="1">
        <v>44799.397222222222</v>
      </c>
      <c r="E5122" s="1">
        <v>44799.739583333336</v>
      </c>
      <c r="F5122">
        <v>28130</v>
      </c>
      <c r="G5122">
        <v>2552</v>
      </c>
      <c r="H5122">
        <v>0</v>
      </c>
      <c r="I5122">
        <v>0</v>
      </c>
      <c r="J5122">
        <v>0</v>
      </c>
      <c r="K5122">
        <v>400</v>
      </c>
      <c r="L5122">
        <v>0</v>
      </c>
      <c r="M5122">
        <v>2824</v>
      </c>
      <c r="N5122">
        <v>0</v>
      </c>
      <c r="O5122">
        <v>0</v>
      </c>
      <c r="P5122">
        <v>17400</v>
      </c>
      <c r="Q5122">
        <v>0</v>
      </c>
      <c r="R5122">
        <v>48482</v>
      </c>
      <c r="S5122">
        <v>0</v>
      </c>
      <c r="T5122">
        <v>0</v>
      </c>
      <c r="U5122">
        <v>0</v>
      </c>
      <c r="V5122">
        <v>2</v>
      </c>
      <c r="W5122">
        <v>4</v>
      </c>
      <c r="X5122">
        <v>0</v>
      </c>
      <c r="Y5122">
        <v>26</v>
      </c>
      <c r="Z5122">
        <v>28</v>
      </c>
      <c r="AA5122">
        <v>118</v>
      </c>
      <c r="AB5122">
        <v>9</v>
      </c>
      <c r="AC5122">
        <v>115</v>
      </c>
      <c r="AD5122">
        <v>66</v>
      </c>
      <c r="AE5122">
        <v>68</v>
      </c>
      <c r="AF5122">
        <v>4684</v>
      </c>
      <c r="AG5122">
        <v>98482</v>
      </c>
      <c r="AH5122">
        <v>50000</v>
      </c>
      <c r="AI5122">
        <v>0</v>
      </c>
      <c r="AJ5122">
        <v>116</v>
      </c>
      <c r="AK5122" t="s">
        <v>54</v>
      </c>
      <c r="AL5122">
        <v>0</v>
      </c>
      <c r="AM5122">
        <v>0</v>
      </c>
      <c r="AN5122">
        <v>0</v>
      </c>
      <c r="AO5122">
        <v>0</v>
      </c>
      <c r="AP5122">
        <v>0</v>
      </c>
      <c r="AQ5122">
        <v>0</v>
      </c>
      <c r="AR5122">
        <v>0</v>
      </c>
      <c r="AS5122">
        <v>0</v>
      </c>
      <c r="AT5122">
        <v>0</v>
      </c>
      <c r="AU5122">
        <v>0</v>
      </c>
      <c r="AV5122">
        <v>0</v>
      </c>
      <c r="AW5122">
        <v>0</v>
      </c>
      <c r="AX5122">
        <v>-466</v>
      </c>
      <c r="AY5122">
        <v>44</v>
      </c>
      <c r="AZ5122">
        <v>75</v>
      </c>
      <c r="BA5122">
        <v>6289</v>
      </c>
    </row>
    <row r="5123" spans="1:53" x14ac:dyDescent="0.4">
      <c r="A5123">
        <v>5167</v>
      </c>
      <c r="B5123" s="1">
        <v>44799</v>
      </c>
      <c r="C5123">
        <v>3</v>
      </c>
      <c r="D5123" s="1">
        <v>44799.739583333336</v>
      </c>
      <c r="E5123" s="1">
        <v>44799.955555555556</v>
      </c>
      <c r="F5123">
        <v>34240</v>
      </c>
      <c r="G5123">
        <v>1034</v>
      </c>
      <c r="H5123">
        <v>0</v>
      </c>
      <c r="I5123">
        <v>0</v>
      </c>
      <c r="J5123">
        <v>0</v>
      </c>
      <c r="K5123">
        <v>0</v>
      </c>
      <c r="L5123">
        <v>0</v>
      </c>
      <c r="M5123">
        <v>3203</v>
      </c>
      <c r="N5123">
        <v>0</v>
      </c>
      <c r="O5123">
        <v>0</v>
      </c>
      <c r="P5123">
        <v>-7300</v>
      </c>
      <c r="Q5123">
        <v>0</v>
      </c>
      <c r="R5123">
        <v>27974</v>
      </c>
      <c r="S5123">
        <v>0</v>
      </c>
      <c r="T5123">
        <v>0</v>
      </c>
      <c r="U5123">
        <v>0</v>
      </c>
      <c r="V5123">
        <v>3</v>
      </c>
      <c r="W5123">
        <v>7</v>
      </c>
      <c r="X5123">
        <v>0</v>
      </c>
      <c r="Y5123">
        <v>28</v>
      </c>
      <c r="Z5123">
        <v>24</v>
      </c>
      <c r="AA5123">
        <v>113</v>
      </c>
      <c r="AB5123">
        <v>11</v>
      </c>
      <c r="AC5123">
        <v>121</v>
      </c>
      <c r="AD5123">
        <v>65</v>
      </c>
      <c r="AE5123">
        <v>67</v>
      </c>
      <c r="AF5123">
        <v>8004</v>
      </c>
      <c r="AG5123">
        <v>126456</v>
      </c>
      <c r="AH5123">
        <v>50000</v>
      </c>
      <c r="AI5123">
        <v>0</v>
      </c>
      <c r="AJ5123">
        <v>108</v>
      </c>
      <c r="AK5123" t="s">
        <v>3</v>
      </c>
      <c r="AL5123">
        <v>0</v>
      </c>
      <c r="AM5123">
        <v>0</v>
      </c>
      <c r="AN5123">
        <v>0</v>
      </c>
      <c r="AO5123">
        <v>0</v>
      </c>
      <c r="AP5123">
        <v>0</v>
      </c>
      <c r="AQ5123">
        <v>0</v>
      </c>
      <c r="AR5123">
        <v>0</v>
      </c>
      <c r="AS5123">
        <v>0</v>
      </c>
      <c r="AT5123">
        <v>0</v>
      </c>
      <c r="AU5123">
        <v>0</v>
      </c>
      <c r="AV5123">
        <v>0</v>
      </c>
      <c r="AW5123">
        <v>0</v>
      </c>
      <c r="AX5123">
        <v>34361</v>
      </c>
      <c r="AY5123">
        <v>19</v>
      </c>
      <c r="AZ5123">
        <v>45</v>
      </c>
      <c r="BA5123">
        <v>2396</v>
      </c>
    </row>
    <row r="5124" spans="1:53" x14ac:dyDescent="0.4">
      <c r="A5124">
        <v>5168</v>
      </c>
      <c r="B5124" s="1">
        <v>44800</v>
      </c>
      <c r="C5124">
        <v>1</v>
      </c>
      <c r="D5124" s="1">
        <v>44800.291666666664</v>
      </c>
      <c r="E5124" s="1">
        <v>44800.398611111108</v>
      </c>
      <c r="F5124">
        <v>0</v>
      </c>
      <c r="G5124">
        <v>0</v>
      </c>
      <c r="H5124">
        <v>0</v>
      </c>
      <c r="I5124">
        <v>0</v>
      </c>
      <c r="J5124">
        <v>0</v>
      </c>
      <c r="K5124">
        <v>0</v>
      </c>
      <c r="L5124">
        <v>0</v>
      </c>
      <c r="M5124">
        <v>0</v>
      </c>
      <c r="N5124">
        <v>0</v>
      </c>
      <c r="O5124">
        <v>0</v>
      </c>
      <c r="P5124">
        <v>0</v>
      </c>
      <c r="Q5124">
        <v>0</v>
      </c>
      <c r="R5124">
        <v>0</v>
      </c>
      <c r="S5124">
        <v>0</v>
      </c>
      <c r="T5124">
        <v>0</v>
      </c>
      <c r="U5124">
        <v>0</v>
      </c>
      <c r="V5124">
        <v>0</v>
      </c>
      <c r="W5124">
        <v>1</v>
      </c>
      <c r="X5124">
        <v>0</v>
      </c>
      <c r="Y5124">
        <v>25</v>
      </c>
      <c r="Z5124">
        <v>13</v>
      </c>
      <c r="AA5124">
        <v>114</v>
      </c>
      <c r="AB5124">
        <v>11</v>
      </c>
      <c r="AC5124">
        <v>118</v>
      </c>
      <c r="AD5124">
        <v>62</v>
      </c>
      <c r="AE5124">
        <v>60</v>
      </c>
      <c r="AF5124">
        <v>0</v>
      </c>
      <c r="AG5124">
        <v>50000</v>
      </c>
      <c r="AH5124">
        <v>50000</v>
      </c>
      <c r="AI5124">
        <v>0</v>
      </c>
      <c r="AJ5124">
        <v>0</v>
      </c>
      <c r="AK5124" t="s">
        <v>6</v>
      </c>
      <c r="AL5124">
        <v>0</v>
      </c>
      <c r="AM5124">
        <v>0</v>
      </c>
      <c r="AN5124">
        <v>0</v>
      </c>
      <c r="AO5124">
        <v>0</v>
      </c>
      <c r="AP5124">
        <v>0</v>
      </c>
      <c r="AQ5124">
        <v>0</v>
      </c>
      <c r="AR5124">
        <v>0</v>
      </c>
      <c r="AS5124">
        <v>0</v>
      </c>
      <c r="AT5124">
        <v>0</v>
      </c>
      <c r="AU5124">
        <v>0</v>
      </c>
      <c r="AV5124">
        <v>0</v>
      </c>
      <c r="AW5124">
        <v>0</v>
      </c>
      <c r="AX5124">
        <v>0</v>
      </c>
      <c r="AY5124">
        <v>0</v>
      </c>
      <c r="AZ5124">
        <v>0</v>
      </c>
      <c r="BA5124">
        <v>0</v>
      </c>
    </row>
    <row r="5125" spans="1:53" x14ac:dyDescent="0.4">
      <c r="A5125">
        <v>5169</v>
      </c>
      <c r="B5125" s="1">
        <v>44800</v>
      </c>
      <c r="C5125">
        <v>2</v>
      </c>
      <c r="D5125" s="1">
        <v>44800.398611111108</v>
      </c>
      <c r="E5125" s="1">
        <v>44800.743750000001</v>
      </c>
      <c r="F5125">
        <v>38640</v>
      </c>
      <c r="G5125">
        <v>1034</v>
      </c>
      <c r="H5125">
        <v>0</v>
      </c>
      <c r="I5125">
        <v>0</v>
      </c>
      <c r="J5125">
        <v>0</v>
      </c>
      <c r="K5125">
        <v>0</v>
      </c>
      <c r="L5125">
        <v>0</v>
      </c>
      <c r="M5125">
        <v>3604</v>
      </c>
      <c r="N5125">
        <v>0</v>
      </c>
      <c r="O5125">
        <v>0</v>
      </c>
      <c r="P5125">
        <v>22120</v>
      </c>
      <c r="Q5125">
        <v>0</v>
      </c>
      <c r="R5125">
        <v>61794</v>
      </c>
      <c r="S5125">
        <v>0</v>
      </c>
      <c r="T5125">
        <v>0</v>
      </c>
      <c r="U5125">
        <v>0</v>
      </c>
      <c r="V5125">
        <v>1</v>
      </c>
      <c r="W5125">
        <v>5</v>
      </c>
      <c r="X5125">
        <v>0</v>
      </c>
      <c r="Y5125">
        <v>39</v>
      </c>
      <c r="Z5125">
        <v>24</v>
      </c>
      <c r="AA5125">
        <v>154</v>
      </c>
      <c r="AB5125">
        <v>17</v>
      </c>
      <c r="AC5125">
        <v>136</v>
      </c>
      <c r="AD5125">
        <v>62</v>
      </c>
      <c r="AE5125">
        <v>68</v>
      </c>
      <c r="AF5125">
        <v>7806</v>
      </c>
      <c r="AG5125">
        <v>111794</v>
      </c>
      <c r="AH5125">
        <v>50000</v>
      </c>
      <c r="AI5125">
        <v>0</v>
      </c>
      <c r="AJ5125">
        <v>103</v>
      </c>
      <c r="AK5125" t="s">
        <v>7</v>
      </c>
      <c r="AL5125">
        <v>0</v>
      </c>
      <c r="AM5125">
        <v>0</v>
      </c>
      <c r="AN5125">
        <v>0</v>
      </c>
      <c r="AO5125">
        <v>0</v>
      </c>
      <c r="AP5125">
        <v>0</v>
      </c>
      <c r="AQ5125">
        <v>0</v>
      </c>
      <c r="AR5125">
        <v>0</v>
      </c>
      <c r="AS5125">
        <v>0</v>
      </c>
      <c r="AT5125">
        <v>0</v>
      </c>
      <c r="AU5125">
        <v>0</v>
      </c>
      <c r="AV5125">
        <v>0</v>
      </c>
      <c r="AW5125">
        <v>0</v>
      </c>
      <c r="AX5125">
        <v>-1150</v>
      </c>
      <c r="AY5125">
        <v>53</v>
      </c>
      <c r="AZ5125">
        <v>101</v>
      </c>
      <c r="BA5125">
        <v>7352</v>
      </c>
    </row>
    <row r="5126" spans="1:53" x14ac:dyDescent="0.4">
      <c r="A5126">
        <v>5170</v>
      </c>
      <c r="B5126" s="1">
        <v>44800</v>
      </c>
      <c r="C5126">
        <v>3</v>
      </c>
      <c r="D5126" s="1">
        <v>44800.743750000001</v>
      </c>
      <c r="E5126" s="1">
        <v>44800.959722222222</v>
      </c>
      <c r="F5126">
        <v>53730</v>
      </c>
      <c r="G5126">
        <v>1694</v>
      </c>
      <c r="H5126">
        <v>0</v>
      </c>
      <c r="I5126">
        <v>0</v>
      </c>
      <c r="J5126">
        <v>0</v>
      </c>
      <c r="K5126">
        <v>0</v>
      </c>
      <c r="L5126">
        <v>0</v>
      </c>
      <c r="M5126">
        <v>5034</v>
      </c>
      <c r="N5126">
        <v>0</v>
      </c>
      <c r="O5126">
        <v>0</v>
      </c>
      <c r="P5126">
        <v>-13900</v>
      </c>
      <c r="Q5126">
        <v>0</v>
      </c>
      <c r="R5126">
        <v>41524</v>
      </c>
      <c r="S5126">
        <v>0</v>
      </c>
      <c r="T5126">
        <v>0</v>
      </c>
      <c r="U5126">
        <v>0</v>
      </c>
      <c r="V5126">
        <v>6</v>
      </c>
      <c r="W5126">
        <v>2</v>
      </c>
      <c r="X5126">
        <v>0</v>
      </c>
      <c r="Y5126">
        <v>37</v>
      </c>
      <c r="Z5126">
        <v>29</v>
      </c>
      <c r="AA5126">
        <v>155</v>
      </c>
      <c r="AB5126">
        <v>15</v>
      </c>
      <c r="AC5126">
        <v>135</v>
      </c>
      <c r="AD5126">
        <v>64</v>
      </c>
      <c r="AE5126">
        <v>74</v>
      </c>
      <c r="AF5126">
        <v>13824</v>
      </c>
      <c r="AG5126">
        <v>153318</v>
      </c>
      <c r="AH5126">
        <v>50000</v>
      </c>
      <c r="AI5126">
        <v>0</v>
      </c>
      <c r="AJ5126">
        <v>108</v>
      </c>
      <c r="AK5126" t="s">
        <v>3</v>
      </c>
      <c r="AL5126">
        <v>0</v>
      </c>
      <c r="AM5126">
        <v>0</v>
      </c>
      <c r="AN5126">
        <v>0</v>
      </c>
      <c r="AO5126">
        <v>0</v>
      </c>
      <c r="AP5126">
        <v>0</v>
      </c>
      <c r="AQ5126">
        <v>0</v>
      </c>
      <c r="AR5126">
        <v>0</v>
      </c>
      <c r="AS5126">
        <v>0</v>
      </c>
      <c r="AT5126">
        <v>0</v>
      </c>
      <c r="AU5126">
        <v>0</v>
      </c>
      <c r="AV5126">
        <v>0</v>
      </c>
      <c r="AW5126">
        <v>0</v>
      </c>
      <c r="AX5126">
        <v>24074</v>
      </c>
      <c r="AY5126">
        <v>19</v>
      </c>
      <c r="AZ5126">
        <v>51</v>
      </c>
      <c r="BA5126">
        <v>2914</v>
      </c>
    </row>
    <row r="5127" spans="1:53" x14ac:dyDescent="0.4">
      <c r="A5127">
        <v>5171</v>
      </c>
      <c r="B5127" s="1">
        <v>44801</v>
      </c>
      <c r="C5127">
        <v>1</v>
      </c>
      <c r="D5127" s="1">
        <v>44801.291666666664</v>
      </c>
      <c r="E5127" s="1">
        <v>44801.396527777775</v>
      </c>
      <c r="F5127">
        <v>0</v>
      </c>
      <c r="G5127">
        <v>0</v>
      </c>
      <c r="H5127">
        <v>0</v>
      </c>
      <c r="I5127">
        <v>0</v>
      </c>
      <c r="J5127">
        <v>0</v>
      </c>
      <c r="K5127">
        <v>0</v>
      </c>
      <c r="L5127">
        <v>0</v>
      </c>
      <c r="M5127">
        <v>0</v>
      </c>
      <c r="N5127">
        <v>0</v>
      </c>
      <c r="O5127">
        <v>0</v>
      </c>
      <c r="P5127">
        <v>0</v>
      </c>
      <c r="Q5127">
        <v>0</v>
      </c>
      <c r="R5127">
        <v>0</v>
      </c>
      <c r="S5127">
        <v>0</v>
      </c>
      <c r="T5127">
        <v>0</v>
      </c>
      <c r="U5127">
        <v>0</v>
      </c>
      <c r="V5127">
        <v>0</v>
      </c>
      <c r="W5127">
        <v>0</v>
      </c>
      <c r="X5127">
        <v>0</v>
      </c>
      <c r="Y5127">
        <v>30</v>
      </c>
      <c r="Z5127">
        <v>11</v>
      </c>
      <c r="AA5127">
        <v>121</v>
      </c>
      <c r="AB5127">
        <v>15</v>
      </c>
      <c r="AC5127">
        <v>127</v>
      </c>
      <c r="AD5127">
        <v>62</v>
      </c>
      <c r="AE5127">
        <v>70</v>
      </c>
      <c r="AF5127">
        <v>0</v>
      </c>
      <c r="AG5127">
        <v>50000</v>
      </c>
      <c r="AH5127">
        <v>50000</v>
      </c>
      <c r="AI5127">
        <v>0</v>
      </c>
      <c r="AJ5127">
        <v>0</v>
      </c>
      <c r="AK5127" t="s">
        <v>6</v>
      </c>
      <c r="AL5127">
        <v>0</v>
      </c>
      <c r="AM5127">
        <v>0</v>
      </c>
      <c r="AN5127">
        <v>0</v>
      </c>
      <c r="AO5127">
        <v>0</v>
      </c>
      <c r="AP5127">
        <v>0</v>
      </c>
      <c r="AQ5127">
        <v>0</v>
      </c>
      <c r="AR5127">
        <v>0</v>
      </c>
      <c r="AS5127">
        <v>0</v>
      </c>
      <c r="AT5127">
        <v>0</v>
      </c>
      <c r="AU5127">
        <v>0</v>
      </c>
      <c r="AV5127">
        <v>0</v>
      </c>
      <c r="AW5127">
        <v>0</v>
      </c>
      <c r="AX5127">
        <v>0</v>
      </c>
      <c r="AY5127">
        <v>0</v>
      </c>
      <c r="AZ5127">
        <v>0</v>
      </c>
      <c r="BA5127">
        <v>0</v>
      </c>
    </row>
    <row r="5128" spans="1:53" x14ac:dyDescent="0.4">
      <c r="A5128">
        <v>5172</v>
      </c>
      <c r="B5128" s="1">
        <v>44801</v>
      </c>
      <c r="C5128">
        <v>2</v>
      </c>
      <c r="D5128" s="1">
        <v>44801.396527777775</v>
      </c>
      <c r="E5128" s="1">
        <v>44801.742361111108</v>
      </c>
      <c r="F5128">
        <v>35320</v>
      </c>
      <c r="G5128">
        <v>308</v>
      </c>
      <c r="H5128">
        <v>0</v>
      </c>
      <c r="I5128">
        <v>0</v>
      </c>
      <c r="J5128">
        <v>200</v>
      </c>
      <c r="K5128">
        <v>0</v>
      </c>
      <c r="L5128">
        <v>0</v>
      </c>
      <c r="M5128">
        <v>3219</v>
      </c>
      <c r="N5128">
        <v>0</v>
      </c>
      <c r="O5128">
        <v>0</v>
      </c>
      <c r="P5128">
        <v>21230</v>
      </c>
      <c r="Q5128">
        <v>0</v>
      </c>
      <c r="R5128">
        <v>56658</v>
      </c>
      <c r="S5128">
        <v>0</v>
      </c>
      <c r="T5128">
        <v>0</v>
      </c>
      <c r="U5128">
        <v>0</v>
      </c>
      <c r="V5128">
        <v>0</v>
      </c>
      <c r="W5128">
        <v>2</v>
      </c>
      <c r="X5128">
        <v>0</v>
      </c>
      <c r="Y5128">
        <v>67</v>
      </c>
      <c r="Z5128">
        <v>23</v>
      </c>
      <c r="AA5128">
        <v>140</v>
      </c>
      <c r="AB5128">
        <v>16</v>
      </c>
      <c r="AC5128">
        <v>139</v>
      </c>
      <c r="AD5128">
        <v>62</v>
      </c>
      <c r="AE5128">
        <v>68</v>
      </c>
      <c r="AF5128">
        <v>1590</v>
      </c>
      <c r="AG5128">
        <v>106658</v>
      </c>
      <c r="AH5128">
        <v>50000</v>
      </c>
      <c r="AI5128">
        <v>0</v>
      </c>
      <c r="AJ5128">
        <v>115</v>
      </c>
      <c r="AK5128" t="s">
        <v>55</v>
      </c>
      <c r="AL5128">
        <v>0</v>
      </c>
      <c r="AM5128">
        <v>0</v>
      </c>
      <c r="AN5128">
        <v>0</v>
      </c>
      <c r="AO5128">
        <v>0</v>
      </c>
      <c r="AP5128">
        <v>0</v>
      </c>
      <c r="AQ5128">
        <v>0</v>
      </c>
      <c r="AR5128">
        <v>0</v>
      </c>
      <c r="AS5128">
        <v>0</v>
      </c>
      <c r="AT5128">
        <v>0</v>
      </c>
      <c r="AU5128">
        <v>0</v>
      </c>
      <c r="AV5128">
        <v>0</v>
      </c>
      <c r="AW5128">
        <v>0</v>
      </c>
      <c r="AX5128">
        <v>-402</v>
      </c>
      <c r="AY5128">
        <v>50</v>
      </c>
      <c r="AZ5128">
        <v>92</v>
      </c>
      <c r="BA5128">
        <v>6803</v>
      </c>
    </row>
    <row r="5129" spans="1:53" x14ac:dyDescent="0.4">
      <c r="A5129">
        <v>5173</v>
      </c>
      <c r="B5129" s="1">
        <v>44801</v>
      </c>
      <c r="C5129">
        <v>3</v>
      </c>
      <c r="D5129" s="1">
        <v>44801.742361111108</v>
      </c>
      <c r="E5129" s="1">
        <v>44801.966666666667</v>
      </c>
      <c r="F5129">
        <v>42710</v>
      </c>
      <c r="G5129">
        <v>1496</v>
      </c>
      <c r="H5129">
        <v>0</v>
      </c>
      <c r="I5129">
        <v>0</v>
      </c>
      <c r="J5129">
        <v>0</v>
      </c>
      <c r="K5129">
        <v>0</v>
      </c>
      <c r="L5129">
        <v>0</v>
      </c>
      <c r="M5129">
        <v>4015</v>
      </c>
      <c r="N5129">
        <v>0</v>
      </c>
      <c r="O5129">
        <v>0</v>
      </c>
      <c r="P5129">
        <v>-21230</v>
      </c>
      <c r="Q5129">
        <v>0</v>
      </c>
      <c r="R5129">
        <v>22976</v>
      </c>
      <c r="S5129">
        <v>0</v>
      </c>
      <c r="T5129">
        <v>0</v>
      </c>
      <c r="U5129">
        <v>0</v>
      </c>
      <c r="V5129">
        <v>1</v>
      </c>
      <c r="W5129">
        <v>2</v>
      </c>
      <c r="X5129">
        <v>0</v>
      </c>
      <c r="Y5129">
        <v>77</v>
      </c>
      <c r="Z5129">
        <v>21</v>
      </c>
      <c r="AA5129">
        <v>152</v>
      </c>
      <c r="AB5129">
        <v>18</v>
      </c>
      <c r="AC5129">
        <v>159</v>
      </c>
      <c r="AD5129">
        <v>62</v>
      </c>
      <c r="AE5129">
        <v>76</v>
      </c>
      <c r="AF5129">
        <v>4058</v>
      </c>
      <c r="AG5129">
        <v>129634</v>
      </c>
      <c r="AH5129">
        <v>50000</v>
      </c>
      <c r="AI5129">
        <v>0</v>
      </c>
      <c r="AJ5129">
        <v>108</v>
      </c>
      <c r="AK5129" t="s">
        <v>3</v>
      </c>
      <c r="AL5129">
        <v>0</v>
      </c>
      <c r="AM5129">
        <v>0</v>
      </c>
      <c r="AN5129">
        <v>0</v>
      </c>
      <c r="AO5129">
        <v>0</v>
      </c>
      <c r="AP5129">
        <v>0</v>
      </c>
      <c r="AQ5129">
        <v>0</v>
      </c>
      <c r="AR5129">
        <v>0</v>
      </c>
      <c r="AS5129">
        <v>0</v>
      </c>
      <c r="AT5129">
        <v>0</v>
      </c>
      <c r="AU5129">
        <v>0</v>
      </c>
      <c r="AV5129">
        <v>0</v>
      </c>
      <c r="AW5129">
        <v>0</v>
      </c>
      <c r="AX5129">
        <v>4440</v>
      </c>
      <c r="AY5129">
        <v>11</v>
      </c>
      <c r="AZ5129">
        <v>22</v>
      </c>
      <c r="BA5129">
        <v>2729</v>
      </c>
    </row>
    <row r="5130" spans="1:53" x14ac:dyDescent="0.4">
      <c r="A5130">
        <v>5174</v>
      </c>
      <c r="B5130" s="1">
        <v>44802</v>
      </c>
      <c r="C5130">
        <v>1</v>
      </c>
      <c r="D5130" s="1">
        <v>44802.291666666664</v>
      </c>
      <c r="E5130" s="1">
        <v>44802.400694444441</v>
      </c>
      <c r="F5130">
        <v>0</v>
      </c>
      <c r="G5130">
        <v>0</v>
      </c>
      <c r="H5130">
        <v>0</v>
      </c>
      <c r="I5130">
        <v>0</v>
      </c>
      <c r="J5130">
        <v>0</v>
      </c>
      <c r="K5130">
        <v>0</v>
      </c>
      <c r="L5130">
        <v>0</v>
      </c>
      <c r="M5130">
        <v>0</v>
      </c>
      <c r="N5130">
        <v>0</v>
      </c>
      <c r="O5130">
        <v>0</v>
      </c>
      <c r="P5130">
        <v>0</v>
      </c>
      <c r="Q5130">
        <v>0</v>
      </c>
      <c r="R5130">
        <v>0</v>
      </c>
      <c r="S5130">
        <v>0</v>
      </c>
      <c r="T5130">
        <v>0</v>
      </c>
      <c r="U5130">
        <v>0</v>
      </c>
      <c r="V5130">
        <v>0</v>
      </c>
      <c r="W5130">
        <v>1</v>
      </c>
      <c r="X5130">
        <v>0</v>
      </c>
      <c r="Y5130">
        <v>25</v>
      </c>
      <c r="Z5130">
        <v>11</v>
      </c>
      <c r="AA5130">
        <v>122</v>
      </c>
      <c r="AB5130">
        <v>18</v>
      </c>
      <c r="AC5130">
        <v>117</v>
      </c>
      <c r="AD5130">
        <v>31</v>
      </c>
      <c r="AE5130">
        <v>75</v>
      </c>
      <c r="AF5130">
        <v>0</v>
      </c>
      <c r="AG5130">
        <v>50000</v>
      </c>
      <c r="AH5130">
        <v>50000</v>
      </c>
      <c r="AI5130">
        <v>0</v>
      </c>
      <c r="AJ5130">
        <v>0</v>
      </c>
      <c r="AK5130" t="s">
        <v>6</v>
      </c>
      <c r="AL5130">
        <v>0</v>
      </c>
      <c r="AM5130">
        <v>0</v>
      </c>
      <c r="AN5130">
        <v>0</v>
      </c>
      <c r="AO5130">
        <v>0</v>
      </c>
      <c r="AP5130">
        <v>0</v>
      </c>
      <c r="AQ5130">
        <v>0</v>
      </c>
      <c r="AR5130">
        <v>0</v>
      </c>
      <c r="AS5130">
        <v>0</v>
      </c>
      <c r="AT5130">
        <v>0</v>
      </c>
      <c r="AU5130">
        <v>0</v>
      </c>
      <c r="AV5130">
        <v>0</v>
      </c>
      <c r="AW5130">
        <v>0</v>
      </c>
      <c r="AX5130">
        <v>0</v>
      </c>
      <c r="AY5130">
        <v>0</v>
      </c>
      <c r="AZ5130">
        <v>0</v>
      </c>
      <c r="BA5130">
        <v>0</v>
      </c>
    </row>
    <row r="5131" spans="1:53" x14ac:dyDescent="0.4">
      <c r="A5131">
        <v>5175</v>
      </c>
      <c r="B5131" s="1">
        <v>44802</v>
      </c>
      <c r="C5131">
        <v>2</v>
      </c>
      <c r="D5131" s="1">
        <v>44802.400694444441</v>
      </c>
      <c r="E5131" s="1">
        <v>44802.737500000003</v>
      </c>
      <c r="F5131">
        <v>42380</v>
      </c>
      <c r="G5131">
        <v>1914</v>
      </c>
      <c r="H5131">
        <v>0</v>
      </c>
      <c r="I5131">
        <v>0</v>
      </c>
      <c r="J5131">
        <v>100</v>
      </c>
      <c r="K5131">
        <v>0</v>
      </c>
      <c r="L5131">
        <v>0</v>
      </c>
      <c r="M5131">
        <v>4016</v>
      </c>
      <c r="N5131">
        <v>0</v>
      </c>
      <c r="O5131">
        <v>0</v>
      </c>
      <c r="P5131">
        <v>13010</v>
      </c>
      <c r="Q5131">
        <v>0</v>
      </c>
      <c r="R5131">
        <v>57204</v>
      </c>
      <c r="S5131">
        <v>0</v>
      </c>
      <c r="T5131">
        <v>0</v>
      </c>
      <c r="U5131">
        <v>0</v>
      </c>
      <c r="V5131">
        <v>2</v>
      </c>
      <c r="W5131">
        <v>0</v>
      </c>
      <c r="X5131">
        <v>0</v>
      </c>
      <c r="Y5131">
        <v>57</v>
      </c>
      <c r="Z5131">
        <v>23</v>
      </c>
      <c r="AA5131">
        <v>121</v>
      </c>
      <c r="AB5131">
        <v>18</v>
      </c>
      <c r="AC5131">
        <v>161</v>
      </c>
      <c r="AD5131">
        <v>33</v>
      </c>
      <c r="AE5131">
        <v>76</v>
      </c>
      <c r="AF5131">
        <v>3853</v>
      </c>
      <c r="AG5131">
        <v>107204</v>
      </c>
      <c r="AH5131">
        <v>50000</v>
      </c>
      <c r="AI5131">
        <v>0</v>
      </c>
      <c r="AJ5131">
        <v>103</v>
      </c>
      <c r="AK5131" t="s">
        <v>7</v>
      </c>
      <c r="AL5131">
        <v>0</v>
      </c>
      <c r="AM5131">
        <v>0</v>
      </c>
      <c r="AN5131">
        <v>0</v>
      </c>
      <c r="AO5131">
        <v>0</v>
      </c>
      <c r="AP5131">
        <v>0</v>
      </c>
      <c r="AQ5131">
        <v>0</v>
      </c>
      <c r="AR5131">
        <v>0</v>
      </c>
      <c r="AS5131">
        <v>0</v>
      </c>
      <c r="AT5131">
        <v>0</v>
      </c>
      <c r="AU5131">
        <v>0</v>
      </c>
      <c r="AV5131">
        <v>0</v>
      </c>
      <c r="AW5131">
        <v>0</v>
      </c>
      <c r="AX5131">
        <v>594</v>
      </c>
      <c r="AY5131">
        <v>43</v>
      </c>
      <c r="AZ5131">
        <v>90</v>
      </c>
      <c r="BA5131">
        <v>6389</v>
      </c>
    </row>
    <row r="5132" spans="1:53" x14ac:dyDescent="0.4">
      <c r="A5132">
        <v>5176</v>
      </c>
      <c r="B5132" s="1">
        <v>44802</v>
      </c>
      <c r="C5132">
        <v>3</v>
      </c>
      <c r="D5132" s="1">
        <v>44802.737500000003</v>
      </c>
      <c r="E5132" s="1">
        <v>44802.952777777777</v>
      </c>
      <c r="F5132">
        <v>27140</v>
      </c>
      <c r="G5132">
        <v>1342</v>
      </c>
      <c r="H5132">
        <v>0</v>
      </c>
      <c r="I5132">
        <v>0</v>
      </c>
      <c r="J5132">
        <v>0</v>
      </c>
      <c r="K5132">
        <v>0</v>
      </c>
      <c r="L5132">
        <v>0</v>
      </c>
      <c r="M5132">
        <v>2586</v>
      </c>
      <c r="N5132">
        <v>0</v>
      </c>
      <c r="O5132">
        <v>0</v>
      </c>
      <c r="P5132">
        <v>-13010</v>
      </c>
      <c r="Q5132">
        <v>0</v>
      </c>
      <c r="R5132">
        <v>15472</v>
      </c>
      <c r="S5132">
        <v>0</v>
      </c>
      <c r="T5132">
        <v>0</v>
      </c>
      <c r="U5132">
        <v>0</v>
      </c>
      <c r="V5132">
        <v>3</v>
      </c>
      <c r="W5132">
        <v>0</v>
      </c>
      <c r="X5132">
        <v>0</v>
      </c>
      <c r="Y5132">
        <v>63</v>
      </c>
      <c r="Z5132">
        <v>22</v>
      </c>
      <c r="AA5132">
        <v>122</v>
      </c>
      <c r="AB5132">
        <v>16</v>
      </c>
      <c r="AC5132">
        <v>159</v>
      </c>
      <c r="AD5132">
        <v>32</v>
      </c>
      <c r="AE5132">
        <v>73</v>
      </c>
      <c r="AF5132">
        <v>3853</v>
      </c>
      <c r="AG5132">
        <v>122676</v>
      </c>
      <c r="AH5132">
        <v>50000</v>
      </c>
      <c r="AI5132">
        <v>0</v>
      </c>
      <c r="AJ5132">
        <v>95</v>
      </c>
      <c r="AK5132" t="s">
        <v>21</v>
      </c>
      <c r="AL5132">
        <v>0</v>
      </c>
      <c r="AM5132">
        <v>0</v>
      </c>
      <c r="AN5132">
        <v>0</v>
      </c>
      <c r="AO5132">
        <v>0</v>
      </c>
      <c r="AP5132">
        <v>0</v>
      </c>
      <c r="AQ5132">
        <v>0</v>
      </c>
      <c r="AR5132">
        <v>0</v>
      </c>
      <c r="AS5132">
        <v>0</v>
      </c>
      <c r="AT5132">
        <v>0</v>
      </c>
      <c r="AU5132">
        <v>0</v>
      </c>
      <c r="AV5132">
        <v>0</v>
      </c>
      <c r="AW5132">
        <v>0</v>
      </c>
      <c r="AX5132">
        <v>12300</v>
      </c>
      <c r="AY5132">
        <v>12</v>
      </c>
      <c r="AZ5132">
        <v>26</v>
      </c>
      <c r="BA5132">
        <v>1871</v>
      </c>
    </row>
    <row r="5133" spans="1:53" x14ac:dyDescent="0.4">
      <c r="A5133">
        <v>5177</v>
      </c>
      <c r="B5133" s="1">
        <v>44803</v>
      </c>
      <c r="C5133">
        <v>1</v>
      </c>
      <c r="D5133" s="1">
        <v>44803.291666666664</v>
      </c>
      <c r="E5133" s="1">
        <v>44803.393750000003</v>
      </c>
      <c r="F5133">
        <v>0</v>
      </c>
      <c r="G5133">
        <v>0</v>
      </c>
      <c r="H5133">
        <v>0</v>
      </c>
      <c r="I5133">
        <v>0</v>
      </c>
      <c r="J5133">
        <v>0</v>
      </c>
      <c r="K5133">
        <v>0</v>
      </c>
      <c r="L5133">
        <v>0</v>
      </c>
      <c r="M5133">
        <v>0</v>
      </c>
      <c r="N5133">
        <v>0</v>
      </c>
      <c r="O5133">
        <v>0</v>
      </c>
      <c r="P5133">
        <v>0</v>
      </c>
      <c r="Q5133">
        <v>0</v>
      </c>
      <c r="R5133">
        <v>0</v>
      </c>
      <c r="S5133">
        <v>0</v>
      </c>
      <c r="T5133">
        <v>0</v>
      </c>
      <c r="U5133">
        <v>0</v>
      </c>
      <c r="V5133">
        <v>0</v>
      </c>
      <c r="W5133">
        <v>0</v>
      </c>
      <c r="X5133">
        <v>0</v>
      </c>
      <c r="Y5133">
        <v>30</v>
      </c>
      <c r="Z5133">
        <v>12</v>
      </c>
      <c r="AA5133">
        <v>114</v>
      </c>
      <c r="AB5133">
        <v>17</v>
      </c>
      <c r="AC5133">
        <v>153</v>
      </c>
      <c r="AD5133">
        <v>30</v>
      </c>
      <c r="AE5133">
        <v>70</v>
      </c>
      <c r="AF5133">
        <v>0</v>
      </c>
      <c r="AG5133">
        <v>50000</v>
      </c>
      <c r="AH5133">
        <v>50000</v>
      </c>
      <c r="AI5133">
        <v>0</v>
      </c>
      <c r="AJ5133">
        <v>0</v>
      </c>
      <c r="AK5133" t="s">
        <v>6</v>
      </c>
      <c r="AL5133">
        <v>0</v>
      </c>
      <c r="AM5133">
        <v>0</v>
      </c>
      <c r="AN5133">
        <v>0</v>
      </c>
      <c r="AO5133">
        <v>0</v>
      </c>
      <c r="AP5133">
        <v>0</v>
      </c>
      <c r="AQ5133">
        <v>0</v>
      </c>
      <c r="AR5133">
        <v>0</v>
      </c>
      <c r="AS5133">
        <v>0</v>
      </c>
      <c r="AT5133">
        <v>0</v>
      </c>
      <c r="AU5133">
        <v>0</v>
      </c>
      <c r="AV5133">
        <v>0</v>
      </c>
      <c r="AW5133">
        <v>0</v>
      </c>
      <c r="AX5133">
        <v>0</v>
      </c>
      <c r="AY5133">
        <v>0</v>
      </c>
      <c r="AZ5133">
        <v>0</v>
      </c>
      <c r="BA5133">
        <v>0</v>
      </c>
    </row>
    <row r="5134" spans="1:53" x14ac:dyDescent="0.4">
      <c r="A5134">
        <v>5178</v>
      </c>
      <c r="B5134" s="1">
        <v>44803</v>
      </c>
      <c r="C5134">
        <v>2</v>
      </c>
      <c r="D5134" s="1">
        <v>44803.393750000003</v>
      </c>
      <c r="E5134" s="1">
        <v>44803.73333333333</v>
      </c>
      <c r="F5134">
        <v>34670</v>
      </c>
      <c r="G5134">
        <v>1804</v>
      </c>
      <c r="H5134">
        <v>0</v>
      </c>
      <c r="I5134">
        <v>0</v>
      </c>
      <c r="J5134">
        <v>0</v>
      </c>
      <c r="K5134">
        <v>0</v>
      </c>
      <c r="L5134">
        <v>0</v>
      </c>
      <c r="M5134">
        <v>3315</v>
      </c>
      <c r="N5134">
        <v>0</v>
      </c>
      <c r="O5134">
        <v>0</v>
      </c>
      <c r="P5134">
        <v>12180</v>
      </c>
      <c r="Q5134">
        <v>0</v>
      </c>
      <c r="R5134">
        <v>48654</v>
      </c>
      <c r="S5134">
        <v>0</v>
      </c>
      <c r="T5134">
        <v>0</v>
      </c>
      <c r="U5134">
        <v>0</v>
      </c>
      <c r="V5134">
        <v>2</v>
      </c>
      <c r="W5134">
        <v>1</v>
      </c>
      <c r="X5134">
        <v>0</v>
      </c>
      <c r="Y5134">
        <v>46</v>
      </c>
      <c r="Z5134">
        <v>24</v>
      </c>
      <c r="AA5134">
        <v>129</v>
      </c>
      <c r="AB5134">
        <v>18</v>
      </c>
      <c r="AC5134">
        <v>168</v>
      </c>
      <c r="AD5134">
        <v>29</v>
      </c>
      <c r="AE5134">
        <v>69</v>
      </c>
      <c r="AF5134">
        <v>0</v>
      </c>
      <c r="AG5134">
        <v>98694</v>
      </c>
      <c r="AH5134">
        <v>50000</v>
      </c>
      <c r="AI5134">
        <v>40</v>
      </c>
      <c r="AJ5134">
        <v>116</v>
      </c>
      <c r="AK5134" t="s">
        <v>54</v>
      </c>
      <c r="AL5134">
        <v>0</v>
      </c>
      <c r="AM5134">
        <v>0</v>
      </c>
      <c r="AN5134">
        <v>0</v>
      </c>
      <c r="AO5134">
        <v>0</v>
      </c>
      <c r="AP5134">
        <v>0</v>
      </c>
      <c r="AQ5134">
        <v>0</v>
      </c>
      <c r="AR5134">
        <v>0</v>
      </c>
      <c r="AS5134">
        <v>0</v>
      </c>
      <c r="AT5134">
        <v>0</v>
      </c>
      <c r="AU5134">
        <v>0</v>
      </c>
      <c r="AV5134">
        <v>0</v>
      </c>
      <c r="AW5134">
        <v>0</v>
      </c>
      <c r="AX5134">
        <v>-1150</v>
      </c>
      <c r="AY5134">
        <v>42</v>
      </c>
      <c r="AZ5134">
        <v>75</v>
      </c>
      <c r="BA5134">
        <v>6730</v>
      </c>
    </row>
    <row r="5135" spans="1:53" x14ac:dyDescent="0.4">
      <c r="A5135">
        <v>5179</v>
      </c>
      <c r="B5135" s="1">
        <v>44804</v>
      </c>
      <c r="C5135">
        <v>1</v>
      </c>
      <c r="D5135" s="1">
        <v>44804.291666666664</v>
      </c>
      <c r="E5135" s="1">
        <v>44804.411805555559</v>
      </c>
      <c r="F5135">
        <v>0</v>
      </c>
      <c r="G5135">
        <v>0</v>
      </c>
      <c r="H5135">
        <v>0</v>
      </c>
      <c r="I5135">
        <v>0</v>
      </c>
      <c r="J5135">
        <v>0</v>
      </c>
      <c r="K5135">
        <v>0</v>
      </c>
      <c r="L5135">
        <v>0</v>
      </c>
      <c r="M5135">
        <v>0</v>
      </c>
      <c r="N5135">
        <v>0</v>
      </c>
      <c r="O5135">
        <v>0</v>
      </c>
      <c r="P5135">
        <v>0</v>
      </c>
      <c r="Q5135">
        <v>0</v>
      </c>
      <c r="R5135">
        <v>0</v>
      </c>
      <c r="S5135">
        <v>0</v>
      </c>
      <c r="T5135">
        <v>0</v>
      </c>
      <c r="U5135">
        <v>0</v>
      </c>
      <c r="V5135">
        <v>0</v>
      </c>
      <c r="W5135">
        <v>1</v>
      </c>
      <c r="X5135">
        <v>0</v>
      </c>
      <c r="Y5135">
        <v>23</v>
      </c>
      <c r="Z5135">
        <v>12</v>
      </c>
      <c r="AA5135">
        <v>132</v>
      </c>
      <c r="AB5135">
        <v>18</v>
      </c>
      <c r="AC5135">
        <v>169</v>
      </c>
      <c r="AD5135">
        <v>29</v>
      </c>
      <c r="AE5135">
        <v>65</v>
      </c>
      <c r="AF5135">
        <v>0</v>
      </c>
      <c r="AG5135">
        <v>50000</v>
      </c>
      <c r="AH5135">
        <v>50000</v>
      </c>
      <c r="AI5135">
        <v>0</v>
      </c>
      <c r="AJ5135">
        <v>0</v>
      </c>
      <c r="AK5135" t="s">
        <v>6</v>
      </c>
      <c r="AL5135">
        <v>0</v>
      </c>
      <c r="AM5135">
        <v>0</v>
      </c>
      <c r="AN5135">
        <v>0</v>
      </c>
      <c r="AO5135">
        <v>0</v>
      </c>
      <c r="AP5135">
        <v>0</v>
      </c>
      <c r="AQ5135">
        <v>0</v>
      </c>
      <c r="AR5135">
        <v>0</v>
      </c>
      <c r="AS5135">
        <v>0</v>
      </c>
      <c r="AT5135">
        <v>0</v>
      </c>
      <c r="AU5135">
        <v>0</v>
      </c>
      <c r="AV5135">
        <v>0</v>
      </c>
      <c r="AW5135">
        <v>0</v>
      </c>
      <c r="AX5135">
        <v>0</v>
      </c>
      <c r="AY5135">
        <v>0</v>
      </c>
      <c r="AZ5135">
        <v>0</v>
      </c>
      <c r="BA5135">
        <v>0</v>
      </c>
    </row>
    <row r="5136" spans="1:53" x14ac:dyDescent="0.4">
      <c r="A5136">
        <v>5180</v>
      </c>
      <c r="B5136" s="1">
        <v>44804</v>
      </c>
      <c r="C5136">
        <v>2</v>
      </c>
      <c r="D5136" s="1">
        <v>44804.411805555559</v>
      </c>
      <c r="E5136" s="1">
        <v>44804.739583333336</v>
      </c>
      <c r="F5136">
        <v>30960</v>
      </c>
      <c r="G5136">
        <v>2684</v>
      </c>
      <c r="H5136">
        <v>0</v>
      </c>
      <c r="I5136">
        <v>0</v>
      </c>
      <c r="J5136">
        <v>0</v>
      </c>
      <c r="K5136">
        <v>0</v>
      </c>
      <c r="L5136">
        <v>0</v>
      </c>
      <c r="M5136">
        <v>3056</v>
      </c>
      <c r="N5136">
        <v>0</v>
      </c>
      <c r="O5136">
        <v>0</v>
      </c>
      <c r="P5136">
        <v>18695</v>
      </c>
      <c r="Q5136">
        <v>0</v>
      </c>
      <c r="R5136">
        <v>52339</v>
      </c>
      <c r="S5136">
        <v>0</v>
      </c>
      <c r="T5136">
        <v>0</v>
      </c>
      <c r="U5136">
        <v>0</v>
      </c>
      <c r="V5136">
        <v>1</v>
      </c>
      <c r="W5136">
        <v>5</v>
      </c>
      <c r="X5136">
        <v>0</v>
      </c>
      <c r="Y5136">
        <v>33</v>
      </c>
      <c r="Z5136">
        <v>22</v>
      </c>
      <c r="AA5136">
        <v>154</v>
      </c>
      <c r="AB5136">
        <v>25</v>
      </c>
      <c r="AC5136">
        <v>187</v>
      </c>
      <c r="AD5136">
        <v>26</v>
      </c>
      <c r="AE5136">
        <v>64</v>
      </c>
      <c r="AF5136">
        <v>4625</v>
      </c>
      <c r="AG5136">
        <v>102339</v>
      </c>
      <c r="AH5136">
        <v>50000</v>
      </c>
      <c r="AI5136">
        <v>0</v>
      </c>
      <c r="AJ5136">
        <v>116</v>
      </c>
      <c r="AK5136" t="s">
        <v>54</v>
      </c>
      <c r="AL5136">
        <v>0</v>
      </c>
      <c r="AM5136">
        <v>0</v>
      </c>
      <c r="AN5136">
        <v>0</v>
      </c>
      <c r="AO5136">
        <v>0</v>
      </c>
      <c r="AP5136">
        <v>0</v>
      </c>
      <c r="AQ5136">
        <v>0</v>
      </c>
      <c r="AR5136">
        <v>0</v>
      </c>
      <c r="AS5136">
        <v>0</v>
      </c>
      <c r="AT5136">
        <v>0</v>
      </c>
      <c r="AU5136">
        <v>0</v>
      </c>
      <c r="AV5136">
        <v>0</v>
      </c>
      <c r="AW5136">
        <v>0</v>
      </c>
      <c r="AX5136">
        <v>0</v>
      </c>
      <c r="AY5136">
        <v>43</v>
      </c>
      <c r="AZ5136">
        <v>81</v>
      </c>
      <c r="BA5136">
        <v>6138</v>
      </c>
    </row>
    <row r="5137" spans="1:53" x14ac:dyDescent="0.4">
      <c r="A5137">
        <v>5181</v>
      </c>
      <c r="B5137" s="1">
        <v>44804</v>
      </c>
      <c r="C5137">
        <v>3</v>
      </c>
      <c r="D5137" s="1">
        <v>44804.739583333336</v>
      </c>
      <c r="E5137" s="1">
        <v>44804.94027777778</v>
      </c>
      <c r="F5137">
        <v>35735</v>
      </c>
      <c r="G5137">
        <v>308</v>
      </c>
      <c r="H5137">
        <v>0</v>
      </c>
      <c r="I5137">
        <v>0</v>
      </c>
      <c r="J5137">
        <v>0</v>
      </c>
      <c r="K5137">
        <v>1440</v>
      </c>
      <c r="L5137">
        <v>0</v>
      </c>
      <c r="M5137">
        <v>3404</v>
      </c>
      <c r="N5137">
        <v>0</v>
      </c>
      <c r="O5137">
        <v>0</v>
      </c>
      <c r="P5137">
        <v>-18695</v>
      </c>
      <c r="Q5137">
        <v>0</v>
      </c>
      <c r="R5137">
        <v>18788</v>
      </c>
      <c r="S5137">
        <v>0</v>
      </c>
      <c r="T5137">
        <v>0</v>
      </c>
      <c r="U5137">
        <v>0</v>
      </c>
      <c r="V5137">
        <v>3</v>
      </c>
      <c r="W5137">
        <v>3</v>
      </c>
      <c r="X5137">
        <v>0</v>
      </c>
      <c r="Y5137">
        <v>35</v>
      </c>
      <c r="Z5137">
        <v>20</v>
      </c>
      <c r="AA5137">
        <v>156</v>
      </c>
      <c r="AB5137">
        <v>24</v>
      </c>
      <c r="AC5137">
        <v>195</v>
      </c>
      <c r="AD5137">
        <v>26</v>
      </c>
      <c r="AE5137">
        <v>62</v>
      </c>
      <c r="AF5137">
        <v>12185</v>
      </c>
      <c r="AG5137">
        <v>121127</v>
      </c>
      <c r="AH5137">
        <v>50000</v>
      </c>
      <c r="AI5137">
        <v>0</v>
      </c>
      <c r="AJ5137">
        <v>108</v>
      </c>
      <c r="AK5137" t="s">
        <v>3</v>
      </c>
      <c r="AL5137">
        <v>0</v>
      </c>
      <c r="AM5137">
        <v>0</v>
      </c>
      <c r="AN5137">
        <v>0</v>
      </c>
      <c r="AO5137">
        <v>0</v>
      </c>
      <c r="AP5137">
        <v>0</v>
      </c>
      <c r="AQ5137">
        <v>0</v>
      </c>
      <c r="AR5137">
        <v>0</v>
      </c>
      <c r="AS5137">
        <v>0</v>
      </c>
      <c r="AT5137">
        <v>0</v>
      </c>
      <c r="AU5137">
        <v>0</v>
      </c>
      <c r="AV5137">
        <v>0</v>
      </c>
      <c r="AW5137">
        <v>0</v>
      </c>
      <c r="AX5137">
        <v>20200</v>
      </c>
      <c r="AY5137">
        <v>17</v>
      </c>
      <c r="AZ5137">
        <v>33</v>
      </c>
      <c r="BA5137">
        <v>2533</v>
      </c>
    </row>
    <row r="5138" spans="1:53" x14ac:dyDescent="0.4">
      <c r="A5138">
        <v>5182</v>
      </c>
      <c r="B5138" s="1">
        <v>44805</v>
      </c>
      <c r="C5138">
        <v>1</v>
      </c>
      <c r="D5138" s="1">
        <v>44805.291666666664</v>
      </c>
      <c r="E5138" s="1">
        <v>44805.438888888886</v>
      </c>
      <c r="F5138">
        <v>0</v>
      </c>
      <c r="G5138">
        <v>0</v>
      </c>
      <c r="H5138">
        <v>0</v>
      </c>
      <c r="I5138">
        <v>0</v>
      </c>
      <c r="J5138">
        <v>0</v>
      </c>
      <c r="K5138">
        <v>0</v>
      </c>
      <c r="L5138">
        <v>0</v>
      </c>
      <c r="M5138">
        <v>0</v>
      </c>
      <c r="N5138">
        <v>0</v>
      </c>
      <c r="O5138">
        <v>0</v>
      </c>
      <c r="P5138">
        <v>0</v>
      </c>
      <c r="Q5138">
        <v>0</v>
      </c>
      <c r="R5138">
        <v>0</v>
      </c>
      <c r="S5138">
        <v>0</v>
      </c>
      <c r="T5138">
        <v>0</v>
      </c>
      <c r="U5138">
        <v>0</v>
      </c>
      <c r="V5138">
        <v>0</v>
      </c>
      <c r="W5138">
        <v>1</v>
      </c>
      <c r="X5138">
        <v>0</v>
      </c>
      <c r="Y5138">
        <v>25</v>
      </c>
      <c r="Z5138">
        <v>11</v>
      </c>
      <c r="AA5138">
        <v>120</v>
      </c>
      <c r="AB5138">
        <v>25</v>
      </c>
      <c r="AC5138">
        <v>106</v>
      </c>
      <c r="AD5138">
        <v>26</v>
      </c>
      <c r="AE5138">
        <v>60</v>
      </c>
      <c r="AF5138">
        <v>0</v>
      </c>
      <c r="AG5138">
        <v>50000</v>
      </c>
      <c r="AH5138">
        <v>50000</v>
      </c>
      <c r="AI5138">
        <v>0</v>
      </c>
      <c r="AJ5138">
        <v>0</v>
      </c>
      <c r="AK5138" t="s">
        <v>6</v>
      </c>
      <c r="AL5138">
        <v>0</v>
      </c>
      <c r="AM5138">
        <v>0</v>
      </c>
      <c r="AN5138">
        <v>0</v>
      </c>
      <c r="AO5138">
        <v>0</v>
      </c>
      <c r="AP5138">
        <v>0</v>
      </c>
      <c r="AQ5138">
        <v>0</v>
      </c>
      <c r="AR5138">
        <v>0</v>
      </c>
      <c r="AS5138">
        <v>0</v>
      </c>
      <c r="AT5138">
        <v>0</v>
      </c>
      <c r="AU5138">
        <v>0</v>
      </c>
      <c r="AV5138">
        <v>0</v>
      </c>
      <c r="AW5138">
        <v>0</v>
      </c>
      <c r="AX5138">
        <v>0</v>
      </c>
      <c r="AY5138">
        <v>0</v>
      </c>
      <c r="AZ5138">
        <v>0</v>
      </c>
      <c r="BA5138">
        <v>0</v>
      </c>
    </row>
    <row r="5139" spans="1:53" x14ac:dyDescent="0.4">
      <c r="A5139">
        <v>5183</v>
      </c>
      <c r="B5139" s="1">
        <v>44805</v>
      </c>
      <c r="C5139">
        <v>2</v>
      </c>
      <c r="D5139" s="1">
        <v>44805.438888888886</v>
      </c>
      <c r="E5139" s="1">
        <v>44805.743055555555</v>
      </c>
      <c r="F5139">
        <v>23290</v>
      </c>
      <c r="G5139">
        <v>1188</v>
      </c>
      <c r="H5139">
        <v>0</v>
      </c>
      <c r="I5139">
        <v>0</v>
      </c>
      <c r="J5139">
        <v>0</v>
      </c>
      <c r="K5139">
        <v>0</v>
      </c>
      <c r="L5139">
        <v>0</v>
      </c>
      <c r="M5139">
        <v>2222</v>
      </c>
      <c r="N5139">
        <v>0</v>
      </c>
      <c r="O5139">
        <v>0</v>
      </c>
      <c r="P5139">
        <v>12990</v>
      </c>
      <c r="Q5139">
        <v>0</v>
      </c>
      <c r="R5139">
        <v>37468</v>
      </c>
      <c r="S5139">
        <v>0</v>
      </c>
      <c r="T5139">
        <v>0</v>
      </c>
      <c r="U5139">
        <v>0</v>
      </c>
      <c r="V5139">
        <v>1</v>
      </c>
      <c r="W5139">
        <v>1</v>
      </c>
      <c r="X5139">
        <v>0</v>
      </c>
      <c r="Y5139">
        <v>46</v>
      </c>
      <c r="Z5139">
        <v>20</v>
      </c>
      <c r="AA5139">
        <v>117</v>
      </c>
      <c r="AB5139">
        <v>17</v>
      </c>
      <c r="AC5139">
        <v>118</v>
      </c>
      <c r="AD5139">
        <v>24</v>
      </c>
      <c r="AE5139">
        <v>58</v>
      </c>
      <c r="AF5139">
        <v>2560</v>
      </c>
      <c r="AG5139">
        <v>87468</v>
      </c>
      <c r="AH5139">
        <v>50000</v>
      </c>
      <c r="AI5139">
        <v>0</v>
      </c>
      <c r="AJ5139">
        <v>116</v>
      </c>
      <c r="AK5139" t="s">
        <v>54</v>
      </c>
      <c r="AL5139">
        <v>0</v>
      </c>
      <c r="AM5139">
        <v>0</v>
      </c>
      <c r="AN5139">
        <v>0</v>
      </c>
      <c r="AO5139">
        <v>0</v>
      </c>
      <c r="AP5139">
        <v>0</v>
      </c>
      <c r="AQ5139">
        <v>0</v>
      </c>
      <c r="AR5139">
        <v>0</v>
      </c>
      <c r="AS5139">
        <v>0</v>
      </c>
      <c r="AT5139">
        <v>0</v>
      </c>
      <c r="AU5139">
        <v>0</v>
      </c>
      <c r="AV5139">
        <v>0</v>
      </c>
      <c r="AW5139">
        <v>0</v>
      </c>
      <c r="AX5139">
        <v>-235</v>
      </c>
      <c r="AY5139">
        <v>34</v>
      </c>
      <c r="AZ5139">
        <v>56</v>
      </c>
      <c r="BA5139">
        <v>5623</v>
      </c>
    </row>
    <row r="5140" spans="1:53" x14ac:dyDescent="0.4">
      <c r="A5140">
        <v>5184</v>
      </c>
      <c r="B5140" s="1">
        <v>44805</v>
      </c>
      <c r="C5140">
        <v>3</v>
      </c>
      <c r="D5140" s="1">
        <v>44805.743055555555</v>
      </c>
      <c r="E5140" s="1">
        <v>44806.006249999999</v>
      </c>
      <c r="F5140">
        <v>33230</v>
      </c>
      <c r="G5140">
        <v>825</v>
      </c>
      <c r="H5140">
        <v>0</v>
      </c>
      <c r="I5140">
        <v>0</v>
      </c>
      <c r="J5140">
        <v>0</v>
      </c>
      <c r="K5140">
        <v>0</v>
      </c>
      <c r="L5140">
        <v>0</v>
      </c>
      <c r="M5140">
        <v>3094</v>
      </c>
      <c r="N5140">
        <v>0</v>
      </c>
      <c r="O5140">
        <v>0</v>
      </c>
      <c r="P5140">
        <v>-2340</v>
      </c>
      <c r="Q5140">
        <v>0</v>
      </c>
      <c r="R5140">
        <v>31715</v>
      </c>
      <c r="S5140">
        <v>0</v>
      </c>
      <c r="T5140">
        <v>0</v>
      </c>
      <c r="U5140">
        <v>0</v>
      </c>
      <c r="V5140">
        <v>1</v>
      </c>
      <c r="W5140">
        <v>4</v>
      </c>
      <c r="X5140">
        <v>0</v>
      </c>
      <c r="Y5140">
        <v>51</v>
      </c>
      <c r="Z5140">
        <v>18</v>
      </c>
      <c r="AA5140">
        <v>118</v>
      </c>
      <c r="AB5140">
        <v>15</v>
      </c>
      <c r="AC5140">
        <v>117</v>
      </c>
      <c r="AD5140">
        <v>25</v>
      </c>
      <c r="AE5140">
        <v>58</v>
      </c>
      <c r="AF5140">
        <v>15280</v>
      </c>
      <c r="AG5140">
        <v>119183</v>
      </c>
      <c r="AH5140">
        <v>50000</v>
      </c>
      <c r="AI5140">
        <v>0</v>
      </c>
      <c r="AJ5140">
        <v>108</v>
      </c>
      <c r="AK5140" t="s">
        <v>3</v>
      </c>
      <c r="AL5140">
        <v>0</v>
      </c>
      <c r="AM5140">
        <v>0</v>
      </c>
      <c r="AN5140">
        <v>0</v>
      </c>
      <c r="AO5140">
        <v>0</v>
      </c>
      <c r="AP5140">
        <v>0</v>
      </c>
      <c r="AQ5140">
        <v>0</v>
      </c>
      <c r="AR5140">
        <v>0</v>
      </c>
      <c r="AS5140">
        <v>0</v>
      </c>
      <c r="AT5140">
        <v>0</v>
      </c>
      <c r="AU5140">
        <v>0</v>
      </c>
      <c r="AV5140">
        <v>0</v>
      </c>
      <c r="AW5140">
        <v>0</v>
      </c>
      <c r="AX5140">
        <v>0</v>
      </c>
      <c r="AY5140">
        <v>9</v>
      </c>
      <c r="AZ5140">
        <v>23</v>
      </c>
      <c r="BA5140">
        <v>1807</v>
      </c>
    </row>
    <row r="5141" spans="1:53" x14ac:dyDescent="0.4">
      <c r="A5141">
        <v>5185</v>
      </c>
      <c r="B5141" s="1">
        <v>44806</v>
      </c>
      <c r="C5141">
        <v>1</v>
      </c>
      <c r="D5141" s="1">
        <v>44806.291666666664</v>
      </c>
      <c r="E5141" s="1">
        <v>44806.440972222219</v>
      </c>
      <c r="F5141">
        <v>0</v>
      </c>
      <c r="G5141">
        <v>0</v>
      </c>
      <c r="H5141">
        <v>0</v>
      </c>
      <c r="I5141">
        <v>0</v>
      </c>
      <c r="J5141">
        <v>0</v>
      </c>
      <c r="K5141">
        <v>0</v>
      </c>
      <c r="L5141">
        <v>0</v>
      </c>
      <c r="M5141">
        <v>0</v>
      </c>
      <c r="N5141">
        <v>0</v>
      </c>
      <c r="O5141">
        <v>0</v>
      </c>
      <c r="P5141">
        <v>0</v>
      </c>
      <c r="Q5141">
        <v>0</v>
      </c>
      <c r="R5141">
        <v>0</v>
      </c>
      <c r="S5141">
        <v>0</v>
      </c>
      <c r="T5141">
        <v>0</v>
      </c>
      <c r="U5141">
        <v>0</v>
      </c>
      <c r="V5141">
        <v>0</v>
      </c>
      <c r="W5141">
        <v>1</v>
      </c>
      <c r="X5141">
        <v>0</v>
      </c>
      <c r="Y5141">
        <v>25</v>
      </c>
      <c r="Z5141">
        <v>14</v>
      </c>
      <c r="AA5141">
        <v>110</v>
      </c>
      <c r="AB5141">
        <v>14</v>
      </c>
      <c r="AC5141">
        <v>112</v>
      </c>
      <c r="AD5141">
        <v>24</v>
      </c>
      <c r="AE5141">
        <v>60</v>
      </c>
      <c r="AF5141">
        <v>0</v>
      </c>
      <c r="AG5141">
        <v>50000</v>
      </c>
      <c r="AH5141">
        <v>50000</v>
      </c>
      <c r="AI5141">
        <v>0</v>
      </c>
      <c r="AJ5141">
        <v>0</v>
      </c>
      <c r="AK5141" t="s">
        <v>6</v>
      </c>
      <c r="AL5141">
        <v>0</v>
      </c>
      <c r="AM5141">
        <v>0</v>
      </c>
      <c r="AN5141">
        <v>0</v>
      </c>
      <c r="AO5141">
        <v>0</v>
      </c>
      <c r="AP5141">
        <v>0</v>
      </c>
      <c r="AQ5141">
        <v>0</v>
      </c>
      <c r="AR5141">
        <v>0</v>
      </c>
      <c r="AS5141">
        <v>0</v>
      </c>
      <c r="AT5141">
        <v>0</v>
      </c>
      <c r="AU5141">
        <v>0</v>
      </c>
      <c r="AV5141">
        <v>0</v>
      </c>
      <c r="AW5141">
        <v>0</v>
      </c>
      <c r="AX5141">
        <v>0</v>
      </c>
      <c r="AY5141">
        <v>0</v>
      </c>
      <c r="AZ5141">
        <v>0</v>
      </c>
      <c r="BA5141">
        <v>0</v>
      </c>
    </row>
    <row r="5142" spans="1:53" x14ac:dyDescent="0.4">
      <c r="A5142">
        <v>5186</v>
      </c>
      <c r="B5142" s="1">
        <v>44806</v>
      </c>
      <c r="C5142">
        <v>2</v>
      </c>
      <c r="D5142" s="1">
        <v>44806.440972222219</v>
      </c>
      <c r="E5142" s="1">
        <v>44806.737500000003</v>
      </c>
      <c r="F5142">
        <v>13990</v>
      </c>
      <c r="G5142">
        <v>462</v>
      </c>
      <c r="H5142">
        <v>0</v>
      </c>
      <c r="I5142">
        <v>0</v>
      </c>
      <c r="J5142">
        <v>0</v>
      </c>
      <c r="K5142">
        <v>0</v>
      </c>
      <c r="L5142">
        <v>0</v>
      </c>
      <c r="M5142">
        <v>1314</v>
      </c>
      <c r="N5142">
        <v>0</v>
      </c>
      <c r="O5142">
        <v>0</v>
      </c>
      <c r="P5142">
        <v>8050</v>
      </c>
      <c r="Q5142">
        <v>0</v>
      </c>
      <c r="R5142">
        <v>22502</v>
      </c>
      <c r="S5142">
        <v>0</v>
      </c>
      <c r="T5142">
        <v>0</v>
      </c>
      <c r="U5142">
        <v>0</v>
      </c>
      <c r="V5142">
        <v>1</v>
      </c>
      <c r="W5142">
        <v>0</v>
      </c>
      <c r="X5142">
        <v>0</v>
      </c>
      <c r="Y5142">
        <v>41</v>
      </c>
      <c r="Z5142">
        <v>17</v>
      </c>
      <c r="AA5142">
        <v>103</v>
      </c>
      <c r="AB5142">
        <v>15</v>
      </c>
      <c r="AC5142">
        <v>124</v>
      </c>
      <c r="AD5142">
        <v>24</v>
      </c>
      <c r="AE5142">
        <v>62</v>
      </c>
      <c r="AF5142">
        <v>530</v>
      </c>
      <c r="AG5142">
        <v>72502</v>
      </c>
      <c r="AH5142">
        <v>50000</v>
      </c>
      <c r="AI5142">
        <v>0</v>
      </c>
      <c r="AJ5142">
        <v>116</v>
      </c>
      <c r="AK5142" t="s">
        <v>54</v>
      </c>
      <c r="AL5142">
        <v>0</v>
      </c>
      <c r="AM5142">
        <v>0</v>
      </c>
      <c r="AN5142">
        <v>0</v>
      </c>
      <c r="AO5142">
        <v>0</v>
      </c>
      <c r="AP5142">
        <v>0</v>
      </c>
      <c r="AQ5142">
        <v>0</v>
      </c>
      <c r="AR5142">
        <v>0</v>
      </c>
      <c r="AS5142">
        <v>0</v>
      </c>
      <c r="AT5142">
        <v>0</v>
      </c>
      <c r="AU5142">
        <v>0</v>
      </c>
      <c r="AV5142">
        <v>0</v>
      </c>
      <c r="AW5142">
        <v>0</v>
      </c>
      <c r="AX5142">
        <v>0</v>
      </c>
      <c r="AY5142">
        <v>24</v>
      </c>
      <c r="AZ5142">
        <v>35</v>
      </c>
      <c r="BA5142">
        <v>3495</v>
      </c>
    </row>
    <row r="5143" spans="1:53" x14ac:dyDescent="0.4">
      <c r="A5143">
        <v>5187</v>
      </c>
      <c r="B5143" s="1">
        <v>44806</v>
      </c>
      <c r="C5143">
        <v>3</v>
      </c>
      <c r="D5143" s="1">
        <v>44806.737500000003</v>
      </c>
      <c r="E5143" s="1">
        <v>44806.945833333331</v>
      </c>
      <c r="F5143">
        <v>43950</v>
      </c>
      <c r="G5143">
        <v>0</v>
      </c>
      <c r="H5143">
        <v>220</v>
      </c>
      <c r="I5143">
        <v>0</v>
      </c>
      <c r="J5143">
        <v>200</v>
      </c>
      <c r="K5143">
        <v>0</v>
      </c>
      <c r="L5143">
        <v>0</v>
      </c>
      <c r="M5143">
        <v>3999</v>
      </c>
      <c r="N5143">
        <v>0</v>
      </c>
      <c r="O5143">
        <v>0</v>
      </c>
      <c r="P5143">
        <v>-3250</v>
      </c>
      <c r="Q5143">
        <v>0</v>
      </c>
      <c r="R5143">
        <v>40720</v>
      </c>
      <c r="S5143">
        <v>0</v>
      </c>
      <c r="T5143">
        <v>0</v>
      </c>
      <c r="U5143">
        <v>0</v>
      </c>
      <c r="V5143">
        <v>2</v>
      </c>
      <c r="W5143">
        <v>1</v>
      </c>
      <c r="X5143">
        <v>0</v>
      </c>
      <c r="Y5143">
        <v>37</v>
      </c>
      <c r="Z5143">
        <v>20</v>
      </c>
      <c r="AA5143">
        <v>99</v>
      </c>
      <c r="AB5143">
        <v>15</v>
      </c>
      <c r="AC5143">
        <v>118</v>
      </c>
      <c r="AD5143">
        <v>24</v>
      </c>
      <c r="AE5143">
        <v>62</v>
      </c>
      <c r="AF5143">
        <v>29210</v>
      </c>
      <c r="AG5143">
        <v>113222</v>
      </c>
      <c r="AH5143">
        <v>50000</v>
      </c>
      <c r="AI5143">
        <v>0</v>
      </c>
      <c r="AJ5143">
        <v>108</v>
      </c>
      <c r="AK5143" t="s">
        <v>3</v>
      </c>
      <c r="AL5143">
        <v>0</v>
      </c>
      <c r="AM5143">
        <v>0</v>
      </c>
      <c r="AN5143">
        <v>0</v>
      </c>
      <c r="AO5143">
        <v>0</v>
      </c>
      <c r="AP5143">
        <v>0</v>
      </c>
      <c r="AQ5143">
        <v>0</v>
      </c>
      <c r="AR5143">
        <v>0</v>
      </c>
      <c r="AS5143">
        <v>0</v>
      </c>
      <c r="AT5143">
        <v>0</v>
      </c>
      <c r="AU5143">
        <v>0</v>
      </c>
      <c r="AV5143">
        <v>0</v>
      </c>
      <c r="AW5143">
        <v>0</v>
      </c>
      <c r="AX5143">
        <v>400</v>
      </c>
      <c r="AY5143">
        <v>9</v>
      </c>
      <c r="AZ5143">
        <v>24</v>
      </c>
      <c r="BA5143">
        <v>1276</v>
      </c>
    </row>
    <row r="5144" spans="1:53" x14ac:dyDescent="0.4">
      <c r="A5144">
        <v>5188</v>
      </c>
      <c r="B5144" s="1">
        <v>44807</v>
      </c>
      <c r="C5144">
        <v>1</v>
      </c>
      <c r="D5144" s="1">
        <v>44807.291666666664</v>
      </c>
      <c r="E5144" s="1">
        <v>44807.404861111114</v>
      </c>
      <c r="F5144">
        <v>0</v>
      </c>
      <c r="G5144">
        <v>0</v>
      </c>
      <c r="H5144">
        <v>0</v>
      </c>
      <c r="I5144">
        <v>0</v>
      </c>
      <c r="J5144">
        <v>0</v>
      </c>
      <c r="K5144">
        <v>0</v>
      </c>
      <c r="L5144">
        <v>0</v>
      </c>
      <c r="M5144">
        <v>0</v>
      </c>
      <c r="N5144">
        <v>0</v>
      </c>
      <c r="O5144">
        <v>0</v>
      </c>
      <c r="P5144">
        <v>1730</v>
      </c>
      <c r="Q5144">
        <v>0</v>
      </c>
      <c r="R5144">
        <v>1730</v>
      </c>
      <c r="S5144">
        <v>0</v>
      </c>
      <c r="T5144">
        <v>0</v>
      </c>
      <c r="U5144">
        <v>0</v>
      </c>
      <c r="V5144">
        <v>0</v>
      </c>
      <c r="W5144">
        <v>1</v>
      </c>
      <c r="X5144">
        <v>0</v>
      </c>
      <c r="Y5144">
        <v>29</v>
      </c>
      <c r="Z5144">
        <v>13</v>
      </c>
      <c r="AA5144">
        <v>93</v>
      </c>
      <c r="AB5144">
        <v>13</v>
      </c>
      <c r="AC5144">
        <v>110</v>
      </c>
      <c r="AD5144">
        <v>23</v>
      </c>
      <c r="AE5144">
        <v>65</v>
      </c>
      <c r="AF5144">
        <v>0</v>
      </c>
      <c r="AG5144">
        <v>51730</v>
      </c>
      <c r="AH5144">
        <v>50000</v>
      </c>
      <c r="AI5144">
        <v>0</v>
      </c>
      <c r="AJ5144">
        <v>29</v>
      </c>
      <c r="AK5144" t="s">
        <v>62</v>
      </c>
      <c r="AL5144">
        <v>0</v>
      </c>
      <c r="AM5144">
        <v>0</v>
      </c>
      <c r="AN5144">
        <v>0</v>
      </c>
      <c r="AO5144">
        <v>0</v>
      </c>
      <c r="AP5144">
        <v>0</v>
      </c>
      <c r="AQ5144">
        <v>0</v>
      </c>
      <c r="AR5144">
        <v>0</v>
      </c>
      <c r="AS5144">
        <v>0</v>
      </c>
      <c r="AT5144">
        <v>0</v>
      </c>
      <c r="AU5144">
        <v>0</v>
      </c>
      <c r="AV5144">
        <v>0</v>
      </c>
      <c r="AW5144">
        <v>0</v>
      </c>
      <c r="AX5144">
        <v>-1730</v>
      </c>
      <c r="AY5144">
        <v>2</v>
      </c>
      <c r="AZ5144">
        <v>2</v>
      </c>
      <c r="BA5144">
        <v>6</v>
      </c>
    </row>
    <row r="5145" spans="1:53" x14ac:dyDescent="0.4">
      <c r="A5145">
        <v>5189</v>
      </c>
      <c r="B5145" s="1">
        <v>44807</v>
      </c>
      <c r="C5145">
        <v>2</v>
      </c>
      <c r="D5145" s="1">
        <v>44807.404861111114</v>
      </c>
      <c r="E5145" s="1">
        <v>44807.410416666666</v>
      </c>
      <c r="F5145">
        <v>0</v>
      </c>
      <c r="G5145">
        <v>0</v>
      </c>
      <c r="H5145">
        <v>0</v>
      </c>
      <c r="I5145">
        <v>0</v>
      </c>
      <c r="J5145">
        <v>0</v>
      </c>
      <c r="K5145">
        <v>0</v>
      </c>
      <c r="L5145">
        <v>0</v>
      </c>
      <c r="M5145">
        <v>0</v>
      </c>
      <c r="N5145">
        <v>0</v>
      </c>
      <c r="O5145">
        <v>0</v>
      </c>
      <c r="P5145">
        <v>-600</v>
      </c>
      <c r="Q5145">
        <v>0</v>
      </c>
      <c r="R5145">
        <v>-600</v>
      </c>
      <c r="S5145">
        <v>0</v>
      </c>
      <c r="T5145">
        <v>0</v>
      </c>
      <c r="U5145">
        <v>0</v>
      </c>
      <c r="V5145">
        <v>0</v>
      </c>
      <c r="W5145">
        <v>1</v>
      </c>
      <c r="X5145">
        <v>0</v>
      </c>
      <c r="Y5145">
        <v>29</v>
      </c>
      <c r="Z5145">
        <v>12</v>
      </c>
      <c r="AA5145">
        <v>92</v>
      </c>
      <c r="AB5145">
        <v>13</v>
      </c>
      <c r="AC5145">
        <v>110</v>
      </c>
      <c r="AD5145">
        <v>23</v>
      </c>
      <c r="AE5145">
        <v>65</v>
      </c>
      <c r="AF5145">
        <v>0</v>
      </c>
      <c r="AG5145">
        <v>51130</v>
      </c>
      <c r="AH5145">
        <v>50000</v>
      </c>
      <c r="AI5145">
        <v>0</v>
      </c>
      <c r="AJ5145">
        <v>29</v>
      </c>
      <c r="AK5145" t="s">
        <v>62</v>
      </c>
      <c r="AL5145">
        <v>0</v>
      </c>
      <c r="AM5145">
        <v>0</v>
      </c>
      <c r="AN5145">
        <v>0</v>
      </c>
      <c r="AO5145">
        <v>0</v>
      </c>
      <c r="AP5145">
        <v>0</v>
      </c>
      <c r="AQ5145">
        <v>0</v>
      </c>
      <c r="AR5145">
        <v>0</v>
      </c>
      <c r="AS5145">
        <v>0</v>
      </c>
      <c r="AT5145">
        <v>0</v>
      </c>
      <c r="AU5145">
        <v>0</v>
      </c>
      <c r="AV5145">
        <v>0</v>
      </c>
      <c r="AW5145">
        <v>0</v>
      </c>
      <c r="AX5145">
        <v>-530</v>
      </c>
      <c r="AY5145">
        <v>0</v>
      </c>
      <c r="AZ5145">
        <v>0</v>
      </c>
      <c r="BA5145">
        <v>16</v>
      </c>
    </row>
    <row r="5146" spans="1:53" x14ac:dyDescent="0.4">
      <c r="A5146">
        <v>5190</v>
      </c>
      <c r="B5146" s="1">
        <v>44807</v>
      </c>
      <c r="C5146">
        <v>3</v>
      </c>
      <c r="D5146" s="1">
        <v>44807.410416666666</v>
      </c>
      <c r="E5146" s="1">
        <v>44807.739583333336</v>
      </c>
      <c r="F5146">
        <v>33890</v>
      </c>
      <c r="G5146">
        <v>2178</v>
      </c>
      <c r="H5146">
        <v>0</v>
      </c>
      <c r="I5146">
        <v>0</v>
      </c>
      <c r="J5146">
        <v>100</v>
      </c>
      <c r="K5146">
        <v>400</v>
      </c>
      <c r="L5146">
        <v>0</v>
      </c>
      <c r="M5146">
        <v>3302</v>
      </c>
      <c r="N5146">
        <v>0</v>
      </c>
      <c r="O5146">
        <v>0</v>
      </c>
      <c r="P5146">
        <v>21430</v>
      </c>
      <c r="Q5146">
        <v>0</v>
      </c>
      <c r="R5146">
        <v>57798</v>
      </c>
      <c r="S5146">
        <v>0</v>
      </c>
      <c r="T5146">
        <v>0</v>
      </c>
      <c r="U5146">
        <v>0</v>
      </c>
      <c r="V5146">
        <v>2</v>
      </c>
      <c r="W5146">
        <v>1</v>
      </c>
      <c r="X5146">
        <v>0</v>
      </c>
      <c r="Y5146">
        <v>56</v>
      </c>
      <c r="Z5146">
        <v>22</v>
      </c>
      <c r="AA5146">
        <v>117</v>
      </c>
      <c r="AB5146">
        <v>22</v>
      </c>
      <c r="AC5146">
        <v>103</v>
      </c>
      <c r="AD5146">
        <v>23</v>
      </c>
      <c r="AE5146">
        <v>63</v>
      </c>
      <c r="AF5146">
        <v>2860</v>
      </c>
      <c r="AG5146">
        <v>108868</v>
      </c>
      <c r="AH5146">
        <v>50000</v>
      </c>
      <c r="AI5146">
        <v>-60</v>
      </c>
      <c r="AJ5146">
        <v>29</v>
      </c>
      <c r="AK5146" t="s">
        <v>62</v>
      </c>
      <c r="AL5146">
        <v>0</v>
      </c>
      <c r="AM5146">
        <v>0</v>
      </c>
      <c r="AN5146">
        <v>0</v>
      </c>
      <c r="AO5146">
        <v>0</v>
      </c>
      <c r="AP5146">
        <v>0</v>
      </c>
      <c r="AQ5146">
        <v>0</v>
      </c>
      <c r="AR5146">
        <v>0</v>
      </c>
      <c r="AS5146">
        <v>0</v>
      </c>
      <c r="AT5146">
        <v>0</v>
      </c>
      <c r="AU5146">
        <v>0</v>
      </c>
      <c r="AV5146">
        <v>0</v>
      </c>
      <c r="AW5146">
        <v>0</v>
      </c>
      <c r="AX5146">
        <v>972</v>
      </c>
      <c r="AY5146">
        <v>47</v>
      </c>
      <c r="AZ5146">
        <v>89</v>
      </c>
      <c r="BA5146">
        <v>7604</v>
      </c>
    </row>
    <row r="5147" spans="1:53" x14ac:dyDescent="0.4">
      <c r="A5147">
        <v>5191</v>
      </c>
      <c r="B5147" s="1">
        <v>44807</v>
      </c>
      <c r="C5147">
        <v>4</v>
      </c>
      <c r="D5147" s="1">
        <v>44807.739583333336</v>
      </c>
      <c r="E5147" s="1">
        <v>44807.962500000001</v>
      </c>
      <c r="F5147">
        <v>51660</v>
      </c>
      <c r="G5147">
        <v>1342</v>
      </c>
      <c r="H5147">
        <v>0</v>
      </c>
      <c r="I5147">
        <v>0</v>
      </c>
      <c r="J5147">
        <v>0</v>
      </c>
      <c r="K5147">
        <v>0</v>
      </c>
      <c r="L5147">
        <v>0</v>
      </c>
      <c r="M5147">
        <v>4818</v>
      </c>
      <c r="N5147">
        <v>0</v>
      </c>
      <c r="O5147">
        <v>0</v>
      </c>
      <c r="P5147">
        <v>-17080</v>
      </c>
      <c r="Q5147">
        <v>0</v>
      </c>
      <c r="R5147">
        <v>35922</v>
      </c>
      <c r="S5147">
        <v>0</v>
      </c>
      <c r="T5147">
        <v>0</v>
      </c>
      <c r="U5147">
        <v>0</v>
      </c>
      <c r="V5147">
        <v>1</v>
      </c>
      <c r="W5147">
        <v>3</v>
      </c>
      <c r="X5147">
        <v>0</v>
      </c>
      <c r="Y5147">
        <v>66</v>
      </c>
      <c r="Z5147">
        <v>22</v>
      </c>
      <c r="AA5147">
        <v>106</v>
      </c>
      <c r="AB5147">
        <v>20</v>
      </c>
      <c r="AC5147">
        <v>89</v>
      </c>
      <c r="AD5147">
        <v>22</v>
      </c>
      <c r="AE5147">
        <v>60</v>
      </c>
      <c r="AF5147">
        <v>30190</v>
      </c>
      <c r="AG5147">
        <v>144850</v>
      </c>
      <c r="AH5147">
        <v>50000</v>
      </c>
      <c r="AI5147">
        <v>0</v>
      </c>
      <c r="AJ5147">
        <v>108</v>
      </c>
      <c r="AK5147" t="s">
        <v>3</v>
      </c>
      <c r="AL5147">
        <v>0</v>
      </c>
      <c r="AM5147">
        <v>0</v>
      </c>
      <c r="AN5147">
        <v>0</v>
      </c>
      <c r="AO5147">
        <v>0</v>
      </c>
      <c r="AP5147">
        <v>0</v>
      </c>
      <c r="AQ5147">
        <v>0</v>
      </c>
      <c r="AR5147">
        <v>0</v>
      </c>
      <c r="AS5147">
        <v>0</v>
      </c>
      <c r="AT5147">
        <v>0</v>
      </c>
      <c r="AU5147">
        <v>0</v>
      </c>
      <c r="AV5147">
        <v>0</v>
      </c>
      <c r="AW5147">
        <v>0</v>
      </c>
      <c r="AX5147">
        <v>24182</v>
      </c>
      <c r="AY5147">
        <v>12</v>
      </c>
      <c r="AZ5147">
        <v>28</v>
      </c>
      <c r="BA5147">
        <v>2572</v>
      </c>
    </row>
    <row r="5148" spans="1:53" x14ac:dyDescent="0.4">
      <c r="A5148">
        <v>5192</v>
      </c>
      <c r="B5148" s="1">
        <v>44808</v>
      </c>
      <c r="C5148">
        <v>1</v>
      </c>
      <c r="D5148" s="1">
        <v>44808.291666666664</v>
      </c>
      <c r="E5148" s="1">
        <v>44808.404861111114</v>
      </c>
      <c r="F5148">
        <v>0</v>
      </c>
      <c r="G5148">
        <v>0</v>
      </c>
      <c r="H5148">
        <v>0</v>
      </c>
      <c r="I5148">
        <v>0</v>
      </c>
      <c r="J5148">
        <v>0</v>
      </c>
      <c r="K5148">
        <v>0</v>
      </c>
      <c r="L5148">
        <v>0</v>
      </c>
      <c r="M5148">
        <v>0</v>
      </c>
      <c r="N5148">
        <v>0</v>
      </c>
      <c r="O5148">
        <v>0</v>
      </c>
      <c r="P5148">
        <v>0</v>
      </c>
      <c r="Q5148">
        <v>0</v>
      </c>
      <c r="R5148">
        <v>0</v>
      </c>
      <c r="S5148">
        <v>0</v>
      </c>
      <c r="T5148">
        <v>0</v>
      </c>
      <c r="U5148">
        <v>0</v>
      </c>
      <c r="V5148">
        <v>0</v>
      </c>
      <c r="W5148">
        <v>0</v>
      </c>
      <c r="X5148">
        <v>0</v>
      </c>
      <c r="Y5148">
        <v>32</v>
      </c>
      <c r="Z5148">
        <v>13</v>
      </c>
      <c r="AA5148">
        <v>99</v>
      </c>
      <c r="AB5148">
        <v>12</v>
      </c>
      <c r="AC5148">
        <v>85</v>
      </c>
      <c r="AD5148">
        <v>20</v>
      </c>
      <c r="AE5148">
        <v>50</v>
      </c>
      <c r="AF5148">
        <v>0</v>
      </c>
      <c r="AG5148">
        <v>50000</v>
      </c>
      <c r="AH5148">
        <v>50000</v>
      </c>
      <c r="AI5148">
        <v>0</v>
      </c>
      <c r="AJ5148">
        <v>0</v>
      </c>
      <c r="AK5148" t="s">
        <v>6</v>
      </c>
      <c r="AL5148">
        <v>0</v>
      </c>
      <c r="AM5148">
        <v>0</v>
      </c>
      <c r="AN5148">
        <v>0</v>
      </c>
      <c r="AO5148">
        <v>0</v>
      </c>
      <c r="AP5148">
        <v>0</v>
      </c>
      <c r="AQ5148">
        <v>0</v>
      </c>
      <c r="AR5148">
        <v>0</v>
      </c>
      <c r="AS5148">
        <v>0</v>
      </c>
      <c r="AT5148">
        <v>0</v>
      </c>
      <c r="AU5148">
        <v>0</v>
      </c>
      <c r="AV5148">
        <v>0</v>
      </c>
      <c r="AW5148">
        <v>0</v>
      </c>
      <c r="AX5148">
        <v>0</v>
      </c>
      <c r="AY5148">
        <v>0</v>
      </c>
      <c r="AZ5148">
        <v>0</v>
      </c>
      <c r="BA5148">
        <v>0</v>
      </c>
    </row>
    <row r="5149" spans="1:53" x14ac:dyDescent="0.4">
      <c r="A5149">
        <v>5193</v>
      </c>
      <c r="B5149" s="1">
        <v>44808</v>
      </c>
      <c r="C5149">
        <v>2</v>
      </c>
      <c r="D5149" s="1">
        <v>44808.404861111114</v>
      </c>
      <c r="E5149" s="1">
        <v>44808.745138888888</v>
      </c>
      <c r="F5149">
        <v>34850</v>
      </c>
      <c r="G5149">
        <v>2200</v>
      </c>
      <c r="H5149">
        <v>220</v>
      </c>
      <c r="I5149">
        <v>0</v>
      </c>
      <c r="J5149">
        <v>0</v>
      </c>
      <c r="K5149">
        <v>1200</v>
      </c>
      <c r="L5149">
        <v>0</v>
      </c>
      <c r="M5149">
        <v>3495</v>
      </c>
      <c r="N5149">
        <v>0</v>
      </c>
      <c r="O5149">
        <v>0</v>
      </c>
      <c r="P5149">
        <v>17720</v>
      </c>
      <c r="Q5149">
        <v>0</v>
      </c>
      <c r="R5149">
        <v>56190</v>
      </c>
      <c r="S5149">
        <v>0</v>
      </c>
      <c r="T5149">
        <v>0</v>
      </c>
      <c r="U5149">
        <v>0</v>
      </c>
      <c r="V5149">
        <v>1</v>
      </c>
      <c r="W5149">
        <v>1</v>
      </c>
      <c r="X5149">
        <v>0</v>
      </c>
      <c r="Y5149">
        <v>56</v>
      </c>
      <c r="Z5149">
        <v>25</v>
      </c>
      <c r="AA5149">
        <v>126</v>
      </c>
      <c r="AB5149">
        <v>14</v>
      </c>
      <c r="AC5149">
        <v>97</v>
      </c>
      <c r="AD5149">
        <v>19</v>
      </c>
      <c r="AE5149">
        <v>43</v>
      </c>
      <c r="AF5149">
        <v>8282</v>
      </c>
      <c r="AG5149">
        <v>106190</v>
      </c>
      <c r="AH5149">
        <v>50000</v>
      </c>
      <c r="AI5149">
        <v>0</v>
      </c>
      <c r="AJ5149">
        <v>118</v>
      </c>
      <c r="AK5149" t="s">
        <v>59</v>
      </c>
      <c r="AL5149">
        <v>0</v>
      </c>
      <c r="AM5149">
        <v>0</v>
      </c>
      <c r="AN5149">
        <v>0</v>
      </c>
      <c r="AO5149">
        <v>0</v>
      </c>
      <c r="AP5149">
        <v>0</v>
      </c>
      <c r="AQ5149">
        <v>0</v>
      </c>
      <c r="AR5149">
        <v>0</v>
      </c>
      <c r="AS5149">
        <v>0</v>
      </c>
      <c r="AT5149">
        <v>0</v>
      </c>
      <c r="AU5149">
        <v>0</v>
      </c>
      <c r="AV5149">
        <v>0</v>
      </c>
      <c r="AW5149">
        <v>0</v>
      </c>
      <c r="AX5149">
        <v>942</v>
      </c>
      <c r="AY5149">
        <v>42</v>
      </c>
      <c r="AZ5149">
        <v>82</v>
      </c>
      <c r="BA5149">
        <v>6940</v>
      </c>
    </row>
    <row r="5150" spans="1:53" x14ac:dyDescent="0.4">
      <c r="A5150">
        <v>5194</v>
      </c>
      <c r="B5150" s="1">
        <v>44808</v>
      </c>
      <c r="C5150">
        <v>3</v>
      </c>
      <c r="D5150" s="1">
        <v>44808.745138888888</v>
      </c>
      <c r="E5150" s="1">
        <v>44808.947222222225</v>
      </c>
      <c r="F5150">
        <v>27800</v>
      </c>
      <c r="G5150">
        <v>3377</v>
      </c>
      <c r="H5150">
        <v>0</v>
      </c>
      <c r="I5150">
        <v>0</v>
      </c>
      <c r="J5150">
        <v>100</v>
      </c>
      <c r="K5150">
        <v>0</v>
      </c>
      <c r="L5150">
        <v>0</v>
      </c>
      <c r="M5150">
        <v>2826</v>
      </c>
      <c r="N5150">
        <v>0</v>
      </c>
      <c r="O5150">
        <v>0</v>
      </c>
      <c r="P5150">
        <v>-17720</v>
      </c>
      <c r="Q5150">
        <v>0</v>
      </c>
      <c r="R5150">
        <v>13357</v>
      </c>
      <c r="S5150">
        <v>0</v>
      </c>
      <c r="T5150">
        <v>0</v>
      </c>
      <c r="U5150">
        <v>0</v>
      </c>
      <c r="V5150">
        <v>3</v>
      </c>
      <c r="W5150">
        <v>0</v>
      </c>
      <c r="X5150">
        <v>0</v>
      </c>
      <c r="Y5150">
        <v>55</v>
      </c>
      <c r="Z5150">
        <v>25</v>
      </c>
      <c r="AA5150">
        <v>121</v>
      </c>
      <c r="AB5150">
        <v>11</v>
      </c>
      <c r="AC5150">
        <v>97</v>
      </c>
      <c r="AD5150">
        <v>19</v>
      </c>
      <c r="AE5150">
        <v>50</v>
      </c>
      <c r="AF5150">
        <v>8282</v>
      </c>
      <c r="AG5150">
        <v>119547</v>
      </c>
      <c r="AH5150">
        <v>50000</v>
      </c>
      <c r="AI5150">
        <v>0</v>
      </c>
      <c r="AJ5150">
        <v>30</v>
      </c>
      <c r="AK5150" t="s">
        <v>63</v>
      </c>
      <c r="AL5150">
        <v>0</v>
      </c>
      <c r="AM5150">
        <v>0</v>
      </c>
      <c r="AN5150">
        <v>0</v>
      </c>
      <c r="AO5150">
        <v>0</v>
      </c>
      <c r="AP5150">
        <v>0</v>
      </c>
      <c r="AQ5150">
        <v>0</v>
      </c>
      <c r="AR5150">
        <v>0</v>
      </c>
      <c r="AS5150">
        <v>0</v>
      </c>
      <c r="AT5150">
        <v>0</v>
      </c>
      <c r="AU5150">
        <v>0</v>
      </c>
      <c r="AV5150">
        <v>0</v>
      </c>
      <c r="AW5150">
        <v>0</v>
      </c>
      <c r="AX5150">
        <v>4380</v>
      </c>
      <c r="AY5150">
        <v>7</v>
      </c>
      <c r="AZ5150">
        <v>14</v>
      </c>
      <c r="BA5150">
        <v>1712</v>
      </c>
    </row>
    <row r="5151" spans="1:53" x14ac:dyDescent="0.4">
      <c r="A5151">
        <v>5195</v>
      </c>
      <c r="B5151" s="1">
        <v>44809</v>
      </c>
      <c r="C5151">
        <v>1</v>
      </c>
      <c r="D5151" s="1">
        <v>44809.291666666664</v>
      </c>
      <c r="E5151" s="1">
        <v>44809.446527777778</v>
      </c>
      <c r="F5151">
        <v>0</v>
      </c>
      <c r="G5151">
        <v>0</v>
      </c>
      <c r="H5151">
        <v>0</v>
      </c>
      <c r="I5151">
        <v>0</v>
      </c>
      <c r="J5151">
        <v>0</v>
      </c>
      <c r="K5151">
        <v>0</v>
      </c>
      <c r="L5151">
        <v>0</v>
      </c>
      <c r="M5151">
        <v>0</v>
      </c>
      <c r="N5151">
        <v>0</v>
      </c>
      <c r="O5151">
        <v>0</v>
      </c>
      <c r="P5151">
        <v>0</v>
      </c>
      <c r="Q5151">
        <v>0</v>
      </c>
      <c r="R5151">
        <v>0</v>
      </c>
      <c r="S5151">
        <v>0</v>
      </c>
      <c r="T5151">
        <v>0</v>
      </c>
      <c r="U5151">
        <v>0</v>
      </c>
      <c r="V5151">
        <v>0</v>
      </c>
      <c r="W5151">
        <v>1</v>
      </c>
      <c r="X5151">
        <v>0</v>
      </c>
      <c r="Y5151">
        <v>25</v>
      </c>
      <c r="Z5151">
        <v>11</v>
      </c>
      <c r="AA5151">
        <v>127</v>
      </c>
      <c r="AB5151">
        <v>14</v>
      </c>
      <c r="AC5151">
        <v>95</v>
      </c>
      <c r="AD5151">
        <v>19</v>
      </c>
      <c r="AE5151">
        <v>55</v>
      </c>
      <c r="AF5151">
        <v>0</v>
      </c>
      <c r="AG5151">
        <v>50000</v>
      </c>
      <c r="AH5151">
        <v>50000</v>
      </c>
      <c r="AI5151">
        <v>0</v>
      </c>
      <c r="AJ5151">
        <v>0</v>
      </c>
      <c r="AK5151" t="s">
        <v>6</v>
      </c>
      <c r="AL5151">
        <v>0</v>
      </c>
      <c r="AM5151">
        <v>0</v>
      </c>
      <c r="AN5151">
        <v>0</v>
      </c>
      <c r="AO5151">
        <v>0</v>
      </c>
      <c r="AP5151">
        <v>0</v>
      </c>
      <c r="AQ5151">
        <v>0</v>
      </c>
      <c r="AR5151">
        <v>0</v>
      </c>
      <c r="AS5151">
        <v>0</v>
      </c>
      <c r="AT5151">
        <v>0</v>
      </c>
      <c r="AU5151">
        <v>0</v>
      </c>
      <c r="AV5151">
        <v>0</v>
      </c>
      <c r="AW5151">
        <v>0</v>
      </c>
      <c r="AX5151">
        <v>0</v>
      </c>
      <c r="AY5151">
        <v>0</v>
      </c>
      <c r="AZ5151">
        <v>0</v>
      </c>
      <c r="BA5151">
        <v>0</v>
      </c>
    </row>
    <row r="5152" spans="1:53" x14ac:dyDescent="0.4">
      <c r="A5152">
        <v>5196</v>
      </c>
      <c r="B5152" s="1">
        <v>44809</v>
      </c>
      <c r="C5152">
        <v>2</v>
      </c>
      <c r="D5152" s="1">
        <v>44809.446527777778</v>
      </c>
      <c r="E5152" s="1">
        <v>44809.738888888889</v>
      </c>
      <c r="F5152">
        <v>17880</v>
      </c>
      <c r="G5152">
        <v>308</v>
      </c>
      <c r="H5152">
        <v>0</v>
      </c>
      <c r="I5152">
        <v>0</v>
      </c>
      <c r="J5152">
        <v>0</v>
      </c>
      <c r="K5152">
        <v>0</v>
      </c>
      <c r="L5152">
        <v>0</v>
      </c>
      <c r="M5152">
        <v>1654</v>
      </c>
      <c r="N5152">
        <v>0</v>
      </c>
      <c r="O5152">
        <v>0</v>
      </c>
      <c r="P5152">
        <v>12130</v>
      </c>
      <c r="Q5152">
        <v>0</v>
      </c>
      <c r="R5152">
        <v>30318</v>
      </c>
      <c r="S5152">
        <v>0</v>
      </c>
      <c r="T5152">
        <v>0</v>
      </c>
      <c r="U5152">
        <v>0</v>
      </c>
      <c r="V5152">
        <v>1</v>
      </c>
      <c r="W5152">
        <v>2</v>
      </c>
      <c r="X5152">
        <v>0</v>
      </c>
      <c r="Y5152">
        <v>39</v>
      </c>
      <c r="Z5152">
        <v>15</v>
      </c>
      <c r="AA5152">
        <v>91</v>
      </c>
      <c r="AB5152">
        <v>13</v>
      </c>
      <c r="AC5152">
        <v>92</v>
      </c>
      <c r="AD5152">
        <v>18</v>
      </c>
      <c r="AE5152">
        <v>58</v>
      </c>
      <c r="AF5152">
        <v>3000</v>
      </c>
      <c r="AG5152">
        <v>80318</v>
      </c>
      <c r="AH5152">
        <v>50000</v>
      </c>
      <c r="AI5152">
        <v>0</v>
      </c>
      <c r="AJ5152">
        <v>119</v>
      </c>
      <c r="AK5152" t="s">
        <v>56</v>
      </c>
      <c r="AL5152">
        <v>0</v>
      </c>
      <c r="AM5152">
        <v>0</v>
      </c>
      <c r="AN5152">
        <v>0</v>
      </c>
      <c r="AO5152">
        <v>0</v>
      </c>
      <c r="AP5152">
        <v>0</v>
      </c>
      <c r="AQ5152">
        <v>0</v>
      </c>
      <c r="AR5152">
        <v>0</v>
      </c>
      <c r="AS5152">
        <v>0</v>
      </c>
      <c r="AT5152">
        <v>0</v>
      </c>
      <c r="AU5152">
        <v>0</v>
      </c>
      <c r="AV5152">
        <v>0</v>
      </c>
      <c r="AW5152">
        <v>0</v>
      </c>
      <c r="AX5152">
        <v>876</v>
      </c>
      <c r="AY5152">
        <v>31</v>
      </c>
      <c r="AZ5152">
        <v>51</v>
      </c>
      <c r="BA5152">
        <v>3860</v>
      </c>
    </row>
    <row r="5153" spans="1:53" x14ac:dyDescent="0.4">
      <c r="A5153">
        <v>5197</v>
      </c>
      <c r="B5153" s="1">
        <v>44810</v>
      </c>
      <c r="C5153">
        <v>1</v>
      </c>
      <c r="D5153" s="1">
        <v>44810.291666666664</v>
      </c>
      <c r="E5153" s="1">
        <v>44810.44027777778</v>
      </c>
      <c r="F5153">
        <v>0</v>
      </c>
      <c r="G5153">
        <v>0</v>
      </c>
      <c r="H5153">
        <v>0</v>
      </c>
      <c r="I5153">
        <v>0</v>
      </c>
      <c r="J5153">
        <v>0</v>
      </c>
      <c r="K5153">
        <v>0</v>
      </c>
      <c r="L5153">
        <v>0</v>
      </c>
      <c r="M5153">
        <v>0</v>
      </c>
      <c r="N5153">
        <v>0</v>
      </c>
      <c r="O5153">
        <v>0</v>
      </c>
      <c r="P5153">
        <v>0</v>
      </c>
      <c r="Q5153">
        <v>0</v>
      </c>
      <c r="R5153">
        <v>0</v>
      </c>
      <c r="S5153">
        <v>0</v>
      </c>
      <c r="T5153">
        <v>0</v>
      </c>
      <c r="U5153">
        <v>0</v>
      </c>
      <c r="V5153">
        <v>0</v>
      </c>
      <c r="W5153">
        <v>1</v>
      </c>
      <c r="X5153">
        <v>0</v>
      </c>
      <c r="Y5153">
        <v>26</v>
      </c>
      <c r="Z5153">
        <v>15</v>
      </c>
      <c r="AA5153">
        <v>99</v>
      </c>
      <c r="AB5153">
        <v>8</v>
      </c>
      <c r="AC5153">
        <v>106</v>
      </c>
      <c r="AD5153">
        <v>18</v>
      </c>
      <c r="AE5153">
        <v>50</v>
      </c>
      <c r="AF5153">
        <v>0</v>
      </c>
      <c r="AG5153">
        <v>50000</v>
      </c>
      <c r="AH5153">
        <v>50000</v>
      </c>
      <c r="AI5153">
        <v>0</v>
      </c>
      <c r="AJ5153">
        <v>0</v>
      </c>
      <c r="AK5153" t="s">
        <v>6</v>
      </c>
      <c r="AL5153">
        <v>0</v>
      </c>
      <c r="AM5153">
        <v>0</v>
      </c>
      <c r="AN5153">
        <v>0</v>
      </c>
      <c r="AO5153">
        <v>0</v>
      </c>
      <c r="AP5153">
        <v>0</v>
      </c>
      <c r="AQ5153">
        <v>0</v>
      </c>
      <c r="AR5153">
        <v>0</v>
      </c>
      <c r="AS5153">
        <v>0</v>
      </c>
      <c r="AT5153">
        <v>0</v>
      </c>
      <c r="AU5153">
        <v>0</v>
      </c>
      <c r="AV5153">
        <v>0</v>
      </c>
      <c r="AW5153">
        <v>0</v>
      </c>
      <c r="AX5153">
        <v>0</v>
      </c>
      <c r="AY5153">
        <v>0</v>
      </c>
      <c r="AZ5153">
        <v>0</v>
      </c>
      <c r="BA5153">
        <v>0</v>
      </c>
    </row>
    <row r="5154" spans="1:53" x14ac:dyDescent="0.4">
      <c r="A5154">
        <v>5198</v>
      </c>
      <c r="B5154" s="1">
        <v>44810</v>
      </c>
      <c r="C5154">
        <v>2</v>
      </c>
      <c r="D5154" s="1">
        <v>44810.44027777778</v>
      </c>
      <c r="E5154" s="1">
        <v>44810.73333333333</v>
      </c>
      <c r="F5154">
        <v>10930</v>
      </c>
      <c r="G5154">
        <v>1056</v>
      </c>
      <c r="H5154">
        <v>0</v>
      </c>
      <c r="I5154">
        <v>0</v>
      </c>
      <c r="J5154">
        <v>0</v>
      </c>
      <c r="K5154">
        <v>0</v>
      </c>
      <c r="L5154">
        <v>0</v>
      </c>
      <c r="M5154">
        <v>1090</v>
      </c>
      <c r="N5154">
        <v>0</v>
      </c>
      <c r="O5154">
        <v>0</v>
      </c>
      <c r="P5154">
        <v>10750</v>
      </c>
      <c r="Q5154">
        <v>0</v>
      </c>
      <c r="R5154">
        <v>22736</v>
      </c>
      <c r="S5154">
        <v>0</v>
      </c>
      <c r="T5154">
        <v>0</v>
      </c>
      <c r="U5154">
        <v>0</v>
      </c>
      <c r="V5154">
        <v>2</v>
      </c>
      <c r="W5154">
        <v>1</v>
      </c>
      <c r="X5154">
        <v>0</v>
      </c>
      <c r="Y5154">
        <v>27</v>
      </c>
      <c r="Z5154">
        <v>17</v>
      </c>
      <c r="AA5154">
        <v>105</v>
      </c>
      <c r="AB5154">
        <v>7</v>
      </c>
      <c r="AC5154">
        <v>123</v>
      </c>
      <c r="AD5154">
        <v>21</v>
      </c>
      <c r="AE5154">
        <v>51</v>
      </c>
      <c r="AF5154">
        <v>0</v>
      </c>
      <c r="AG5154">
        <v>72736</v>
      </c>
      <c r="AH5154">
        <v>50000</v>
      </c>
      <c r="AI5154">
        <v>0</v>
      </c>
      <c r="AJ5154">
        <v>116</v>
      </c>
      <c r="AK5154" t="s">
        <v>54</v>
      </c>
      <c r="AL5154">
        <v>0</v>
      </c>
      <c r="AM5154">
        <v>0</v>
      </c>
      <c r="AN5154">
        <v>0</v>
      </c>
      <c r="AO5154">
        <v>0</v>
      </c>
      <c r="AP5154">
        <v>0</v>
      </c>
      <c r="AQ5154">
        <v>0</v>
      </c>
      <c r="AR5154">
        <v>0</v>
      </c>
      <c r="AS5154">
        <v>0</v>
      </c>
      <c r="AT5154">
        <v>0</v>
      </c>
      <c r="AU5154">
        <v>0</v>
      </c>
      <c r="AV5154">
        <v>0</v>
      </c>
      <c r="AW5154">
        <v>0</v>
      </c>
      <c r="AX5154">
        <v>-466</v>
      </c>
      <c r="AY5154">
        <v>24</v>
      </c>
      <c r="AZ5154">
        <v>35</v>
      </c>
      <c r="BA5154">
        <v>3082</v>
      </c>
    </row>
    <row r="5155" spans="1:53" x14ac:dyDescent="0.4">
      <c r="A5155">
        <v>5199</v>
      </c>
      <c r="B5155" s="1">
        <v>44810</v>
      </c>
      <c r="C5155">
        <v>3</v>
      </c>
      <c r="D5155" s="1">
        <v>44810.73333333333</v>
      </c>
      <c r="E5155" s="1">
        <v>44810.945138888892</v>
      </c>
      <c r="F5155">
        <v>16400</v>
      </c>
      <c r="G5155">
        <v>594</v>
      </c>
      <c r="H5155">
        <v>0</v>
      </c>
      <c r="I5155">
        <v>0</v>
      </c>
      <c r="J5155">
        <v>0</v>
      </c>
      <c r="K5155">
        <v>0</v>
      </c>
      <c r="L5155">
        <v>0</v>
      </c>
      <c r="M5155">
        <v>1543</v>
      </c>
      <c r="N5155">
        <v>0</v>
      </c>
      <c r="O5155">
        <v>0</v>
      </c>
      <c r="P5155">
        <v>-2500</v>
      </c>
      <c r="Q5155">
        <v>0</v>
      </c>
      <c r="R5155">
        <v>14494</v>
      </c>
      <c r="S5155">
        <v>0</v>
      </c>
      <c r="T5155">
        <v>0</v>
      </c>
      <c r="U5155">
        <v>0</v>
      </c>
      <c r="V5155">
        <v>3</v>
      </c>
      <c r="W5155">
        <v>0</v>
      </c>
      <c r="X5155">
        <v>0</v>
      </c>
      <c r="Y5155">
        <v>38</v>
      </c>
      <c r="Z5155">
        <v>18</v>
      </c>
      <c r="AA5155">
        <v>87</v>
      </c>
      <c r="AB5155">
        <v>5</v>
      </c>
      <c r="AC5155">
        <v>113</v>
      </c>
      <c r="AD5155">
        <v>20</v>
      </c>
      <c r="AE5155">
        <v>50</v>
      </c>
      <c r="AF5155">
        <v>0</v>
      </c>
      <c r="AG5155">
        <v>87230</v>
      </c>
      <c r="AH5155">
        <v>50000</v>
      </c>
      <c r="AI5155">
        <v>0</v>
      </c>
      <c r="AJ5155">
        <v>30</v>
      </c>
      <c r="AK5155" t="s">
        <v>63</v>
      </c>
      <c r="AL5155">
        <v>0</v>
      </c>
      <c r="AM5155">
        <v>0</v>
      </c>
      <c r="AN5155">
        <v>0</v>
      </c>
      <c r="AO5155">
        <v>0</v>
      </c>
      <c r="AP5155">
        <v>0</v>
      </c>
      <c r="AQ5155">
        <v>0</v>
      </c>
      <c r="AR5155">
        <v>0</v>
      </c>
      <c r="AS5155">
        <v>0</v>
      </c>
      <c r="AT5155">
        <v>0</v>
      </c>
      <c r="AU5155">
        <v>0</v>
      </c>
      <c r="AV5155">
        <v>0</v>
      </c>
      <c r="AW5155">
        <v>0</v>
      </c>
      <c r="AX5155">
        <v>1254</v>
      </c>
      <c r="AY5155">
        <v>11</v>
      </c>
      <c r="AZ5155">
        <v>20</v>
      </c>
      <c r="BA5155">
        <v>1880</v>
      </c>
    </row>
    <row r="5156" spans="1:53" x14ac:dyDescent="0.4">
      <c r="A5156">
        <v>5200</v>
      </c>
      <c r="B5156" s="1">
        <v>44811</v>
      </c>
      <c r="C5156">
        <v>1</v>
      </c>
      <c r="D5156" s="1">
        <v>44811.291666666664</v>
      </c>
      <c r="E5156" s="1">
        <v>44811.463888888888</v>
      </c>
      <c r="F5156">
        <v>0</v>
      </c>
      <c r="G5156">
        <v>0</v>
      </c>
      <c r="H5156">
        <v>0</v>
      </c>
      <c r="I5156">
        <v>0</v>
      </c>
      <c r="J5156">
        <v>0</v>
      </c>
      <c r="K5156">
        <v>0</v>
      </c>
      <c r="L5156">
        <v>0</v>
      </c>
      <c r="M5156">
        <v>0</v>
      </c>
      <c r="N5156">
        <v>0</v>
      </c>
      <c r="O5156">
        <v>0</v>
      </c>
      <c r="P5156">
        <v>2722</v>
      </c>
      <c r="Q5156">
        <v>0</v>
      </c>
      <c r="R5156">
        <v>2722</v>
      </c>
      <c r="S5156">
        <v>0</v>
      </c>
      <c r="T5156">
        <v>0</v>
      </c>
      <c r="U5156">
        <v>0</v>
      </c>
      <c r="V5156">
        <v>0</v>
      </c>
      <c r="W5156">
        <v>1</v>
      </c>
      <c r="X5156">
        <v>0</v>
      </c>
      <c r="Y5156">
        <v>29</v>
      </c>
      <c r="Z5156">
        <v>16</v>
      </c>
      <c r="AA5156">
        <v>91</v>
      </c>
      <c r="AB5156">
        <v>7</v>
      </c>
      <c r="AC5156">
        <v>111</v>
      </c>
      <c r="AD5156">
        <v>22</v>
      </c>
      <c r="AE5156">
        <v>52</v>
      </c>
      <c r="AF5156">
        <v>0</v>
      </c>
      <c r="AG5156">
        <v>52722</v>
      </c>
      <c r="AH5156">
        <v>50000</v>
      </c>
      <c r="AI5156">
        <v>0</v>
      </c>
      <c r="AJ5156">
        <v>29</v>
      </c>
      <c r="AK5156" t="s">
        <v>62</v>
      </c>
      <c r="AL5156">
        <v>0</v>
      </c>
      <c r="AM5156">
        <v>0</v>
      </c>
      <c r="AN5156">
        <v>0</v>
      </c>
      <c r="AO5156">
        <v>0</v>
      </c>
      <c r="AP5156">
        <v>0</v>
      </c>
      <c r="AQ5156">
        <v>0</v>
      </c>
      <c r="AR5156">
        <v>0</v>
      </c>
      <c r="AS5156">
        <v>0</v>
      </c>
      <c r="AT5156">
        <v>0</v>
      </c>
      <c r="AU5156">
        <v>0</v>
      </c>
      <c r="AV5156">
        <v>0</v>
      </c>
      <c r="AW5156">
        <v>0</v>
      </c>
      <c r="AX5156">
        <v>-2260</v>
      </c>
      <c r="AY5156">
        <v>2</v>
      </c>
      <c r="AZ5156">
        <v>4</v>
      </c>
      <c r="BA5156">
        <v>11</v>
      </c>
    </row>
    <row r="5157" spans="1:53" x14ac:dyDescent="0.4">
      <c r="A5157">
        <v>5201</v>
      </c>
      <c r="B5157" s="1">
        <v>44811</v>
      </c>
      <c r="C5157">
        <v>2</v>
      </c>
      <c r="D5157" s="1">
        <v>44811.463888888888</v>
      </c>
      <c r="E5157" s="1">
        <v>44811.744444444441</v>
      </c>
      <c r="F5157">
        <v>14830</v>
      </c>
      <c r="G5157">
        <v>1056</v>
      </c>
      <c r="H5157">
        <v>0</v>
      </c>
      <c r="I5157">
        <v>0</v>
      </c>
      <c r="J5157">
        <v>0</v>
      </c>
      <c r="K5157">
        <v>0</v>
      </c>
      <c r="L5157">
        <v>0</v>
      </c>
      <c r="M5157">
        <v>1444</v>
      </c>
      <c r="N5157">
        <v>0</v>
      </c>
      <c r="O5157">
        <v>0</v>
      </c>
      <c r="P5157">
        <v>10448</v>
      </c>
      <c r="Q5157">
        <v>0</v>
      </c>
      <c r="R5157">
        <v>26334</v>
      </c>
      <c r="S5157">
        <v>0</v>
      </c>
      <c r="T5157">
        <v>0</v>
      </c>
      <c r="U5157">
        <v>0</v>
      </c>
      <c r="V5157">
        <v>1</v>
      </c>
      <c r="W5157">
        <v>1</v>
      </c>
      <c r="X5157">
        <v>0</v>
      </c>
      <c r="Y5157">
        <v>43</v>
      </c>
      <c r="Z5157">
        <v>19</v>
      </c>
      <c r="AA5157">
        <v>95</v>
      </c>
      <c r="AB5157">
        <v>14</v>
      </c>
      <c r="AC5157">
        <v>119</v>
      </c>
      <c r="AD5157">
        <v>23</v>
      </c>
      <c r="AE5157">
        <v>51</v>
      </c>
      <c r="AF5157">
        <v>0</v>
      </c>
      <c r="AG5157">
        <v>79056</v>
      </c>
      <c r="AH5157">
        <v>50000</v>
      </c>
      <c r="AI5157">
        <v>0</v>
      </c>
      <c r="AJ5157">
        <v>29</v>
      </c>
      <c r="AK5157" t="s">
        <v>62</v>
      </c>
      <c r="AL5157">
        <v>0</v>
      </c>
      <c r="AM5157">
        <v>0</v>
      </c>
      <c r="AN5157">
        <v>0</v>
      </c>
      <c r="AO5157">
        <v>0</v>
      </c>
      <c r="AP5157">
        <v>0</v>
      </c>
      <c r="AQ5157">
        <v>0</v>
      </c>
      <c r="AR5157">
        <v>0</v>
      </c>
      <c r="AS5157">
        <v>0</v>
      </c>
      <c r="AT5157">
        <v>0</v>
      </c>
      <c r="AU5157">
        <v>0</v>
      </c>
      <c r="AV5157">
        <v>0</v>
      </c>
      <c r="AW5157">
        <v>0</v>
      </c>
      <c r="AX5157">
        <v>0</v>
      </c>
      <c r="AY5157">
        <v>29</v>
      </c>
      <c r="AZ5157">
        <v>44</v>
      </c>
      <c r="BA5157">
        <v>3712</v>
      </c>
    </row>
    <row r="5158" spans="1:53" x14ac:dyDescent="0.4">
      <c r="A5158">
        <v>5202</v>
      </c>
      <c r="B5158" s="1">
        <v>44811</v>
      </c>
      <c r="C5158">
        <v>3</v>
      </c>
      <c r="D5158" s="1">
        <v>44811.744444444441</v>
      </c>
      <c r="E5158" s="1">
        <v>44811.953472222223</v>
      </c>
      <c r="F5158">
        <v>20360</v>
      </c>
      <c r="G5158">
        <v>0</v>
      </c>
      <c r="H5158">
        <v>0</v>
      </c>
      <c r="I5158">
        <v>0</v>
      </c>
      <c r="J5158">
        <v>0</v>
      </c>
      <c r="K5158">
        <v>660</v>
      </c>
      <c r="L5158">
        <v>0</v>
      </c>
      <c r="M5158">
        <v>1909</v>
      </c>
      <c r="N5158">
        <v>0</v>
      </c>
      <c r="O5158">
        <v>0</v>
      </c>
      <c r="P5158">
        <v>580</v>
      </c>
      <c r="Q5158">
        <v>0</v>
      </c>
      <c r="R5158">
        <v>21600</v>
      </c>
      <c r="S5158">
        <v>0</v>
      </c>
      <c r="T5158">
        <v>0</v>
      </c>
      <c r="U5158">
        <v>0</v>
      </c>
      <c r="V5158">
        <v>1</v>
      </c>
      <c r="W5158">
        <v>2</v>
      </c>
      <c r="X5158">
        <v>0</v>
      </c>
      <c r="Y5158">
        <v>45</v>
      </c>
      <c r="Z5158">
        <v>23</v>
      </c>
      <c r="AA5158">
        <v>105</v>
      </c>
      <c r="AB5158">
        <v>18</v>
      </c>
      <c r="AC5158">
        <v>134</v>
      </c>
      <c r="AD5158">
        <v>23</v>
      </c>
      <c r="AE5158">
        <v>51</v>
      </c>
      <c r="AF5158">
        <v>11250</v>
      </c>
      <c r="AG5158">
        <v>100656</v>
      </c>
      <c r="AH5158">
        <v>50000</v>
      </c>
      <c r="AI5158">
        <v>0</v>
      </c>
      <c r="AJ5158">
        <v>95</v>
      </c>
      <c r="AK5158" t="s">
        <v>21</v>
      </c>
      <c r="AL5158">
        <v>0</v>
      </c>
      <c r="AM5158">
        <v>0</v>
      </c>
      <c r="AN5158">
        <v>0</v>
      </c>
      <c r="AO5158">
        <v>0</v>
      </c>
      <c r="AP5158">
        <v>0</v>
      </c>
      <c r="AQ5158">
        <v>0</v>
      </c>
      <c r="AR5158">
        <v>0</v>
      </c>
      <c r="AS5158">
        <v>0</v>
      </c>
      <c r="AT5158">
        <v>0</v>
      </c>
      <c r="AU5158">
        <v>0</v>
      </c>
      <c r="AV5158">
        <v>0</v>
      </c>
      <c r="AW5158">
        <v>0</v>
      </c>
      <c r="AX5158">
        <v>968</v>
      </c>
      <c r="AY5158">
        <v>9</v>
      </c>
      <c r="AZ5158">
        <v>19</v>
      </c>
      <c r="BA5158">
        <v>2131</v>
      </c>
    </row>
    <row r="5159" spans="1:53" x14ac:dyDescent="0.4">
      <c r="A5159">
        <v>5203</v>
      </c>
      <c r="B5159" s="1">
        <v>44812</v>
      </c>
      <c r="C5159">
        <v>1</v>
      </c>
      <c r="D5159" s="1">
        <v>44812.291666666664</v>
      </c>
      <c r="E5159" s="1">
        <v>44812.45</v>
      </c>
      <c r="F5159">
        <v>0</v>
      </c>
      <c r="G5159">
        <v>0</v>
      </c>
      <c r="H5159">
        <v>0</v>
      </c>
      <c r="I5159">
        <v>0</v>
      </c>
      <c r="J5159">
        <v>0</v>
      </c>
      <c r="K5159">
        <v>0</v>
      </c>
      <c r="L5159">
        <v>0</v>
      </c>
      <c r="M5159">
        <v>0</v>
      </c>
      <c r="N5159">
        <v>0</v>
      </c>
      <c r="O5159">
        <v>0</v>
      </c>
      <c r="P5159">
        <v>0</v>
      </c>
      <c r="Q5159">
        <v>0</v>
      </c>
      <c r="R5159">
        <v>0</v>
      </c>
      <c r="S5159">
        <v>0</v>
      </c>
      <c r="T5159">
        <v>0</v>
      </c>
      <c r="U5159">
        <v>0</v>
      </c>
      <c r="V5159">
        <v>0</v>
      </c>
      <c r="W5159">
        <v>1</v>
      </c>
      <c r="X5159">
        <v>0</v>
      </c>
      <c r="Y5159">
        <v>25</v>
      </c>
      <c r="Z5159">
        <v>15</v>
      </c>
      <c r="AA5159">
        <v>102</v>
      </c>
      <c r="AB5159">
        <v>16</v>
      </c>
      <c r="AC5159">
        <v>134</v>
      </c>
      <c r="AD5159">
        <v>22</v>
      </c>
      <c r="AE5159">
        <v>50</v>
      </c>
      <c r="AF5159">
        <v>0</v>
      </c>
      <c r="AG5159">
        <v>50000</v>
      </c>
      <c r="AH5159">
        <v>50000</v>
      </c>
      <c r="AI5159">
        <v>0</v>
      </c>
      <c r="AJ5159">
        <v>0</v>
      </c>
      <c r="AK5159" t="s">
        <v>6</v>
      </c>
      <c r="AL5159">
        <v>0</v>
      </c>
      <c r="AM5159">
        <v>0</v>
      </c>
      <c r="AN5159">
        <v>0</v>
      </c>
      <c r="AO5159">
        <v>0</v>
      </c>
      <c r="AP5159">
        <v>0</v>
      </c>
      <c r="AQ5159">
        <v>0</v>
      </c>
      <c r="AR5159">
        <v>0</v>
      </c>
      <c r="AS5159">
        <v>0</v>
      </c>
      <c r="AT5159">
        <v>0</v>
      </c>
      <c r="AU5159">
        <v>0</v>
      </c>
      <c r="AV5159">
        <v>0</v>
      </c>
      <c r="AW5159">
        <v>0</v>
      </c>
      <c r="AX5159">
        <v>0</v>
      </c>
      <c r="AY5159">
        <v>0</v>
      </c>
      <c r="AZ5159">
        <v>0</v>
      </c>
      <c r="BA5159">
        <v>0</v>
      </c>
    </row>
    <row r="5160" spans="1:53" x14ac:dyDescent="0.4">
      <c r="A5160">
        <v>5204</v>
      </c>
      <c r="B5160" s="1">
        <v>44812</v>
      </c>
      <c r="C5160">
        <v>2</v>
      </c>
      <c r="D5160" s="1">
        <v>44812.45</v>
      </c>
      <c r="E5160" s="1">
        <v>44812.742361111108</v>
      </c>
      <c r="F5160">
        <v>18200</v>
      </c>
      <c r="G5160">
        <v>770</v>
      </c>
      <c r="H5160">
        <v>0</v>
      </c>
      <c r="I5160">
        <v>0</v>
      </c>
      <c r="J5160">
        <v>0</v>
      </c>
      <c r="K5160">
        <v>0</v>
      </c>
      <c r="L5160">
        <v>0</v>
      </c>
      <c r="M5160">
        <v>1723</v>
      </c>
      <c r="N5160">
        <v>0</v>
      </c>
      <c r="O5160">
        <v>0</v>
      </c>
      <c r="P5160">
        <v>15370</v>
      </c>
      <c r="Q5160">
        <v>0</v>
      </c>
      <c r="R5160">
        <v>34340</v>
      </c>
      <c r="S5160">
        <v>0</v>
      </c>
      <c r="T5160">
        <v>0</v>
      </c>
      <c r="U5160">
        <v>0</v>
      </c>
      <c r="V5160">
        <v>3</v>
      </c>
      <c r="W5160">
        <v>1</v>
      </c>
      <c r="X5160">
        <v>0</v>
      </c>
      <c r="Y5160">
        <v>27</v>
      </c>
      <c r="Z5160">
        <v>23</v>
      </c>
      <c r="AA5160">
        <v>83</v>
      </c>
      <c r="AB5160">
        <v>19</v>
      </c>
      <c r="AC5160">
        <v>143</v>
      </c>
      <c r="AD5160">
        <v>22</v>
      </c>
      <c r="AE5160">
        <v>50</v>
      </c>
      <c r="AF5160">
        <v>0</v>
      </c>
      <c r="AG5160">
        <v>84340</v>
      </c>
      <c r="AH5160">
        <v>50000</v>
      </c>
      <c r="AI5160">
        <v>0</v>
      </c>
      <c r="AJ5160">
        <v>119</v>
      </c>
      <c r="AK5160" t="s">
        <v>56</v>
      </c>
      <c r="AL5160">
        <v>0</v>
      </c>
      <c r="AM5160">
        <v>0</v>
      </c>
      <c r="AN5160">
        <v>0</v>
      </c>
      <c r="AO5160">
        <v>0</v>
      </c>
      <c r="AP5160">
        <v>0</v>
      </c>
      <c r="AQ5160">
        <v>0</v>
      </c>
      <c r="AR5160">
        <v>0</v>
      </c>
      <c r="AS5160">
        <v>0</v>
      </c>
      <c r="AT5160">
        <v>0</v>
      </c>
      <c r="AU5160">
        <v>0</v>
      </c>
      <c r="AV5160">
        <v>0</v>
      </c>
      <c r="AW5160">
        <v>0</v>
      </c>
      <c r="AX5160">
        <v>0</v>
      </c>
      <c r="AY5160">
        <v>36</v>
      </c>
      <c r="AZ5160">
        <v>55</v>
      </c>
      <c r="BA5160">
        <v>5058</v>
      </c>
    </row>
    <row r="5161" spans="1:53" x14ac:dyDescent="0.4">
      <c r="A5161">
        <v>5205</v>
      </c>
      <c r="B5161" s="1">
        <v>44813</v>
      </c>
      <c r="C5161">
        <v>1</v>
      </c>
      <c r="D5161" s="1">
        <v>44813.291666666664</v>
      </c>
      <c r="E5161" s="1">
        <v>44813.4375</v>
      </c>
      <c r="F5161">
        <v>0</v>
      </c>
      <c r="G5161">
        <v>0</v>
      </c>
      <c r="H5161">
        <v>0</v>
      </c>
      <c r="I5161">
        <v>0</v>
      </c>
      <c r="J5161">
        <v>0</v>
      </c>
      <c r="K5161">
        <v>0</v>
      </c>
      <c r="L5161">
        <v>0</v>
      </c>
      <c r="M5161">
        <v>0</v>
      </c>
      <c r="N5161">
        <v>0</v>
      </c>
      <c r="O5161">
        <v>0</v>
      </c>
      <c r="P5161">
        <v>0</v>
      </c>
      <c r="Q5161">
        <v>0</v>
      </c>
      <c r="R5161">
        <v>0</v>
      </c>
      <c r="S5161">
        <v>0</v>
      </c>
      <c r="T5161">
        <v>0</v>
      </c>
      <c r="U5161">
        <v>0</v>
      </c>
      <c r="V5161">
        <v>0</v>
      </c>
      <c r="W5161">
        <v>1</v>
      </c>
      <c r="X5161">
        <v>0</v>
      </c>
      <c r="Y5161">
        <v>28</v>
      </c>
      <c r="Z5161">
        <v>13</v>
      </c>
      <c r="AA5161">
        <v>82</v>
      </c>
      <c r="AB5161">
        <v>21</v>
      </c>
      <c r="AC5161">
        <v>109</v>
      </c>
      <c r="AD5161">
        <v>22</v>
      </c>
      <c r="AE5161">
        <v>50</v>
      </c>
      <c r="AF5161">
        <v>0</v>
      </c>
      <c r="AG5161">
        <v>50000</v>
      </c>
      <c r="AH5161">
        <v>50000</v>
      </c>
      <c r="AI5161">
        <v>0</v>
      </c>
      <c r="AJ5161">
        <v>0</v>
      </c>
      <c r="AK5161" t="s">
        <v>6</v>
      </c>
      <c r="AL5161">
        <v>0</v>
      </c>
      <c r="AM5161">
        <v>0</v>
      </c>
      <c r="AN5161">
        <v>0</v>
      </c>
      <c r="AO5161">
        <v>0</v>
      </c>
      <c r="AP5161">
        <v>0</v>
      </c>
      <c r="AQ5161">
        <v>0</v>
      </c>
      <c r="AR5161">
        <v>0</v>
      </c>
      <c r="AS5161">
        <v>0</v>
      </c>
      <c r="AT5161">
        <v>0</v>
      </c>
      <c r="AU5161">
        <v>0</v>
      </c>
      <c r="AV5161">
        <v>0</v>
      </c>
      <c r="AW5161">
        <v>0</v>
      </c>
      <c r="AX5161">
        <v>0</v>
      </c>
      <c r="AY5161">
        <v>0</v>
      </c>
      <c r="AZ5161">
        <v>0</v>
      </c>
      <c r="BA5161">
        <v>0</v>
      </c>
    </row>
    <row r="5162" spans="1:53" x14ac:dyDescent="0.4">
      <c r="A5162">
        <v>5206</v>
      </c>
      <c r="B5162" s="1">
        <v>44813</v>
      </c>
      <c r="C5162">
        <v>2</v>
      </c>
      <c r="D5162" s="1">
        <v>44813.4375</v>
      </c>
      <c r="E5162" s="1">
        <v>44813.739583333336</v>
      </c>
      <c r="F5162">
        <v>23940</v>
      </c>
      <c r="G5162">
        <v>2992</v>
      </c>
      <c r="H5162">
        <v>0</v>
      </c>
      <c r="I5162">
        <v>0</v>
      </c>
      <c r="J5162">
        <v>0</v>
      </c>
      <c r="K5162">
        <v>0</v>
      </c>
      <c r="L5162">
        <v>0</v>
      </c>
      <c r="M5162">
        <v>2447</v>
      </c>
      <c r="N5162">
        <v>0</v>
      </c>
      <c r="O5162">
        <v>0</v>
      </c>
      <c r="P5162">
        <v>11240</v>
      </c>
      <c r="Q5162">
        <v>0</v>
      </c>
      <c r="R5162">
        <v>38172</v>
      </c>
      <c r="S5162">
        <v>0</v>
      </c>
      <c r="T5162">
        <v>0</v>
      </c>
      <c r="U5162">
        <v>0</v>
      </c>
      <c r="V5162">
        <v>0</v>
      </c>
      <c r="W5162">
        <v>2</v>
      </c>
      <c r="X5162">
        <v>0</v>
      </c>
      <c r="Y5162">
        <v>54</v>
      </c>
      <c r="Z5162">
        <v>16</v>
      </c>
      <c r="AA5162">
        <v>90</v>
      </c>
      <c r="AB5162">
        <v>13</v>
      </c>
      <c r="AC5162">
        <v>114</v>
      </c>
      <c r="AD5162">
        <v>24</v>
      </c>
      <c r="AE5162">
        <v>55</v>
      </c>
      <c r="AF5162">
        <v>5207</v>
      </c>
      <c r="AG5162">
        <v>88172</v>
      </c>
      <c r="AH5162">
        <v>50000</v>
      </c>
      <c r="AI5162">
        <v>0</v>
      </c>
      <c r="AJ5162">
        <v>116</v>
      </c>
      <c r="AK5162" t="s">
        <v>54</v>
      </c>
      <c r="AL5162">
        <v>0</v>
      </c>
      <c r="AM5162">
        <v>0</v>
      </c>
      <c r="AN5162">
        <v>0</v>
      </c>
      <c r="AO5162">
        <v>0</v>
      </c>
      <c r="AP5162">
        <v>0</v>
      </c>
      <c r="AQ5162">
        <v>0</v>
      </c>
      <c r="AR5162">
        <v>0</v>
      </c>
      <c r="AS5162">
        <v>0</v>
      </c>
      <c r="AT5162">
        <v>0</v>
      </c>
      <c r="AU5162">
        <v>0</v>
      </c>
      <c r="AV5162">
        <v>0</v>
      </c>
      <c r="AW5162">
        <v>0</v>
      </c>
      <c r="AX5162">
        <v>-1060</v>
      </c>
      <c r="AY5162">
        <v>40</v>
      </c>
      <c r="AZ5162">
        <v>61</v>
      </c>
      <c r="BA5162">
        <v>5132</v>
      </c>
    </row>
    <row r="5163" spans="1:53" x14ac:dyDescent="0.4">
      <c r="A5163">
        <v>5207</v>
      </c>
      <c r="B5163" s="1">
        <v>44813</v>
      </c>
      <c r="C5163">
        <v>3</v>
      </c>
      <c r="D5163" s="1">
        <v>44813.739583333336</v>
      </c>
      <c r="E5163" s="1">
        <v>44813.95</v>
      </c>
      <c r="F5163">
        <v>24180</v>
      </c>
      <c r="G5163">
        <v>440</v>
      </c>
      <c r="H5163">
        <v>0</v>
      </c>
      <c r="I5163">
        <v>0</v>
      </c>
      <c r="J5163">
        <v>0</v>
      </c>
      <c r="K5163">
        <v>0</v>
      </c>
      <c r="L5163">
        <v>0</v>
      </c>
      <c r="M5163">
        <v>2235</v>
      </c>
      <c r="N5163">
        <v>0</v>
      </c>
      <c r="O5163">
        <v>0</v>
      </c>
      <c r="P5163">
        <v>-11240</v>
      </c>
      <c r="Q5163">
        <v>0</v>
      </c>
      <c r="R5163">
        <v>13380</v>
      </c>
      <c r="S5163">
        <v>0</v>
      </c>
      <c r="T5163">
        <v>0</v>
      </c>
      <c r="U5163">
        <v>0</v>
      </c>
      <c r="V5163">
        <v>2</v>
      </c>
      <c r="W5163">
        <v>0</v>
      </c>
      <c r="X5163">
        <v>0</v>
      </c>
      <c r="Y5163">
        <v>58</v>
      </c>
      <c r="Z5163">
        <v>15</v>
      </c>
      <c r="AA5163">
        <v>90</v>
      </c>
      <c r="AB5163">
        <v>15</v>
      </c>
      <c r="AC5163">
        <v>102</v>
      </c>
      <c r="AD5163">
        <v>24</v>
      </c>
      <c r="AE5163">
        <v>55</v>
      </c>
      <c r="AF5163">
        <v>5207</v>
      </c>
      <c r="AG5163">
        <v>101652</v>
      </c>
      <c r="AH5163">
        <v>50000</v>
      </c>
      <c r="AI5163">
        <v>100</v>
      </c>
      <c r="AJ5163">
        <v>74</v>
      </c>
      <c r="AK5163" t="s">
        <v>64</v>
      </c>
      <c r="AL5163">
        <v>0</v>
      </c>
      <c r="AM5163">
        <v>0</v>
      </c>
      <c r="AN5163">
        <v>0</v>
      </c>
      <c r="AO5163">
        <v>0</v>
      </c>
      <c r="AP5163">
        <v>0</v>
      </c>
      <c r="AQ5163">
        <v>0</v>
      </c>
      <c r="AR5163">
        <v>0</v>
      </c>
      <c r="AS5163">
        <v>0</v>
      </c>
      <c r="AT5163">
        <v>0</v>
      </c>
      <c r="AU5163">
        <v>0</v>
      </c>
      <c r="AV5163">
        <v>0</v>
      </c>
      <c r="AW5163">
        <v>0</v>
      </c>
      <c r="AX5163">
        <v>8640</v>
      </c>
      <c r="AY5163">
        <v>12</v>
      </c>
      <c r="AZ5163">
        <v>21</v>
      </c>
      <c r="BA5163">
        <v>1923</v>
      </c>
    </row>
    <row r="5164" spans="1:53" x14ac:dyDescent="0.4">
      <c r="A5164">
        <v>5208</v>
      </c>
      <c r="B5164" s="1">
        <v>44814</v>
      </c>
      <c r="C5164">
        <v>1</v>
      </c>
      <c r="D5164" s="1">
        <v>44814.291666666664</v>
      </c>
      <c r="E5164" s="1">
        <v>44814.409722222219</v>
      </c>
      <c r="F5164">
        <v>0</v>
      </c>
      <c r="G5164">
        <v>0</v>
      </c>
      <c r="H5164">
        <v>0</v>
      </c>
      <c r="I5164">
        <v>0</v>
      </c>
      <c r="J5164">
        <v>0</v>
      </c>
      <c r="K5164">
        <v>0</v>
      </c>
      <c r="L5164">
        <v>0</v>
      </c>
      <c r="M5164">
        <v>0</v>
      </c>
      <c r="N5164">
        <v>0</v>
      </c>
      <c r="O5164">
        <v>0</v>
      </c>
      <c r="P5164">
        <v>0</v>
      </c>
      <c r="Q5164">
        <v>0</v>
      </c>
      <c r="R5164">
        <v>0</v>
      </c>
      <c r="S5164">
        <v>0</v>
      </c>
      <c r="T5164">
        <v>0</v>
      </c>
      <c r="U5164">
        <v>0</v>
      </c>
      <c r="V5164">
        <v>0</v>
      </c>
      <c r="W5164">
        <v>1</v>
      </c>
      <c r="X5164">
        <v>0</v>
      </c>
      <c r="Y5164">
        <v>27</v>
      </c>
      <c r="Z5164">
        <v>15</v>
      </c>
      <c r="AA5164">
        <v>87</v>
      </c>
      <c r="AB5164">
        <v>13</v>
      </c>
      <c r="AC5164">
        <v>98</v>
      </c>
      <c r="AD5164">
        <v>23</v>
      </c>
      <c r="AE5164">
        <v>55</v>
      </c>
      <c r="AF5164">
        <v>0</v>
      </c>
      <c r="AG5164">
        <v>50000</v>
      </c>
      <c r="AH5164">
        <v>50000</v>
      </c>
      <c r="AI5164">
        <v>0</v>
      </c>
      <c r="AJ5164">
        <v>0</v>
      </c>
      <c r="AK5164" t="s">
        <v>6</v>
      </c>
      <c r="AL5164">
        <v>0</v>
      </c>
      <c r="AM5164">
        <v>0</v>
      </c>
      <c r="AN5164">
        <v>0</v>
      </c>
      <c r="AO5164">
        <v>0</v>
      </c>
      <c r="AP5164">
        <v>0</v>
      </c>
      <c r="AQ5164">
        <v>0</v>
      </c>
      <c r="AR5164">
        <v>0</v>
      </c>
      <c r="AS5164">
        <v>0</v>
      </c>
      <c r="AT5164">
        <v>0</v>
      </c>
      <c r="AU5164">
        <v>0</v>
      </c>
      <c r="AV5164">
        <v>0</v>
      </c>
      <c r="AW5164">
        <v>0</v>
      </c>
      <c r="AX5164">
        <v>0</v>
      </c>
      <c r="AY5164">
        <v>0</v>
      </c>
      <c r="AZ5164">
        <v>0</v>
      </c>
      <c r="BA5164">
        <v>0</v>
      </c>
    </row>
    <row r="5165" spans="1:53" x14ac:dyDescent="0.4">
      <c r="A5165">
        <v>5209</v>
      </c>
      <c r="B5165" s="1">
        <v>44814</v>
      </c>
      <c r="C5165">
        <v>2</v>
      </c>
      <c r="D5165" s="1">
        <v>44814.409722222219</v>
      </c>
      <c r="E5165" s="1">
        <v>44814.755555555559</v>
      </c>
      <c r="F5165">
        <v>43065</v>
      </c>
      <c r="G5165">
        <v>3102</v>
      </c>
      <c r="H5165">
        <v>0</v>
      </c>
      <c r="I5165">
        <v>0</v>
      </c>
      <c r="J5165">
        <v>100</v>
      </c>
      <c r="K5165">
        <v>0</v>
      </c>
      <c r="L5165">
        <v>0</v>
      </c>
      <c r="M5165">
        <v>4184</v>
      </c>
      <c r="N5165">
        <v>0</v>
      </c>
      <c r="O5165">
        <v>0</v>
      </c>
      <c r="P5165">
        <v>21560</v>
      </c>
      <c r="Q5165">
        <v>0</v>
      </c>
      <c r="R5165">
        <v>67627</v>
      </c>
      <c r="S5165">
        <v>0</v>
      </c>
      <c r="T5165">
        <v>0</v>
      </c>
      <c r="U5165">
        <v>0</v>
      </c>
      <c r="V5165">
        <v>3</v>
      </c>
      <c r="W5165">
        <v>1</v>
      </c>
      <c r="X5165">
        <v>0</v>
      </c>
      <c r="Y5165">
        <v>53</v>
      </c>
      <c r="Z5165">
        <v>26</v>
      </c>
      <c r="AA5165">
        <v>81</v>
      </c>
      <c r="AB5165">
        <v>23</v>
      </c>
      <c r="AC5165">
        <v>101</v>
      </c>
      <c r="AD5165">
        <v>24</v>
      </c>
      <c r="AE5165">
        <v>46</v>
      </c>
      <c r="AF5165">
        <v>5201</v>
      </c>
      <c r="AG5165">
        <v>116627</v>
      </c>
      <c r="AH5165">
        <v>50000</v>
      </c>
      <c r="AI5165">
        <v>-1000</v>
      </c>
      <c r="AJ5165">
        <v>30</v>
      </c>
      <c r="AK5165" t="s">
        <v>63</v>
      </c>
      <c r="AL5165">
        <v>0</v>
      </c>
      <c r="AM5165">
        <v>0</v>
      </c>
      <c r="AN5165">
        <v>0</v>
      </c>
      <c r="AO5165">
        <v>0</v>
      </c>
      <c r="AP5165">
        <v>0</v>
      </c>
      <c r="AQ5165">
        <v>0</v>
      </c>
      <c r="AR5165">
        <v>0</v>
      </c>
      <c r="AS5165">
        <v>0</v>
      </c>
      <c r="AT5165">
        <v>0</v>
      </c>
      <c r="AU5165">
        <v>0</v>
      </c>
      <c r="AV5165">
        <v>0</v>
      </c>
      <c r="AW5165">
        <v>0</v>
      </c>
      <c r="AX5165">
        <v>64</v>
      </c>
      <c r="AY5165">
        <v>51</v>
      </c>
      <c r="AZ5165">
        <v>106</v>
      </c>
      <c r="BA5165">
        <v>7673</v>
      </c>
    </row>
    <row r="5166" spans="1:53" x14ac:dyDescent="0.4">
      <c r="A5166">
        <v>5210</v>
      </c>
      <c r="B5166" s="1">
        <v>44814</v>
      </c>
      <c r="C5166">
        <v>3</v>
      </c>
      <c r="D5166" s="1">
        <v>44814.755555555559</v>
      </c>
      <c r="E5166" s="1">
        <v>44814.949305555558</v>
      </c>
      <c r="F5166">
        <v>45580</v>
      </c>
      <c r="G5166">
        <v>1518</v>
      </c>
      <c r="H5166">
        <v>220</v>
      </c>
      <c r="I5166">
        <v>0</v>
      </c>
      <c r="J5166">
        <v>0</v>
      </c>
      <c r="K5166">
        <v>0</v>
      </c>
      <c r="L5166">
        <v>0</v>
      </c>
      <c r="M5166">
        <v>4300</v>
      </c>
      <c r="N5166">
        <v>0</v>
      </c>
      <c r="O5166">
        <v>0</v>
      </c>
      <c r="P5166">
        <v>-21560</v>
      </c>
      <c r="Q5166">
        <v>0</v>
      </c>
      <c r="R5166">
        <v>25758</v>
      </c>
      <c r="S5166">
        <v>0</v>
      </c>
      <c r="T5166">
        <v>0</v>
      </c>
      <c r="U5166">
        <v>0</v>
      </c>
      <c r="V5166">
        <v>3</v>
      </c>
      <c r="W5166">
        <v>3</v>
      </c>
      <c r="X5166">
        <v>0</v>
      </c>
      <c r="Y5166">
        <v>69</v>
      </c>
      <c r="Z5166">
        <v>26</v>
      </c>
      <c r="AA5166">
        <v>88</v>
      </c>
      <c r="AB5166">
        <v>24</v>
      </c>
      <c r="AC5166">
        <v>102</v>
      </c>
      <c r="AD5166">
        <v>23</v>
      </c>
      <c r="AE5166">
        <v>49</v>
      </c>
      <c r="AF5166">
        <v>5201</v>
      </c>
      <c r="AG5166">
        <v>143385</v>
      </c>
      <c r="AH5166">
        <v>50000</v>
      </c>
      <c r="AI5166">
        <v>0</v>
      </c>
      <c r="AJ5166">
        <v>103</v>
      </c>
      <c r="AK5166" t="s">
        <v>7</v>
      </c>
      <c r="AL5166">
        <v>0</v>
      </c>
      <c r="AM5166">
        <v>0</v>
      </c>
      <c r="AN5166">
        <v>0</v>
      </c>
      <c r="AO5166">
        <v>0</v>
      </c>
      <c r="AP5166">
        <v>0</v>
      </c>
      <c r="AQ5166">
        <v>0</v>
      </c>
      <c r="AR5166">
        <v>0</v>
      </c>
      <c r="AS5166">
        <v>0</v>
      </c>
      <c r="AT5166">
        <v>0</v>
      </c>
      <c r="AU5166">
        <v>0</v>
      </c>
      <c r="AV5166">
        <v>0</v>
      </c>
      <c r="AW5166">
        <v>0</v>
      </c>
      <c r="AX5166">
        <v>26158</v>
      </c>
      <c r="AY5166">
        <v>17</v>
      </c>
      <c r="AZ5166">
        <v>43</v>
      </c>
      <c r="BA5166">
        <v>2373</v>
      </c>
    </row>
    <row r="5167" spans="1:53" x14ac:dyDescent="0.4">
      <c r="A5167">
        <v>5211</v>
      </c>
      <c r="B5167" s="1">
        <v>44815</v>
      </c>
      <c r="C5167">
        <v>1</v>
      </c>
      <c r="D5167" s="1">
        <v>44815.291666666664</v>
      </c>
      <c r="E5167" s="1">
        <v>44815.734027777777</v>
      </c>
      <c r="F5167">
        <v>46850</v>
      </c>
      <c r="G5167">
        <v>4004</v>
      </c>
      <c r="H5167">
        <v>0</v>
      </c>
      <c r="I5167">
        <v>0</v>
      </c>
      <c r="J5167">
        <v>0</v>
      </c>
      <c r="K5167">
        <v>2000</v>
      </c>
      <c r="L5167">
        <v>0</v>
      </c>
      <c r="M5167">
        <v>4802</v>
      </c>
      <c r="N5167">
        <v>0</v>
      </c>
      <c r="O5167">
        <v>0</v>
      </c>
      <c r="P5167">
        <v>25500</v>
      </c>
      <c r="Q5167">
        <v>0</v>
      </c>
      <c r="R5167">
        <v>78354</v>
      </c>
      <c r="S5167">
        <v>0</v>
      </c>
      <c r="T5167">
        <v>0</v>
      </c>
      <c r="U5167">
        <v>0</v>
      </c>
      <c r="V5167">
        <v>0</v>
      </c>
      <c r="W5167">
        <v>5</v>
      </c>
      <c r="X5167">
        <v>0</v>
      </c>
      <c r="Y5167">
        <v>63</v>
      </c>
      <c r="Z5167">
        <v>35</v>
      </c>
      <c r="AA5167">
        <v>159</v>
      </c>
      <c r="AB5167">
        <v>38</v>
      </c>
      <c r="AC5167">
        <v>136</v>
      </c>
      <c r="AD5167">
        <v>21</v>
      </c>
      <c r="AE5167">
        <v>59</v>
      </c>
      <c r="AF5167">
        <v>3090</v>
      </c>
      <c r="AG5167">
        <v>127914</v>
      </c>
      <c r="AH5167">
        <v>50000</v>
      </c>
      <c r="AI5167">
        <v>-440</v>
      </c>
      <c r="AJ5167">
        <v>118</v>
      </c>
      <c r="AK5167" t="s">
        <v>59</v>
      </c>
      <c r="AL5167">
        <v>0</v>
      </c>
      <c r="AM5167">
        <v>0</v>
      </c>
      <c r="AN5167">
        <v>0</v>
      </c>
      <c r="AO5167">
        <v>0</v>
      </c>
      <c r="AP5167">
        <v>0</v>
      </c>
      <c r="AQ5167">
        <v>0</v>
      </c>
      <c r="AR5167">
        <v>0</v>
      </c>
      <c r="AS5167">
        <v>0</v>
      </c>
      <c r="AT5167">
        <v>0</v>
      </c>
      <c r="AU5167">
        <v>0</v>
      </c>
      <c r="AV5167">
        <v>0</v>
      </c>
      <c r="AW5167">
        <v>0</v>
      </c>
      <c r="AX5167">
        <v>0</v>
      </c>
      <c r="AY5167">
        <v>52</v>
      </c>
      <c r="AZ5167">
        <v>116</v>
      </c>
      <c r="BA5167">
        <v>7663</v>
      </c>
    </row>
    <row r="5168" spans="1:53" x14ac:dyDescent="0.4">
      <c r="A5168">
        <v>5212</v>
      </c>
      <c r="B5168" s="1">
        <v>44815</v>
      </c>
      <c r="C5168">
        <v>2</v>
      </c>
      <c r="D5168" s="1">
        <v>44815.734027777777</v>
      </c>
      <c r="E5168" s="1">
        <v>44815.925000000003</v>
      </c>
      <c r="F5168">
        <v>49360</v>
      </c>
      <c r="G5168">
        <v>2068</v>
      </c>
      <c r="H5168">
        <v>0</v>
      </c>
      <c r="I5168">
        <v>0</v>
      </c>
      <c r="J5168">
        <v>100</v>
      </c>
      <c r="K5168">
        <v>0</v>
      </c>
      <c r="L5168">
        <v>0</v>
      </c>
      <c r="M5168">
        <v>4666</v>
      </c>
      <c r="N5168">
        <v>0</v>
      </c>
      <c r="O5168">
        <v>0</v>
      </c>
      <c r="P5168">
        <v>-22710</v>
      </c>
      <c r="Q5168">
        <v>0</v>
      </c>
      <c r="R5168">
        <v>28618</v>
      </c>
      <c r="S5168">
        <v>0</v>
      </c>
      <c r="T5168">
        <v>0</v>
      </c>
      <c r="U5168">
        <v>0</v>
      </c>
      <c r="V5168">
        <v>1</v>
      </c>
      <c r="W5168">
        <v>5</v>
      </c>
      <c r="X5168">
        <v>0</v>
      </c>
      <c r="Y5168">
        <v>79</v>
      </c>
      <c r="Z5168">
        <v>42</v>
      </c>
      <c r="AA5168">
        <v>153</v>
      </c>
      <c r="AB5168">
        <v>41</v>
      </c>
      <c r="AC5168">
        <v>138</v>
      </c>
      <c r="AD5168">
        <v>20</v>
      </c>
      <c r="AE5168">
        <v>52</v>
      </c>
      <c r="AF5168">
        <v>3090</v>
      </c>
      <c r="AG5168">
        <v>156972</v>
      </c>
      <c r="AH5168">
        <v>50000</v>
      </c>
      <c r="AI5168">
        <v>0</v>
      </c>
      <c r="AJ5168">
        <v>108</v>
      </c>
      <c r="AK5168" t="s">
        <v>3</v>
      </c>
      <c r="AL5168">
        <v>0</v>
      </c>
      <c r="AM5168">
        <v>0</v>
      </c>
      <c r="AN5168">
        <v>0</v>
      </c>
      <c r="AO5168">
        <v>0</v>
      </c>
      <c r="AP5168">
        <v>0</v>
      </c>
      <c r="AQ5168">
        <v>0</v>
      </c>
      <c r="AR5168">
        <v>0</v>
      </c>
      <c r="AS5168">
        <v>0</v>
      </c>
      <c r="AT5168">
        <v>0</v>
      </c>
      <c r="AU5168">
        <v>0</v>
      </c>
      <c r="AV5168">
        <v>0</v>
      </c>
      <c r="AW5168">
        <v>0</v>
      </c>
      <c r="AX5168">
        <v>10758</v>
      </c>
      <c r="AY5168">
        <v>20</v>
      </c>
      <c r="AZ5168">
        <v>49</v>
      </c>
      <c r="BA5168">
        <v>3310</v>
      </c>
    </row>
    <row r="5169" spans="1:53" x14ac:dyDescent="0.4">
      <c r="A5169">
        <v>5213</v>
      </c>
      <c r="B5169" s="1">
        <v>44815</v>
      </c>
      <c r="C5169">
        <v>3</v>
      </c>
      <c r="D5169" s="1">
        <v>44815.925000000003</v>
      </c>
      <c r="E5169" s="1">
        <v>44815.957638888889</v>
      </c>
      <c r="F5169">
        <v>5500</v>
      </c>
      <c r="G5169">
        <v>1408</v>
      </c>
      <c r="H5169">
        <v>0</v>
      </c>
      <c r="I5169">
        <v>0</v>
      </c>
      <c r="J5169">
        <v>0</v>
      </c>
      <c r="K5169">
        <v>0</v>
      </c>
      <c r="L5169">
        <v>0</v>
      </c>
      <c r="M5169">
        <v>628</v>
      </c>
      <c r="N5169">
        <v>0</v>
      </c>
      <c r="O5169">
        <v>0</v>
      </c>
      <c r="P5169">
        <v>6000</v>
      </c>
      <c r="Q5169">
        <v>0</v>
      </c>
      <c r="R5169">
        <v>12908</v>
      </c>
      <c r="S5169">
        <v>0</v>
      </c>
      <c r="T5169">
        <v>0</v>
      </c>
      <c r="U5169">
        <v>0</v>
      </c>
      <c r="V5169">
        <v>2</v>
      </c>
      <c r="W5169">
        <v>6</v>
      </c>
      <c r="X5169">
        <v>0</v>
      </c>
      <c r="Y5169">
        <v>77</v>
      </c>
      <c r="Z5169">
        <v>42</v>
      </c>
      <c r="AA5169">
        <v>153</v>
      </c>
      <c r="AB5169">
        <v>40</v>
      </c>
      <c r="AC5169">
        <v>134</v>
      </c>
      <c r="AD5169">
        <v>20</v>
      </c>
      <c r="AE5169">
        <v>50</v>
      </c>
      <c r="AF5169">
        <v>3090</v>
      </c>
      <c r="AG5169">
        <v>169880</v>
      </c>
      <c r="AH5169">
        <v>50000</v>
      </c>
      <c r="AI5169">
        <v>0</v>
      </c>
      <c r="AJ5169">
        <v>103</v>
      </c>
      <c r="AK5169" t="s">
        <v>7</v>
      </c>
      <c r="AL5169">
        <v>0</v>
      </c>
      <c r="AM5169">
        <v>0</v>
      </c>
      <c r="AN5169">
        <v>0</v>
      </c>
      <c r="AO5169">
        <v>0</v>
      </c>
      <c r="AP5169">
        <v>0</v>
      </c>
      <c r="AQ5169">
        <v>0</v>
      </c>
      <c r="AR5169">
        <v>0</v>
      </c>
      <c r="AS5169">
        <v>0</v>
      </c>
      <c r="AT5169">
        <v>0</v>
      </c>
      <c r="AU5169">
        <v>0</v>
      </c>
      <c r="AV5169">
        <v>0</v>
      </c>
      <c r="AW5169">
        <v>0</v>
      </c>
      <c r="AX5169">
        <v>7150</v>
      </c>
      <c r="AY5169">
        <v>1</v>
      </c>
      <c r="AZ5169">
        <v>4</v>
      </c>
      <c r="BA5169">
        <v>269</v>
      </c>
    </row>
    <row r="5170" spans="1:53" x14ac:dyDescent="0.4">
      <c r="A5170">
        <v>5214</v>
      </c>
      <c r="B5170" s="1">
        <v>44816</v>
      </c>
      <c r="C5170">
        <v>1</v>
      </c>
      <c r="D5170" s="1">
        <v>44816.291666666664</v>
      </c>
      <c r="E5170" s="1">
        <v>44816.445833333331</v>
      </c>
      <c r="F5170">
        <v>0</v>
      </c>
      <c r="G5170">
        <v>0</v>
      </c>
      <c r="H5170">
        <v>0</v>
      </c>
      <c r="I5170">
        <v>0</v>
      </c>
      <c r="J5170">
        <v>0</v>
      </c>
      <c r="K5170">
        <v>0</v>
      </c>
      <c r="L5170">
        <v>0</v>
      </c>
      <c r="M5170">
        <v>0</v>
      </c>
      <c r="N5170">
        <v>0</v>
      </c>
      <c r="O5170">
        <v>0</v>
      </c>
      <c r="P5170">
        <v>0</v>
      </c>
      <c r="Q5170">
        <v>0</v>
      </c>
      <c r="R5170">
        <v>0</v>
      </c>
      <c r="S5170">
        <v>0</v>
      </c>
      <c r="T5170">
        <v>0</v>
      </c>
      <c r="U5170">
        <v>0</v>
      </c>
      <c r="V5170">
        <v>0</v>
      </c>
      <c r="W5170">
        <v>1</v>
      </c>
      <c r="X5170">
        <v>0</v>
      </c>
      <c r="Y5170">
        <v>21</v>
      </c>
      <c r="Z5170">
        <v>13</v>
      </c>
      <c r="AA5170">
        <v>116</v>
      </c>
      <c r="AB5170">
        <v>28</v>
      </c>
      <c r="AC5170">
        <v>119</v>
      </c>
      <c r="AD5170">
        <v>21</v>
      </c>
      <c r="AE5170">
        <v>59</v>
      </c>
      <c r="AF5170">
        <v>3146</v>
      </c>
      <c r="AG5170">
        <v>50000</v>
      </c>
      <c r="AH5170">
        <v>0</v>
      </c>
      <c r="AI5170">
        <v>50000</v>
      </c>
      <c r="AJ5170">
        <v>0</v>
      </c>
      <c r="AK5170" t="s">
        <v>6</v>
      </c>
      <c r="AL5170">
        <v>0</v>
      </c>
      <c r="AM5170">
        <v>0</v>
      </c>
      <c r="AN5170">
        <v>0</v>
      </c>
      <c r="AO5170">
        <v>0</v>
      </c>
      <c r="AP5170">
        <v>0</v>
      </c>
      <c r="AQ5170">
        <v>0</v>
      </c>
      <c r="AR5170">
        <v>0</v>
      </c>
      <c r="AS5170">
        <v>0</v>
      </c>
      <c r="AT5170">
        <v>0</v>
      </c>
      <c r="AU5170">
        <v>0</v>
      </c>
      <c r="AV5170">
        <v>0</v>
      </c>
      <c r="AW5170">
        <v>0</v>
      </c>
      <c r="AX5170">
        <v>0</v>
      </c>
      <c r="AY5170">
        <v>0</v>
      </c>
      <c r="AZ5170">
        <v>0</v>
      </c>
      <c r="BA5170">
        <v>0</v>
      </c>
    </row>
    <row r="5171" spans="1:53" x14ac:dyDescent="0.4">
      <c r="A5171">
        <v>5215</v>
      </c>
      <c r="B5171" s="1">
        <v>44816</v>
      </c>
      <c r="C5171">
        <v>2</v>
      </c>
      <c r="D5171" s="1">
        <v>44816.445833333331</v>
      </c>
      <c r="E5171" s="1">
        <v>44816.736111111109</v>
      </c>
      <c r="F5171">
        <v>21090</v>
      </c>
      <c r="G5171">
        <v>1672</v>
      </c>
      <c r="H5171">
        <v>0</v>
      </c>
      <c r="I5171">
        <v>0</v>
      </c>
      <c r="J5171">
        <v>0</v>
      </c>
      <c r="K5171">
        <v>0</v>
      </c>
      <c r="L5171">
        <v>0</v>
      </c>
      <c r="M5171">
        <v>2067</v>
      </c>
      <c r="N5171">
        <v>0</v>
      </c>
      <c r="O5171">
        <v>0</v>
      </c>
      <c r="P5171">
        <v>16353</v>
      </c>
      <c r="Q5171">
        <v>0</v>
      </c>
      <c r="R5171">
        <v>39115</v>
      </c>
      <c r="S5171">
        <v>0</v>
      </c>
      <c r="T5171">
        <v>0</v>
      </c>
      <c r="U5171">
        <v>0</v>
      </c>
      <c r="V5171">
        <v>0</v>
      </c>
      <c r="W5171">
        <v>3</v>
      </c>
      <c r="X5171">
        <v>0</v>
      </c>
      <c r="Y5171">
        <v>39</v>
      </c>
      <c r="Z5171">
        <v>33</v>
      </c>
      <c r="AA5171">
        <v>115</v>
      </c>
      <c r="AB5171">
        <v>32</v>
      </c>
      <c r="AC5171">
        <v>99</v>
      </c>
      <c r="AD5171">
        <v>22</v>
      </c>
      <c r="AE5171">
        <v>69</v>
      </c>
      <c r="AF5171">
        <v>4346</v>
      </c>
      <c r="AG5171">
        <v>89115</v>
      </c>
      <c r="AH5171">
        <v>50000</v>
      </c>
      <c r="AI5171">
        <v>0</v>
      </c>
      <c r="AJ5171">
        <v>119</v>
      </c>
      <c r="AK5171" t="s">
        <v>56</v>
      </c>
      <c r="AL5171">
        <v>0</v>
      </c>
      <c r="AM5171">
        <v>0</v>
      </c>
      <c r="AN5171">
        <v>0</v>
      </c>
      <c r="AO5171">
        <v>0</v>
      </c>
      <c r="AP5171">
        <v>0</v>
      </c>
      <c r="AQ5171">
        <v>0</v>
      </c>
      <c r="AR5171">
        <v>0</v>
      </c>
      <c r="AS5171">
        <v>0</v>
      </c>
      <c r="AT5171">
        <v>0</v>
      </c>
      <c r="AU5171">
        <v>0</v>
      </c>
      <c r="AV5171">
        <v>0</v>
      </c>
      <c r="AW5171">
        <v>0</v>
      </c>
      <c r="AX5171">
        <v>-1950</v>
      </c>
      <c r="AY5171">
        <v>38</v>
      </c>
      <c r="AZ5171">
        <v>64</v>
      </c>
      <c r="BA5171">
        <v>4128</v>
      </c>
    </row>
    <row r="5172" spans="1:53" x14ac:dyDescent="0.4">
      <c r="A5172">
        <v>5216</v>
      </c>
      <c r="B5172" s="1">
        <v>44817</v>
      </c>
      <c r="C5172">
        <v>1</v>
      </c>
      <c r="D5172" s="1">
        <v>44817.291666666664</v>
      </c>
      <c r="E5172" s="1">
        <v>44817.431250000001</v>
      </c>
      <c r="F5172">
        <v>0</v>
      </c>
      <c r="G5172">
        <v>0</v>
      </c>
      <c r="H5172">
        <v>0</v>
      </c>
      <c r="I5172">
        <v>0</v>
      </c>
      <c r="J5172">
        <v>0</v>
      </c>
      <c r="K5172">
        <v>0</v>
      </c>
      <c r="L5172">
        <v>0</v>
      </c>
      <c r="M5172">
        <v>0</v>
      </c>
      <c r="N5172">
        <v>0</v>
      </c>
      <c r="O5172">
        <v>0</v>
      </c>
      <c r="P5172">
        <v>0</v>
      </c>
      <c r="Q5172">
        <v>0</v>
      </c>
      <c r="R5172">
        <v>0</v>
      </c>
      <c r="S5172">
        <v>0</v>
      </c>
      <c r="T5172">
        <v>0</v>
      </c>
      <c r="U5172">
        <v>0</v>
      </c>
      <c r="V5172">
        <v>0</v>
      </c>
      <c r="W5172">
        <v>1</v>
      </c>
      <c r="X5172">
        <v>0</v>
      </c>
      <c r="Y5172">
        <v>24</v>
      </c>
      <c r="Z5172">
        <v>16</v>
      </c>
      <c r="AA5172">
        <v>102</v>
      </c>
      <c r="AB5172">
        <v>32</v>
      </c>
      <c r="AC5172">
        <v>104</v>
      </c>
      <c r="AD5172">
        <v>20</v>
      </c>
      <c r="AE5172">
        <v>60</v>
      </c>
      <c r="AF5172">
        <v>0</v>
      </c>
      <c r="AG5172">
        <v>50000</v>
      </c>
      <c r="AH5172">
        <v>50000</v>
      </c>
      <c r="AI5172">
        <v>0</v>
      </c>
      <c r="AJ5172">
        <v>0</v>
      </c>
      <c r="AK5172" t="s">
        <v>6</v>
      </c>
      <c r="AL5172">
        <v>0</v>
      </c>
      <c r="AM5172">
        <v>0</v>
      </c>
      <c r="AN5172">
        <v>0</v>
      </c>
      <c r="AO5172">
        <v>0</v>
      </c>
      <c r="AP5172">
        <v>0</v>
      </c>
      <c r="AQ5172">
        <v>0</v>
      </c>
      <c r="AR5172">
        <v>0</v>
      </c>
      <c r="AS5172">
        <v>0</v>
      </c>
      <c r="AT5172">
        <v>0</v>
      </c>
      <c r="AU5172">
        <v>0</v>
      </c>
      <c r="AV5172">
        <v>0</v>
      </c>
      <c r="AW5172">
        <v>0</v>
      </c>
      <c r="AX5172">
        <v>0</v>
      </c>
      <c r="AY5172">
        <v>0</v>
      </c>
      <c r="AZ5172">
        <v>0</v>
      </c>
      <c r="BA5172">
        <v>0</v>
      </c>
    </row>
    <row r="5173" spans="1:53" x14ac:dyDescent="0.4">
      <c r="A5173">
        <v>5217</v>
      </c>
      <c r="B5173" s="1">
        <v>44817</v>
      </c>
      <c r="C5173">
        <v>2</v>
      </c>
      <c r="D5173" s="1">
        <v>44817.431250000001</v>
      </c>
      <c r="E5173" s="1">
        <v>44817.739583333336</v>
      </c>
      <c r="F5173">
        <v>17760</v>
      </c>
      <c r="G5173">
        <v>902</v>
      </c>
      <c r="H5173">
        <v>0</v>
      </c>
      <c r="I5173">
        <v>0</v>
      </c>
      <c r="J5173">
        <v>0</v>
      </c>
      <c r="K5173">
        <v>0</v>
      </c>
      <c r="L5173">
        <v>0</v>
      </c>
      <c r="M5173">
        <v>1696</v>
      </c>
      <c r="N5173">
        <v>0</v>
      </c>
      <c r="O5173">
        <v>0</v>
      </c>
      <c r="P5173">
        <v>9240</v>
      </c>
      <c r="Q5173">
        <v>0</v>
      </c>
      <c r="R5173">
        <v>27902</v>
      </c>
      <c r="S5173">
        <v>0</v>
      </c>
      <c r="T5173">
        <v>0</v>
      </c>
      <c r="U5173">
        <v>0</v>
      </c>
      <c r="V5173">
        <v>1</v>
      </c>
      <c r="W5173">
        <v>0</v>
      </c>
      <c r="X5173">
        <v>0</v>
      </c>
      <c r="Y5173">
        <v>35</v>
      </c>
      <c r="Z5173">
        <v>16</v>
      </c>
      <c r="AA5173">
        <v>98</v>
      </c>
      <c r="AB5173">
        <v>29</v>
      </c>
      <c r="AC5173">
        <v>119</v>
      </c>
      <c r="AD5173">
        <v>19</v>
      </c>
      <c r="AE5173">
        <v>59</v>
      </c>
      <c r="AF5173">
        <v>12308</v>
      </c>
      <c r="AG5173">
        <v>77902</v>
      </c>
      <c r="AH5173">
        <v>50000</v>
      </c>
      <c r="AI5173">
        <v>0</v>
      </c>
      <c r="AJ5173">
        <v>116</v>
      </c>
      <c r="AK5173" t="s">
        <v>54</v>
      </c>
      <c r="AL5173">
        <v>0</v>
      </c>
      <c r="AM5173">
        <v>0</v>
      </c>
      <c r="AN5173">
        <v>0</v>
      </c>
      <c r="AO5173">
        <v>0</v>
      </c>
      <c r="AP5173">
        <v>0</v>
      </c>
      <c r="AQ5173">
        <v>0</v>
      </c>
      <c r="AR5173">
        <v>0</v>
      </c>
      <c r="AS5173">
        <v>0</v>
      </c>
      <c r="AT5173">
        <v>0</v>
      </c>
      <c r="AU5173">
        <v>0</v>
      </c>
      <c r="AV5173">
        <v>0</v>
      </c>
      <c r="AW5173">
        <v>0</v>
      </c>
      <c r="AX5173">
        <v>0</v>
      </c>
      <c r="AY5173">
        <v>27</v>
      </c>
      <c r="AZ5173">
        <v>45</v>
      </c>
      <c r="BA5173">
        <v>3902</v>
      </c>
    </row>
    <row r="5174" spans="1:53" x14ac:dyDescent="0.4">
      <c r="A5174">
        <v>5218</v>
      </c>
      <c r="B5174" s="1">
        <v>44817</v>
      </c>
      <c r="C5174">
        <v>3</v>
      </c>
      <c r="D5174" s="1">
        <v>44817.739583333336</v>
      </c>
      <c r="E5174" s="1">
        <v>44817.95416666667</v>
      </c>
      <c r="F5174">
        <v>18730</v>
      </c>
      <c r="G5174">
        <v>1518</v>
      </c>
      <c r="H5174">
        <v>0</v>
      </c>
      <c r="I5174">
        <v>0</v>
      </c>
      <c r="J5174">
        <v>0</v>
      </c>
      <c r="K5174">
        <v>0</v>
      </c>
      <c r="L5174">
        <v>0</v>
      </c>
      <c r="M5174">
        <v>1840</v>
      </c>
      <c r="N5174">
        <v>0</v>
      </c>
      <c r="O5174">
        <v>0</v>
      </c>
      <c r="P5174">
        <v>-5940</v>
      </c>
      <c r="Q5174">
        <v>0</v>
      </c>
      <c r="R5174">
        <v>14308</v>
      </c>
      <c r="S5174">
        <v>0</v>
      </c>
      <c r="T5174">
        <v>0</v>
      </c>
      <c r="U5174">
        <v>0</v>
      </c>
      <c r="V5174">
        <v>1</v>
      </c>
      <c r="W5174">
        <v>0</v>
      </c>
      <c r="X5174">
        <v>0</v>
      </c>
      <c r="Y5174">
        <v>46</v>
      </c>
      <c r="Z5174">
        <v>20</v>
      </c>
      <c r="AA5174">
        <v>105</v>
      </c>
      <c r="AB5174">
        <v>30</v>
      </c>
      <c r="AC5174">
        <v>120</v>
      </c>
      <c r="AD5174">
        <v>19</v>
      </c>
      <c r="AE5174">
        <v>57</v>
      </c>
      <c r="AF5174">
        <v>12858</v>
      </c>
      <c r="AG5174">
        <v>92210</v>
      </c>
      <c r="AH5174">
        <v>50000</v>
      </c>
      <c r="AI5174">
        <v>0</v>
      </c>
      <c r="AJ5174">
        <v>74</v>
      </c>
      <c r="AK5174" t="s">
        <v>64</v>
      </c>
      <c r="AL5174">
        <v>0</v>
      </c>
      <c r="AM5174">
        <v>0</v>
      </c>
      <c r="AN5174">
        <v>0</v>
      </c>
      <c r="AO5174">
        <v>0</v>
      </c>
      <c r="AP5174">
        <v>0</v>
      </c>
      <c r="AQ5174">
        <v>0</v>
      </c>
      <c r="AR5174">
        <v>0</v>
      </c>
      <c r="AS5174">
        <v>0</v>
      </c>
      <c r="AT5174">
        <v>0</v>
      </c>
      <c r="AU5174">
        <v>0</v>
      </c>
      <c r="AV5174">
        <v>0</v>
      </c>
      <c r="AW5174">
        <v>0</v>
      </c>
      <c r="AX5174">
        <v>1650</v>
      </c>
      <c r="AY5174">
        <v>10</v>
      </c>
      <c r="AZ5174">
        <v>15</v>
      </c>
      <c r="BA5174">
        <v>1383</v>
      </c>
    </row>
    <row r="5175" spans="1:53" x14ac:dyDescent="0.4">
      <c r="A5175">
        <v>5219</v>
      </c>
      <c r="B5175" s="1">
        <v>44818</v>
      </c>
      <c r="C5175">
        <v>1</v>
      </c>
      <c r="D5175" s="1">
        <v>44818.291666666664</v>
      </c>
      <c r="E5175" s="1">
        <v>44818.438194444447</v>
      </c>
      <c r="F5175">
        <v>0</v>
      </c>
      <c r="G5175">
        <v>0</v>
      </c>
      <c r="H5175">
        <v>0</v>
      </c>
      <c r="I5175">
        <v>0</v>
      </c>
      <c r="J5175">
        <v>0</v>
      </c>
      <c r="K5175">
        <v>0</v>
      </c>
      <c r="L5175">
        <v>0</v>
      </c>
      <c r="M5175">
        <v>0</v>
      </c>
      <c r="N5175">
        <v>0</v>
      </c>
      <c r="O5175">
        <v>0</v>
      </c>
      <c r="P5175">
        <v>0</v>
      </c>
      <c r="Q5175">
        <v>0</v>
      </c>
      <c r="R5175">
        <v>0</v>
      </c>
      <c r="S5175">
        <v>0</v>
      </c>
      <c r="T5175">
        <v>0</v>
      </c>
      <c r="U5175">
        <v>0</v>
      </c>
      <c r="V5175">
        <v>0</v>
      </c>
      <c r="W5175">
        <v>1</v>
      </c>
      <c r="X5175">
        <v>0</v>
      </c>
      <c r="Y5175">
        <v>25</v>
      </c>
      <c r="Z5175">
        <v>13</v>
      </c>
      <c r="AA5175">
        <v>108</v>
      </c>
      <c r="AB5175">
        <v>29</v>
      </c>
      <c r="AC5175">
        <v>110</v>
      </c>
      <c r="AD5175">
        <v>19</v>
      </c>
      <c r="AE5175">
        <v>55</v>
      </c>
      <c r="AF5175">
        <v>0</v>
      </c>
      <c r="AG5175">
        <v>50000</v>
      </c>
      <c r="AH5175">
        <v>50000</v>
      </c>
      <c r="AI5175">
        <v>0</v>
      </c>
      <c r="AJ5175">
        <v>0</v>
      </c>
      <c r="AK5175" t="s">
        <v>6</v>
      </c>
      <c r="AL5175">
        <v>0</v>
      </c>
      <c r="AM5175">
        <v>0</v>
      </c>
      <c r="AN5175">
        <v>0</v>
      </c>
      <c r="AO5175">
        <v>0</v>
      </c>
      <c r="AP5175">
        <v>0</v>
      </c>
      <c r="AQ5175">
        <v>0</v>
      </c>
      <c r="AR5175">
        <v>0</v>
      </c>
      <c r="AS5175">
        <v>0</v>
      </c>
      <c r="AT5175">
        <v>0</v>
      </c>
      <c r="AU5175">
        <v>0</v>
      </c>
      <c r="AV5175">
        <v>0</v>
      </c>
      <c r="AW5175">
        <v>0</v>
      </c>
      <c r="AX5175">
        <v>0</v>
      </c>
      <c r="AY5175">
        <v>0</v>
      </c>
      <c r="AZ5175">
        <v>0</v>
      </c>
      <c r="BA5175">
        <v>0</v>
      </c>
    </row>
    <row r="5176" spans="1:53" x14ac:dyDescent="0.4">
      <c r="A5176">
        <v>5220</v>
      </c>
      <c r="B5176" s="1">
        <v>44818</v>
      </c>
      <c r="C5176">
        <v>2</v>
      </c>
      <c r="D5176" s="1">
        <v>44818.438194444447</v>
      </c>
      <c r="E5176" s="1">
        <v>44818.737500000003</v>
      </c>
      <c r="F5176">
        <v>6850</v>
      </c>
      <c r="G5176">
        <v>308</v>
      </c>
      <c r="H5176">
        <v>0</v>
      </c>
      <c r="I5176">
        <v>0</v>
      </c>
      <c r="J5176">
        <v>100</v>
      </c>
      <c r="K5176">
        <v>0</v>
      </c>
      <c r="L5176">
        <v>0</v>
      </c>
      <c r="M5176">
        <v>642</v>
      </c>
      <c r="N5176">
        <v>0</v>
      </c>
      <c r="O5176">
        <v>0</v>
      </c>
      <c r="P5176">
        <v>18830</v>
      </c>
      <c r="Q5176">
        <v>0</v>
      </c>
      <c r="R5176">
        <v>25888</v>
      </c>
      <c r="S5176">
        <v>0</v>
      </c>
      <c r="T5176">
        <v>0</v>
      </c>
      <c r="U5176">
        <v>0</v>
      </c>
      <c r="V5176">
        <v>0</v>
      </c>
      <c r="W5176">
        <v>2</v>
      </c>
      <c r="X5176">
        <v>0</v>
      </c>
      <c r="Y5176">
        <v>40</v>
      </c>
      <c r="Z5176">
        <v>18</v>
      </c>
      <c r="AA5176">
        <v>118</v>
      </c>
      <c r="AB5176">
        <v>31</v>
      </c>
      <c r="AC5176">
        <v>116</v>
      </c>
      <c r="AD5176">
        <v>19</v>
      </c>
      <c r="AE5176">
        <v>53</v>
      </c>
      <c r="AF5176">
        <v>2230</v>
      </c>
      <c r="AG5176">
        <v>75888</v>
      </c>
      <c r="AH5176">
        <v>50000</v>
      </c>
      <c r="AI5176">
        <v>0</v>
      </c>
      <c r="AJ5176">
        <v>116</v>
      </c>
      <c r="AK5176" t="s">
        <v>54</v>
      </c>
      <c r="AL5176">
        <v>0</v>
      </c>
      <c r="AM5176">
        <v>0</v>
      </c>
      <c r="AN5176">
        <v>0</v>
      </c>
      <c r="AO5176">
        <v>0</v>
      </c>
      <c r="AP5176">
        <v>0</v>
      </c>
      <c r="AQ5176">
        <v>0</v>
      </c>
      <c r="AR5176">
        <v>0</v>
      </c>
      <c r="AS5176">
        <v>0</v>
      </c>
      <c r="AT5176">
        <v>0</v>
      </c>
      <c r="AU5176">
        <v>0</v>
      </c>
      <c r="AV5176">
        <v>0</v>
      </c>
      <c r="AW5176">
        <v>0</v>
      </c>
      <c r="AX5176">
        <v>594</v>
      </c>
      <c r="AY5176">
        <v>28</v>
      </c>
      <c r="AZ5176">
        <v>41</v>
      </c>
      <c r="BA5176">
        <v>3680</v>
      </c>
    </row>
    <row r="5177" spans="1:53" x14ac:dyDescent="0.4">
      <c r="A5177">
        <v>5221</v>
      </c>
      <c r="B5177" s="1">
        <v>44818</v>
      </c>
      <c r="C5177">
        <v>3</v>
      </c>
      <c r="D5177" s="1">
        <v>44818.737500000003</v>
      </c>
      <c r="E5177" s="1">
        <v>44819.07708333333</v>
      </c>
      <c r="F5177">
        <v>36300</v>
      </c>
      <c r="G5177">
        <v>3014</v>
      </c>
      <c r="H5177">
        <v>0</v>
      </c>
      <c r="I5177">
        <v>0</v>
      </c>
      <c r="J5177">
        <v>100</v>
      </c>
      <c r="K5177">
        <v>0</v>
      </c>
      <c r="L5177">
        <v>0</v>
      </c>
      <c r="M5177">
        <v>3566</v>
      </c>
      <c r="N5177">
        <v>0</v>
      </c>
      <c r="O5177">
        <v>0</v>
      </c>
      <c r="P5177">
        <v>-18830</v>
      </c>
      <c r="Q5177">
        <v>0</v>
      </c>
      <c r="R5177">
        <v>20384</v>
      </c>
      <c r="S5177">
        <v>0</v>
      </c>
      <c r="T5177">
        <v>0</v>
      </c>
      <c r="U5177">
        <v>0</v>
      </c>
      <c r="V5177">
        <v>2</v>
      </c>
      <c r="W5177">
        <v>0</v>
      </c>
      <c r="X5177">
        <v>0</v>
      </c>
      <c r="Y5177">
        <v>48</v>
      </c>
      <c r="Z5177">
        <v>20</v>
      </c>
      <c r="AA5177">
        <v>118</v>
      </c>
      <c r="AB5177">
        <v>29</v>
      </c>
      <c r="AC5177">
        <v>114</v>
      </c>
      <c r="AD5177">
        <v>19</v>
      </c>
      <c r="AE5177">
        <v>57</v>
      </c>
      <c r="AF5177">
        <v>3730</v>
      </c>
      <c r="AG5177">
        <v>96272</v>
      </c>
      <c r="AH5177">
        <v>50000</v>
      </c>
      <c r="AI5177">
        <v>0</v>
      </c>
      <c r="AJ5177">
        <v>108</v>
      </c>
      <c r="AK5177" t="s">
        <v>3</v>
      </c>
      <c r="AL5177">
        <v>0</v>
      </c>
      <c r="AM5177">
        <v>0</v>
      </c>
      <c r="AN5177">
        <v>0</v>
      </c>
      <c r="AO5177">
        <v>0</v>
      </c>
      <c r="AP5177">
        <v>0</v>
      </c>
      <c r="AQ5177">
        <v>0</v>
      </c>
      <c r="AR5177">
        <v>0</v>
      </c>
      <c r="AS5177">
        <v>0</v>
      </c>
      <c r="AT5177">
        <v>0</v>
      </c>
      <c r="AU5177">
        <v>0</v>
      </c>
      <c r="AV5177">
        <v>0</v>
      </c>
      <c r="AW5177">
        <v>0</v>
      </c>
      <c r="AX5177">
        <v>0</v>
      </c>
      <c r="AY5177">
        <v>6</v>
      </c>
      <c r="AZ5177">
        <v>16</v>
      </c>
      <c r="BA5177">
        <v>2055</v>
      </c>
    </row>
    <row r="5178" spans="1:53" x14ac:dyDescent="0.4">
      <c r="A5178">
        <v>5222</v>
      </c>
      <c r="B5178" s="1">
        <v>44819</v>
      </c>
      <c r="C5178">
        <v>1</v>
      </c>
      <c r="D5178" s="1">
        <v>44819.291666666664</v>
      </c>
      <c r="E5178" s="1">
        <v>44819.447916666664</v>
      </c>
      <c r="F5178">
        <v>0</v>
      </c>
      <c r="G5178">
        <v>0</v>
      </c>
      <c r="H5178">
        <v>0</v>
      </c>
      <c r="I5178">
        <v>0</v>
      </c>
      <c r="J5178">
        <v>0</v>
      </c>
      <c r="K5178">
        <v>0</v>
      </c>
      <c r="L5178">
        <v>0</v>
      </c>
      <c r="M5178">
        <v>0</v>
      </c>
      <c r="N5178">
        <v>0</v>
      </c>
      <c r="O5178">
        <v>0</v>
      </c>
      <c r="P5178">
        <v>0</v>
      </c>
      <c r="Q5178">
        <v>0</v>
      </c>
      <c r="R5178">
        <v>0</v>
      </c>
      <c r="S5178">
        <v>0</v>
      </c>
      <c r="T5178">
        <v>0</v>
      </c>
      <c r="U5178">
        <v>0</v>
      </c>
      <c r="V5178">
        <v>0</v>
      </c>
      <c r="W5178">
        <v>1</v>
      </c>
      <c r="X5178">
        <v>0</v>
      </c>
      <c r="Y5178">
        <v>25</v>
      </c>
      <c r="Z5178">
        <v>11</v>
      </c>
      <c r="AA5178">
        <v>118</v>
      </c>
      <c r="AB5178">
        <v>29</v>
      </c>
      <c r="AC5178">
        <v>110</v>
      </c>
      <c r="AD5178">
        <v>19</v>
      </c>
      <c r="AE5178">
        <v>55</v>
      </c>
      <c r="AF5178">
        <v>0</v>
      </c>
      <c r="AG5178">
        <v>50000</v>
      </c>
      <c r="AH5178">
        <v>50000</v>
      </c>
      <c r="AI5178">
        <v>0</v>
      </c>
      <c r="AJ5178">
        <v>0</v>
      </c>
      <c r="AK5178" t="s">
        <v>6</v>
      </c>
      <c r="AL5178">
        <v>0</v>
      </c>
      <c r="AM5178">
        <v>0</v>
      </c>
      <c r="AN5178">
        <v>0</v>
      </c>
      <c r="AO5178">
        <v>0</v>
      </c>
      <c r="AP5178">
        <v>0</v>
      </c>
      <c r="AQ5178">
        <v>0</v>
      </c>
      <c r="AR5178">
        <v>0</v>
      </c>
      <c r="AS5178">
        <v>0</v>
      </c>
      <c r="AT5178">
        <v>0</v>
      </c>
      <c r="AU5178">
        <v>0</v>
      </c>
      <c r="AV5178">
        <v>0</v>
      </c>
      <c r="AW5178">
        <v>0</v>
      </c>
      <c r="AX5178">
        <v>0</v>
      </c>
      <c r="AY5178">
        <v>0</v>
      </c>
      <c r="AZ5178">
        <v>0</v>
      </c>
      <c r="BA5178">
        <v>0</v>
      </c>
    </row>
    <row r="5179" spans="1:53" x14ac:dyDescent="0.4">
      <c r="A5179">
        <v>5223</v>
      </c>
      <c r="B5179" s="1">
        <v>44819</v>
      </c>
      <c r="C5179">
        <v>2</v>
      </c>
      <c r="D5179" s="1">
        <v>44819.447916666664</v>
      </c>
      <c r="E5179" s="1">
        <v>44819.740277777775</v>
      </c>
      <c r="F5179">
        <v>23210</v>
      </c>
      <c r="G5179">
        <v>594</v>
      </c>
      <c r="H5179">
        <v>0</v>
      </c>
      <c r="I5179">
        <v>0</v>
      </c>
      <c r="J5179">
        <v>0</v>
      </c>
      <c r="K5179">
        <v>0</v>
      </c>
      <c r="L5179">
        <v>0</v>
      </c>
      <c r="M5179">
        <v>2166</v>
      </c>
      <c r="N5179">
        <v>0</v>
      </c>
      <c r="O5179">
        <v>0</v>
      </c>
      <c r="P5179">
        <v>14820</v>
      </c>
      <c r="Q5179">
        <v>0</v>
      </c>
      <c r="R5179">
        <v>38624</v>
      </c>
      <c r="S5179">
        <v>0</v>
      </c>
      <c r="T5179">
        <v>0</v>
      </c>
      <c r="U5179">
        <v>0</v>
      </c>
      <c r="V5179">
        <v>2</v>
      </c>
      <c r="W5179">
        <v>0</v>
      </c>
      <c r="X5179">
        <v>0</v>
      </c>
      <c r="Y5179">
        <v>46</v>
      </c>
      <c r="Z5179">
        <v>16</v>
      </c>
      <c r="AA5179">
        <v>102</v>
      </c>
      <c r="AB5179">
        <v>27</v>
      </c>
      <c r="AC5179">
        <v>113</v>
      </c>
      <c r="AD5179">
        <v>18</v>
      </c>
      <c r="AE5179">
        <v>54</v>
      </c>
      <c r="AF5179">
        <v>1800</v>
      </c>
      <c r="AG5179">
        <v>88624</v>
      </c>
      <c r="AH5179">
        <v>50000</v>
      </c>
      <c r="AI5179">
        <v>0</v>
      </c>
      <c r="AJ5179">
        <v>119</v>
      </c>
      <c r="AK5179" t="s">
        <v>56</v>
      </c>
      <c r="AL5179">
        <v>0</v>
      </c>
      <c r="AM5179">
        <v>0</v>
      </c>
      <c r="AN5179">
        <v>0</v>
      </c>
      <c r="AO5179">
        <v>0</v>
      </c>
      <c r="AP5179">
        <v>0</v>
      </c>
      <c r="AQ5179">
        <v>0</v>
      </c>
      <c r="AR5179">
        <v>0</v>
      </c>
      <c r="AS5179">
        <v>0</v>
      </c>
      <c r="AT5179">
        <v>0</v>
      </c>
      <c r="AU5179">
        <v>0</v>
      </c>
      <c r="AV5179">
        <v>0</v>
      </c>
      <c r="AW5179">
        <v>0</v>
      </c>
      <c r="AX5179">
        <v>1240</v>
      </c>
      <c r="AY5179">
        <v>38</v>
      </c>
      <c r="AZ5179">
        <v>62</v>
      </c>
      <c r="BA5179">
        <v>5344</v>
      </c>
    </row>
    <row r="5180" spans="1:53" x14ac:dyDescent="0.4">
      <c r="A5180">
        <v>5224</v>
      </c>
      <c r="B5180" s="1">
        <v>44819</v>
      </c>
      <c r="C5180">
        <v>3</v>
      </c>
      <c r="D5180" s="1">
        <v>44819.740277777775</v>
      </c>
      <c r="E5180" s="1">
        <v>44819.957638888889</v>
      </c>
      <c r="F5180">
        <v>25540</v>
      </c>
      <c r="G5180">
        <v>440</v>
      </c>
      <c r="H5180">
        <v>0</v>
      </c>
      <c r="I5180">
        <v>0</v>
      </c>
      <c r="J5180">
        <v>0</v>
      </c>
      <c r="K5180">
        <v>800</v>
      </c>
      <c r="L5180">
        <v>0</v>
      </c>
      <c r="M5180">
        <v>2432</v>
      </c>
      <c r="N5180">
        <v>0</v>
      </c>
      <c r="O5180">
        <v>0</v>
      </c>
      <c r="P5180">
        <v>-14820</v>
      </c>
      <c r="Q5180">
        <v>0</v>
      </c>
      <c r="R5180">
        <v>11960</v>
      </c>
      <c r="S5180">
        <v>0</v>
      </c>
      <c r="T5180">
        <v>0</v>
      </c>
      <c r="U5180">
        <v>0</v>
      </c>
      <c r="V5180">
        <v>2</v>
      </c>
      <c r="W5180">
        <v>1</v>
      </c>
      <c r="X5180">
        <v>0</v>
      </c>
      <c r="Y5180">
        <v>53</v>
      </c>
      <c r="Z5180">
        <v>14</v>
      </c>
      <c r="AA5180">
        <v>105</v>
      </c>
      <c r="AB5180">
        <v>26</v>
      </c>
      <c r="AC5180">
        <v>118</v>
      </c>
      <c r="AD5180">
        <v>18</v>
      </c>
      <c r="AE5180">
        <v>54</v>
      </c>
      <c r="AF5180">
        <v>2460</v>
      </c>
      <c r="AG5180">
        <v>100584</v>
      </c>
      <c r="AH5180">
        <v>50000</v>
      </c>
      <c r="AI5180">
        <v>0</v>
      </c>
      <c r="AJ5180">
        <v>108</v>
      </c>
      <c r="AK5180" t="s">
        <v>3</v>
      </c>
      <c r="AL5180">
        <v>0</v>
      </c>
      <c r="AM5180">
        <v>0</v>
      </c>
      <c r="AN5180">
        <v>0</v>
      </c>
      <c r="AO5180">
        <v>0</v>
      </c>
      <c r="AP5180">
        <v>0</v>
      </c>
      <c r="AQ5180">
        <v>0</v>
      </c>
      <c r="AR5180">
        <v>0</v>
      </c>
      <c r="AS5180">
        <v>0</v>
      </c>
      <c r="AT5180">
        <v>0</v>
      </c>
      <c r="AU5180">
        <v>0</v>
      </c>
      <c r="AV5180">
        <v>0</v>
      </c>
      <c r="AW5180">
        <v>0</v>
      </c>
      <c r="AX5180">
        <v>4050</v>
      </c>
      <c r="AY5180">
        <v>8</v>
      </c>
      <c r="AZ5180">
        <v>16</v>
      </c>
      <c r="BA5180">
        <v>1498</v>
      </c>
    </row>
    <row r="5181" spans="1:53" x14ac:dyDescent="0.4">
      <c r="A5181">
        <v>5225</v>
      </c>
      <c r="B5181" s="1">
        <v>44819</v>
      </c>
      <c r="C5181">
        <v>4</v>
      </c>
      <c r="D5181" s="1">
        <v>44819.957638888889</v>
      </c>
      <c r="E5181" s="1">
        <v>44820.071527777778</v>
      </c>
      <c r="F5181">
        <v>6250</v>
      </c>
      <c r="G5181">
        <v>0</v>
      </c>
      <c r="H5181">
        <v>0</v>
      </c>
      <c r="I5181">
        <v>0</v>
      </c>
      <c r="J5181">
        <v>0</v>
      </c>
      <c r="K5181">
        <v>0</v>
      </c>
      <c r="L5181">
        <v>0</v>
      </c>
      <c r="M5181">
        <v>568</v>
      </c>
      <c r="N5181">
        <v>0</v>
      </c>
      <c r="O5181">
        <v>0</v>
      </c>
      <c r="P5181">
        <v>4800</v>
      </c>
      <c r="Q5181">
        <v>0</v>
      </c>
      <c r="R5181">
        <v>11050</v>
      </c>
      <c r="S5181">
        <v>0</v>
      </c>
      <c r="T5181">
        <v>0</v>
      </c>
      <c r="U5181">
        <v>0</v>
      </c>
      <c r="V5181">
        <v>3</v>
      </c>
      <c r="W5181">
        <v>0</v>
      </c>
      <c r="X5181">
        <v>0</v>
      </c>
      <c r="Y5181">
        <v>60</v>
      </c>
      <c r="Z5181">
        <v>12</v>
      </c>
      <c r="AA5181">
        <v>105</v>
      </c>
      <c r="AB5181">
        <v>26</v>
      </c>
      <c r="AC5181">
        <v>123</v>
      </c>
      <c r="AD5181">
        <v>18</v>
      </c>
      <c r="AE5181">
        <v>54</v>
      </c>
      <c r="AF5181">
        <v>2460</v>
      </c>
      <c r="AG5181">
        <v>111634</v>
      </c>
      <c r="AH5181">
        <v>50000</v>
      </c>
      <c r="AI5181">
        <v>0</v>
      </c>
      <c r="AJ5181">
        <v>108</v>
      </c>
      <c r="AK5181" t="s">
        <v>3</v>
      </c>
      <c r="AL5181">
        <v>0</v>
      </c>
      <c r="AM5181">
        <v>0</v>
      </c>
      <c r="AN5181">
        <v>0</v>
      </c>
      <c r="AO5181">
        <v>0</v>
      </c>
      <c r="AP5181">
        <v>0</v>
      </c>
      <c r="AQ5181">
        <v>0</v>
      </c>
      <c r="AR5181">
        <v>0</v>
      </c>
      <c r="AS5181">
        <v>0</v>
      </c>
      <c r="AT5181">
        <v>0</v>
      </c>
      <c r="AU5181">
        <v>0</v>
      </c>
      <c r="AV5181">
        <v>0</v>
      </c>
      <c r="AW5181">
        <v>0</v>
      </c>
      <c r="AX5181">
        <v>0</v>
      </c>
      <c r="AY5181">
        <v>2</v>
      </c>
      <c r="AZ5181">
        <v>4</v>
      </c>
      <c r="BA5181">
        <v>199</v>
      </c>
    </row>
    <row r="5182" spans="1:53" x14ac:dyDescent="0.4">
      <c r="A5182">
        <v>5226</v>
      </c>
      <c r="B5182" s="1">
        <v>44820</v>
      </c>
      <c r="C5182">
        <v>1</v>
      </c>
      <c r="D5182" s="1">
        <v>44820.291666666664</v>
      </c>
      <c r="E5182" s="1">
        <v>44820.4375</v>
      </c>
      <c r="F5182">
        <v>0</v>
      </c>
      <c r="G5182">
        <v>0</v>
      </c>
      <c r="H5182">
        <v>0</v>
      </c>
      <c r="I5182">
        <v>0</v>
      </c>
      <c r="J5182">
        <v>0</v>
      </c>
      <c r="K5182">
        <v>0</v>
      </c>
      <c r="L5182">
        <v>0</v>
      </c>
      <c r="M5182">
        <v>0</v>
      </c>
      <c r="N5182">
        <v>0</v>
      </c>
      <c r="O5182">
        <v>0</v>
      </c>
      <c r="P5182">
        <v>0</v>
      </c>
      <c r="Q5182">
        <v>0</v>
      </c>
      <c r="R5182">
        <v>0</v>
      </c>
      <c r="S5182">
        <v>0</v>
      </c>
      <c r="T5182">
        <v>0</v>
      </c>
      <c r="U5182">
        <v>0</v>
      </c>
      <c r="V5182">
        <v>0</v>
      </c>
      <c r="W5182">
        <v>0</v>
      </c>
      <c r="X5182">
        <v>0</v>
      </c>
      <c r="Y5182">
        <v>31</v>
      </c>
      <c r="Z5182">
        <v>12</v>
      </c>
      <c r="AA5182">
        <v>105</v>
      </c>
      <c r="AB5182">
        <v>24</v>
      </c>
      <c r="AC5182">
        <v>116</v>
      </c>
      <c r="AD5182">
        <v>18</v>
      </c>
      <c r="AE5182">
        <v>50</v>
      </c>
      <c r="AF5182">
        <v>0</v>
      </c>
      <c r="AG5182">
        <v>50000</v>
      </c>
      <c r="AH5182">
        <v>50000</v>
      </c>
      <c r="AI5182">
        <v>0</v>
      </c>
      <c r="AJ5182">
        <v>0</v>
      </c>
      <c r="AK5182" t="s">
        <v>6</v>
      </c>
      <c r="AL5182">
        <v>0</v>
      </c>
      <c r="AM5182">
        <v>0</v>
      </c>
      <c r="AN5182">
        <v>0</v>
      </c>
      <c r="AO5182">
        <v>0</v>
      </c>
      <c r="AP5182">
        <v>0</v>
      </c>
      <c r="AQ5182">
        <v>0</v>
      </c>
      <c r="AR5182">
        <v>0</v>
      </c>
      <c r="AS5182">
        <v>0</v>
      </c>
      <c r="AT5182">
        <v>0</v>
      </c>
      <c r="AU5182">
        <v>0</v>
      </c>
      <c r="AV5182">
        <v>0</v>
      </c>
      <c r="AW5182">
        <v>0</v>
      </c>
      <c r="AX5182">
        <v>0</v>
      </c>
      <c r="AY5182">
        <v>0</v>
      </c>
      <c r="AZ5182">
        <v>0</v>
      </c>
      <c r="BA5182">
        <v>0</v>
      </c>
    </row>
    <row r="5183" spans="1:53" x14ac:dyDescent="0.4">
      <c r="A5183">
        <v>5227</v>
      </c>
      <c r="B5183" s="1">
        <v>44820</v>
      </c>
      <c r="C5183">
        <v>2</v>
      </c>
      <c r="D5183" s="1">
        <v>44820.4375</v>
      </c>
      <c r="E5183" s="1">
        <v>44820.742361111108</v>
      </c>
      <c r="F5183">
        <v>25650</v>
      </c>
      <c r="G5183">
        <v>1958</v>
      </c>
      <c r="H5183">
        <v>0</v>
      </c>
      <c r="I5183">
        <v>0</v>
      </c>
      <c r="J5183">
        <v>200</v>
      </c>
      <c r="K5183">
        <v>0</v>
      </c>
      <c r="L5183">
        <v>0</v>
      </c>
      <c r="M5183">
        <v>2492</v>
      </c>
      <c r="N5183">
        <v>0</v>
      </c>
      <c r="O5183">
        <v>0</v>
      </c>
      <c r="P5183">
        <v>11340</v>
      </c>
      <c r="Q5183">
        <v>0</v>
      </c>
      <c r="R5183">
        <v>38748</v>
      </c>
      <c r="S5183">
        <v>0</v>
      </c>
      <c r="T5183">
        <v>0</v>
      </c>
      <c r="U5183">
        <v>0</v>
      </c>
      <c r="V5183">
        <v>2</v>
      </c>
      <c r="W5183">
        <v>0</v>
      </c>
      <c r="X5183">
        <v>0</v>
      </c>
      <c r="Y5183">
        <v>43</v>
      </c>
      <c r="Z5183">
        <v>21</v>
      </c>
      <c r="AA5183">
        <v>128</v>
      </c>
      <c r="AB5183">
        <v>23</v>
      </c>
      <c r="AC5183">
        <v>113</v>
      </c>
      <c r="AD5183">
        <v>18</v>
      </c>
      <c r="AE5183">
        <v>48</v>
      </c>
      <c r="AF5183">
        <v>1030</v>
      </c>
      <c r="AG5183">
        <v>89748</v>
      </c>
      <c r="AH5183">
        <v>50000</v>
      </c>
      <c r="AI5183">
        <v>1000</v>
      </c>
      <c r="AJ5183">
        <v>116</v>
      </c>
      <c r="AK5183" t="s">
        <v>54</v>
      </c>
      <c r="AL5183">
        <v>0</v>
      </c>
      <c r="AM5183">
        <v>0</v>
      </c>
      <c r="AN5183">
        <v>0</v>
      </c>
      <c r="AO5183">
        <v>0</v>
      </c>
      <c r="AP5183">
        <v>0</v>
      </c>
      <c r="AQ5183">
        <v>0</v>
      </c>
      <c r="AR5183">
        <v>0</v>
      </c>
      <c r="AS5183">
        <v>0</v>
      </c>
      <c r="AT5183">
        <v>0</v>
      </c>
      <c r="AU5183">
        <v>0</v>
      </c>
      <c r="AV5183">
        <v>0</v>
      </c>
      <c r="AW5183">
        <v>0</v>
      </c>
      <c r="AX5183">
        <v>308</v>
      </c>
      <c r="AY5183">
        <v>42</v>
      </c>
      <c r="AZ5183">
        <v>61</v>
      </c>
      <c r="BA5183">
        <v>5715</v>
      </c>
    </row>
    <row r="5184" spans="1:53" x14ac:dyDescent="0.4">
      <c r="A5184">
        <v>5228</v>
      </c>
      <c r="B5184" s="1">
        <v>44820</v>
      </c>
      <c r="C5184">
        <v>3</v>
      </c>
      <c r="D5184" s="1">
        <v>44820.742361111108</v>
      </c>
      <c r="E5184" s="1">
        <v>44820.956944444442</v>
      </c>
      <c r="F5184">
        <v>26630</v>
      </c>
      <c r="G5184">
        <v>308</v>
      </c>
      <c r="H5184">
        <v>0</v>
      </c>
      <c r="I5184">
        <v>0</v>
      </c>
      <c r="J5184">
        <v>0</v>
      </c>
      <c r="K5184">
        <v>2400</v>
      </c>
      <c r="L5184">
        <v>0</v>
      </c>
      <c r="M5184">
        <v>2667</v>
      </c>
      <c r="N5184">
        <v>0</v>
      </c>
      <c r="O5184">
        <v>0</v>
      </c>
      <c r="P5184">
        <v>-6440</v>
      </c>
      <c r="Q5184">
        <v>0</v>
      </c>
      <c r="R5184">
        <v>22898</v>
      </c>
      <c r="S5184">
        <v>0</v>
      </c>
      <c r="T5184">
        <v>0</v>
      </c>
      <c r="U5184">
        <v>0</v>
      </c>
      <c r="V5184">
        <v>2</v>
      </c>
      <c r="W5184">
        <v>1</v>
      </c>
      <c r="X5184">
        <v>0</v>
      </c>
      <c r="Y5184">
        <v>54</v>
      </c>
      <c r="Z5184">
        <v>24</v>
      </c>
      <c r="AA5184">
        <v>97</v>
      </c>
      <c r="AB5184">
        <v>27</v>
      </c>
      <c r="AC5184">
        <v>126</v>
      </c>
      <c r="AD5184">
        <v>20</v>
      </c>
      <c r="AE5184">
        <v>50</v>
      </c>
      <c r="AF5184">
        <v>8186</v>
      </c>
      <c r="AG5184">
        <v>111646</v>
      </c>
      <c r="AH5184">
        <v>50000</v>
      </c>
      <c r="AI5184">
        <v>0</v>
      </c>
      <c r="AJ5184">
        <v>119</v>
      </c>
      <c r="AK5184" t="s">
        <v>56</v>
      </c>
      <c r="AL5184">
        <v>0</v>
      </c>
      <c r="AM5184">
        <v>0</v>
      </c>
      <c r="AN5184">
        <v>0</v>
      </c>
      <c r="AO5184">
        <v>0</v>
      </c>
      <c r="AP5184">
        <v>0</v>
      </c>
      <c r="AQ5184">
        <v>0</v>
      </c>
      <c r="AR5184">
        <v>0</v>
      </c>
      <c r="AS5184">
        <v>0</v>
      </c>
      <c r="AT5184">
        <v>0</v>
      </c>
      <c r="AU5184">
        <v>0</v>
      </c>
      <c r="AV5184">
        <v>0</v>
      </c>
      <c r="AW5184">
        <v>0</v>
      </c>
      <c r="AX5184">
        <v>4940</v>
      </c>
      <c r="AY5184">
        <v>13</v>
      </c>
      <c r="AZ5184">
        <v>31</v>
      </c>
      <c r="BA5184">
        <v>2040</v>
      </c>
    </row>
    <row r="5185" spans="1:53" x14ac:dyDescent="0.4">
      <c r="A5185">
        <v>5229</v>
      </c>
      <c r="B5185" s="1">
        <v>44821</v>
      </c>
      <c r="C5185">
        <v>1</v>
      </c>
      <c r="D5185" s="1">
        <v>44821.291666666664</v>
      </c>
      <c r="E5185" s="1">
        <v>44821.408333333333</v>
      </c>
      <c r="F5185">
        <v>0</v>
      </c>
      <c r="G5185">
        <v>0</v>
      </c>
      <c r="H5185">
        <v>0</v>
      </c>
      <c r="I5185">
        <v>0</v>
      </c>
      <c r="J5185">
        <v>0</v>
      </c>
      <c r="K5185">
        <v>0</v>
      </c>
      <c r="L5185">
        <v>0</v>
      </c>
      <c r="M5185">
        <v>0</v>
      </c>
      <c r="N5185">
        <v>0</v>
      </c>
      <c r="O5185">
        <v>0</v>
      </c>
      <c r="P5185">
        <v>0</v>
      </c>
      <c r="Q5185">
        <v>0</v>
      </c>
      <c r="R5185">
        <v>0</v>
      </c>
      <c r="S5185">
        <v>0</v>
      </c>
      <c r="T5185">
        <v>0</v>
      </c>
      <c r="U5185">
        <v>0</v>
      </c>
      <c r="V5185">
        <v>0</v>
      </c>
      <c r="W5185">
        <v>0</v>
      </c>
      <c r="X5185">
        <v>0</v>
      </c>
      <c r="Y5185">
        <v>29</v>
      </c>
      <c r="Z5185">
        <v>17</v>
      </c>
      <c r="AA5185">
        <v>100</v>
      </c>
      <c r="AB5185">
        <v>26</v>
      </c>
      <c r="AC5185">
        <v>106</v>
      </c>
      <c r="AD5185">
        <v>18</v>
      </c>
      <c r="AE5185">
        <v>50</v>
      </c>
      <c r="AF5185">
        <v>0</v>
      </c>
      <c r="AG5185">
        <v>50000</v>
      </c>
      <c r="AH5185">
        <v>50000</v>
      </c>
      <c r="AI5185">
        <v>0</v>
      </c>
      <c r="AJ5185">
        <v>0</v>
      </c>
      <c r="AK5185" t="s">
        <v>6</v>
      </c>
      <c r="AL5185">
        <v>0</v>
      </c>
      <c r="AM5185">
        <v>0</v>
      </c>
      <c r="AN5185">
        <v>0</v>
      </c>
      <c r="AO5185">
        <v>0</v>
      </c>
      <c r="AP5185">
        <v>0</v>
      </c>
      <c r="AQ5185">
        <v>0</v>
      </c>
      <c r="AR5185">
        <v>0</v>
      </c>
      <c r="AS5185">
        <v>0</v>
      </c>
      <c r="AT5185">
        <v>0</v>
      </c>
      <c r="AU5185">
        <v>0</v>
      </c>
      <c r="AV5185">
        <v>0</v>
      </c>
      <c r="AW5185">
        <v>0</v>
      </c>
      <c r="AX5185">
        <v>0</v>
      </c>
      <c r="AY5185">
        <v>0</v>
      </c>
      <c r="AZ5185">
        <v>0</v>
      </c>
      <c r="BA5185">
        <v>0</v>
      </c>
    </row>
    <row r="5186" spans="1:53" x14ac:dyDescent="0.4">
      <c r="A5186">
        <v>5230</v>
      </c>
      <c r="B5186" s="1">
        <v>44821</v>
      </c>
      <c r="C5186">
        <v>2</v>
      </c>
      <c r="D5186" s="1">
        <v>44821.408333333333</v>
      </c>
      <c r="E5186" s="1">
        <v>44821.736111111109</v>
      </c>
      <c r="F5186">
        <v>42160</v>
      </c>
      <c r="G5186">
        <v>2112</v>
      </c>
      <c r="H5186">
        <v>60</v>
      </c>
      <c r="I5186">
        <v>0</v>
      </c>
      <c r="J5186">
        <v>0</v>
      </c>
      <c r="K5186">
        <v>0</v>
      </c>
      <c r="L5186">
        <v>0</v>
      </c>
      <c r="M5186">
        <v>4029</v>
      </c>
      <c r="N5186">
        <v>0</v>
      </c>
      <c r="O5186">
        <v>0</v>
      </c>
      <c r="P5186">
        <v>25310</v>
      </c>
      <c r="Q5186">
        <v>0</v>
      </c>
      <c r="R5186">
        <v>69642</v>
      </c>
      <c r="S5186">
        <v>0</v>
      </c>
      <c r="T5186">
        <v>0</v>
      </c>
      <c r="U5186">
        <v>0</v>
      </c>
      <c r="V5186">
        <v>3</v>
      </c>
      <c r="W5186">
        <v>0</v>
      </c>
      <c r="X5186">
        <v>0</v>
      </c>
      <c r="Y5186">
        <v>55</v>
      </c>
      <c r="Z5186">
        <v>31</v>
      </c>
      <c r="AA5186">
        <v>104</v>
      </c>
      <c r="AB5186">
        <v>30</v>
      </c>
      <c r="AC5186">
        <v>122</v>
      </c>
      <c r="AD5186">
        <v>20</v>
      </c>
      <c r="AE5186">
        <v>52</v>
      </c>
      <c r="AF5186">
        <v>5870</v>
      </c>
      <c r="AG5186">
        <v>119642</v>
      </c>
      <c r="AH5186">
        <v>50000</v>
      </c>
      <c r="AI5186">
        <v>0</v>
      </c>
      <c r="AJ5186">
        <v>103</v>
      </c>
      <c r="AK5186" t="s">
        <v>7</v>
      </c>
      <c r="AL5186">
        <v>0</v>
      </c>
      <c r="AM5186">
        <v>0</v>
      </c>
      <c r="AN5186">
        <v>0</v>
      </c>
      <c r="AO5186">
        <v>0</v>
      </c>
      <c r="AP5186">
        <v>0</v>
      </c>
      <c r="AQ5186">
        <v>0</v>
      </c>
      <c r="AR5186">
        <v>0</v>
      </c>
      <c r="AS5186">
        <v>0</v>
      </c>
      <c r="AT5186">
        <v>0</v>
      </c>
      <c r="AU5186">
        <v>0</v>
      </c>
      <c r="AV5186">
        <v>0</v>
      </c>
      <c r="AW5186">
        <v>0</v>
      </c>
      <c r="AX5186">
        <v>0</v>
      </c>
      <c r="AY5186">
        <v>51</v>
      </c>
      <c r="AZ5186">
        <v>110</v>
      </c>
      <c r="BA5186">
        <v>7586</v>
      </c>
    </row>
    <row r="5187" spans="1:53" x14ac:dyDescent="0.4">
      <c r="A5187">
        <v>5231</v>
      </c>
      <c r="B5187" s="1">
        <v>44821</v>
      </c>
      <c r="C5187">
        <v>3</v>
      </c>
      <c r="D5187" s="1">
        <v>44821.736111111109</v>
      </c>
      <c r="E5187" s="1">
        <v>44822.184027777781</v>
      </c>
      <c r="F5187">
        <v>172620</v>
      </c>
      <c r="G5187">
        <v>4752</v>
      </c>
      <c r="H5187">
        <v>0</v>
      </c>
      <c r="I5187">
        <v>0</v>
      </c>
      <c r="J5187">
        <v>0</v>
      </c>
      <c r="K5187">
        <v>0</v>
      </c>
      <c r="L5187">
        <v>0</v>
      </c>
      <c r="M5187">
        <v>16123</v>
      </c>
      <c r="N5187">
        <v>0</v>
      </c>
      <c r="O5187">
        <v>0</v>
      </c>
      <c r="P5187">
        <v>29470</v>
      </c>
      <c r="Q5187">
        <v>0</v>
      </c>
      <c r="R5187">
        <v>206842</v>
      </c>
      <c r="S5187">
        <v>0</v>
      </c>
      <c r="T5187">
        <v>0</v>
      </c>
      <c r="U5187">
        <v>0</v>
      </c>
      <c r="V5187">
        <v>11</v>
      </c>
      <c r="W5187">
        <v>4</v>
      </c>
      <c r="X5187">
        <v>0</v>
      </c>
      <c r="Y5187">
        <v>97</v>
      </c>
      <c r="Z5187">
        <v>31</v>
      </c>
      <c r="AA5187">
        <v>120</v>
      </c>
      <c r="AB5187">
        <v>35</v>
      </c>
      <c r="AC5187">
        <v>117</v>
      </c>
      <c r="AD5187">
        <v>20</v>
      </c>
      <c r="AE5187">
        <v>56</v>
      </c>
      <c r="AF5187">
        <v>68908</v>
      </c>
      <c r="AG5187">
        <v>326484</v>
      </c>
      <c r="AH5187">
        <v>50000</v>
      </c>
      <c r="AI5187">
        <v>0</v>
      </c>
      <c r="AJ5187">
        <v>74</v>
      </c>
      <c r="AK5187" t="s">
        <v>64</v>
      </c>
      <c r="AL5187">
        <v>0</v>
      </c>
      <c r="AM5187">
        <v>0</v>
      </c>
      <c r="AN5187">
        <v>0</v>
      </c>
      <c r="AO5187">
        <v>0</v>
      </c>
      <c r="AP5187">
        <v>0</v>
      </c>
      <c r="AQ5187">
        <v>0</v>
      </c>
      <c r="AR5187">
        <v>0</v>
      </c>
      <c r="AS5187">
        <v>0</v>
      </c>
      <c r="AT5187">
        <v>0</v>
      </c>
      <c r="AU5187">
        <v>0</v>
      </c>
      <c r="AV5187">
        <v>0</v>
      </c>
      <c r="AW5187">
        <v>0</v>
      </c>
      <c r="AX5187">
        <v>3956</v>
      </c>
      <c r="AY5187">
        <v>33</v>
      </c>
      <c r="AZ5187">
        <v>93</v>
      </c>
      <c r="BA5187">
        <v>6504</v>
      </c>
    </row>
    <row r="5188" spans="1:53" x14ac:dyDescent="0.4">
      <c r="A5188">
        <v>5232</v>
      </c>
      <c r="B5188" s="1">
        <v>44822</v>
      </c>
      <c r="C5188">
        <v>1</v>
      </c>
      <c r="D5188" s="1">
        <v>44822.291666666664</v>
      </c>
      <c r="E5188" s="1">
        <v>44822.387499999997</v>
      </c>
      <c r="F5188">
        <v>0</v>
      </c>
      <c r="G5188">
        <v>0</v>
      </c>
      <c r="H5188">
        <v>0</v>
      </c>
      <c r="I5188">
        <v>0</v>
      </c>
      <c r="J5188">
        <v>0</v>
      </c>
      <c r="K5188">
        <v>0</v>
      </c>
      <c r="L5188">
        <v>0</v>
      </c>
      <c r="M5188">
        <v>0</v>
      </c>
      <c r="N5188">
        <v>0</v>
      </c>
      <c r="O5188">
        <v>0</v>
      </c>
      <c r="P5188">
        <v>0</v>
      </c>
      <c r="Q5188">
        <v>0</v>
      </c>
      <c r="R5188">
        <v>0</v>
      </c>
      <c r="S5188">
        <v>0</v>
      </c>
      <c r="T5188">
        <v>0</v>
      </c>
      <c r="U5188">
        <v>0</v>
      </c>
      <c r="V5188">
        <v>0</v>
      </c>
      <c r="W5188">
        <v>1</v>
      </c>
      <c r="X5188">
        <v>0</v>
      </c>
      <c r="Y5188">
        <v>25</v>
      </c>
      <c r="Z5188">
        <v>10</v>
      </c>
      <c r="AA5188">
        <v>122</v>
      </c>
      <c r="AB5188">
        <v>31</v>
      </c>
      <c r="AC5188">
        <v>110</v>
      </c>
      <c r="AD5188">
        <v>20</v>
      </c>
      <c r="AE5188">
        <v>50</v>
      </c>
      <c r="AF5188">
        <v>0</v>
      </c>
      <c r="AG5188">
        <v>50000</v>
      </c>
      <c r="AH5188">
        <v>50000</v>
      </c>
      <c r="AI5188">
        <v>0</v>
      </c>
      <c r="AJ5188">
        <v>0</v>
      </c>
      <c r="AK5188" t="s">
        <v>6</v>
      </c>
      <c r="AL5188">
        <v>0</v>
      </c>
      <c r="AM5188">
        <v>0</v>
      </c>
      <c r="AN5188">
        <v>0</v>
      </c>
      <c r="AO5188">
        <v>0</v>
      </c>
      <c r="AP5188">
        <v>0</v>
      </c>
      <c r="AQ5188">
        <v>0</v>
      </c>
      <c r="AR5188">
        <v>0</v>
      </c>
      <c r="AS5188">
        <v>0</v>
      </c>
      <c r="AT5188">
        <v>0</v>
      </c>
      <c r="AU5188">
        <v>0</v>
      </c>
      <c r="AV5188">
        <v>0</v>
      </c>
      <c r="AW5188">
        <v>0</v>
      </c>
      <c r="AX5188">
        <v>0</v>
      </c>
      <c r="AY5188">
        <v>0</v>
      </c>
      <c r="AZ5188">
        <v>0</v>
      </c>
      <c r="BA5188">
        <v>0</v>
      </c>
    </row>
    <row r="5189" spans="1:53" x14ac:dyDescent="0.4">
      <c r="A5189">
        <v>5233</v>
      </c>
      <c r="B5189" s="1">
        <v>44822</v>
      </c>
      <c r="C5189">
        <v>2</v>
      </c>
      <c r="D5189" s="1">
        <v>44822.387499999997</v>
      </c>
      <c r="E5189" s="1">
        <v>44822.744444444441</v>
      </c>
      <c r="F5189">
        <v>42410</v>
      </c>
      <c r="G5189">
        <v>1859</v>
      </c>
      <c r="H5189">
        <v>0</v>
      </c>
      <c r="I5189">
        <v>0</v>
      </c>
      <c r="J5189">
        <v>300</v>
      </c>
      <c r="K5189">
        <v>400</v>
      </c>
      <c r="L5189">
        <v>0</v>
      </c>
      <c r="M5189">
        <v>4033</v>
      </c>
      <c r="N5189">
        <v>0</v>
      </c>
      <c r="O5189">
        <v>0</v>
      </c>
      <c r="P5189">
        <v>33320</v>
      </c>
      <c r="Q5189">
        <v>0</v>
      </c>
      <c r="R5189">
        <v>77689</v>
      </c>
      <c r="S5189">
        <v>0</v>
      </c>
      <c r="T5189">
        <v>0</v>
      </c>
      <c r="U5189">
        <v>0</v>
      </c>
      <c r="V5189">
        <v>1</v>
      </c>
      <c r="W5189">
        <v>5</v>
      </c>
      <c r="X5189">
        <v>0</v>
      </c>
      <c r="Y5189">
        <v>65</v>
      </c>
      <c r="Z5189">
        <v>20</v>
      </c>
      <c r="AA5189">
        <v>86</v>
      </c>
      <c r="AB5189">
        <v>33</v>
      </c>
      <c r="AC5189">
        <v>126</v>
      </c>
      <c r="AD5189">
        <v>18</v>
      </c>
      <c r="AE5189">
        <v>49</v>
      </c>
      <c r="AF5189">
        <v>6040</v>
      </c>
      <c r="AG5189">
        <v>127689</v>
      </c>
      <c r="AH5189">
        <v>50000</v>
      </c>
      <c r="AI5189">
        <v>0</v>
      </c>
      <c r="AJ5189">
        <v>29</v>
      </c>
      <c r="AK5189" t="s">
        <v>62</v>
      </c>
      <c r="AL5189">
        <v>0</v>
      </c>
      <c r="AM5189">
        <v>0</v>
      </c>
      <c r="AN5189">
        <v>0</v>
      </c>
      <c r="AO5189">
        <v>0</v>
      </c>
      <c r="AP5189">
        <v>0</v>
      </c>
      <c r="AQ5189">
        <v>0</v>
      </c>
      <c r="AR5189">
        <v>0</v>
      </c>
      <c r="AS5189">
        <v>0</v>
      </c>
      <c r="AT5189">
        <v>0</v>
      </c>
      <c r="AU5189">
        <v>0</v>
      </c>
      <c r="AV5189">
        <v>0</v>
      </c>
      <c r="AW5189">
        <v>0</v>
      </c>
      <c r="AX5189">
        <v>2607</v>
      </c>
      <c r="AY5189">
        <v>52</v>
      </c>
      <c r="AZ5189">
        <v>121</v>
      </c>
      <c r="BA5189">
        <v>8427</v>
      </c>
    </row>
    <row r="5190" spans="1:53" x14ac:dyDescent="0.4">
      <c r="A5190">
        <v>5234</v>
      </c>
      <c r="B5190" s="1">
        <v>44822</v>
      </c>
      <c r="C5190">
        <v>3</v>
      </c>
      <c r="D5190" s="1">
        <v>44822.744444444441</v>
      </c>
      <c r="E5190" s="1">
        <v>44822.947916666664</v>
      </c>
      <c r="F5190">
        <v>55420</v>
      </c>
      <c r="G5190">
        <v>4675</v>
      </c>
      <c r="H5190">
        <v>0</v>
      </c>
      <c r="I5190">
        <v>0</v>
      </c>
      <c r="J5190">
        <v>0</v>
      </c>
      <c r="K5190">
        <v>0</v>
      </c>
      <c r="L5190">
        <v>0</v>
      </c>
      <c r="M5190">
        <v>5460</v>
      </c>
      <c r="N5190">
        <v>0</v>
      </c>
      <c r="O5190">
        <v>0</v>
      </c>
      <c r="P5190">
        <v>-26720</v>
      </c>
      <c r="Q5190">
        <v>0</v>
      </c>
      <c r="R5190">
        <v>33375</v>
      </c>
      <c r="S5190">
        <v>0</v>
      </c>
      <c r="T5190">
        <v>0</v>
      </c>
      <c r="U5190">
        <v>0</v>
      </c>
      <c r="V5190">
        <v>1</v>
      </c>
      <c r="W5190">
        <v>6</v>
      </c>
      <c r="X5190">
        <v>0</v>
      </c>
      <c r="Y5190">
        <v>86</v>
      </c>
      <c r="Z5190">
        <v>20</v>
      </c>
      <c r="AA5190">
        <v>92</v>
      </c>
      <c r="AB5190">
        <v>33</v>
      </c>
      <c r="AC5190">
        <v>125</v>
      </c>
      <c r="AD5190">
        <v>19</v>
      </c>
      <c r="AE5190">
        <v>49</v>
      </c>
      <c r="AF5190">
        <v>12820</v>
      </c>
      <c r="AG5190">
        <v>161064</v>
      </c>
      <c r="AH5190">
        <v>50000</v>
      </c>
      <c r="AI5190">
        <v>0</v>
      </c>
      <c r="AJ5190">
        <v>108</v>
      </c>
      <c r="AK5190" t="s">
        <v>3</v>
      </c>
      <c r="AL5190">
        <v>0</v>
      </c>
      <c r="AM5190">
        <v>0</v>
      </c>
      <c r="AN5190">
        <v>0</v>
      </c>
      <c r="AO5190">
        <v>0</v>
      </c>
      <c r="AP5190">
        <v>0</v>
      </c>
      <c r="AQ5190">
        <v>0</v>
      </c>
      <c r="AR5190">
        <v>0</v>
      </c>
      <c r="AS5190">
        <v>0</v>
      </c>
      <c r="AT5190">
        <v>0</v>
      </c>
      <c r="AU5190">
        <v>0</v>
      </c>
      <c r="AV5190">
        <v>0</v>
      </c>
      <c r="AW5190">
        <v>0</v>
      </c>
      <c r="AX5190">
        <v>33556</v>
      </c>
      <c r="AY5190">
        <v>17</v>
      </c>
      <c r="AZ5190">
        <v>42</v>
      </c>
      <c r="BA5190">
        <v>2975</v>
      </c>
    </row>
    <row r="5191" spans="1:53" x14ac:dyDescent="0.4">
      <c r="A5191">
        <v>5235</v>
      </c>
      <c r="B5191" s="1">
        <v>44823</v>
      </c>
      <c r="C5191">
        <v>1</v>
      </c>
      <c r="D5191" s="1">
        <v>44823.291666666664</v>
      </c>
      <c r="E5191" s="1">
        <v>44823.404166666667</v>
      </c>
      <c r="F5191">
        <v>0</v>
      </c>
      <c r="G5191">
        <v>0</v>
      </c>
      <c r="H5191">
        <v>0</v>
      </c>
      <c r="I5191">
        <v>0</v>
      </c>
      <c r="J5191">
        <v>0</v>
      </c>
      <c r="K5191">
        <v>0</v>
      </c>
      <c r="L5191">
        <v>0</v>
      </c>
      <c r="M5191">
        <v>0</v>
      </c>
      <c r="N5191">
        <v>0</v>
      </c>
      <c r="O5191">
        <v>0</v>
      </c>
      <c r="P5191">
        <v>0</v>
      </c>
      <c r="Q5191">
        <v>0</v>
      </c>
      <c r="R5191">
        <v>0</v>
      </c>
      <c r="S5191">
        <v>0</v>
      </c>
      <c r="T5191">
        <v>0</v>
      </c>
      <c r="U5191">
        <v>0</v>
      </c>
      <c r="V5191">
        <v>0</v>
      </c>
      <c r="W5191">
        <v>1</v>
      </c>
      <c r="X5191">
        <v>0</v>
      </c>
      <c r="Y5191">
        <v>25</v>
      </c>
      <c r="Z5191">
        <v>14</v>
      </c>
      <c r="AA5191">
        <v>101</v>
      </c>
      <c r="AB5191">
        <v>32</v>
      </c>
      <c r="AC5191">
        <v>116</v>
      </c>
      <c r="AD5191">
        <v>19</v>
      </c>
      <c r="AE5191">
        <v>45</v>
      </c>
      <c r="AF5191">
        <v>0</v>
      </c>
      <c r="AG5191">
        <v>50000</v>
      </c>
      <c r="AH5191">
        <v>50000</v>
      </c>
      <c r="AI5191">
        <v>0</v>
      </c>
      <c r="AJ5191">
        <v>0</v>
      </c>
      <c r="AK5191" t="s">
        <v>6</v>
      </c>
      <c r="AL5191">
        <v>0</v>
      </c>
      <c r="AM5191">
        <v>0</v>
      </c>
      <c r="AN5191">
        <v>0</v>
      </c>
      <c r="AO5191">
        <v>0</v>
      </c>
      <c r="AP5191">
        <v>0</v>
      </c>
      <c r="AQ5191">
        <v>0</v>
      </c>
      <c r="AR5191">
        <v>0</v>
      </c>
      <c r="AS5191">
        <v>0</v>
      </c>
      <c r="AT5191">
        <v>0</v>
      </c>
      <c r="AU5191">
        <v>0</v>
      </c>
      <c r="AV5191">
        <v>0</v>
      </c>
      <c r="AW5191">
        <v>0</v>
      </c>
      <c r="AX5191">
        <v>0</v>
      </c>
      <c r="AY5191">
        <v>0</v>
      </c>
      <c r="AZ5191">
        <v>0</v>
      </c>
      <c r="BA5191">
        <v>0</v>
      </c>
    </row>
    <row r="5192" spans="1:53" x14ac:dyDescent="0.4">
      <c r="A5192">
        <v>5236</v>
      </c>
      <c r="B5192" s="1">
        <v>44823</v>
      </c>
      <c r="C5192">
        <v>2</v>
      </c>
      <c r="D5192" s="1">
        <v>44823.404166666667</v>
      </c>
      <c r="E5192" s="1">
        <v>44823.752083333333</v>
      </c>
      <c r="F5192">
        <v>44410</v>
      </c>
      <c r="G5192">
        <v>5500</v>
      </c>
      <c r="H5192">
        <v>0</v>
      </c>
      <c r="I5192">
        <v>0</v>
      </c>
      <c r="J5192">
        <v>0</v>
      </c>
      <c r="K5192">
        <v>0</v>
      </c>
      <c r="L5192">
        <v>0</v>
      </c>
      <c r="M5192">
        <v>4534</v>
      </c>
      <c r="N5192">
        <v>0</v>
      </c>
      <c r="O5192">
        <v>0</v>
      </c>
      <c r="P5192">
        <v>4060</v>
      </c>
      <c r="Q5192">
        <v>0</v>
      </c>
      <c r="R5192">
        <v>53970</v>
      </c>
      <c r="S5192">
        <v>0</v>
      </c>
      <c r="T5192">
        <v>0</v>
      </c>
      <c r="U5192">
        <v>0</v>
      </c>
      <c r="V5192">
        <v>0</v>
      </c>
      <c r="W5192">
        <v>2</v>
      </c>
      <c r="X5192">
        <v>0</v>
      </c>
      <c r="Y5192">
        <v>66</v>
      </c>
      <c r="Z5192">
        <v>22</v>
      </c>
      <c r="AA5192">
        <v>101</v>
      </c>
      <c r="AB5192">
        <v>37</v>
      </c>
      <c r="AC5192">
        <v>158</v>
      </c>
      <c r="AD5192">
        <v>18</v>
      </c>
      <c r="AE5192">
        <v>40</v>
      </c>
      <c r="AF5192">
        <v>3310</v>
      </c>
      <c r="AG5192">
        <v>103970</v>
      </c>
      <c r="AH5192">
        <v>50000</v>
      </c>
      <c r="AI5192">
        <v>0</v>
      </c>
      <c r="AJ5192">
        <v>119</v>
      </c>
      <c r="AK5192" t="s">
        <v>56</v>
      </c>
      <c r="AL5192">
        <v>0</v>
      </c>
      <c r="AM5192">
        <v>0</v>
      </c>
      <c r="AN5192">
        <v>0</v>
      </c>
      <c r="AO5192">
        <v>0</v>
      </c>
      <c r="AP5192">
        <v>0</v>
      </c>
      <c r="AQ5192">
        <v>0</v>
      </c>
      <c r="AR5192">
        <v>0</v>
      </c>
      <c r="AS5192">
        <v>0</v>
      </c>
      <c r="AT5192">
        <v>0</v>
      </c>
      <c r="AU5192">
        <v>0</v>
      </c>
      <c r="AV5192">
        <v>0</v>
      </c>
      <c r="AW5192">
        <v>0</v>
      </c>
      <c r="AX5192">
        <v>0</v>
      </c>
      <c r="AY5192">
        <v>40</v>
      </c>
      <c r="AZ5192">
        <v>77</v>
      </c>
      <c r="BA5192">
        <v>6838</v>
      </c>
    </row>
    <row r="5193" spans="1:53" x14ac:dyDescent="0.4">
      <c r="A5193">
        <v>5237</v>
      </c>
      <c r="B5193" s="1">
        <v>44824</v>
      </c>
      <c r="C5193">
        <v>1</v>
      </c>
      <c r="D5193" s="1">
        <v>44824.291666666664</v>
      </c>
      <c r="E5193" s="1">
        <v>44824.441666666666</v>
      </c>
      <c r="F5193">
        <v>0</v>
      </c>
      <c r="G5193">
        <v>0</v>
      </c>
      <c r="H5193">
        <v>0</v>
      </c>
      <c r="I5193">
        <v>0</v>
      </c>
      <c r="J5193">
        <v>0</v>
      </c>
      <c r="K5193">
        <v>0</v>
      </c>
      <c r="L5193">
        <v>0</v>
      </c>
      <c r="M5193">
        <v>0</v>
      </c>
      <c r="N5193">
        <v>0</v>
      </c>
      <c r="O5193">
        <v>0</v>
      </c>
      <c r="P5193">
        <v>0</v>
      </c>
      <c r="Q5193">
        <v>0</v>
      </c>
      <c r="R5193">
        <v>0</v>
      </c>
      <c r="S5193">
        <v>0</v>
      </c>
      <c r="T5193">
        <v>0</v>
      </c>
      <c r="U5193">
        <v>0</v>
      </c>
      <c r="V5193">
        <v>0</v>
      </c>
      <c r="W5193">
        <v>0</v>
      </c>
      <c r="X5193">
        <v>0</v>
      </c>
      <c r="Y5193">
        <v>26</v>
      </c>
      <c r="Z5193">
        <v>17</v>
      </c>
      <c r="AA5193">
        <v>118</v>
      </c>
      <c r="AB5193">
        <v>37</v>
      </c>
      <c r="AC5193">
        <v>172</v>
      </c>
      <c r="AD5193">
        <v>18</v>
      </c>
      <c r="AE5193">
        <v>40</v>
      </c>
      <c r="AF5193">
        <v>0</v>
      </c>
      <c r="AG5193">
        <v>50000</v>
      </c>
      <c r="AH5193">
        <v>50000</v>
      </c>
      <c r="AI5193">
        <v>0</v>
      </c>
      <c r="AJ5193">
        <v>0</v>
      </c>
      <c r="AK5193" t="s">
        <v>6</v>
      </c>
      <c r="AL5193">
        <v>0</v>
      </c>
      <c r="AM5193">
        <v>0</v>
      </c>
      <c r="AN5193">
        <v>0</v>
      </c>
      <c r="AO5193">
        <v>0</v>
      </c>
      <c r="AP5193">
        <v>0</v>
      </c>
      <c r="AQ5193">
        <v>0</v>
      </c>
      <c r="AR5193">
        <v>0</v>
      </c>
      <c r="AS5193">
        <v>0</v>
      </c>
      <c r="AT5193">
        <v>0</v>
      </c>
      <c r="AU5193">
        <v>0</v>
      </c>
      <c r="AV5193">
        <v>0</v>
      </c>
      <c r="AW5193">
        <v>0</v>
      </c>
      <c r="AX5193">
        <v>0</v>
      </c>
      <c r="AY5193">
        <v>0</v>
      </c>
      <c r="AZ5193">
        <v>0</v>
      </c>
      <c r="BA5193">
        <v>0</v>
      </c>
    </row>
    <row r="5194" spans="1:53" x14ac:dyDescent="0.4">
      <c r="A5194">
        <v>5238</v>
      </c>
      <c r="B5194" s="1">
        <v>44824</v>
      </c>
      <c r="C5194">
        <v>2</v>
      </c>
      <c r="D5194" s="1">
        <v>44824.441666666666</v>
      </c>
      <c r="E5194" s="1">
        <v>44824.745833333334</v>
      </c>
      <c r="F5194">
        <v>20250</v>
      </c>
      <c r="G5194">
        <v>440</v>
      </c>
      <c r="H5194">
        <v>0</v>
      </c>
      <c r="I5194">
        <v>0</v>
      </c>
      <c r="J5194">
        <v>100</v>
      </c>
      <c r="K5194">
        <v>0</v>
      </c>
      <c r="L5194">
        <v>0</v>
      </c>
      <c r="M5194">
        <v>1870</v>
      </c>
      <c r="N5194">
        <v>0</v>
      </c>
      <c r="O5194">
        <v>0</v>
      </c>
      <c r="P5194">
        <v>11520</v>
      </c>
      <c r="Q5194">
        <v>0</v>
      </c>
      <c r="R5194">
        <v>32110</v>
      </c>
      <c r="S5194">
        <v>0</v>
      </c>
      <c r="T5194">
        <v>0</v>
      </c>
      <c r="U5194">
        <v>0</v>
      </c>
      <c r="V5194">
        <v>2</v>
      </c>
      <c r="W5194">
        <v>0</v>
      </c>
      <c r="X5194">
        <v>0</v>
      </c>
      <c r="Y5194">
        <v>30</v>
      </c>
      <c r="Z5194">
        <v>23</v>
      </c>
      <c r="AA5194">
        <v>156</v>
      </c>
      <c r="AB5194">
        <v>47</v>
      </c>
      <c r="AC5194">
        <v>199</v>
      </c>
      <c r="AD5194">
        <v>20</v>
      </c>
      <c r="AE5194">
        <v>40</v>
      </c>
      <c r="AF5194">
        <v>530</v>
      </c>
      <c r="AG5194">
        <v>82110</v>
      </c>
      <c r="AH5194">
        <v>50000</v>
      </c>
      <c r="AI5194">
        <v>0</v>
      </c>
      <c r="AJ5194">
        <v>103</v>
      </c>
      <c r="AK5194" t="s">
        <v>7</v>
      </c>
      <c r="AL5194">
        <v>0</v>
      </c>
      <c r="AM5194">
        <v>0</v>
      </c>
      <c r="AN5194">
        <v>0</v>
      </c>
      <c r="AO5194">
        <v>0</v>
      </c>
      <c r="AP5194">
        <v>0</v>
      </c>
      <c r="AQ5194">
        <v>0</v>
      </c>
      <c r="AR5194">
        <v>0</v>
      </c>
      <c r="AS5194">
        <v>0</v>
      </c>
      <c r="AT5194">
        <v>0</v>
      </c>
      <c r="AU5194">
        <v>0</v>
      </c>
      <c r="AV5194">
        <v>0</v>
      </c>
      <c r="AW5194">
        <v>0</v>
      </c>
      <c r="AX5194">
        <v>-1590</v>
      </c>
      <c r="AY5194">
        <v>35</v>
      </c>
      <c r="AZ5194">
        <v>54</v>
      </c>
      <c r="BA5194">
        <v>4433</v>
      </c>
    </row>
    <row r="5195" spans="1:53" x14ac:dyDescent="0.4">
      <c r="A5195">
        <v>5239</v>
      </c>
      <c r="B5195" s="1">
        <v>44824</v>
      </c>
      <c r="C5195">
        <v>3</v>
      </c>
      <c r="D5195" s="1">
        <v>44824.745833333334</v>
      </c>
      <c r="E5195" s="1">
        <v>44824.993055555555</v>
      </c>
      <c r="F5195">
        <v>36900</v>
      </c>
      <c r="G5195">
        <v>2310</v>
      </c>
      <c r="H5195">
        <v>0</v>
      </c>
      <c r="I5195">
        <v>0</v>
      </c>
      <c r="J5195">
        <v>0</v>
      </c>
      <c r="K5195">
        <v>1320</v>
      </c>
      <c r="L5195">
        <v>0</v>
      </c>
      <c r="M5195">
        <v>3684</v>
      </c>
      <c r="N5195">
        <v>0</v>
      </c>
      <c r="O5195">
        <v>0</v>
      </c>
      <c r="P5195">
        <v>-11520</v>
      </c>
      <c r="Q5195">
        <v>0</v>
      </c>
      <c r="R5195">
        <v>29010</v>
      </c>
      <c r="S5195">
        <v>0</v>
      </c>
      <c r="T5195">
        <v>0</v>
      </c>
      <c r="U5195">
        <v>0</v>
      </c>
      <c r="V5195">
        <v>3</v>
      </c>
      <c r="W5195">
        <v>2</v>
      </c>
      <c r="X5195">
        <v>0</v>
      </c>
      <c r="Y5195">
        <v>39</v>
      </c>
      <c r="Z5195">
        <v>21</v>
      </c>
      <c r="AA5195">
        <v>145</v>
      </c>
      <c r="AB5195">
        <v>47</v>
      </c>
      <c r="AC5195">
        <v>193</v>
      </c>
      <c r="AD5195">
        <v>19</v>
      </c>
      <c r="AE5195">
        <v>39</v>
      </c>
      <c r="AF5195">
        <v>2706</v>
      </c>
      <c r="AG5195">
        <v>111120</v>
      </c>
      <c r="AH5195">
        <v>50000</v>
      </c>
      <c r="AI5195">
        <v>0</v>
      </c>
      <c r="AJ5195">
        <v>108</v>
      </c>
      <c r="AK5195" t="s">
        <v>3</v>
      </c>
      <c r="AL5195">
        <v>0</v>
      </c>
      <c r="AM5195">
        <v>0</v>
      </c>
      <c r="AN5195">
        <v>0</v>
      </c>
      <c r="AO5195">
        <v>0</v>
      </c>
      <c r="AP5195">
        <v>0</v>
      </c>
      <c r="AQ5195">
        <v>0</v>
      </c>
      <c r="AR5195">
        <v>0</v>
      </c>
      <c r="AS5195">
        <v>0</v>
      </c>
      <c r="AT5195">
        <v>0</v>
      </c>
      <c r="AU5195">
        <v>0</v>
      </c>
      <c r="AV5195">
        <v>0</v>
      </c>
      <c r="AW5195">
        <v>0</v>
      </c>
      <c r="AX5195">
        <v>7200</v>
      </c>
      <c r="AY5195">
        <v>13</v>
      </c>
      <c r="AZ5195">
        <v>28</v>
      </c>
      <c r="BA5195">
        <v>2338</v>
      </c>
    </row>
    <row r="5196" spans="1:53" x14ac:dyDescent="0.4">
      <c r="A5196">
        <v>5240</v>
      </c>
      <c r="B5196" s="1">
        <v>44825</v>
      </c>
      <c r="C5196">
        <v>1</v>
      </c>
      <c r="D5196" s="1">
        <v>44825.291666666664</v>
      </c>
      <c r="E5196" s="1">
        <v>44825.440972222219</v>
      </c>
      <c r="F5196">
        <v>0</v>
      </c>
      <c r="G5196">
        <v>0</v>
      </c>
      <c r="H5196">
        <v>0</v>
      </c>
      <c r="I5196">
        <v>0</v>
      </c>
      <c r="J5196">
        <v>0</v>
      </c>
      <c r="K5196">
        <v>0</v>
      </c>
      <c r="L5196">
        <v>0</v>
      </c>
      <c r="M5196">
        <v>0</v>
      </c>
      <c r="N5196">
        <v>0</v>
      </c>
      <c r="O5196">
        <v>0</v>
      </c>
      <c r="P5196">
        <v>0</v>
      </c>
      <c r="Q5196">
        <v>0</v>
      </c>
      <c r="R5196">
        <v>0</v>
      </c>
      <c r="S5196">
        <v>0</v>
      </c>
      <c r="T5196">
        <v>0</v>
      </c>
      <c r="U5196">
        <v>0</v>
      </c>
      <c r="V5196">
        <v>0</v>
      </c>
      <c r="W5196">
        <v>1</v>
      </c>
      <c r="X5196">
        <v>0</v>
      </c>
      <c r="Y5196">
        <v>25</v>
      </c>
      <c r="Z5196">
        <v>10</v>
      </c>
      <c r="AA5196">
        <v>124</v>
      </c>
      <c r="AB5196">
        <v>24</v>
      </c>
      <c r="AC5196">
        <v>126</v>
      </c>
      <c r="AD5196">
        <v>19</v>
      </c>
      <c r="AE5196">
        <v>45</v>
      </c>
      <c r="AF5196">
        <v>0</v>
      </c>
      <c r="AG5196">
        <v>50000</v>
      </c>
      <c r="AH5196">
        <v>50000</v>
      </c>
      <c r="AI5196">
        <v>0</v>
      </c>
      <c r="AJ5196">
        <v>0</v>
      </c>
      <c r="AK5196" t="s">
        <v>6</v>
      </c>
      <c r="AL5196">
        <v>0</v>
      </c>
      <c r="AM5196">
        <v>0</v>
      </c>
      <c r="AN5196">
        <v>0</v>
      </c>
      <c r="AO5196">
        <v>0</v>
      </c>
      <c r="AP5196">
        <v>0</v>
      </c>
      <c r="AQ5196">
        <v>0</v>
      </c>
      <c r="AR5196">
        <v>0</v>
      </c>
      <c r="AS5196">
        <v>0</v>
      </c>
      <c r="AT5196">
        <v>0</v>
      </c>
      <c r="AU5196">
        <v>0</v>
      </c>
      <c r="AV5196">
        <v>0</v>
      </c>
      <c r="AW5196">
        <v>0</v>
      </c>
      <c r="AX5196">
        <v>0</v>
      </c>
      <c r="AY5196">
        <v>0</v>
      </c>
      <c r="AZ5196">
        <v>0</v>
      </c>
      <c r="BA5196">
        <v>0</v>
      </c>
    </row>
    <row r="5197" spans="1:53" x14ac:dyDescent="0.4">
      <c r="A5197">
        <v>5241</v>
      </c>
      <c r="B5197" s="1">
        <v>44825</v>
      </c>
      <c r="C5197">
        <v>2</v>
      </c>
      <c r="D5197" s="1">
        <v>44825.440972222219</v>
      </c>
      <c r="E5197" s="1">
        <v>44825.73333333333</v>
      </c>
      <c r="F5197">
        <v>17690</v>
      </c>
      <c r="G5197">
        <v>462</v>
      </c>
      <c r="H5197">
        <v>0</v>
      </c>
      <c r="I5197">
        <v>0</v>
      </c>
      <c r="J5197">
        <v>0</v>
      </c>
      <c r="K5197">
        <v>0</v>
      </c>
      <c r="L5197">
        <v>0</v>
      </c>
      <c r="M5197">
        <v>1650</v>
      </c>
      <c r="N5197">
        <v>0</v>
      </c>
      <c r="O5197">
        <v>0</v>
      </c>
      <c r="P5197">
        <v>12230</v>
      </c>
      <c r="Q5197">
        <v>0</v>
      </c>
      <c r="R5197">
        <v>30382</v>
      </c>
      <c r="S5197">
        <v>0</v>
      </c>
      <c r="T5197">
        <v>0</v>
      </c>
      <c r="U5197">
        <v>0</v>
      </c>
      <c r="V5197">
        <v>1</v>
      </c>
      <c r="W5197">
        <v>1</v>
      </c>
      <c r="X5197">
        <v>0</v>
      </c>
      <c r="Y5197">
        <v>40</v>
      </c>
      <c r="Z5197">
        <v>18</v>
      </c>
      <c r="AA5197">
        <v>98</v>
      </c>
      <c r="AB5197">
        <v>23</v>
      </c>
      <c r="AC5197">
        <v>131</v>
      </c>
      <c r="AD5197">
        <v>19</v>
      </c>
      <c r="AE5197">
        <v>47</v>
      </c>
      <c r="AF5197">
        <v>3980</v>
      </c>
      <c r="AG5197">
        <v>80382</v>
      </c>
      <c r="AH5197">
        <v>50000</v>
      </c>
      <c r="AI5197">
        <v>0</v>
      </c>
      <c r="AJ5197">
        <v>116</v>
      </c>
      <c r="AK5197" t="s">
        <v>54</v>
      </c>
      <c r="AL5197">
        <v>0</v>
      </c>
      <c r="AM5197">
        <v>0</v>
      </c>
      <c r="AN5197">
        <v>0</v>
      </c>
      <c r="AO5197">
        <v>0</v>
      </c>
      <c r="AP5197">
        <v>0</v>
      </c>
      <c r="AQ5197">
        <v>0</v>
      </c>
      <c r="AR5197">
        <v>0</v>
      </c>
      <c r="AS5197">
        <v>0</v>
      </c>
      <c r="AT5197">
        <v>0</v>
      </c>
      <c r="AU5197">
        <v>0</v>
      </c>
      <c r="AV5197">
        <v>0</v>
      </c>
      <c r="AW5197">
        <v>0</v>
      </c>
      <c r="AX5197">
        <v>0</v>
      </c>
      <c r="AY5197">
        <v>31</v>
      </c>
      <c r="AZ5197">
        <v>48</v>
      </c>
      <c r="BA5197">
        <v>4227</v>
      </c>
    </row>
    <row r="5198" spans="1:53" x14ac:dyDescent="0.4">
      <c r="A5198">
        <v>5242</v>
      </c>
      <c r="B5198" s="1">
        <v>44825</v>
      </c>
      <c r="C5198">
        <v>3</v>
      </c>
      <c r="D5198" s="1">
        <v>44825.73333333333</v>
      </c>
      <c r="E5198" s="1">
        <v>44825.951388888891</v>
      </c>
      <c r="F5198">
        <v>25220</v>
      </c>
      <c r="G5198">
        <v>0</v>
      </c>
      <c r="H5198">
        <v>0</v>
      </c>
      <c r="I5198">
        <v>0</v>
      </c>
      <c r="J5198">
        <v>0</v>
      </c>
      <c r="K5198">
        <v>0</v>
      </c>
      <c r="L5198">
        <v>0</v>
      </c>
      <c r="M5198">
        <v>2291</v>
      </c>
      <c r="N5198">
        <v>0</v>
      </c>
      <c r="O5198">
        <v>0</v>
      </c>
      <c r="P5198">
        <v>-12230</v>
      </c>
      <c r="Q5198">
        <v>0</v>
      </c>
      <c r="R5198">
        <v>12990</v>
      </c>
      <c r="S5198">
        <v>0</v>
      </c>
      <c r="T5198">
        <v>0</v>
      </c>
      <c r="U5198">
        <v>0</v>
      </c>
      <c r="V5198">
        <v>1</v>
      </c>
      <c r="W5198">
        <v>3</v>
      </c>
      <c r="X5198">
        <v>0</v>
      </c>
      <c r="Y5198">
        <v>41</v>
      </c>
      <c r="Z5198">
        <v>15</v>
      </c>
      <c r="AA5198">
        <v>106</v>
      </c>
      <c r="AB5198">
        <v>25</v>
      </c>
      <c r="AC5198">
        <v>144</v>
      </c>
      <c r="AD5198">
        <v>19</v>
      </c>
      <c r="AE5198">
        <v>47</v>
      </c>
      <c r="AF5198">
        <v>6440</v>
      </c>
      <c r="AG5198">
        <v>93372</v>
      </c>
      <c r="AH5198">
        <v>50000</v>
      </c>
      <c r="AI5198">
        <v>0</v>
      </c>
      <c r="AJ5198">
        <v>108</v>
      </c>
      <c r="AK5198" t="s">
        <v>3</v>
      </c>
      <c r="AL5198">
        <v>0</v>
      </c>
      <c r="AM5198">
        <v>0</v>
      </c>
      <c r="AN5198">
        <v>0</v>
      </c>
      <c r="AO5198">
        <v>0</v>
      </c>
      <c r="AP5198">
        <v>0</v>
      </c>
      <c r="AQ5198">
        <v>0</v>
      </c>
      <c r="AR5198">
        <v>0</v>
      </c>
      <c r="AS5198">
        <v>0</v>
      </c>
      <c r="AT5198">
        <v>0</v>
      </c>
      <c r="AU5198">
        <v>0</v>
      </c>
      <c r="AV5198">
        <v>0</v>
      </c>
      <c r="AW5198">
        <v>0</v>
      </c>
      <c r="AX5198">
        <v>0</v>
      </c>
      <c r="AY5198">
        <v>10</v>
      </c>
      <c r="AZ5198">
        <v>17</v>
      </c>
      <c r="BA5198">
        <v>2373</v>
      </c>
    </row>
    <row r="5199" spans="1:53" x14ac:dyDescent="0.4">
      <c r="A5199">
        <v>5243</v>
      </c>
      <c r="B5199" s="1">
        <v>44826</v>
      </c>
      <c r="C5199">
        <v>1</v>
      </c>
      <c r="D5199" s="1">
        <v>44826.291666666664</v>
      </c>
      <c r="E5199" s="1">
        <v>44826.451388888891</v>
      </c>
      <c r="F5199">
        <v>0</v>
      </c>
      <c r="G5199">
        <v>0</v>
      </c>
      <c r="H5199">
        <v>0</v>
      </c>
      <c r="I5199">
        <v>0</v>
      </c>
      <c r="J5199">
        <v>0</v>
      </c>
      <c r="K5199">
        <v>0</v>
      </c>
      <c r="L5199">
        <v>0</v>
      </c>
      <c r="M5199">
        <v>0</v>
      </c>
      <c r="N5199">
        <v>0</v>
      </c>
      <c r="O5199">
        <v>0</v>
      </c>
      <c r="P5199">
        <v>0</v>
      </c>
      <c r="Q5199">
        <v>0</v>
      </c>
      <c r="R5199">
        <v>0</v>
      </c>
      <c r="S5199">
        <v>0</v>
      </c>
      <c r="T5199">
        <v>0</v>
      </c>
      <c r="U5199">
        <v>0</v>
      </c>
      <c r="V5199">
        <v>0</v>
      </c>
      <c r="W5199">
        <v>1</v>
      </c>
      <c r="X5199">
        <v>0</v>
      </c>
      <c r="Y5199">
        <v>25</v>
      </c>
      <c r="Z5199">
        <v>15</v>
      </c>
      <c r="AA5199">
        <v>101</v>
      </c>
      <c r="AB5199">
        <v>25</v>
      </c>
      <c r="AC5199">
        <v>100</v>
      </c>
      <c r="AD5199">
        <v>20</v>
      </c>
      <c r="AE5199">
        <v>50</v>
      </c>
      <c r="AF5199">
        <v>0</v>
      </c>
      <c r="AG5199">
        <v>50000</v>
      </c>
      <c r="AH5199">
        <v>50000</v>
      </c>
      <c r="AI5199">
        <v>0</v>
      </c>
      <c r="AJ5199">
        <v>0</v>
      </c>
      <c r="AK5199" t="s">
        <v>6</v>
      </c>
      <c r="AL5199">
        <v>0</v>
      </c>
      <c r="AM5199">
        <v>0</v>
      </c>
      <c r="AN5199">
        <v>0</v>
      </c>
      <c r="AO5199">
        <v>0</v>
      </c>
      <c r="AP5199">
        <v>0</v>
      </c>
      <c r="AQ5199">
        <v>0</v>
      </c>
      <c r="AR5199">
        <v>0</v>
      </c>
      <c r="AS5199">
        <v>0</v>
      </c>
      <c r="AT5199">
        <v>0</v>
      </c>
      <c r="AU5199">
        <v>0</v>
      </c>
      <c r="AV5199">
        <v>0</v>
      </c>
      <c r="AW5199">
        <v>0</v>
      </c>
      <c r="AX5199">
        <v>0</v>
      </c>
      <c r="AY5199">
        <v>0</v>
      </c>
      <c r="AZ5199">
        <v>0</v>
      </c>
      <c r="BA5199">
        <v>0</v>
      </c>
    </row>
    <row r="5200" spans="1:53" x14ac:dyDescent="0.4">
      <c r="A5200">
        <v>5244</v>
      </c>
      <c r="B5200" s="1">
        <v>44826</v>
      </c>
      <c r="C5200">
        <v>2</v>
      </c>
      <c r="D5200" s="1">
        <v>44826.451388888891</v>
      </c>
      <c r="E5200" s="1">
        <v>44826.748611111114</v>
      </c>
      <c r="F5200">
        <v>18590</v>
      </c>
      <c r="G5200">
        <v>462</v>
      </c>
      <c r="H5200">
        <v>0</v>
      </c>
      <c r="I5200">
        <v>0</v>
      </c>
      <c r="J5200">
        <v>0</v>
      </c>
      <c r="K5200">
        <v>0</v>
      </c>
      <c r="L5200">
        <v>0</v>
      </c>
      <c r="M5200">
        <v>1731</v>
      </c>
      <c r="N5200">
        <v>0</v>
      </c>
      <c r="O5200">
        <v>0</v>
      </c>
      <c r="P5200">
        <v>20150</v>
      </c>
      <c r="Q5200">
        <v>0</v>
      </c>
      <c r="R5200">
        <v>39202</v>
      </c>
      <c r="S5200">
        <v>0</v>
      </c>
      <c r="T5200">
        <v>0</v>
      </c>
      <c r="U5200">
        <v>0</v>
      </c>
      <c r="V5200">
        <v>3</v>
      </c>
      <c r="W5200">
        <v>1</v>
      </c>
      <c r="X5200">
        <v>0</v>
      </c>
      <c r="Y5200">
        <v>29</v>
      </c>
      <c r="Z5200">
        <v>20</v>
      </c>
      <c r="AA5200">
        <v>100</v>
      </c>
      <c r="AB5200">
        <v>28</v>
      </c>
      <c r="AC5200">
        <v>125</v>
      </c>
      <c r="AD5200">
        <v>20</v>
      </c>
      <c r="AE5200">
        <v>52</v>
      </c>
      <c r="AF5200">
        <v>2400</v>
      </c>
      <c r="AG5200">
        <v>89202</v>
      </c>
      <c r="AH5200">
        <v>50000</v>
      </c>
      <c r="AI5200">
        <v>0</v>
      </c>
      <c r="AJ5200">
        <v>119</v>
      </c>
      <c r="AK5200" t="s">
        <v>56</v>
      </c>
      <c r="AL5200">
        <v>0</v>
      </c>
      <c r="AM5200">
        <v>0</v>
      </c>
      <c r="AN5200">
        <v>0</v>
      </c>
      <c r="AO5200">
        <v>0</v>
      </c>
      <c r="AP5200">
        <v>0</v>
      </c>
      <c r="AQ5200">
        <v>0</v>
      </c>
      <c r="AR5200">
        <v>0</v>
      </c>
      <c r="AS5200">
        <v>0</v>
      </c>
      <c r="AT5200">
        <v>0</v>
      </c>
      <c r="AU5200">
        <v>0</v>
      </c>
      <c r="AV5200">
        <v>0</v>
      </c>
      <c r="AW5200">
        <v>0</v>
      </c>
      <c r="AX5200">
        <v>-752</v>
      </c>
      <c r="AY5200">
        <v>41</v>
      </c>
      <c r="AZ5200">
        <v>66</v>
      </c>
      <c r="BA5200">
        <v>4406</v>
      </c>
    </row>
    <row r="5201" spans="1:53" x14ac:dyDescent="0.4">
      <c r="A5201">
        <v>5245</v>
      </c>
      <c r="B5201" s="1">
        <v>44826</v>
      </c>
      <c r="C5201">
        <v>3</v>
      </c>
      <c r="D5201" s="1">
        <v>44826.748611111114</v>
      </c>
      <c r="E5201" s="1">
        <v>44826.981944444444</v>
      </c>
      <c r="F5201">
        <v>65870</v>
      </c>
      <c r="G5201">
        <v>2640</v>
      </c>
      <c r="H5201">
        <v>220</v>
      </c>
      <c r="I5201">
        <v>0</v>
      </c>
      <c r="J5201">
        <v>100</v>
      </c>
      <c r="K5201">
        <v>100</v>
      </c>
      <c r="L5201">
        <v>0</v>
      </c>
      <c r="M5201">
        <v>6246</v>
      </c>
      <c r="N5201">
        <v>0</v>
      </c>
      <c r="O5201">
        <v>0</v>
      </c>
      <c r="P5201">
        <v>-20150</v>
      </c>
      <c r="Q5201">
        <v>0</v>
      </c>
      <c r="R5201">
        <v>48580</v>
      </c>
      <c r="S5201">
        <v>0</v>
      </c>
      <c r="T5201">
        <v>0</v>
      </c>
      <c r="U5201">
        <v>0</v>
      </c>
      <c r="V5201">
        <v>4</v>
      </c>
      <c r="W5201">
        <v>3</v>
      </c>
      <c r="X5201">
        <v>0</v>
      </c>
      <c r="Y5201">
        <v>52</v>
      </c>
      <c r="Z5201">
        <v>24</v>
      </c>
      <c r="AA5201">
        <v>107</v>
      </c>
      <c r="AB5201">
        <v>28</v>
      </c>
      <c r="AC5201">
        <v>126</v>
      </c>
      <c r="AD5201">
        <v>20</v>
      </c>
      <c r="AE5201">
        <v>46</v>
      </c>
      <c r="AF5201">
        <v>5280</v>
      </c>
      <c r="AG5201">
        <v>137786</v>
      </c>
      <c r="AH5201">
        <v>50000</v>
      </c>
      <c r="AI5201">
        <v>4</v>
      </c>
      <c r="AJ5201">
        <v>108</v>
      </c>
      <c r="AK5201" t="s">
        <v>3</v>
      </c>
      <c r="AL5201">
        <v>0</v>
      </c>
      <c r="AM5201">
        <v>0</v>
      </c>
      <c r="AN5201">
        <v>0</v>
      </c>
      <c r="AO5201">
        <v>0</v>
      </c>
      <c r="AP5201">
        <v>0</v>
      </c>
      <c r="AQ5201">
        <v>0</v>
      </c>
      <c r="AR5201">
        <v>0</v>
      </c>
      <c r="AS5201">
        <v>0</v>
      </c>
      <c r="AT5201">
        <v>0</v>
      </c>
      <c r="AU5201">
        <v>0</v>
      </c>
      <c r="AV5201">
        <v>0</v>
      </c>
      <c r="AW5201">
        <v>0</v>
      </c>
      <c r="AX5201">
        <v>24990</v>
      </c>
      <c r="AY5201">
        <v>17</v>
      </c>
      <c r="AZ5201">
        <v>43</v>
      </c>
      <c r="BA5201">
        <v>3625</v>
      </c>
    </row>
    <row r="5202" spans="1:53" x14ac:dyDescent="0.4">
      <c r="A5202">
        <v>5246</v>
      </c>
      <c r="B5202" s="1">
        <v>44827</v>
      </c>
      <c r="C5202">
        <v>1</v>
      </c>
      <c r="D5202" s="1">
        <v>44827.291666666664</v>
      </c>
      <c r="E5202" s="1">
        <v>44827.404166666667</v>
      </c>
      <c r="F5202">
        <v>0</v>
      </c>
      <c r="G5202">
        <v>0</v>
      </c>
      <c r="H5202">
        <v>0</v>
      </c>
      <c r="I5202">
        <v>0</v>
      </c>
      <c r="J5202">
        <v>0</v>
      </c>
      <c r="K5202">
        <v>0</v>
      </c>
      <c r="L5202">
        <v>0</v>
      </c>
      <c r="M5202">
        <v>0</v>
      </c>
      <c r="N5202">
        <v>0</v>
      </c>
      <c r="O5202">
        <v>0</v>
      </c>
      <c r="P5202">
        <v>0</v>
      </c>
      <c r="Q5202">
        <v>0</v>
      </c>
      <c r="R5202">
        <v>0</v>
      </c>
      <c r="S5202">
        <v>0</v>
      </c>
      <c r="T5202">
        <v>0</v>
      </c>
      <c r="U5202">
        <v>0</v>
      </c>
      <c r="V5202">
        <v>0</v>
      </c>
      <c r="W5202">
        <v>1</v>
      </c>
      <c r="X5202">
        <v>0</v>
      </c>
      <c r="Y5202">
        <v>25</v>
      </c>
      <c r="Z5202">
        <v>15</v>
      </c>
      <c r="AA5202">
        <v>100</v>
      </c>
      <c r="AB5202">
        <v>25</v>
      </c>
      <c r="AC5202">
        <v>111</v>
      </c>
      <c r="AD5202">
        <v>20</v>
      </c>
      <c r="AE5202">
        <v>40</v>
      </c>
      <c r="AF5202">
        <v>0</v>
      </c>
      <c r="AG5202">
        <v>50000</v>
      </c>
      <c r="AH5202">
        <v>50000</v>
      </c>
      <c r="AI5202">
        <v>0</v>
      </c>
      <c r="AJ5202">
        <v>0</v>
      </c>
      <c r="AK5202" t="s">
        <v>6</v>
      </c>
      <c r="AL5202">
        <v>0</v>
      </c>
      <c r="AM5202">
        <v>0</v>
      </c>
      <c r="AN5202">
        <v>0</v>
      </c>
      <c r="AO5202">
        <v>0</v>
      </c>
      <c r="AP5202">
        <v>0</v>
      </c>
      <c r="AQ5202">
        <v>0</v>
      </c>
      <c r="AR5202">
        <v>0</v>
      </c>
      <c r="AS5202">
        <v>0</v>
      </c>
      <c r="AT5202">
        <v>0</v>
      </c>
      <c r="AU5202">
        <v>0</v>
      </c>
      <c r="AV5202">
        <v>0</v>
      </c>
      <c r="AW5202">
        <v>0</v>
      </c>
      <c r="AX5202">
        <v>0</v>
      </c>
      <c r="AY5202">
        <v>0</v>
      </c>
      <c r="AZ5202">
        <v>0</v>
      </c>
      <c r="BA5202">
        <v>0</v>
      </c>
    </row>
    <row r="5203" spans="1:53" x14ac:dyDescent="0.4">
      <c r="A5203">
        <v>5247</v>
      </c>
      <c r="B5203" s="1">
        <v>44827</v>
      </c>
      <c r="C5203">
        <v>2</v>
      </c>
      <c r="D5203" s="1">
        <v>44827.404166666667</v>
      </c>
      <c r="E5203" s="1">
        <v>44827.749305555553</v>
      </c>
      <c r="F5203">
        <v>45310</v>
      </c>
      <c r="G5203">
        <v>3080</v>
      </c>
      <c r="H5203">
        <v>0</v>
      </c>
      <c r="I5203">
        <v>0</v>
      </c>
      <c r="J5203">
        <v>0</v>
      </c>
      <c r="K5203">
        <v>0</v>
      </c>
      <c r="L5203">
        <v>0</v>
      </c>
      <c r="M5203">
        <v>4398</v>
      </c>
      <c r="N5203">
        <v>0</v>
      </c>
      <c r="O5203">
        <v>0</v>
      </c>
      <c r="P5203">
        <v>20420</v>
      </c>
      <c r="Q5203">
        <v>0</v>
      </c>
      <c r="R5203">
        <v>68810</v>
      </c>
      <c r="S5203">
        <v>0</v>
      </c>
      <c r="T5203">
        <v>0</v>
      </c>
      <c r="U5203">
        <v>0</v>
      </c>
      <c r="V5203">
        <v>2</v>
      </c>
      <c r="W5203">
        <v>3</v>
      </c>
      <c r="X5203">
        <v>0</v>
      </c>
      <c r="Y5203">
        <v>48</v>
      </c>
      <c r="Z5203">
        <v>34</v>
      </c>
      <c r="AA5203">
        <v>96</v>
      </c>
      <c r="AB5203">
        <v>23</v>
      </c>
      <c r="AC5203">
        <v>123</v>
      </c>
      <c r="AD5203">
        <v>24</v>
      </c>
      <c r="AE5203">
        <v>45</v>
      </c>
      <c r="AF5203">
        <v>6665</v>
      </c>
      <c r="AG5203">
        <v>118810</v>
      </c>
      <c r="AH5203">
        <v>50000</v>
      </c>
      <c r="AI5203">
        <v>0</v>
      </c>
      <c r="AJ5203">
        <v>118</v>
      </c>
      <c r="AK5203" t="s">
        <v>59</v>
      </c>
      <c r="AL5203">
        <v>0</v>
      </c>
      <c r="AM5203">
        <v>0</v>
      </c>
      <c r="AN5203">
        <v>0</v>
      </c>
      <c r="AO5203">
        <v>0</v>
      </c>
      <c r="AP5203">
        <v>0</v>
      </c>
      <c r="AQ5203">
        <v>0</v>
      </c>
      <c r="AR5203">
        <v>0</v>
      </c>
      <c r="AS5203">
        <v>0</v>
      </c>
      <c r="AT5203">
        <v>0</v>
      </c>
      <c r="AU5203">
        <v>0</v>
      </c>
      <c r="AV5203">
        <v>0</v>
      </c>
      <c r="AW5203">
        <v>0</v>
      </c>
      <c r="AX5203">
        <v>1034</v>
      </c>
      <c r="AY5203">
        <v>47</v>
      </c>
      <c r="AZ5203">
        <v>106</v>
      </c>
      <c r="BA5203">
        <v>7375</v>
      </c>
    </row>
    <row r="5204" spans="1:53" x14ac:dyDescent="0.4">
      <c r="A5204">
        <v>5248</v>
      </c>
      <c r="B5204" s="1">
        <v>44827</v>
      </c>
      <c r="C5204">
        <v>3</v>
      </c>
      <c r="D5204" s="1">
        <v>44827.749305555553</v>
      </c>
      <c r="E5204" s="1">
        <v>44827.95</v>
      </c>
      <c r="F5204">
        <v>44060</v>
      </c>
      <c r="G5204">
        <v>3564</v>
      </c>
      <c r="H5204">
        <v>0</v>
      </c>
      <c r="I5204">
        <v>0</v>
      </c>
      <c r="J5204">
        <v>100</v>
      </c>
      <c r="K5204">
        <v>0</v>
      </c>
      <c r="L5204">
        <v>0</v>
      </c>
      <c r="M5204">
        <v>4320</v>
      </c>
      <c r="N5204">
        <v>0</v>
      </c>
      <c r="O5204">
        <v>0</v>
      </c>
      <c r="P5204">
        <v>-20420</v>
      </c>
      <c r="Q5204">
        <v>0</v>
      </c>
      <c r="R5204">
        <v>27104</v>
      </c>
      <c r="S5204">
        <v>0</v>
      </c>
      <c r="T5204">
        <v>0</v>
      </c>
      <c r="U5204">
        <v>0</v>
      </c>
      <c r="V5204">
        <v>4</v>
      </c>
      <c r="W5204">
        <v>1</v>
      </c>
      <c r="X5204">
        <v>0</v>
      </c>
      <c r="Y5204">
        <v>56</v>
      </c>
      <c r="Z5204">
        <v>35</v>
      </c>
      <c r="AA5204">
        <v>89</v>
      </c>
      <c r="AB5204">
        <v>24</v>
      </c>
      <c r="AC5204">
        <v>120</v>
      </c>
      <c r="AD5204">
        <v>22</v>
      </c>
      <c r="AE5204">
        <v>41</v>
      </c>
      <c r="AF5204">
        <v>15963</v>
      </c>
      <c r="AG5204">
        <v>145914</v>
      </c>
      <c r="AH5204">
        <v>50000</v>
      </c>
      <c r="AI5204">
        <v>0</v>
      </c>
      <c r="AJ5204">
        <v>74</v>
      </c>
      <c r="AK5204" t="s">
        <v>64</v>
      </c>
      <c r="AL5204">
        <v>0</v>
      </c>
      <c r="AM5204">
        <v>0</v>
      </c>
      <c r="AN5204">
        <v>0</v>
      </c>
      <c r="AO5204">
        <v>0</v>
      </c>
      <c r="AP5204">
        <v>0</v>
      </c>
      <c r="AQ5204">
        <v>0</v>
      </c>
      <c r="AR5204">
        <v>0</v>
      </c>
      <c r="AS5204">
        <v>0</v>
      </c>
      <c r="AT5204">
        <v>0</v>
      </c>
      <c r="AU5204">
        <v>0</v>
      </c>
      <c r="AV5204">
        <v>0</v>
      </c>
      <c r="AW5204">
        <v>0</v>
      </c>
      <c r="AX5204">
        <v>31233</v>
      </c>
      <c r="AY5204">
        <v>15</v>
      </c>
      <c r="AZ5204">
        <v>33</v>
      </c>
      <c r="BA5204">
        <v>2471</v>
      </c>
    </row>
    <row r="5205" spans="1:53" x14ac:dyDescent="0.4">
      <c r="A5205">
        <v>5249</v>
      </c>
      <c r="B5205" s="1">
        <v>44828</v>
      </c>
      <c r="C5205">
        <v>1</v>
      </c>
      <c r="D5205" s="1">
        <v>44828.291666666664</v>
      </c>
      <c r="E5205" s="1">
        <v>44828.407638888886</v>
      </c>
      <c r="F5205">
        <v>0</v>
      </c>
      <c r="G5205">
        <v>0</v>
      </c>
      <c r="H5205">
        <v>0</v>
      </c>
      <c r="I5205">
        <v>0</v>
      </c>
      <c r="J5205">
        <v>0</v>
      </c>
      <c r="K5205">
        <v>0</v>
      </c>
      <c r="L5205">
        <v>0</v>
      </c>
      <c r="M5205">
        <v>0</v>
      </c>
      <c r="N5205">
        <v>0</v>
      </c>
      <c r="O5205">
        <v>0</v>
      </c>
      <c r="P5205">
        <v>0</v>
      </c>
      <c r="Q5205">
        <v>0</v>
      </c>
      <c r="R5205">
        <v>0</v>
      </c>
      <c r="S5205">
        <v>0</v>
      </c>
      <c r="T5205">
        <v>0</v>
      </c>
      <c r="U5205">
        <v>0</v>
      </c>
      <c r="V5205">
        <v>0</v>
      </c>
      <c r="W5205">
        <v>1</v>
      </c>
      <c r="X5205">
        <v>0</v>
      </c>
      <c r="Y5205">
        <v>25</v>
      </c>
      <c r="Z5205">
        <v>16</v>
      </c>
      <c r="AA5205">
        <v>95</v>
      </c>
      <c r="AB5205">
        <v>24</v>
      </c>
      <c r="AC5205">
        <v>116</v>
      </c>
      <c r="AD5205">
        <v>21</v>
      </c>
      <c r="AE5205">
        <v>35</v>
      </c>
      <c r="AF5205">
        <v>0</v>
      </c>
      <c r="AG5205">
        <v>50000</v>
      </c>
      <c r="AH5205">
        <v>50000</v>
      </c>
      <c r="AI5205">
        <v>0</v>
      </c>
      <c r="AJ5205">
        <v>0</v>
      </c>
      <c r="AK5205" t="s">
        <v>6</v>
      </c>
      <c r="AL5205">
        <v>0</v>
      </c>
      <c r="AM5205">
        <v>0</v>
      </c>
      <c r="AN5205">
        <v>0</v>
      </c>
      <c r="AO5205">
        <v>0</v>
      </c>
      <c r="AP5205">
        <v>0</v>
      </c>
      <c r="AQ5205">
        <v>0</v>
      </c>
      <c r="AR5205">
        <v>0</v>
      </c>
      <c r="AS5205">
        <v>0</v>
      </c>
      <c r="AT5205">
        <v>0</v>
      </c>
      <c r="AU5205">
        <v>0</v>
      </c>
      <c r="AV5205">
        <v>0</v>
      </c>
      <c r="AW5205">
        <v>0</v>
      </c>
      <c r="AX5205">
        <v>0</v>
      </c>
      <c r="AY5205">
        <v>0</v>
      </c>
      <c r="AZ5205">
        <v>0</v>
      </c>
      <c r="BA5205">
        <v>0</v>
      </c>
    </row>
    <row r="5206" spans="1:53" x14ac:dyDescent="0.4">
      <c r="A5206">
        <v>5250</v>
      </c>
      <c r="B5206" s="1">
        <v>44828</v>
      </c>
      <c r="C5206">
        <v>2</v>
      </c>
      <c r="D5206" s="1">
        <v>44828.407638888886</v>
      </c>
      <c r="E5206" s="1">
        <v>44828.742361111108</v>
      </c>
      <c r="F5206">
        <v>40640</v>
      </c>
      <c r="G5206">
        <v>2222</v>
      </c>
      <c r="H5206">
        <v>0</v>
      </c>
      <c r="I5206">
        <v>0</v>
      </c>
      <c r="J5206">
        <v>0</v>
      </c>
      <c r="K5206">
        <v>200</v>
      </c>
      <c r="L5206">
        <v>0</v>
      </c>
      <c r="M5206">
        <v>3910</v>
      </c>
      <c r="N5206">
        <v>0</v>
      </c>
      <c r="O5206">
        <v>0</v>
      </c>
      <c r="P5206">
        <v>21610</v>
      </c>
      <c r="Q5206">
        <v>0</v>
      </c>
      <c r="R5206">
        <v>64672</v>
      </c>
      <c r="S5206">
        <v>0</v>
      </c>
      <c r="T5206">
        <v>0</v>
      </c>
      <c r="U5206">
        <v>0</v>
      </c>
      <c r="V5206">
        <v>2</v>
      </c>
      <c r="W5206">
        <v>1</v>
      </c>
      <c r="X5206">
        <v>0</v>
      </c>
      <c r="Y5206">
        <v>66</v>
      </c>
      <c r="Z5206">
        <v>25</v>
      </c>
      <c r="AA5206">
        <v>57</v>
      </c>
      <c r="AB5206">
        <v>32</v>
      </c>
      <c r="AC5206">
        <v>141</v>
      </c>
      <c r="AD5206">
        <v>22</v>
      </c>
      <c r="AE5206">
        <v>32</v>
      </c>
      <c r="AF5206">
        <v>2120</v>
      </c>
      <c r="AG5206">
        <v>114472</v>
      </c>
      <c r="AH5206">
        <v>50000</v>
      </c>
      <c r="AI5206">
        <v>-200</v>
      </c>
      <c r="AJ5206">
        <v>29</v>
      </c>
      <c r="AK5206" t="s">
        <v>62</v>
      </c>
      <c r="AL5206">
        <v>0</v>
      </c>
      <c r="AM5206">
        <v>0</v>
      </c>
      <c r="AN5206">
        <v>0</v>
      </c>
      <c r="AO5206">
        <v>0</v>
      </c>
      <c r="AP5206">
        <v>0</v>
      </c>
      <c r="AQ5206">
        <v>0</v>
      </c>
      <c r="AR5206">
        <v>0</v>
      </c>
      <c r="AS5206">
        <v>0</v>
      </c>
      <c r="AT5206">
        <v>0</v>
      </c>
      <c r="AU5206">
        <v>0</v>
      </c>
      <c r="AV5206">
        <v>0</v>
      </c>
      <c r="AW5206">
        <v>0</v>
      </c>
      <c r="AX5206">
        <v>-666</v>
      </c>
      <c r="AY5206">
        <v>47</v>
      </c>
      <c r="AZ5206">
        <v>98</v>
      </c>
      <c r="BA5206">
        <v>7310</v>
      </c>
    </row>
    <row r="5207" spans="1:53" x14ac:dyDescent="0.4">
      <c r="A5207">
        <v>5251</v>
      </c>
      <c r="B5207" s="1">
        <v>44829</v>
      </c>
      <c r="C5207">
        <v>1</v>
      </c>
      <c r="D5207" s="1">
        <v>44829.291666666664</v>
      </c>
      <c r="E5207" s="1">
        <v>44829.392361111109</v>
      </c>
      <c r="F5207">
        <v>0</v>
      </c>
      <c r="G5207">
        <v>0</v>
      </c>
      <c r="H5207">
        <v>0</v>
      </c>
      <c r="I5207">
        <v>0</v>
      </c>
      <c r="J5207">
        <v>0</v>
      </c>
      <c r="K5207">
        <v>0</v>
      </c>
      <c r="L5207">
        <v>0</v>
      </c>
      <c r="M5207">
        <v>0</v>
      </c>
      <c r="N5207">
        <v>0</v>
      </c>
      <c r="O5207">
        <v>0</v>
      </c>
      <c r="P5207">
        <v>0</v>
      </c>
      <c r="Q5207">
        <v>0</v>
      </c>
      <c r="R5207">
        <v>0</v>
      </c>
      <c r="S5207">
        <v>0</v>
      </c>
      <c r="T5207">
        <v>0</v>
      </c>
      <c r="U5207">
        <v>0</v>
      </c>
      <c r="V5207">
        <v>0</v>
      </c>
      <c r="W5207">
        <v>1</v>
      </c>
      <c r="X5207">
        <v>0</v>
      </c>
      <c r="Y5207">
        <v>27</v>
      </c>
      <c r="Z5207">
        <v>17</v>
      </c>
      <c r="AA5207">
        <v>67</v>
      </c>
      <c r="AB5207">
        <v>28</v>
      </c>
      <c r="AC5207">
        <v>128</v>
      </c>
      <c r="AD5207">
        <v>19</v>
      </c>
      <c r="AE5207">
        <v>25</v>
      </c>
      <c r="AF5207">
        <v>0</v>
      </c>
      <c r="AG5207">
        <v>50000</v>
      </c>
      <c r="AH5207">
        <v>50000</v>
      </c>
      <c r="AI5207">
        <v>0</v>
      </c>
      <c r="AJ5207">
        <v>0</v>
      </c>
      <c r="AK5207" t="s">
        <v>6</v>
      </c>
      <c r="AL5207">
        <v>0</v>
      </c>
      <c r="AM5207">
        <v>0</v>
      </c>
      <c r="AN5207">
        <v>0</v>
      </c>
      <c r="AO5207">
        <v>0</v>
      </c>
      <c r="AP5207">
        <v>0</v>
      </c>
      <c r="AQ5207">
        <v>0</v>
      </c>
      <c r="AR5207">
        <v>0</v>
      </c>
      <c r="AS5207">
        <v>0</v>
      </c>
      <c r="AT5207">
        <v>0</v>
      </c>
      <c r="AU5207">
        <v>0</v>
      </c>
      <c r="AV5207">
        <v>0</v>
      </c>
      <c r="AW5207">
        <v>0</v>
      </c>
      <c r="AX5207">
        <v>0</v>
      </c>
      <c r="AY5207">
        <v>0</v>
      </c>
      <c r="AZ5207">
        <v>0</v>
      </c>
      <c r="BA5207">
        <v>0</v>
      </c>
    </row>
    <row r="5208" spans="1:53" x14ac:dyDescent="0.4">
      <c r="A5208">
        <v>5252</v>
      </c>
      <c r="B5208" s="1">
        <v>44829</v>
      </c>
      <c r="C5208">
        <v>2</v>
      </c>
      <c r="D5208" s="1">
        <v>44829.392361111109</v>
      </c>
      <c r="E5208" s="1">
        <v>44829.75277777778</v>
      </c>
      <c r="F5208">
        <v>52740</v>
      </c>
      <c r="G5208">
        <v>4494</v>
      </c>
      <c r="H5208">
        <v>220</v>
      </c>
      <c r="I5208">
        <v>0</v>
      </c>
      <c r="J5208">
        <v>0</v>
      </c>
      <c r="K5208">
        <v>0</v>
      </c>
      <c r="L5208">
        <v>0</v>
      </c>
      <c r="M5208">
        <v>5218</v>
      </c>
      <c r="N5208">
        <v>0</v>
      </c>
      <c r="O5208">
        <v>0</v>
      </c>
      <c r="P5208">
        <v>18910</v>
      </c>
      <c r="Q5208">
        <v>0</v>
      </c>
      <c r="R5208">
        <v>76364</v>
      </c>
      <c r="S5208">
        <v>0</v>
      </c>
      <c r="T5208">
        <v>0</v>
      </c>
      <c r="U5208">
        <v>0</v>
      </c>
      <c r="V5208">
        <v>2</v>
      </c>
      <c r="W5208">
        <v>1</v>
      </c>
      <c r="X5208">
        <v>0</v>
      </c>
      <c r="Y5208">
        <v>70</v>
      </c>
      <c r="Z5208">
        <v>40</v>
      </c>
      <c r="AA5208">
        <v>66</v>
      </c>
      <c r="AB5208">
        <v>30</v>
      </c>
      <c r="AC5208">
        <v>156</v>
      </c>
      <c r="AD5208">
        <v>18</v>
      </c>
      <c r="AE5208">
        <v>22</v>
      </c>
      <c r="AF5208">
        <v>1350</v>
      </c>
      <c r="AG5208">
        <v>126122</v>
      </c>
      <c r="AH5208">
        <v>50000</v>
      </c>
      <c r="AI5208">
        <v>-242</v>
      </c>
      <c r="AJ5208">
        <v>118</v>
      </c>
      <c r="AK5208" t="s">
        <v>59</v>
      </c>
      <c r="AL5208">
        <v>0</v>
      </c>
      <c r="AM5208">
        <v>0</v>
      </c>
      <c r="AN5208">
        <v>0</v>
      </c>
      <c r="AO5208">
        <v>0</v>
      </c>
      <c r="AP5208">
        <v>0</v>
      </c>
      <c r="AQ5208">
        <v>0</v>
      </c>
      <c r="AR5208">
        <v>0</v>
      </c>
      <c r="AS5208">
        <v>0</v>
      </c>
      <c r="AT5208">
        <v>0</v>
      </c>
      <c r="AU5208">
        <v>0</v>
      </c>
      <c r="AV5208">
        <v>0</v>
      </c>
      <c r="AW5208">
        <v>0</v>
      </c>
      <c r="AX5208">
        <v>-1660</v>
      </c>
      <c r="AY5208">
        <v>55</v>
      </c>
      <c r="AZ5208">
        <v>122</v>
      </c>
      <c r="BA5208">
        <v>7628</v>
      </c>
    </row>
    <row r="5209" spans="1:53" x14ac:dyDescent="0.4">
      <c r="A5209">
        <v>5253</v>
      </c>
      <c r="B5209" s="1">
        <v>44829</v>
      </c>
      <c r="C5209">
        <v>3</v>
      </c>
      <c r="D5209" s="1">
        <v>44829.75277777778</v>
      </c>
      <c r="E5209" s="1">
        <v>44829.956944444442</v>
      </c>
      <c r="F5209">
        <v>54170</v>
      </c>
      <c r="G5209">
        <v>305</v>
      </c>
      <c r="H5209">
        <v>0</v>
      </c>
      <c r="I5209">
        <v>0</v>
      </c>
      <c r="J5209">
        <v>100</v>
      </c>
      <c r="K5209">
        <v>0</v>
      </c>
      <c r="L5209">
        <v>0</v>
      </c>
      <c r="M5209">
        <v>4941</v>
      </c>
      <c r="N5209">
        <v>0</v>
      </c>
      <c r="O5209">
        <v>0</v>
      </c>
      <c r="P5209">
        <v>-9190</v>
      </c>
      <c r="Q5209">
        <v>0</v>
      </c>
      <c r="R5209">
        <v>45185</v>
      </c>
      <c r="S5209">
        <v>0</v>
      </c>
      <c r="T5209">
        <v>0</v>
      </c>
      <c r="U5209">
        <v>0</v>
      </c>
      <c r="V5209">
        <v>7</v>
      </c>
      <c r="W5209">
        <v>1</v>
      </c>
      <c r="X5209">
        <v>0</v>
      </c>
      <c r="Y5209">
        <v>57</v>
      </c>
      <c r="Z5209">
        <v>40</v>
      </c>
      <c r="AA5209">
        <v>81</v>
      </c>
      <c r="AB5209">
        <v>28</v>
      </c>
      <c r="AC5209">
        <v>165</v>
      </c>
      <c r="AD5209">
        <v>19</v>
      </c>
      <c r="AE5209">
        <v>24</v>
      </c>
      <c r="AF5209">
        <v>8280</v>
      </c>
      <c r="AG5209">
        <v>171549</v>
      </c>
      <c r="AH5209">
        <v>50000</v>
      </c>
      <c r="AI5209">
        <v>0</v>
      </c>
      <c r="AJ5209">
        <v>29</v>
      </c>
      <c r="AK5209" t="s">
        <v>62</v>
      </c>
      <c r="AL5209">
        <v>0</v>
      </c>
      <c r="AM5209">
        <v>0</v>
      </c>
      <c r="AN5209">
        <v>0</v>
      </c>
      <c r="AO5209">
        <v>0</v>
      </c>
      <c r="AP5209">
        <v>0</v>
      </c>
      <c r="AQ5209">
        <v>0</v>
      </c>
      <c r="AR5209">
        <v>0</v>
      </c>
      <c r="AS5209">
        <v>0</v>
      </c>
      <c r="AT5209">
        <v>0</v>
      </c>
      <c r="AU5209">
        <v>0</v>
      </c>
      <c r="AV5209">
        <v>0</v>
      </c>
      <c r="AW5209">
        <v>0</v>
      </c>
      <c r="AX5209">
        <v>0</v>
      </c>
      <c r="AY5209">
        <v>15</v>
      </c>
      <c r="AZ5209">
        <v>32</v>
      </c>
      <c r="BA5209">
        <v>2906</v>
      </c>
    </row>
    <row r="5210" spans="1:53" x14ac:dyDescent="0.4">
      <c r="A5210">
        <v>5254</v>
      </c>
      <c r="B5210" s="1">
        <v>44830</v>
      </c>
      <c r="C5210">
        <v>1</v>
      </c>
      <c r="D5210" s="1">
        <v>44830.291666666664</v>
      </c>
      <c r="E5210" s="1">
        <v>44830.447222222225</v>
      </c>
      <c r="F5210">
        <v>0</v>
      </c>
      <c r="G5210">
        <v>0</v>
      </c>
      <c r="H5210">
        <v>0</v>
      </c>
      <c r="I5210">
        <v>0</v>
      </c>
      <c r="J5210">
        <v>0</v>
      </c>
      <c r="K5210">
        <v>0</v>
      </c>
      <c r="L5210">
        <v>0</v>
      </c>
      <c r="M5210">
        <v>0</v>
      </c>
      <c r="N5210">
        <v>0</v>
      </c>
      <c r="O5210">
        <v>0</v>
      </c>
      <c r="P5210">
        <v>0</v>
      </c>
      <c r="Q5210">
        <v>0</v>
      </c>
      <c r="R5210">
        <v>0</v>
      </c>
      <c r="S5210">
        <v>0</v>
      </c>
      <c r="T5210">
        <v>0</v>
      </c>
      <c r="U5210">
        <v>0</v>
      </c>
      <c r="V5210">
        <v>0</v>
      </c>
      <c r="W5210">
        <v>1</v>
      </c>
      <c r="X5210">
        <v>0</v>
      </c>
      <c r="Y5210">
        <v>25</v>
      </c>
      <c r="Z5210">
        <v>17</v>
      </c>
      <c r="AA5210">
        <v>90</v>
      </c>
      <c r="AB5210">
        <v>26</v>
      </c>
      <c r="AC5210">
        <v>109</v>
      </c>
      <c r="AD5210">
        <v>18</v>
      </c>
      <c r="AE5210">
        <v>20</v>
      </c>
      <c r="AF5210">
        <v>0</v>
      </c>
      <c r="AG5210">
        <v>50000</v>
      </c>
      <c r="AH5210">
        <v>50000</v>
      </c>
      <c r="AI5210">
        <v>0</v>
      </c>
      <c r="AJ5210">
        <v>0</v>
      </c>
      <c r="AK5210" t="s">
        <v>6</v>
      </c>
      <c r="AL5210">
        <v>0</v>
      </c>
      <c r="AM5210">
        <v>0</v>
      </c>
      <c r="AN5210">
        <v>0</v>
      </c>
      <c r="AO5210">
        <v>0</v>
      </c>
      <c r="AP5210">
        <v>0</v>
      </c>
      <c r="AQ5210">
        <v>0</v>
      </c>
      <c r="AR5210">
        <v>0</v>
      </c>
      <c r="AS5210">
        <v>0</v>
      </c>
      <c r="AT5210">
        <v>0</v>
      </c>
      <c r="AU5210">
        <v>0</v>
      </c>
      <c r="AV5210">
        <v>0</v>
      </c>
      <c r="AW5210">
        <v>0</v>
      </c>
      <c r="AX5210">
        <v>0</v>
      </c>
      <c r="AY5210">
        <v>0</v>
      </c>
      <c r="AZ5210">
        <v>0</v>
      </c>
      <c r="BA5210">
        <v>0</v>
      </c>
    </row>
    <row r="5211" spans="1:53" x14ac:dyDescent="0.4">
      <c r="A5211">
        <v>5255</v>
      </c>
      <c r="B5211" s="1">
        <v>44830</v>
      </c>
      <c r="C5211">
        <v>2</v>
      </c>
      <c r="D5211" s="1">
        <v>44830.447222222225</v>
      </c>
      <c r="E5211" s="1">
        <v>44830.736111111109</v>
      </c>
      <c r="F5211">
        <v>17140</v>
      </c>
      <c r="G5211">
        <v>462</v>
      </c>
      <c r="H5211">
        <v>0</v>
      </c>
      <c r="I5211">
        <v>0</v>
      </c>
      <c r="J5211">
        <v>100</v>
      </c>
      <c r="K5211">
        <v>33</v>
      </c>
      <c r="L5211">
        <v>0</v>
      </c>
      <c r="M5211">
        <v>1594</v>
      </c>
      <c r="N5211">
        <v>0</v>
      </c>
      <c r="O5211">
        <v>0</v>
      </c>
      <c r="P5211">
        <v>21600</v>
      </c>
      <c r="Q5211">
        <v>0</v>
      </c>
      <c r="R5211">
        <v>39135</v>
      </c>
      <c r="S5211">
        <v>0</v>
      </c>
      <c r="T5211">
        <v>0</v>
      </c>
      <c r="U5211">
        <v>0</v>
      </c>
      <c r="V5211">
        <v>0</v>
      </c>
      <c r="W5211">
        <v>2</v>
      </c>
      <c r="X5211">
        <v>0</v>
      </c>
      <c r="Y5211">
        <v>48</v>
      </c>
      <c r="Z5211">
        <v>41</v>
      </c>
      <c r="AA5211">
        <v>59</v>
      </c>
      <c r="AB5211">
        <v>23</v>
      </c>
      <c r="AC5211">
        <v>108</v>
      </c>
      <c r="AD5211">
        <v>20</v>
      </c>
      <c r="AE5211">
        <v>25</v>
      </c>
      <c r="AF5211">
        <v>2380</v>
      </c>
      <c r="AG5211">
        <v>89135</v>
      </c>
      <c r="AH5211">
        <v>50000</v>
      </c>
      <c r="AI5211">
        <v>0</v>
      </c>
      <c r="AJ5211">
        <v>119</v>
      </c>
      <c r="AK5211" t="s">
        <v>56</v>
      </c>
      <c r="AL5211">
        <v>0</v>
      </c>
      <c r="AM5211">
        <v>0</v>
      </c>
      <c r="AN5211">
        <v>0</v>
      </c>
      <c r="AO5211">
        <v>0</v>
      </c>
      <c r="AP5211">
        <v>0</v>
      </c>
      <c r="AQ5211">
        <v>0</v>
      </c>
      <c r="AR5211">
        <v>0</v>
      </c>
      <c r="AS5211">
        <v>0</v>
      </c>
      <c r="AT5211">
        <v>0</v>
      </c>
      <c r="AU5211">
        <v>0</v>
      </c>
      <c r="AV5211">
        <v>0</v>
      </c>
      <c r="AW5211">
        <v>0</v>
      </c>
      <c r="AX5211">
        <v>302</v>
      </c>
      <c r="AY5211">
        <v>39</v>
      </c>
      <c r="AZ5211">
        <v>65</v>
      </c>
      <c r="BA5211">
        <v>4918</v>
      </c>
    </row>
    <row r="5212" spans="1:53" x14ac:dyDescent="0.4">
      <c r="A5212">
        <v>5256</v>
      </c>
      <c r="B5212" s="1">
        <v>44831</v>
      </c>
      <c r="C5212">
        <v>1</v>
      </c>
      <c r="D5212" s="1">
        <v>44831.291666666664</v>
      </c>
      <c r="E5212" s="1">
        <v>44831.440972222219</v>
      </c>
      <c r="F5212">
        <v>0</v>
      </c>
      <c r="G5212">
        <v>0</v>
      </c>
      <c r="H5212">
        <v>0</v>
      </c>
      <c r="I5212">
        <v>0</v>
      </c>
      <c r="J5212">
        <v>0</v>
      </c>
      <c r="K5212">
        <v>0</v>
      </c>
      <c r="L5212">
        <v>0</v>
      </c>
      <c r="M5212">
        <v>0</v>
      </c>
      <c r="N5212">
        <v>0</v>
      </c>
      <c r="O5212">
        <v>0</v>
      </c>
      <c r="P5212">
        <v>0</v>
      </c>
      <c r="Q5212">
        <v>0</v>
      </c>
      <c r="R5212">
        <v>0</v>
      </c>
      <c r="S5212">
        <v>0</v>
      </c>
      <c r="T5212">
        <v>0</v>
      </c>
      <c r="U5212">
        <v>0</v>
      </c>
      <c r="V5212">
        <v>0</v>
      </c>
      <c r="W5212">
        <v>1</v>
      </c>
      <c r="X5212">
        <v>0</v>
      </c>
      <c r="Y5212">
        <v>30</v>
      </c>
      <c r="Z5212">
        <v>15</v>
      </c>
      <c r="AA5212">
        <v>53</v>
      </c>
      <c r="AB5212">
        <v>22</v>
      </c>
      <c r="AC5212">
        <v>98</v>
      </c>
      <c r="AD5212">
        <v>20</v>
      </c>
      <c r="AE5212">
        <v>20</v>
      </c>
      <c r="AF5212">
        <v>0</v>
      </c>
      <c r="AG5212">
        <v>50000</v>
      </c>
      <c r="AH5212">
        <v>50000</v>
      </c>
      <c r="AI5212">
        <v>0</v>
      </c>
      <c r="AJ5212">
        <v>0</v>
      </c>
      <c r="AK5212" t="s">
        <v>6</v>
      </c>
      <c r="AL5212">
        <v>0</v>
      </c>
      <c r="AM5212">
        <v>0</v>
      </c>
      <c r="AN5212">
        <v>0</v>
      </c>
      <c r="AO5212">
        <v>0</v>
      </c>
      <c r="AP5212">
        <v>0</v>
      </c>
      <c r="AQ5212">
        <v>0</v>
      </c>
      <c r="AR5212">
        <v>0</v>
      </c>
      <c r="AS5212">
        <v>0</v>
      </c>
      <c r="AT5212">
        <v>0</v>
      </c>
      <c r="AU5212">
        <v>0</v>
      </c>
      <c r="AV5212">
        <v>0</v>
      </c>
      <c r="AW5212">
        <v>0</v>
      </c>
      <c r="AX5212">
        <v>0</v>
      </c>
      <c r="AY5212">
        <v>0</v>
      </c>
      <c r="AZ5212">
        <v>0</v>
      </c>
      <c r="BA5212">
        <v>0</v>
      </c>
    </row>
    <row r="5213" spans="1:53" x14ac:dyDescent="0.4">
      <c r="A5213">
        <v>5257</v>
      </c>
      <c r="B5213" s="1">
        <v>44831</v>
      </c>
      <c r="C5213">
        <v>2</v>
      </c>
      <c r="D5213" s="1">
        <v>44831.440972222219</v>
      </c>
      <c r="E5213" s="1">
        <v>44831.736805555556</v>
      </c>
      <c r="F5213">
        <v>20290</v>
      </c>
      <c r="G5213">
        <v>440</v>
      </c>
      <c r="H5213">
        <v>0</v>
      </c>
      <c r="I5213">
        <v>0</v>
      </c>
      <c r="J5213">
        <v>150</v>
      </c>
      <c r="K5213">
        <v>0</v>
      </c>
      <c r="L5213">
        <v>0</v>
      </c>
      <c r="M5213">
        <v>1871</v>
      </c>
      <c r="N5213">
        <v>0</v>
      </c>
      <c r="O5213">
        <v>0</v>
      </c>
      <c r="P5213">
        <v>16910</v>
      </c>
      <c r="Q5213">
        <v>0</v>
      </c>
      <c r="R5213">
        <v>37490</v>
      </c>
      <c r="S5213">
        <v>0</v>
      </c>
      <c r="T5213">
        <v>0</v>
      </c>
      <c r="U5213">
        <v>0</v>
      </c>
      <c r="V5213">
        <v>3</v>
      </c>
      <c r="W5213">
        <v>0</v>
      </c>
      <c r="X5213">
        <v>0</v>
      </c>
      <c r="Y5213">
        <v>37</v>
      </c>
      <c r="Z5213">
        <v>22</v>
      </c>
      <c r="AA5213">
        <v>36</v>
      </c>
      <c r="AB5213">
        <v>21</v>
      </c>
      <c r="AC5213">
        <v>113</v>
      </c>
      <c r="AD5213">
        <v>20</v>
      </c>
      <c r="AE5213">
        <v>20</v>
      </c>
      <c r="AF5213">
        <v>3590</v>
      </c>
      <c r="AG5213">
        <v>87490</v>
      </c>
      <c r="AH5213">
        <v>50000</v>
      </c>
      <c r="AI5213">
        <v>0</v>
      </c>
      <c r="AJ5213">
        <v>116</v>
      </c>
      <c r="AK5213" t="s">
        <v>54</v>
      </c>
      <c r="AL5213">
        <v>0</v>
      </c>
      <c r="AM5213">
        <v>0</v>
      </c>
      <c r="AN5213">
        <v>0</v>
      </c>
      <c r="AO5213">
        <v>0</v>
      </c>
      <c r="AP5213">
        <v>0</v>
      </c>
      <c r="AQ5213">
        <v>0</v>
      </c>
      <c r="AR5213">
        <v>0</v>
      </c>
      <c r="AS5213">
        <v>0</v>
      </c>
      <c r="AT5213">
        <v>0</v>
      </c>
      <c r="AU5213">
        <v>0</v>
      </c>
      <c r="AV5213">
        <v>0</v>
      </c>
      <c r="AW5213">
        <v>0</v>
      </c>
      <c r="AX5213">
        <v>-1060</v>
      </c>
      <c r="AY5213">
        <v>36</v>
      </c>
      <c r="AZ5213">
        <v>60</v>
      </c>
      <c r="BA5213">
        <v>4778</v>
      </c>
    </row>
    <row r="5214" spans="1:53" x14ac:dyDescent="0.4">
      <c r="A5214">
        <v>5258</v>
      </c>
      <c r="B5214" s="1">
        <v>44831</v>
      </c>
      <c r="C5214">
        <v>3</v>
      </c>
      <c r="D5214" s="1">
        <v>44831.736805555556</v>
      </c>
      <c r="E5214" s="1">
        <v>44831.905555555553</v>
      </c>
      <c r="F5214">
        <v>22400</v>
      </c>
      <c r="G5214">
        <v>0</v>
      </c>
      <c r="H5214">
        <v>0</v>
      </c>
      <c r="I5214">
        <v>0</v>
      </c>
      <c r="J5214">
        <v>0</v>
      </c>
      <c r="K5214">
        <v>200</v>
      </c>
      <c r="L5214">
        <v>0</v>
      </c>
      <c r="M5214">
        <v>2053</v>
      </c>
      <c r="N5214">
        <v>0</v>
      </c>
      <c r="O5214">
        <v>0</v>
      </c>
      <c r="P5214">
        <v>-16910</v>
      </c>
      <c r="Q5214">
        <v>0</v>
      </c>
      <c r="R5214">
        <v>5690</v>
      </c>
      <c r="S5214">
        <v>0</v>
      </c>
      <c r="T5214">
        <v>0</v>
      </c>
      <c r="U5214">
        <v>0</v>
      </c>
      <c r="V5214">
        <v>3</v>
      </c>
      <c r="W5214">
        <v>0</v>
      </c>
      <c r="X5214">
        <v>0</v>
      </c>
      <c r="Y5214">
        <v>41</v>
      </c>
      <c r="Z5214">
        <v>20</v>
      </c>
      <c r="AA5214">
        <v>49</v>
      </c>
      <c r="AB5214">
        <v>21</v>
      </c>
      <c r="AC5214">
        <v>126</v>
      </c>
      <c r="AD5214">
        <v>22</v>
      </c>
      <c r="AE5214">
        <v>28</v>
      </c>
      <c r="AF5214">
        <v>4832</v>
      </c>
      <c r="AG5214">
        <v>93180</v>
      </c>
      <c r="AH5214">
        <v>50000</v>
      </c>
      <c r="AI5214">
        <v>0</v>
      </c>
      <c r="AJ5214">
        <v>108</v>
      </c>
      <c r="AK5214" t="s">
        <v>3</v>
      </c>
      <c r="AL5214">
        <v>0</v>
      </c>
      <c r="AM5214">
        <v>0</v>
      </c>
      <c r="AN5214">
        <v>0</v>
      </c>
      <c r="AO5214">
        <v>0</v>
      </c>
      <c r="AP5214">
        <v>0</v>
      </c>
      <c r="AQ5214">
        <v>0</v>
      </c>
      <c r="AR5214">
        <v>0</v>
      </c>
      <c r="AS5214">
        <v>0</v>
      </c>
      <c r="AT5214">
        <v>0</v>
      </c>
      <c r="AU5214">
        <v>0</v>
      </c>
      <c r="AV5214">
        <v>0</v>
      </c>
      <c r="AW5214">
        <v>0</v>
      </c>
      <c r="AX5214">
        <v>0</v>
      </c>
      <c r="AY5214">
        <v>4</v>
      </c>
      <c r="AZ5214">
        <v>10</v>
      </c>
      <c r="BA5214">
        <v>1741</v>
      </c>
    </row>
    <row r="5215" spans="1:53" x14ac:dyDescent="0.4">
      <c r="A5215">
        <v>5259</v>
      </c>
      <c r="B5215" s="1">
        <v>44831</v>
      </c>
      <c r="C5215">
        <v>4</v>
      </c>
      <c r="D5215" s="1">
        <v>44831.905555555553</v>
      </c>
      <c r="E5215" s="1">
        <v>44832.09375</v>
      </c>
      <c r="F5215">
        <v>12000</v>
      </c>
      <c r="G5215">
        <v>0</v>
      </c>
      <c r="H5215">
        <v>0</v>
      </c>
      <c r="I5215">
        <v>0</v>
      </c>
      <c r="J5215">
        <v>0</v>
      </c>
      <c r="K5215">
        <v>0</v>
      </c>
      <c r="L5215">
        <v>0</v>
      </c>
      <c r="M5215">
        <v>1091</v>
      </c>
      <c r="N5215">
        <v>0</v>
      </c>
      <c r="O5215">
        <v>0</v>
      </c>
      <c r="P5215">
        <v>3300</v>
      </c>
      <c r="Q5215">
        <v>0</v>
      </c>
      <c r="R5215">
        <v>15300</v>
      </c>
      <c r="S5215">
        <v>0</v>
      </c>
      <c r="T5215">
        <v>0</v>
      </c>
      <c r="U5215">
        <v>0</v>
      </c>
      <c r="V5215">
        <v>3</v>
      </c>
      <c r="W5215">
        <v>2</v>
      </c>
      <c r="X5215">
        <v>0</v>
      </c>
      <c r="Y5215">
        <v>47</v>
      </c>
      <c r="Z5215">
        <v>18</v>
      </c>
      <c r="AA5215">
        <v>51</v>
      </c>
      <c r="AB5215">
        <v>23</v>
      </c>
      <c r="AC5215">
        <v>126</v>
      </c>
      <c r="AD5215">
        <v>22</v>
      </c>
      <c r="AE5215">
        <v>28</v>
      </c>
      <c r="AF5215">
        <v>4832</v>
      </c>
      <c r="AG5215">
        <v>108480</v>
      </c>
      <c r="AH5215">
        <v>50000</v>
      </c>
      <c r="AI5215">
        <v>0</v>
      </c>
      <c r="AJ5215">
        <v>108</v>
      </c>
      <c r="AK5215" t="s">
        <v>3</v>
      </c>
      <c r="AL5215">
        <v>0</v>
      </c>
      <c r="AM5215">
        <v>0</v>
      </c>
      <c r="AN5215">
        <v>0</v>
      </c>
      <c r="AO5215">
        <v>0</v>
      </c>
      <c r="AP5215">
        <v>0</v>
      </c>
      <c r="AQ5215">
        <v>0</v>
      </c>
      <c r="AR5215">
        <v>0</v>
      </c>
      <c r="AS5215">
        <v>0</v>
      </c>
      <c r="AT5215">
        <v>0</v>
      </c>
      <c r="AU5215">
        <v>0</v>
      </c>
      <c r="AV5215">
        <v>0</v>
      </c>
      <c r="AW5215">
        <v>0</v>
      </c>
      <c r="AX5215">
        <v>0</v>
      </c>
      <c r="AY5215">
        <v>2</v>
      </c>
      <c r="AZ5215">
        <v>7</v>
      </c>
      <c r="BA5215">
        <v>217</v>
      </c>
    </row>
    <row r="5216" spans="1:53" x14ac:dyDescent="0.4">
      <c r="A5216">
        <v>5260</v>
      </c>
      <c r="B5216" s="1">
        <v>44832</v>
      </c>
      <c r="C5216">
        <v>1</v>
      </c>
      <c r="D5216" s="1">
        <v>44832.291666666664</v>
      </c>
      <c r="E5216" s="1">
        <v>44832.46597222222</v>
      </c>
      <c r="F5216">
        <v>0</v>
      </c>
      <c r="G5216">
        <v>0</v>
      </c>
      <c r="H5216">
        <v>0</v>
      </c>
      <c r="I5216">
        <v>0</v>
      </c>
      <c r="J5216">
        <v>0</v>
      </c>
      <c r="K5216">
        <v>0</v>
      </c>
      <c r="L5216">
        <v>0</v>
      </c>
      <c r="M5216">
        <v>0</v>
      </c>
      <c r="N5216">
        <v>0</v>
      </c>
      <c r="O5216">
        <v>0</v>
      </c>
      <c r="P5216">
        <v>2612</v>
      </c>
      <c r="Q5216">
        <v>0</v>
      </c>
      <c r="R5216">
        <v>2612</v>
      </c>
      <c r="S5216">
        <v>0</v>
      </c>
      <c r="T5216">
        <v>0</v>
      </c>
      <c r="U5216">
        <v>0</v>
      </c>
      <c r="V5216">
        <v>0</v>
      </c>
      <c r="W5216">
        <v>1</v>
      </c>
      <c r="X5216">
        <v>0</v>
      </c>
      <c r="Y5216">
        <v>28</v>
      </c>
      <c r="Z5216">
        <v>12</v>
      </c>
      <c r="AA5216">
        <v>101</v>
      </c>
      <c r="AB5216">
        <v>24</v>
      </c>
      <c r="AC5216">
        <v>122</v>
      </c>
      <c r="AD5216">
        <v>23</v>
      </c>
      <c r="AE5216">
        <v>27</v>
      </c>
      <c r="AF5216">
        <v>950</v>
      </c>
      <c r="AG5216">
        <v>52612</v>
      </c>
      <c r="AH5216">
        <v>50000</v>
      </c>
      <c r="AI5216">
        <v>0</v>
      </c>
      <c r="AJ5216">
        <v>29</v>
      </c>
      <c r="AK5216" t="s">
        <v>62</v>
      </c>
      <c r="AL5216">
        <v>0</v>
      </c>
      <c r="AM5216">
        <v>0</v>
      </c>
      <c r="AN5216">
        <v>0</v>
      </c>
      <c r="AO5216">
        <v>0</v>
      </c>
      <c r="AP5216">
        <v>0</v>
      </c>
      <c r="AQ5216">
        <v>0</v>
      </c>
      <c r="AR5216">
        <v>0</v>
      </c>
      <c r="AS5216">
        <v>0</v>
      </c>
      <c r="AT5216">
        <v>0</v>
      </c>
      <c r="AU5216">
        <v>0</v>
      </c>
      <c r="AV5216">
        <v>0</v>
      </c>
      <c r="AW5216">
        <v>0</v>
      </c>
      <c r="AX5216">
        <v>-950</v>
      </c>
      <c r="AY5216">
        <v>2</v>
      </c>
      <c r="AZ5216">
        <v>3</v>
      </c>
      <c r="BA5216">
        <v>23</v>
      </c>
    </row>
    <row r="5217" spans="1:53" x14ac:dyDescent="0.4">
      <c r="A5217">
        <v>5261</v>
      </c>
      <c r="B5217" s="1">
        <v>44832</v>
      </c>
      <c r="C5217">
        <v>2</v>
      </c>
      <c r="D5217" s="1">
        <v>44832.46597222222</v>
      </c>
      <c r="E5217" s="1">
        <v>44832.752083333333</v>
      </c>
      <c r="F5217">
        <v>11610</v>
      </c>
      <c r="G5217">
        <v>770</v>
      </c>
      <c r="H5217">
        <v>0</v>
      </c>
      <c r="I5217">
        <v>0</v>
      </c>
      <c r="J5217">
        <v>0</v>
      </c>
      <c r="K5217">
        <v>0</v>
      </c>
      <c r="L5217">
        <v>0</v>
      </c>
      <c r="M5217">
        <v>1123</v>
      </c>
      <c r="N5217">
        <v>0</v>
      </c>
      <c r="O5217">
        <v>0</v>
      </c>
      <c r="P5217">
        <v>5408</v>
      </c>
      <c r="Q5217">
        <v>0</v>
      </c>
      <c r="R5217">
        <v>17788</v>
      </c>
      <c r="S5217">
        <v>0</v>
      </c>
      <c r="T5217">
        <v>0</v>
      </c>
      <c r="U5217">
        <v>0</v>
      </c>
      <c r="V5217">
        <v>1</v>
      </c>
      <c r="W5217">
        <v>0</v>
      </c>
      <c r="X5217">
        <v>0</v>
      </c>
      <c r="Y5217">
        <v>36</v>
      </c>
      <c r="Z5217">
        <v>16</v>
      </c>
      <c r="AA5217">
        <v>101</v>
      </c>
      <c r="AB5217">
        <v>23</v>
      </c>
      <c r="AC5217">
        <v>133</v>
      </c>
      <c r="AD5217">
        <v>25</v>
      </c>
      <c r="AE5217">
        <v>25</v>
      </c>
      <c r="AF5217">
        <v>3670</v>
      </c>
      <c r="AG5217">
        <v>70400</v>
      </c>
      <c r="AH5217">
        <v>50000</v>
      </c>
      <c r="AI5217">
        <v>0</v>
      </c>
      <c r="AJ5217">
        <v>102</v>
      </c>
      <c r="AK5217" t="s">
        <v>50</v>
      </c>
      <c r="AL5217">
        <v>0</v>
      </c>
      <c r="AM5217">
        <v>0</v>
      </c>
      <c r="AN5217">
        <v>0</v>
      </c>
      <c r="AO5217">
        <v>0</v>
      </c>
      <c r="AP5217">
        <v>0</v>
      </c>
      <c r="AQ5217">
        <v>0</v>
      </c>
      <c r="AR5217">
        <v>0</v>
      </c>
      <c r="AS5217">
        <v>0</v>
      </c>
      <c r="AT5217">
        <v>0</v>
      </c>
      <c r="AU5217">
        <v>0</v>
      </c>
      <c r="AV5217">
        <v>0</v>
      </c>
      <c r="AW5217">
        <v>0</v>
      </c>
      <c r="AX5217">
        <v>-2400</v>
      </c>
      <c r="AY5217">
        <v>22</v>
      </c>
      <c r="AZ5217">
        <v>30</v>
      </c>
      <c r="BA5217">
        <v>2916</v>
      </c>
    </row>
    <row r="5218" spans="1:53" x14ac:dyDescent="0.4">
      <c r="A5218">
        <v>5262</v>
      </c>
      <c r="B5218" s="1">
        <v>44832</v>
      </c>
      <c r="C5218">
        <v>3</v>
      </c>
      <c r="D5218" s="1">
        <v>44832.752083333333</v>
      </c>
      <c r="E5218" s="1">
        <v>44832.95208333333</v>
      </c>
      <c r="F5218">
        <v>11180</v>
      </c>
      <c r="G5218">
        <v>0</v>
      </c>
      <c r="H5218">
        <v>0</v>
      </c>
      <c r="I5218">
        <v>0</v>
      </c>
      <c r="J5218">
        <v>0</v>
      </c>
      <c r="K5218">
        <v>0</v>
      </c>
      <c r="L5218">
        <v>0</v>
      </c>
      <c r="M5218">
        <v>1016</v>
      </c>
      <c r="N5218">
        <v>0</v>
      </c>
      <c r="O5218">
        <v>0</v>
      </c>
      <c r="P5218">
        <v>-8020</v>
      </c>
      <c r="Q5218">
        <v>0</v>
      </c>
      <c r="R5218">
        <v>3160</v>
      </c>
      <c r="S5218">
        <v>0</v>
      </c>
      <c r="T5218">
        <v>0</v>
      </c>
      <c r="U5218">
        <v>0</v>
      </c>
      <c r="V5218">
        <v>1</v>
      </c>
      <c r="W5218">
        <v>0</v>
      </c>
      <c r="X5218">
        <v>0</v>
      </c>
      <c r="Y5218">
        <v>38</v>
      </c>
      <c r="Z5218">
        <v>17</v>
      </c>
      <c r="AA5218">
        <v>103</v>
      </c>
      <c r="AB5218">
        <v>24</v>
      </c>
      <c r="AC5218">
        <v>133</v>
      </c>
      <c r="AD5218">
        <v>25</v>
      </c>
      <c r="AE5218">
        <v>25</v>
      </c>
      <c r="AF5218">
        <v>4080</v>
      </c>
      <c r="AG5218">
        <v>73560</v>
      </c>
      <c r="AH5218">
        <v>50000</v>
      </c>
      <c r="AI5218">
        <v>0</v>
      </c>
      <c r="AJ5218">
        <v>108</v>
      </c>
      <c r="AK5218" t="s">
        <v>3</v>
      </c>
      <c r="AL5218">
        <v>0</v>
      </c>
      <c r="AM5218">
        <v>0</v>
      </c>
      <c r="AN5218">
        <v>0</v>
      </c>
      <c r="AO5218">
        <v>0</v>
      </c>
      <c r="AP5218">
        <v>0</v>
      </c>
      <c r="AQ5218">
        <v>0</v>
      </c>
      <c r="AR5218">
        <v>0</v>
      </c>
      <c r="AS5218">
        <v>0</v>
      </c>
      <c r="AT5218">
        <v>0</v>
      </c>
      <c r="AU5218">
        <v>0</v>
      </c>
      <c r="AV5218">
        <v>0</v>
      </c>
      <c r="AW5218">
        <v>0</v>
      </c>
      <c r="AX5218">
        <v>1650</v>
      </c>
      <c r="AY5218">
        <v>3</v>
      </c>
      <c r="AZ5218">
        <v>5</v>
      </c>
      <c r="BA5218">
        <v>1080</v>
      </c>
    </row>
    <row r="5219" spans="1:53" x14ac:dyDescent="0.4">
      <c r="A5219">
        <v>5263</v>
      </c>
      <c r="B5219" s="1">
        <v>44833</v>
      </c>
      <c r="C5219">
        <v>1</v>
      </c>
      <c r="D5219" s="1">
        <v>44833.291666666664</v>
      </c>
      <c r="E5219" s="1">
        <v>44833.440972222219</v>
      </c>
      <c r="F5219">
        <v>0</v>
      </c>
      <c r="G5219">
        <v>0</v>
      </c>
      <c r="H5219">
        <v>0</v>
      </c>
      <c r="I5219">
        <v>0</v>
      </c>
      <c r="J5219">
        <v>0</v>
      </c>
      <c r="K5219">
        <v>0</v>
      </c>
      <c r="L5219">
        <v>0</v>
      </c>
      <c r="M5219">
        <v>0</v>
      </c>
      <c r="N5219">
        <v>0</v>
      </c>
      <c r="O5219">
        <v>0</v>
      </c>
      <c r="P5219">
        <v>0</v>
      </c>
      <c r="Q5219">
        <v>0</v>
      </c>
      <c r="R5219">
        <v>0</v>
      </c>
      <c r="S5219">
        <v>0</v>
      </c>
      <c r="T5219">
        <v>0</v>
      </c>
      <c r="U5219">
        <v>0</v>
      </c>
      <c r="V5219">
        <v>0</v>
      </c>
      <c r="W5219">
        <v>0</v>
      </c>
      <c r="X5219">
        <v>0</v>
      </c>
      <c r="Y5219">
        <v>30</v>
      </c>
      <c r="Z5219">
        <v>15</v>
      </c>
      <c r="AA5219">
        <v>103</v>
      </c>
      <c r="AB5219">
        <v>22</v>
      </c>
      <c r="AC5219">
        <v>95</v>
      </c>
      <c r="AD5219">
        <v>24</v>
      </c>
      <c r="AE5219">
        <v>30</v>
      </c>
      <c r="AF5219">
        <v>0</v>
      </c>
      <c r="AG5219">
        <v>50000</v>
      </c>
      <c r="AH5219">
        <v>50000</v>
      </c>
      <c r="AI5219">
        <v>0</v>
      </c>
      <c r="AJ5219">
        <v>0</v>
      </c>
      <c r="AK5219" t="s">
        <v>6</v>
      </c>
      <c r="AL5219">
        <v>0</v>
      </c>
      <c r="AM5219">
        <v>0</v>
      </c>
      <c r="AN5219">
        <v>0</v>
      </c>
      <c r="AO5219">
        <v>0</v>
      </c>
      <c r="AP5219">
        <v>0</v>
      </c>
      <c r="AQ5219">
        <v>0</v>
      </c>
      <c r="AR5219">
        <v>0</v>
      </c>
      <c r="AS5219">
        <v>0</v>
      </c>
      <c r="AT5219">
        <v>0</v>
      </c>
      <c r="AU5219">
        <v>0</v>
      </c>
      <c r="AV5219">
        <v>0</v>
      </c>
      <c r="AW5219">
        <v>0</v>
      </c>
      <c r="AX5219">
        <v>0</v>
      </c>
      <c r="AY5219">
        <v>0</v>
      </c>
      <c r="AZ5219">
        <v>0</v>
      </c>
      <c r="BA5219">
        <v>0</v>
      </c>
    </row>
    <row r="5220" spans="1:53" x14ac:dyDescent="0.4">
      <c r="A5220">
        <v>5264</v>
      </c>
      <c r="B5220" s="1">
        <v>44833</v>
      </c>
      <c r="C5220">
        <v>2</v>
      </c>
      <c r="D5220" s="1">
        <v>44833.440972222219</v>
      </c>
      <c r="E5220" s="1">
        <v>44833.737500000003</v>
      </c>
      <c r="F5220">
        <v>23310</v>
      </c>
      <c r="G5220">
        <v>1782</v>
      </c>
      <c r="H5220">
        <v>0</v>
      </c>
      <c r="I5220">
        <v>0</v>
      </c>
      <c r="J5220">
        <v>100</v>
      </c>
      <c r="K5220">
        <v>0</v>
      </c>
      <c r="L5220">
        <v>0</v>
      </c>
      <c r="M5220">
        <v>2271</v>
      </c>
      <c r="N5220">
        <v>0</v>
      </c>
      <c r="O5220">
        <v>0</v>
      </c>
      <c r="P5220">
        <v>13460</v>
      </c>
      <c r="Q5220">
        <v>0</v>
      </c>
      <c r="R5220">
        <v>38452</v>
      </c>
      <c r="S5220">
        <v>0</v>
      </c>
      <c r="T5220">
        <v>0</v>
      </c>
      <c r="U5220">
        <v>0</v>
      </c>
      <c r="V5220">
        <v>1</v>
      </c>
      <c r="W5220">
        <v>2</v>
      </c>
      <c r="X5220">
        <v>0</v>
      </c>
      <c r="Y5220">
        <v>34</v>
      </c>
      <c r="Z5220">
        <v>33</v>
      </c>
      <c r="AA5220">
        <v>103</v>
      </c>
      <c r="AB5220">
        <v>20</v>
      </c>
      <c r="AC5220">
        <v>103</v>
      </c>
      <c r="AD5220">
        <v>23</v>
      </c>
      <c r="AE5220">
        <v>25</v>
      </c>
      <c r="AF5220">
        <v>5482</v>
      </c>
      <c r="AG5220">
        <v>88452</v>
      </c>
      <c r="AH5220">
        <v>50000</v>
      </c>
      <c r="AI5220">
        <v>0</v>
      </c>
      <c r="AJ5220">
        <v>116</v>
      </c>
      <c r="AK5220" t="s">
        <v>54</v>
      </c>
      <c r="AL5220">
        <v>0</v>
      </c>
      <c r="AM5220">
        <v>0</v>
      </c>
      <c r="AN5220">
        <v>0</v>
      </c>
      <c r="AO5220">
        <v>0</v>
      </c>
      <c r="AP5220">
        <v>0</v>
      </c>
      <c r="AQ5220">
        <v>0</v>
      </c>
      <c r="AR5220">
        <v>0</v>
      </c>
      <c r="AS5220">
        <v>0</v>
      </c>
      <c r="AT5220">
        <v>0</v>
      </c>
      <c r="AU5220">
        <v>0</v>
      </c>
      <c r="AV5220">
        <v>0</v>
      </c>
      <c r="AW5220">
        <v>0</v>
      </c>
      <c r="AX5220">
        <v>-1200</v>
      </c>
      <c r="AY5220">
        <v>40</v>
      </c>
      <c r="AZ5220">
        <v>61</v>
      </c>
      <c r="BA5220">
        <v>4846</v>
      </c>
    </row>
    <row r="5221" spans="1:53" x14ac:dyDescent="0.4">
      <c r="A5221">
        <v>5265</v>
      </c>
      <c r="B5221" s="1">
        <v>44833</v>
      </c>
      <c r="C5221">
        <v>3</v>
      </c>
      <c r="D5221" s="1">
        <v>44833.737500000003</v>
      </c>
      <c r="E5221" s="1">
        <v>44833.939583333333</v>
      </c>
      <c r="F5221">
        <v>23320</v>
      </c>
      <c r="G5221">
        <v>0</v>
      </c>
      <c r="H5221">
        <v>0</v>
      </c>
      <c r="I5221">
        <v>0</v>
      </c>
      <c r="J5221">
        <v>0</v>
      </c>
      <c r="K5221">
        <v>1100</v>
      </c>
      <c r="L5221">
        <v>0</v>
      </c>
      <c r="M5221">
        <v>2219</v>
      </c>
      <c r="N5221">
        <v>0</v>
      </c>
      <c r="O5221">
        <v>0</v>
      </c>
      <c r="P5221">
        <v>-4160</v>
      </c>
      <c r="Q5221">
        <v>0</v>
      </c>
      <c r="R5221">
        <v>20260</v>
      </c>
      <c r="S5221">
        <v>0</v>
      </c>
      <c r="T5221">
        <v>0</v>
      </c>
      <c r="U5221">
        <v>0</v>
      </c>
      <c r="V5221">
        <v>3</v>
      </c>
      <c r="W5221">
        <v>1</v>
      </c>
      <c r="X5221">
        <v>0</v>
      </c>
      <c r="Y5221">
        <v>40</v>
      </c>
      <c r="Z5221">
        <v>32</v>
      </c>
      <c r="AA5221">
        <v>101</v>
      </c>
      <c r="AB5221">
        <v>19</v>
      </c>
      <c r="AC5221">
        <v>104</v>
      </c>
      <c r="AD5221">
        <v>23</v>
      </c>
      <c r="AE5221">
        <v>25</v>
      </c>
      <c r="AF5221">
        <v>5482</v>
      </c>
      <c r="AG5221">
        <v>108712</v>
      </c>
      <c r="AH5221">
        <v>50000</v>
      </c>
      <c r="AI5221">
        <v>0</v>
      </c>
      <c r="AJ5221">
        <v>74</v>
      </c>
      <c r="AK5221" t="s">
        <v>64</v>
      </c>
      <c r="AL5221">
        <v>0</v>
      </c>
      <c r="AM5221">
        <v>0</v>
      </c>
      <c r="AN5221">
        <v>0</v>
      </c>
      <c r="AO5221">
        <v>0</v>
      </c>
      <c r="AP5221">
        <v>0</v>
      </c>
      <c r="AQ5221">
        <v>0</v>
      </c>
      <c r="AR5221">
        <v>0</v>
      </c>
      <c r="AS5221">
        <v>0</v>
      </c>
      <c r="AT5221">
        <v>0</v>
      </c>
      <c r="AU5221">
        <v>0</v>
      </c>
      <c r="AV5221">
        <v>0</v>
      </c>
      <c r="AW5221">
        <v>0</v>
      </c>
      <c r="AX5221">
        <v>3600</v>
      </c>
      <c r="AY5221">
        <v>7</v>
      </c>
      <c r="AZ5221">
        <v>18</v>
      </c>
      <c r="BA5221">
        <v>2150</v>
      </c>
    </row>
    <row r="5222" spans="1:53" x14ac:dyDescent="0.4">
      <c r="A5222">
        <v>5266</v>
      </c>
      <c r="B5222" s="1">
        <v>44834</v>
      </c>
      <c r="C5222">
        <v>1</v>
      </c>
      <c r="D5222" s="1">
        <v>44834.291666666664</v>
      </c>
      <c r="E5222" s="1">
        <v>44834.449305555558</v>
      </c>
      <c r="F5222">
        <v>0</v>
      </c>
      <c r="G5222">
        <v>0</v>
      </c>
      <c r="H5222">
        <v>0</v>
      </c>
      <c r="I5222">
        <v>0</v>
      </c>
      <c r="J5222">
        <v>0</v>
      </c>
      <c r="K5222">
        <v>0</v>
      </c>
      <c r="L5222">
        <v>0</v>
      </c>
      <c r="M5222">
        <v>0</v>
      </c>
      <c r="N5222">
        <v>0</v>
      </c>
      <c r="O5222">
        <v>0</v>
      </c>
      <c r="P5222">
        <v>0</v>
      </c>
      <c r="Q5222">
        <v>0</v>
      </c>
      <c r="R5222">
        <v>0</v>
      </c>
      <c r="S5222">
        <v>0</v>
      </c>
      <c r="T5222">
        <v>0</v>
      </c>
      <c r="U5222">
        <v>0</v>
      </c>
      <c r="V5222">
        <v>0</v>
      </c>
      <c r="W5222">
        <v>1</v>
      </c>
      <c r="X5222">
        <v>0</v>
      </c>
      <c r="Y5222">
        <v>25</v>
      </c>
      <c r="Z5222">
        <v>16</v>
      </c>
      <c r="AA5222">
        <v>99</v>
      </c>
      <c r="AB5222">
        <v>19</v>
      </c>
      <c r="AC5222">
        <v>101</v>
      </c>
      <c r="AD5222">
        <v>22</v>
      </c>
      <c r="AE5222">
        <v>30</v>
      </c>
      <c r="AF5222">
        <v>0</v>
      </c>
      <c r="AG5222">
        <v>50000</v>
      </c>
      <c r="AH5222">
        <v>50000</v>
      </c>
      <c r="AI5222">
        <v>0</v>
      </c>
      <c r="AJ5222">
        <v>0</v>
      </c>
      <c r="AK5222" t="s">
        <v>6</v>
      </c>
      <c r="AL5222">
        <v>0</v>
      </c>
      <c r="AM5222">
        <v>0</v>
      </c>
      <c r="AN5222">
        <v>0</v>
      </c>
      <c r="AO5222">
        <v>0</v>
      </c>
      <c r="AP5222">
        <v>0</v>
      </c>
      <c r="AQ5222">
        <v>0</v>
      </c>
      <c r="AR5222">
        <v>0</v>
      </c>
      <c r="AS5222">
        <v>0</v>
      </c>
      <c r="AT5222">
        <v>0</v>
      </c>
      <c r="AU5222">
        <v>0</v>
      </c>
      <c r="AV5222">
        <v>0</v>
      </c>
      <c r="AW5222">
        <v>0</v>
      </c>
      <c r="AX5222">
        <v>0</v>
      </c>
      <c r="AY5222">
        <v>0</v>
      </c>
      <c r="AZ5222">
        <v>0</v>
      </c>
      <c r="BA5222">
        <v>0</v>
      </c>
    </row>
    <row r="5223" spans="1:53" x14ac:dyDescent="0.4">
      <c r="A5223">
        <v>5267</v>
      </c>
      <c r="B5223" s="1">
        <v>44834</v>
      </c>
      <c r="C5223">
        <v>2</v>
      </c>
      <c r="D5223" s="1">
        <v>44834.449305555558</v>
      </c>
      <c r="E5223" s="1">
        <v>44834.741666666669</v>
      </c>
      <c r="F5223">
        <v>11730</v>
      </c>
      <c r="G5223">
        <v>902</v>
      </c>
      <c r="H5223">
        <v>0</v>
      </c>
      <c r="I5223">
        <v>0</v>
      </c>
      <c r="J5223">
        <v>0</v>
      </c>
      <c r="K5223">
        <v>0</v>
      </c>
      <c r="L5223">
        <v>0</v>
      </c>
      <c r="M5223">
        <v>1150</v>
      </c>
      <c r="N5223">
        <v>0</v>
      </c>
      <c r="O5223">
        <v>0</v>
      </c>
      <c r="P5223">
        <v>25090</v>
      </c>
      <c r="Q5223">
        <v>0</v>
      </c>
      <c r="R5223">
        <v>37722</v>
      </c>
      <c r="S5223">
        <v>0</v>
      </c>
      <c r="T5223">
        <v>0</v>
      </c>
      <c r="U5223">
        <v>0</v>
      </c>
      <c r="V5223">
        <v>2</v>
      </c>
      <c r="W5223">
        <v>2</v>
      </c>
      <c r="X5223">
        <v>0</v>
      </c>
      <c r="Y5223">
        <v>31</v>
      </c>
      <c r="Z5223">
        <v>20</v>
      </c>
      <c r="AA5223">
        <v>103</v>
      </c>
      <c r="AB5223">
        <v>19</v>
      </c>
      <c r="AC5223">
        <v>119</v>
      </c>
      <c r="AD5223">
        <v>21</v>
      </c>
      <c r="AE5223">
        <v>30</v>
      </c>
      <c r="AF5223">
        <v>4147</v>
      </c>
      <c r="AG5223">
        <v>87722</v>
      </c>
      <c r="AH5223">
        <v>50000</v>
      </c>
      <c r="AI5223">
        <v>0</v>
      </c>
      <c r="AJ5223">
        <v>116</v>
      </c>
      <c r="AK5223" t="s">
        <v>54</v>
      </c>
      <c r="AL5223">
        <v>0</v>
      </c>
      <c r="AM5223">
        <v>0</v>
      </c>
      <c r="AN5223">
        <v>0</v>
      </c>
      <c r="AO5223">
        <v>0</v>
      </c>
      <c r="AP5223">
        <v>0</v>
      </c>
      <c r="AQ5223">
        <v>0</v>
      </c>
      <c r="AR5223">
        <v>0</v>
      </c>
      <c r="AS5223">
        <v>0</v>
      </c>
      <c r="AT5223">
        <v>0</v>
      </c>
      <c r="AU5223">
        <v>0</v>
      </c>
      <c r="AV5223">
        <v>0</v>
      </c>
      <c r="AW5223">
        <v>0</v>
      </c>
      <c r="AX5223">
        <v>1188</v>
      </c>
      <c r="AY5223">
        <v>32</v>
      </c>
      <c r="AZ5223">
        <v>51</v>
      </c>
      <c r="BA5223">
        <v>4760</v>
      </c>
    </row>
    <row r="5224" spans="1:53" x14ac:dyDescent="0.4">
      <c r="A5224">
        <v>5268</v>
      </c>
      <c r="B5224" s="1">
        <v>44834</v>
      </c>
      <c r="C5224">
        <v>3</v>
      </c>
      <c r="D5224" s="1">
        <v>44834.741666666669</v>
      </c>
      <c r="E5224" s="1">
        <v>44834.93472222222</v>
      </c>
      <c r="F5224">
        <v>31950</v>
      </c>
      <c r="G5224">
        <v>1188</v>
      </c>
      <c r="H5224">
        <v>0</v>
      </c>
      <c r="I5224">
        <v>0</v>
      </c>
      <c r="J5224">
        <v>0</v>
      </c>
      <c r="K5224">
        <v>400</v>
      </c>
      <c r="L5224">
        <v>0</v>
      </c>
      <c r="M5224">
        <v>3050</v>
      </c>
      <c r="N5224">
        <v>0</v>
      </c>
      <c r="O5224">
        <v>0</v>
      </c>
      <c r="P5224">
        <v>-25090</v>
      </c>
      <c r="Q5224">
        <v>0</v>
      </c>
      <c r="R5224">
        <v>8448</v>
      </c>
      <c r="S5224">
        <v>0</v>
      </c>
      <c r="T5224">
        <v>0</v>
      </c>
      <c r="U5224">
        <v>0</v>
      </c>
      <c r="V5224">
        <v>2</v>
      </c>
      <c r="W5224">
        <v>2</v>
      </c>
      <c r="X5224">
        <v>0</v>
      </c>
      <c r="Y5224">
        <v>36</v>
      </c>
      <c r="Z5224">
        <v>20</v>
      </c>
      <c r="AA5224">
        <v>100</v>
      </c>
      <c r="AB5224">
        <v>19</v>
      </c>
      <c r="AC5224">
        <v>114</v>
      </c>
      <c r="AD5224">
        <v>21</v>
      </c>
      <c r="AE5224">
        <v>28</v>
      </c>
      <c r="AF5224">
        <v>7947</v>
      </c>
      <c r="AG5224">
        <v>96170</v>
      </c>
      <c r="AH5224">
        <v>50000</v>
      </c>
      <c r="AI5224">
        <v>0</v>
      </c>
      <c r="AJ5224">
        <v>115</v>
      </c>
      <c r="AK5224" t="s">
        <v>55</v>
      </c>
      <c r="AL5224">
        <v>0</v>
      </c>
      <c r="AM5224">
        <v>0</v>
      </c>
      <c r="AN5224">
        <v>0</v>
      </c>
      <c r="AO5224">
        <v>0</v>
      </c>
      <c r="AP5224">
        <v>0</v>
      </c>
      <c r="AQ5224">
        <v>0</v>
      </c>
      <c r="AR5224">
        <v>0</v>
      </c>
      <c r="AS5224">
        <v>0</v>
      </c>
      <c r="AT5224">
        <v>0</v>
      </c>
      <c r="AU5224">
        <v>0</v>
      </c>
      <c r="AV5224">
        <v>0</v>
      </c>
      <c r="AW5224">
        <v>0</v>
      </c>
      <c r="AX5224">
        <v>61062</v>
      </c>
      <c r="AY5224">
        <v>10</v>
      </c>
      <c r="AZ5224">
        <v>38</v>
      </c>
      <c r="BA5224">
        <v>2083</v>
      </c>
    </row>
    <row r="5225" spans="1:53" x14ac:dyDescent="0.4">
      <c r="A5225">
        <v>5269</v>
      </c>
      <c r="B5225" s="1">
        <v>44835</v>
      </c>
      <c r="C5225">
        <v>1</v>
      </c>
      <c r="D5225" s="1">
        <v>44835.291666666664</v>
      </c>
      <c r="E5225" s="1">
        <v>44835.40625</v>
      </c>
      <c r="F5225">
        <v>0</v>
      </c>
      <c r="G5225">
        <v>0</v>
      </c>
      <c r="H5225">
        <v>0</v>
      </c>
      <c r="I5225">
        <v>0</v>
      </c>
      <c r="J5225">
        <v>0</v>
      </c>
      <c r="K5225">
        <v>0</v>
      </c>
      <c r="L5225">
        <v>0</v>
      </c>
      <c r="M5225">
        <v>0</v>
      </c>
      <c r="N5225">
        <v>0</v>
      </c>
      <c r="O5225">
        <v>0</v>
      </c>
      <c r="P5225">
        <v>0</v>
      </c>
      <c r="Q5225">
        <v>0</v>
      </c>
      <c r="R5225">
        <v>0</v>
      </c>
      <c r="S5225">
        <v>0</v>
      </c>
      <c r="T5225">
        <v>0</v>
      </c>
      <c r="U5225">
        <v>0</v>
      </c>
      <c r="V5225">
        <v>0</v>
      </c>
      <c r="W5225">
        <v>1</v>
      </c>
      <c r="X5225">
        <v>0</v>
      </c>
      <c r="Y5225">
        <v>25</v>
      </c>
      <c r="Z5225">
        <v>14</v>
      </c>
      <c r="AA5225">
        <v>108</v>
      </c>
      <c r="AB5225">
        <v>20</v>
      </c>
      <c r="AC5225">
        <v>106</v>
      </c>
      <c r="AD5225">
        <v>22</v>
      </c>
      <c r="AE5225">
        <v>30</v>
      </c>
      <c r="AF5225">
        <v>0</v>
      </c>
      <c r="AG5225">
        <v>50000</v>
      </c>
      <c r="AH5225">
        <v>50000</v>
      </c>
      <c r="AI5225">
        <v>0</v>
      </c>
      <c r="AJ5225">
        <v>0</v>
      </c>
      <c r="AK5225" t="s">
        <v>6</v>
      </c>
      <c r="AL5225">
        <v>0</v>
      </c>
      <c r="AM5225">
        <v>0</v>
      </c>
      <c r="AN5225">
        <v>0</v>
      </c>
      <c r="AO5225">
        <v>0</v>
      </c>
      <c r="AP5225">
        <v>0</v>
      </c>
      <c r="AQ5225">
        <v>0</v>
      </c>
      <c r="AR5225">
        <v>0</v>
      </c>
      <c r="AS5225">
        <v>0</v>
      </c>
      <c r="AT5225">
        <v>0</v>
      </c>
      <c r="AU5225">
        <v>0</v>
      </c>
      <c r="AV5225">
        <v>0</v>
      </c>
      <c r="AW5225">
        <v>0</v>
      </c>
      <c r="AX5225">
        <v>0</v>
      </c>
      <c r="AY5225">
        <v>0</v>
      </c>
      <c r="AZ5225">
        <v>0</v>
      </c>
      <c r="BA5225">
        <v>0</v>
      </c>
    </row>
    <row r="5226" spans="1:53" x14ac:dyDescent="0.4">
      <c r="A5226">
        <v>5270</v>
      </c>
      <c r="B5226" s="1">
        <v>44835</v>
      </c>
      <c r="C5226">
        <v>2</v>
      </c>
      <c r="D5226" s="1">
        <v>44835.40625</v>
      </c>
      <c r="E5226" s="1">
        <v>44835.743055555555</v>
      </c>
      <c r="F5226">
        <v>31580</v>
      </c>
      <c r="G5226">
        <v>2596</v>
      </c>
      <c r="H5226">
        <v>0</v>
      </c>
      <c r="I5226">
        <v>0</v>
      </c>
      <c r="J5226">
        <v>0</v>
      </c>
      <c r="K5226">
        <v>0</v>
      </c>
      <c r="L5226">
        <v>0</v>
      </c>
      <c r="M5226">
        <v>3104</v>
      </c>
      <c r="N5226">
        <v>0</v>
      </c>
      <c r="O5226">
        <v>0</v>
      </c>
      <c r="P5226">
        <v>18120</v>
      </c>
      <c r="Q5226">
        <v>0</v>
      </c>
      <c r="R5226">
        <v>52296</v>
      </c>
      <c r="S5226">
        <v>0</v>
      </c>
      <c r="T5226">
        <v>0</v>
      </c>
      <c r="U5226">
        <v>0</v>
      </c>
      <c r="V5226">
        <v>2</v>
      </c>
      <c r="W5226">
        <v>0</v>
      </c>
      <c r="X5226">
        <v>0</v>
      </c>
      <c r="Y5226">
        <v>52</v>
      </c>
      <c r="Z5226">
        <v>23</v>
      </c>
      <c r="AA5226">
        <v>120</v>
      </c>
      <c r="AB5226">
        <v>24</v>
      </c>
      <c r="AC5226">
        <v>127</v>
      </c>
      <c r="AD5226">
        <v>19</v>
      </c>
      <c r="AE5226">
        <v>31</v>
      </c>
      <c r="AF5226">
        <v>4200</v>
      </c>
      <c r="AG5226">
        <v>102296</v>
      </c>
      <c r="AH5226">
        <v>50000</v>
      </c>
      <c r="AI5226">
        <v>0</v>
      </c>
      <c r="AJ5226">
        <v>118</v>
      </c>
      <c r="AK5226" t="s">
        <v>59</v>
      </c>
      <c r="AL5226">
        <v>0</v>
      </c>
      <c r="AM5226">
        <v>0</v>
      </c>
      <c r="AN5226">
        <v>0</v>
      </c>
      <c r="AO5226">
        <v>0</v>
      </c>
      <c r="AP5226">
        <v>0</v>
      </c>
      <c r="AQ5226">
        <v>0</v>
      </c>
      <c r="AR5226">
        <v>0</v>
      </c>
      <c r="AS5226">
        <v>0</v>
      </c>
      <c r="AT5226">
        <v>0</v>
      </c>
      <c r="AU5226">
        <v>0</v>
      </c>
      <c r="AV5226">
        <v>0</v>
      </c>
      <c r="AW5226">
        <v>0</v>
      </c>
      <c r="AX5226">
        <v>0</v>
      </c>
      <c r="AY5226">
        <v>42</v>
      </c>
      <c r="AZ5226">
        <v>81</v>
      </c>
      <c r="BA5226">
        <v>6475</v>
      </c>
    </row>
    <row r="5227" spans="1:53" x14ac:dyDescent="0.4">
      <c r="A5227">
        <v>5271</v>
      </c>
      <c r="B5227" s="1">
        <v>44835</v>
      </c>
      <c r="C5227">
        <v>3</v>
      </c>
      <c r="D5227" s="1">
        <v>44835.743055555555</v>
      </c>
      <c r="E5227" s="1">
        <v>44835.955555555556</v>
      </c>
      <c r="F5227">
        <v>45010</v>
      </c>
      <c r="G5227">
        <v>1100</v>
      </c>
      <c r="H5227">
        <v>0</v>
      </c>
      <c r="I5227">
        <v>0</v>
      </c>
      <c r="J5227">
        <v>0</v>
      </c>
      <c r="K5227">
        <v>0</v>
      </c>
      <c r="L5227">
        <v>0</v>
      </c>
      <c r="M5227">
        <v>4193</v>
      </c>
      <c r="N5227">
        <v>0</v>
      </c>
      <c r="O5227">
        <v>0</v>
      </c>
      <c r="P5227">
        <v>-13280</v>
      </c>
      <c r="Q5227">
        <v>0</v>
      </c>
      <c r="R5227">
        <v>32830</v>
      </c>
      <c r="S5227">
        <v>0</v>
      </c>
      <c r="T5227">
        <v>0</v>
      </c>
      <c r="U5227">
        <v>0</v>
      </c>
      <c r="V5227">
        <v>4</v>
      </c>
      <c r="W5227">
        <v>1</v>
      </c>
      <c r="X5227">
        <v>0</v>
      </c>
      <c r="Y5227">
        <v>53</v>
      </c>
      <c r="Z5227">
        <v>21</v>
      </c>
      <c r="AA5227">
        <v>115</v>
      </c>
      <c r="AB5227">
        <v>23</v>
      </c>
      <c r="AC5227">
        <v>133</v>
      </c>
      <c r="AD5227">
        <v>19</v>
      </c>
      <c r="AE5227">
        <v>31</v>
      </c>
      <c r="AF5227">
        <v>12520</v>
      </c>
      <c r="AG5227">
        <v>135126</v>
      </c>
      <c r="AH5227">
        <v>50000</v>
      </c>
      <c r="AI5227">
        <v>0</v>
      </c>
      <c r="AJ5227">
        <v>103</v>
      </c>
      <c r="AK5227" t="s">
        <v>7</v>
      </c>
      <c r="AL5227">
        <v>0</v>
      </c>
      <c r="AM5227">
        <v>0</v>
      </c>
      <c r="AN5227">
        <v>0</v>
      </c>
      <c r="AO5227">
        <v>0</v>
      </c>
      <c r="AP5227">
        <v>0</v>
      </c>
      <c r="AQ5227">
        <v>0</v>
      </c>
      <c r="AR5227">
        <v>0</v>
      </c>
      <c r="AS5227">
        <v>0</v>
      </c>
      <c r="AT5227">
        <v>0</v>
      </c>
      <c r="AU5227">
        <v>0</v>
      </c>
      <c r="AV5227">
        <v>0</v>
      </c>
      <c r="AW5227">
        <v>0</v>
      </c>
      <c r="AX5227">
        <v>9905</v>
      </c>
      <c r="AY5227">
        <v>14</v>
      </c>
      <c r="AZ5227">
        <v>28</v>
      </c>
      <c r="BA5227">
        <v>1804</v>
      </c>
    </row>
    <row r="5228" spans="1:53" x14ac:dyDescent="0.4">
      <c r="A5228">
        <v>5272</v>
      </c>
      <c r="B5228" s="1">
        <v>44836</v>
      </c>
      <c r="C5228">
        <v>1</v>
      </c>
      <c r="D5228" s="1">
        <v>44836.291666666664</v>
      </c>
      <c r="E5228" s="1">
        <v>44836.393055555556</v>
      </c>
      <c r="F5228">
        <v>0</v>
      </c>
      <c r="G5228">
        <v>0</v>
      </c>
      <c r="H5228">
        <v>0</v>
      </c>
      <c r="I5228">
        <v>0</v>
      </c>
      <c r="J5228">
        <v>0</v>
      </c>
      <c r="K5228">
        <v>0</v>
      </c>
      <c r="L5228">
        <v>0</v>
      </c>
      <c r="M5228">
        <v>0</v>
      </c>
      <c r="N5228">
        <v>0</v>
      </c>
      <c r="O5228">
        <v>0</v>
      </c>
      <c r="P5228">
        <v>0</v>
      </c>
      <c r="Q5228">
        <v>0</v>
      </c>
      <c r="R5228">
        <v>0</v>
      </c>
      <c r="S5228">
        <v>0</v>
      </c>
      <c r="T5228">
        <v>0</v>
      </c>
      <c r="U5228">
        <v>0</v>
      </c>
      <c r="V5228">
        <v>0</v>
      </c>
      <c r="W5228">
        <v>1</v>
      </c>
      <c r="X5228">
        <v>0</v>
      </c>
      <c r="Y5228">
        <v>25</v>
      </c>
      <c r="Z5228">
        <v>10</v>
      </c>
      <c r="AA5228">
        <v>126</v>
      </c>
      <c r="AB5228">
        <v>24</v>
      </c>
      <c r="AC5228">
        <v>107</v>
      </c>
      <c r="AD5228">
        <v>19</v>
      </c>
      <c r="AE5228">
        <v>35</v>
      </c>
      <c r="AF5228">
        <v>0</v>
      </c>
      <c r="AG5228">
        <v>50000</v>
      </c>
      <c r="AH5228">
        <v>50000</v>
      </c>
      <c r="AI5228">
        <v>0</v>
      </c>
      <c r="AJ5228">
        <v>0</v>
      </c>
      <c r="AK5228" t="s">
        <v>6</v>
      </c>
      <c r="AL5228">
        <v>0</v>
      </c>
      <c r="AM5228">
        <v>0</v>
      </c>
      <c r="AN5228">
        <v>0</v>
      </c>
      <c r="AO5228">
        <v>0</v>
      </c>
      <c r="AP5228">
        <v>0</v>
      </c>
      <c r="AQ5228">
        <v>0</v>
      </c>
      <c r="AR5228">
        <v>0</v>
      </c>
      <c r="AS5228">
        <v>0</v>
      </c>
      <c r="AT5228">
        <v>0</v>
      </c>
      <c r="AU5228">
        <v>0</v>
      </c>
      <c r="AV5228">
        <v>0</v>
      </c>
      <c r="AW5228">
        <v>0</v>
      </c>
      <c r="AX5228">
        <v>0</v>
      </c>
      <c r="AY5228">
        <v>0</v>
      </c>
      <c r="AZ5228">
        <v>0</v>
      </c>
      <c r="BA5228">
        <v>0</v>
      </c>
    </row>
    <row r="5229" spans="1:53" x14ac:dyDescent="0.4">
      <c r="A5229">
        <v>5273</v>
      </c>
      <c r="B5229" s="1">
        <v>44836</v>
      </c>
      <c r="C5229">
        <v>2</v>
      </c>
      <c r="D5229" s="1">
        <v>44836.393055555556</v>
      </c>
      <c r="E5229" s="1">
        <v>44836.745138888888</v>
      </c>
      <c r="F5229">
        <v>36780</v>
      </c>
      <c r="G5229">
        <v>2354</v>
      </c>
      <c r="H5229">
        <v>0</v>
      </c>
      <c r="I5229">
        <v>0</v>
      </c>
      <c r="J5229">
        <v>0</v>
      </c>
      <c r="K5229">
        <v>0</v>
      </c>
      <c r="L5229">
        <v>0</v>
      </c>
      <c r="M5229">
        <v>3556</v>
      </c>
      <c r="N5229">
        <v>0</v>
      </c>
      <c r="O5229">
        <v>0</v>
      </c>
      <c r="P5229">
        <v>20510</v>
      </c>
      <c r="Q5229">
        <v>0</v>
      </c>
      <c r="R5229">
        <v>59644</v>
      </c>
      <c r="S5229">
        <v>0</v>
      </c>
      <c r="T5229">
        <v>0</v>
      </c>
      <c r="U5229">
        <v>0</v>
      </c>
      <c r="V5229">
        <v>0</v>
      </c>
      <c r="W5229">
        <v>6</v>
      </c>
      <c r="X5229">
        <v>0</v>
      </c>
      <c r="Y5229">
        <v>55</v>
      </c>
      <c r="Z5229">
        <v>21</v>
      </c>
      <c r="AA5229">
        <v>100</v>
      </c>
      <c r="AB5229">
        <v>20</v>
      </c>
      <c r="AC5229">
        <v>135</v>
      </c>
      <c r="AD5229">
        <v>20</v>
      </c>
      <c r="AE5229">
        <v>34</v>
      </c>
      <c r="AF5229">
        <v>1660</v>
      </c>
      <c r="AG5229">
        <v>109644</v>
      </c>
      <c r="AH5229">
        <v>50000</v>
      </c>
      <c r="AI5229">
        <v>0</v>
      </c>
      <c r="AJ5229">
        <v>103</v>
      </c>
      <c r="AK5229" t="s">
        <v>7</v>
      </c>
      <c r="AL5229">
        <v>0</v>
      </c>
      <c r="AM5229">
        <v>0</v>
      </c>
      <c r="AN5229">
        <v>0</v>
      </c>
      <c r="AO5229">
        <v>0</v>
      </c>
      <c r="AP5229">
        <v>0</v>
      </c>
      <c r="AQ5229">
        <v>0</v>
      </c>
      <c r="AR5229">
        <v>0</v>
      </c>
      <c r="AS5229">
        <v>0</v>
      </c>
      <c r="AT5229">
        <v>0</v>
      </c>
      <c r="AU5229">
        <v>0</v>
      </c>
      <c r="AV5229">
        <v>0</v>
      </c>
      <c r="AW5229">
        <v>0</v>
      </c>
      <c r="AX5229">
        <v>186</v>
      </c>
      <c r="AY5229">
        <v>44</v>
      </c>
      <c r="AZ5229">
        <v>89</v>
      </c>
      <c r="BA5229">
        <v>7212</v>
      </c>
    </row>
    <row r="5230" spans="1:53" x14ac:dyDescent="0.4">
      <c r="A5230">
        <v>5274</v>
      </c>
      <c r="B5230" s="1">
        <v>44836</v>
      </c>
      <c r="C5230">
        <v>3</v>
      </c>
      <c r="D5230" s="1">
        <v>44836.745138888888</v>
      </c>
      <c r="E5230" s="1">
        <v>44836.95416666667</v>
      </c>
      <c r="F5230">
        <v>33320</v>
      </c>
      <c r="G5230">
        <v>2739</v>
      </c>
      <c r="H5230">
        <v>0</v>
      </c>
      <c r="I5230">
        <v>0</v>
      </c>
      <c r="J5230">
        <v>0</v>
      </c>
      <c r="K5230">
        <v>1660</v>
      </c>
      <c r="L5230">
        <v>0</v>
      </c>
      <c r="M5230">
        <v>3428</v>
      </c>
      <c r="N5230">
        <v>0</v>
      </c>
      <c r="O5230">
        <v>0</v>
      </c>
      <c r="P5230">
        <v>-20510</v>
      </c>
      <c r="Q5230">
        <v>0</v>
      </c>
      <c r="R5230">
        <v>17209</v>
      </c>
      <c r="S5230">
        <v>0</v>
      </c>
      <c r="T5230">
        <v>0</v>
      </c>
      <c r="U5230">
        <v>0</v>
      </c>
      <c r="V5230">
        <v>0</v>
      </c>
      <c r="W5230">
        <v>7</v>
      </c>
      <c r="X5230">
        <v>0</v>
      </c>
      <c r="Y5230">
        <v>61</v>
      </c>
      <c r="Z5230">
        <v>20</v>
      </c>
      <c r="AA5230">
        <v>114</v>
      </c>
      <c r="AB5230">
        <v>18</v>
      </c>
      <c r="AC5230">
        <v>128</v>
      </c>
      <c r="AD5230">
        <v>23</v>
      </c>
      <c r="AE5230">
        <v>38</v>
      </c>
      <c r="AF5230">
        <v>7120</v>
      </c>
      <c r="AG5230">
        <v>126853</v>
      </c>
      <c r="AH5230">
        <v>50000</v>
      </c>
      <c r="AI5230">
        <v>0</v>
      </c>
      <c r="AJ5230">
        <v>29</v>
      </c>
      <c r="AK5230" t="s">
        <v>62</v>
      </c>
      <c r="AL5230">
        <v>0</v>
      </c>
      <c r="AM5230">
        <v>0</v>
      </c>
      <c r="AN5230">
        <v>0</v>
      </c>
      <c r="AO5230">
        <v>0</v>
      </c>
      <c r="AP5230">
        <v>0</v>
      </c>
      <c r="AQ5230">
        <v>0</v>
      </c>
      <c r="AR5230">
        <v>0</v>
      </c>
      <c r="AS5230">
        <v>0</v>
      </c>
      <c r="AT5230">
        <v>0</v>
      </c>
      <c r="AU5230">
        <v>0</v>
      </c>
      <c r="AV5230">
        <v>0</v>
      </c>
      <c r="AW5230">
        <v>0</v>
      </c>
      <c r="AX5230">
        <v>0</v>
      </c>
      <c r="AY5230">
        <v>7</v>
      </c>
      <c r="AZ5230">
        <v>14</v>
      </c>
      <c r="BA5230">
        <v>1986</v>
      </c>
    </row>
    <row r="5231" spans="1:53" x14ac:dyDescent="0.4">
      <c r="A5231">
        <v>5275</v>
      </c>
      <c r="B5231" s="1">
        <v>44837</v>
      </c>
      <c r="C5231">
        <v>1</v>
      </c>
      <c r="D5231" s="1">
        <v>44837.291666666664</v>
      </c>
      <c r="E5231" s="1">
        <v>44837.445138888892</v>
      </c>
      <c r="F5231">
        <v>0</v>
      </c>
      <c r="G5231">
        <v>0</v>
      </c>
      <c r="H5231">
        <v>0</v>
      </c>
      <c r="I5231">
        <v>0</v>
      </c>
      <c r="J5231">
        <v>0</v>
      </c>
      <c r="K5231">
        <v>0</v>
      </c>
      <c r="L5231">
        <v>0</v>
      </c>
      <c r="M5231">
        <v>0</v>
      </c>
      <c r="N5231">
        <v>0</v>
      </c>
      <c r="O5231">
        <v>0</v>
      </c>
      <c r="P5231">
        <v>0</v>
      </c>
      <c r="Q5231">
        <v>0</v>
      </c>
      <c r="R5231">
        <v>0</v>
      </c>
      <c r="S5231">
        <v>0</v>
      </c>
      <c r="T5231">
        <v>0</v>
      </c>
      <c r="U5231">
        <v>0</v>
      </c>
      <c r="V5231">
        <v>0</v>
      </c>
      <c r="W5231">
        <v>1</v>
      </c>
      <c r="X5231">
        <v>0</v>
      </c>
      <c r="Y5231">
        <v>25</v>
      </c>
      <c r="Z5231">
        <v>14</v>
      </c>
      <c r="AA5231">
        <v>109</v>
      </c>
      <c r="AB5231">
        <v>17</v>
      </c>
      <c r="AC5231">
        <v>111</v>
      </c>
      <c r="AD5231">
        <v>21</v>
      </c>
      <c r="AE5231">
        <v>35</v>
      </c>
      <c r="AF5231">
        <v>0</v>
      </c>
      <c r="AG5231">
        <v>50000</v>
      </c>
      <c r="AH5231">
        <v>50000</v>
      </c>
      <c r="AI5231">
        <v>0</v>
      </c>
      <c r="AJ5231">
        <v>0</v>
      </c>
      <c r="AK5231" t="s">
        <v>6</v>
      </c>
      <c r="AL5231">
        <v>0</v>
      </c>
      <c r="AM5231">
        <v>0</v>
      </c>
      <c r="AN5231">
        <v>0</v>
      </c>
      <c r="AO5231">
        <v>0</v>
      </c>
      <c r="AP5231">
        <v>0</v>
      </c>
      <c r="AQ5231">
        <v>0</v>
      </c>
      <c r="AR5231">
        <v>0</v>
      </c>
      <c r="AS5231">
        <v>0</v>
      </c>
      <c r="AT5231">
        <v>0</v>
      </c>
      <c r="AU5231">
        <v>0</v>
      </c>
      <c r="AV5231">
        <v>0</v>
      </c>
      <c r="AW5231">
        <v>0</v>
      </c>
      <c r="AX5231">
        <v>0</v>
      </c>
      <c r="AY5231">
        <v>0</v>
      </c>
      <c r="AZ5231">
        <v>0</v>
      </c>
      <c r="BA5231">
        <v>0</v>
      </c>
    </row>
    <row r="5232" spans="1:53" x14ac:dyDescent="0.4">
      <c r="A5232">
        <v>5276</v>
      </c>
      <c r="B5232" s="1">
        <v>44837</v>
      </c>
      <c r="C5232">
        <v>2</v>
      </c>
      <c r="D5232" s="1">
        <v>44837.445138888892</v>
      </c>
      <c r="E5232" s="1">
        <v>44837.740972222222</v>
      </c>
      <c r="F5232">
        <v>19700</v>
      </c>
      <c r="G5232">
        <v>1496</v>
      </c>
      <c r="H5232">
        <v>0</v>
      </c>
      <c r="I5232">
        <v>0</v>
      </c>
      <c r="J5232">
        <v>0</v>
      </c>
      <c r="K5232">
        <v>0</v>
      </c>
      <c r="L5232">
        <v>0</v>
      </c>
      <c r="M5232">
        <v>1927</v>
      </c>
      <c r="N5232">
        <v>0</v>
      </c>
      <c r="O5232">
        <v>0</v>
      </c>
      <c r="P5232">
        <v>8060</v>
      </c>
      <c r="Q5232">
        <v>0</v>
      </c>
      <c r="R5232">
        <v>29256</v>
      </c>
      <c r="S5232">
        <v>0</v>
      </c>
      <c r="T5232">
        <v>0</v>
      </c>
      <c r="U5232">
        <v>0</v>
      </c>
      <c r="V5232">
        <v>1</v>
      </c>
      <c r="W5232">
        <v>1</v>
      </c>
      <c r="X5232">
        <v>0</v>
      </c>
      <c r="Y5232">
        <v>38</v>
      </c>
      <c r="Z5232">
        <v>20</v>
      </c>
      <c r="AA5232">
        <v>98</v>
      </c>
      <c r="AB5232">
        <v>12</v>
      </c>
      <c r="AC5232">
        <v>134</v>
      </c>
      <c r="AD5232">
        <v>23</v>
      </c>
      <c r="AE5232">
        <v>41</v>
      </c>
      <c r="AF5232">
        <v>4360</v>
      </c>
      <c r="AG5232">
        <v>79256</v>
      </c>
      <c r="AH5232">
        <v>50000</v>
      </c>
      <c r="AI5232">
        <v>0</v>
      </c>
      <c r="AJ5232">
        <v>119</v>
      </c>
      <c r="AK5232" t="s">
        <v>56</v>
      </c>
      <c r="AL5232">
        <v>0</v>
      </c>
      <c r="AM5232">
        <v>0</v>
      </c>
      <c r="AN5232">
        <v>0</v>
      </c>
      <c r="AO5232">
        <v>0</v>
      </c>
      <c r="AP5232">
        <v>0</v>
      </c>
      <c r="AQ5232">
        <v>0</v>
      </c>
      <c r="AR5232">
        <v>0</v>
      </c>
      <c r="AS5232">
        <v>0</v>
      </c>
      <c r="AT5232">
        <v>0</v>
      </c>
      <c r="AU5232">
        <v>0</v>
      </c>
      <c r="AV5232">
        <v>0</v>
      </c>
      <c r="AW5232">
        <v>0</v>
      </c>
      <c r="AX5232">
        <v>0</v>
      </c>
      <c r="AY5232">
        <v>30</v>
      </c>
      <c r="AZ5232">
        <v>46</v>
      </c>
      <c r="BA5232">
        <v>4254</v>
      </c>
    </row>
    <row r="5233" spans="1:53" x14ac:dyDescent="0.4">
      <c r="A5233">
        <v>5277</v>
      </c>
      <c r="B5233" s="1">
        <v>44837</v>
      </c>
      <c r="C5233">
        <v>3</v>
      </c>
      <c r="D5233" s="1">
        <v>44837.740972222222</v>
      </c>
      <c r="E5233" s="1">
        <v>44837.954861111109</v>
      </c>
      <c r="F5233">
        <v>10940</v>
      </c>
      <c r="G5233">
        <v>440</v>
      </c>
      <c r="H5233">
        <v>0</v>
      </c>
      <c r="I5233">
        <v>0</v>
      </c>
      <c r="J5233">
        <v>0</v>
      </c>
      <c r="K5233">
        <v>0</v>
      </c>
      <c r="L5233">
        <v>0</v>
      </c>
      <c r="M5233">
        <v>1033</v>
      </c>
      <c r="N5233">
        <v>0</v>
      </c>
      <c r="O5233">
        <v>0</v>
      </c>
      <c r="P5233">
        <v>-1900</v>
      </c>
      <c r="Q5233">
        <v>0</v>
      </c>
      <c r="R5233">
        <v>9480</v>
      </c>
      <c r="S5233">
        <v>0</v>
      </c>
      <c r="T5233">
        <v>0</v>
      </c>
      <c r="U5233">
        <v>0</v>
      </c>
      <c r="V5233">
        <v>4</v>
      </c>
      <c r="W5233">
        <v>0</v>
      </c>
      <c r="X5233">
        <v>0</v>
      </c>
      <c r="Y5233">
        <v>24</v>
      </c>
      <c r="Z5233">
        <v>17</v>
      </c>
      <c r="AA5233">
        <v>96</v>
      </c>
      <c r="AB5233">
        <v>14</v>
      </c>
      <c r="AC5233">
        <v>142</v>
      </c>
      <c r="AD5233">
        <v>23</v>
      </c>
      <c r="AE5233">
        <v>41</v>
      </c>
      <c r="AF5233">
        <v>4360</v>
      </c>
      <c r="AG5233">
        <v>88736</v>
      </c>
      <c r="AH5233">
        <v>50000</v>
      </c>
      <c r="AI5233">
        <v>0</v>
      </c>
      <c r="AJ5233">
        <v>103</v>
      </c>
      <c r="AK5233" t="s">
        <v>7</v>
      </c>
      <c r="AL5233">
        <v>0</v>
      </c>
      <c r="AM5233">
        <v>0</v>
      </c>
      <c r="AN5233">
        <v>0</v>
      </c>
      <c r="AO5233">
        <v>0</v>
      </c>
      <c r="AP5233">
        <v>0</v>
      </c>
      <c r="AQ5233">
        <v>0</v>
      </c>
      <c r="AR5233">
        <v>0</v>
      </c>
      <c r="AS5233">
        <v>0</v>
      </c>
      <c r="AT5233">
        <v>0</v>
      </c>
      <c r="AU5233">
        <v>0</v>
      </c>
      <c r="AV5233">
        <v>0</v>
      </c>
      <c r="AW5233">
        <v>0</v>
      </c>
      <c r="AX5233">
        <v>6935</v>
      </c>
      <c r="AY5233">
        <v>8</v>
      </c>
      <c r="AZ5233">
        <v>15</v>
      </c>
      <c r="BA5233">
        <v>1491</v>
      </c>
    </row>
    <row r="5234" spans="1:53" x14ac:dyDescent="0.4">
      <c r="A5234">
        <v>5278</v>
      </c>
      <c r="B5234" s="1">
        <v>44838</v>
      </c>
      <c r="C5234">
        <v>1</v>
      </c>
      <c r="D5234" s="1">
        <v>44838.291666666664</v>
      </c>
      <c r="E5234" s="1">
        <v>44838.45</v>
      </c>
      <c r="F5234">
        <v>0</v>
      </c>
      <c r="G5234">
        <v>0</v>
      </c>
      <c r="H5234">
        <v>0</v>
      </c>
      <c r="I5234">
        <v>0</v>
      </c>
      <c r="J5234">
        <v>0</v>
      </c>
      <c r="K5234">
        <v>0</v>
      </c>
      <c r="L5234">
        <v>0</v>
      </c>
      <c r="M5234">
        <v>0</v>
      </c>
      <c r="N5234">
        <v>0</v>
      </c>
      <c r="O5234">
        <v>0</v>
      </c>
      <c r="P5234">
        <v>0</v>
      </c>
      <c r="Q5234">
        <v>0</v>
      </c>
      <c r="R5234">
        <v>0</v>
      </c>
      <c r="S5234">
        <v>0</v>
      </c>
      <c r="T5234">
        <v>0</v>
      </c>
      <c r="U5234">
        <v>0</v>
      </c>
      <c r="V5234">
        <v>0</v>
      </c>
      <c r="W5234">
        <v>1</v>
      </c>
      <c r="X5234">
        <v>0</v>
      </c>
      <c r="Y5234">
        <v>27</v>
      </c>
      <c r="Z5234">
        <v>12</v>
      </c>
      <c r="AA5234">
        <v>100</v>
      </c>
      <c r="AB5234">
        <v>15</v>
      </c>
      <c r="AC5234">
        <v>110</v>
      </c>
      <c r="AD5234">
        <v>22</v>
      </c>
      <c r="AE5234">
        <v>40</v>
      </c>
      <c r="AF5234">
        <v>0</v>
      </c>
      <c r="AG5234">
        <v>50000</v>
      </c>
      <c r="AH5234">
        <v>50000</v>
      </c>
      <c r="AI5234">
        <v>0</v>
      </c>
      <c r="AJ5234">
        <v>0</v>
      </c>
      <c r="AK5234" t="s">
        <v>6</v>
      </c>
      <c r="AL5234">
        <v>0</v>
      </c>
      <c r="AM5234">
        <v>0</v>
      </c>
      <c r="AN5234">
        <v>0</v>
      </c>
      <c r="AO5234">
        <v>0</v>
      </c>
      <c r="AP5234">
        <v>0</v>
      </c>
      <c r="AQ5234">
        <v>0</v>
      </c>
      <c r="AR5234">
        <v>0</v>
      </c>
      <c r="AS5234">
        <v>0</v>
      </c>
      <c r="AT5234">
        <v>0</v>
      </c>
      <c r="AU5234">
        <v>0</v>
      </c>
      <c r="AV5234">
        <v>0</v>
      </c>
      <c r="AW5234">
        <v>0</v>
      </c>
      <c r="AX5234">
        <v>0</v>
      </c>
      <c r="AY5234">
        <v>0</v>
      </c>
      <c r="AZ5234">
        <v>0</v>
      </c>
      <c r="BA5234">
        <v>0</v>
      </c>
    </row>
    <row r="5235" spans="1:53" x14ac:dyDescent="0.4">
      <c r="A5235">
        <v>5279</v>
      </c>
      <c r="B5235" s="1">
        <v>44838</v>
      </c>
      <c r="C5235">
        <v>2</v>
      </c>
      <c r="D5235" s="1">
        <v>44838.45</v>
      </c>
      <c r="E5235" s="1">
        <v>44838.73333333333</v>
      </c>
      <c r="F5235">
        <v>15640</v>
      </c>
      <c r="G5235">
        <v>902</v>
      </c>
      <c r="H5235">
        <v>0</v>
      </c>
      <c r="I5235">
        <v>0</v>
      </c>
      <c r="J5235">
        <v>0</v>
      </c>
      <c r="K5235">
        <v>0</v>
      </c>
      <c r="L5235">
        <v>0</v>
      </c>
      <c r="M5235">
        <v>1504</v>
      </c>
      <c r="N5235">
        <v>0</v>
      </c>
      <c r="O5235">
        <v>0</v>
      </c>
      <c r="P5235">
        <v>7460</v>
      </c>
      <c r="Q5235">
        <v>0</v>
      </c>
      <c r="R5235">
        <v>24002</v>
      </c>
      <c r="S5235">
        <v>0</v>
      </c>
      <c r="T5235">
        <v>0</v>
      </c>
      <c r="U5235">
        <v>0</v>
      </c>
      <c r="V5235">
        <v>2</v>
      </c>
      <c r="W5235">
        <v>0</v>
      </c>
      <c r="X5235">
        <v>0</v>
      </c>
      <c r="Y5235">
        <v>31</v>
      </c>
      <c r="Z5235">
        <v>16</v>
      </c>
      <c r="AA5235">
        <v>97</v>
      </c>
      <c r="AB5235">
        <v>17</v>
      </c>
      <c r="AC5235">
        <v>121</v>
      </c>
      <c r="AD5235">
        <v>22</v>
      </c>
      <c r="AE5235">
        <v>40</v>
      </c>
      <c r="AF5235">
        <v>3092</v>
      </c>
      <c r="AG5235">
        <v>74002</v>
      </c>
      <c r="AH5235">
        <v>50000</v>
      </c>
      <c r="AI5235">
        <v>0</v>
      </c>
      <c r="AJ5235">
        <v>116</v>
      </c>
      <c r="AK5235" t="s">
        <v>54</v>
      </c>
      <c r="AL5235">
        <v>0</v>
      </c>
      <c r="AM5235">
        <v>0</v>
      </c>
      <c r="AN5235">
        <v>0</v>
      </c>
      <c r="AO5235">
        <v>0</v>
      </c>
      <c r="AP5235">
        <v>0</v>
      </c>
      <c r="AQ5235">
        <v>0</v>
      </c>
      <c r="AR5235">
        <v>0</v>
      </c>
      <c r="AS5235">
        <v>0</v>
      </c>
      <c r="AT5235">
        <v>0</v>
      </c>
      <c r="AU5235">
        <v>0</v>
      </c>
      <c r="AV5235">
        <v>0</v>
      </c>
      <c r="AW5235">
        <v>0</v>
      </c>
      <c r="AX5235">
        <v>-600</v>
      </c>
      <c r="AY5235">
        <v>26</v>
      </c>
      <c r="AZ5235">
        <v>39</v>
      </c>
      <c r="BA5235">
        <v>3515</v>
      </c>
    </row>
    <row r="5236" spans="1:53" x14ac:dyDescent="0.4">
      <c r="A5236">
        <v>5280</v>
      </c>
      <c r="B5236" s="1">
        <v>44838</v>
      </c>
      <c r="C5236">
        <v>3</v>
      </c>
      <c r="D5236" s="1">
        <v>44838.73333333333</v>
      </c>
      <c r="E5236" s="1">
        <v>44838.949305555558</v>
      </c>
      <c r="F5236">
        <v>22345</v>
      </c>
      <c r="G5236">
        <v>0</v>
      </c>
      <c r="H5236">
        <v>0</v>
      </c>
      <c r="I5236">
        <v>0</v>
      </c>
      <c r="J5236">
        <v>700</v>
      </c>
      <c r="K5236">
        <v>660</v>
      </c>
      <c r="L5236">
        <v>0</v>
      </c>
      <c r="M5236">
        <v>2027</v>
      </c>
      <c r="N5236">
        <v>0</v>
      </c>
      <c r="O5236">
        <v>0</v>
      </c>
      <c r="P5236">
        <v>-7460</v>
      </c>
      <c r="Q5236">
        <v>0</v>
      </c>
      <c r="R5236">
        <v>14845</v>
      </c>
      <c r="S5236">
        <v>0</v>
      </c>
      <c r="T5236">
        <v>0</v>
      </c>
      <c r="U5236">
        <v>0</v>
      </c>
      <c r="V5236">
        <v>3</v>
      </c>
      <c r="W5236">
        <v>0</v>
      </c>
      <c r="X5236">
        <v>0</v>
      </c>
      <c r="Y5236">
        <v>33</v>
      </c>
      <c r="Z5236">
        <v>17</v>
      </c>
      <c r="AA5236">
        <v>96</v>
      </c>
      <c r="AB5236">
        <v>17</v>
      </c>
      <c r="AC5236">
        <v>118</v>
      </c>
      <c r="AD5236">
        <v>22</v>
      </c>
      <c r="AE5236">
        <v>40</v>
      </c>
      <c r="AF5236">
        <v>5567</v>
      </c>
      <c r="AG5236">
        <v>88847</v>
      </c>
      <c r="AH5236">
        <v>50000</v>
      </c>
      <c r="AI5236">
        <v>0</v>
      </c>
      <c r="AJ5236">
        <v>103</v>
      </c>
      <c r="AK5236" t="s">
        <v>7</v>
      </c>
      <c r="AL5236">
        <v>0</v>
      </c>
      <c r="AM5236">
        <v>0</v>
      </c>
      <c r="AN5236">
        <v>0</v>
      </c>
      <c r="AO5236">
        <v>0</v>
      </c>
      <c r="AP5236">
        <v>0</v>
      </c>
      <c r="AQ5236">
        <v>0</v>
      </c>
      <c r="AR5236">
        <v>0</v>
      </c>
      <c r="AS5236">
        <v>0</v>
      </c>
      <c r="AT5236">
        <v>0</v>
      </c>
      <c r="AU5236">
        <v>0</v>
      </c>
      <c r="AV5236">
        <v>0</v>
      </c>
      <c r="AW5236">
        <v>0</v>
      </c>
      <c r="AX5236">
        <v>0</v>
      </c>
      <c r="AY5236">
        <v>7</v>
      </c>
      <c r="AZ5236">
        <v>17</v>
      </c>
      <c r="BA5236">
        <v>1675</v>
      </c>
    </row>
    <row r="5237" spans="1:53" x14ac:dyDescent="0.4">
      <c r="A5237">
        <v>5281</v>
      </c>
      <c r="B5237" s="1">
        <v>44838</v>
      </c>
      <c r="C5237">
        <v>4</v>
      </c>
      <c r="D5237" s="1">
        <v>44838.949305555558</v>
      </c>
      <c r="E5237" s="1">
        <v>44839.120833333334</v>
      </c>
      <c r="F5237">
        <v>4800</v>
      </c>
      <c r="G5237">
        <v>0</v>
      </c>
      <c r="H5237">
        <v>0</v>
      </c>
      <c r="I5237">
        <v>0</v>
      </c>
      <c r="J5237">
        <v>0</v>
      </c>
      <c r="K5237">
        <v>0</v>
      </c>
      <c r="L5237">
        <v>0</v>
      </c>
      <c r="M5237">
        <v>436</v>
      </c>
      <c r="N5237">
        <v>0</v>
      </c>
      <c r="O5237">
        <v>0</v>
      </c>
      <c r="P5237">
        <v>0</v>
      </c>
      <c r="Q5237">
        <v>0</v>
      </c>
      <c r="R5237">
        <v>4800</v>
      </c>
      <c r="S5237">
        <v>0</v>
      </c>
      <c r="T5237">
        <v>0</v>
      </c>
      <c r="U5237">
        <v>0</v>
      </c>
      <c r="V5237">
        <v>4</v>
      </c>
      <c r="W5237">
        <v>0</v>
      </c>
      <c r="X5237">
        <v>0</v>
      </c>
      <c r="Y5237">
        <v>28</v>
      </c>
      <c r="Z5237">
        <v>17</v>
      </c>
      <c r="AA5237">
        <v>94</v>
      </c>
      <c r="AB5237">
        <v>17</v>
      </c>
      <c r="AC5237">
        <v>118</v>
      </c>
      <c r="AD5237">
        <v>22</v>
      </c>
      <c r="AE5237">
        <v>40</v>
      </c>
      <c r="AF5237">
        <v>5567</v>
      </c>
      <c r="AG5237">
        <v>93647</v>
      </c>
      <c r="AH5237">
        <v>50000</v>
      </c>
      <c r="AI5237">
        <v>0</v>
      </c>
      <c r="AJ5237">
        <v>74</v>
      </c>
      <c r="AK5237" t="s">
        <v>64</v>
      </c>
      <c r="AL5237">
        <v>0</v>
      </c>
      <c r="AM5237">
        <v>0</v>
      </c>
      <c r="AN5237">
        <v>0</v>
      </c>
      <c r="AO5237">
        <v>0</v>
      </c>
      <c r="AP5237">
        <v>0</v>
      </c>
      <c r="AQ5237">
        <v>0</v>
      </c>
      <c r="AR5237">
        <v>0</v>
      </c>
      <c r="AS5237">
        <v>0</v>
      </c>
      <c r="AT5237">
        <v>0</v>
      </c>
      <c r="AU5237">
        <v>0</v>
      </c>
      <c r="AV5237">
        <v>0</v>
      </c>
      <c r="AW5237">
        <v>0</v>
      </c>
      <c r="AX5237">
        <v>0</v>
      </c>
      <c r="AY5237">
        <v>1</v>
      </c>
      <c r="AZ5237">
        <v>2</v>
      </c>
      <c r="BA5237">
        <v>119</v>
      </c>
    </row>
    <row r="5238" spans="1:53" x14ac:dyDescent="0.4">
      <c r="A5238">
        <v>5282</v>
      </c>
      <c r="B5238" s="1">
        <v>44839</v>
      </c>
      <c r="C5238">
        <v>1</v>
      </c>
      <c r="D5238" s="1">
        <v>44839.291666666664</v>
      </c>
      <c r="E5238" s="1">
        <v>44839.461805555555</v>
      </c>
      <c r="F5238">
        <v>0</v>
      </c>
      <c r="G5238">
        <v>0</v>
      </c>
      <c r="H5238">
        <v>0</v>
      </c>
      <c r="I5238">
        <v>0</v>
      </c>
      <c r="J5238">
        <v>0</v>
      </c>
      <c r="K5238">
        <v>0</v>
      </c>
      <c r="L5238">
        <v>0</v>
      </c>
      <c r="M5238">
        <v>0</v>
      </c>
      <c r="N5238">
        <v>0</v>
      </c>
      <c r="O5238">
        <v>0</v>
      </c>
      <c r="P5238">
        <v>1130</v>
      </c>
      <c r="Q5238">
        <v>0</v>
      </c>
      <c r="R5238">
        <v>1130</v>
      </c>
      <c r="S5238">
        <v>0</v>
      </c>
      <c r="T5238">
        <v>0</v>
      </c>
      <c r="U5238">
        <v>0</v>
      </c>
      <c r="V5238">
        <v>0</v>
      </c>
      <c r="W5238">
        <v>0</v>
      </c>
      <c r="X5238">
        <v>0</v>
      </c>
      <c r="Y5238">
        <v>33</v>
      </c>
      <c r="Z5238">
        <v>12</v>
      </c>
      <c r="AA5238">
        <v>96</v>
      </c>
      <c r="AB5238">
        <v>17</v>
      </c>
      <c r="AC5238">
        <v>100</v>
      </c>
      <c r="AD5238">
        <v>22</v>
      </c>
      <c r="AE5238">
        <v>40</v>
      </c>
      <c r="AF5238">
        <v>530</v>
      </c>
      <c r="AG5238">
        <v>51130</v>
      </c>
      <c r="AH5238">
        <v>50000</v>
      </c>
      <c r="AI5238">
        <v>0</v>
      </c>
      <c r="AJ5238">
        <v>29</v>
      </c>
      <c r="AK5238" t="s">
        <v>62</v>
      </c>
      <c r="AL5238">
        <v>0</v>
      </c>
      <c r="AM5238">
        <v>0</v>
      </c>
      <c r="AN5238">
        <v>0</v>
      </c>
      <c r="AO5238">
        <v>0</v>
      </c>
      <c r="AP5238">
        <v>0</v>
      </c>
      <c r="AQ5238">
        <v>0</v>
      </c>
      <c r="AR5238">
        <v>0</v>
      </c>
      <c r="AS5238">
        <v>0</v>
      </c>
      <c r="AT5238">
        <v>0</v>
      </c>
      <c r="AU5238">
        <v>0</v>
      </c>
      <c r="AV5238">
        <v>0</v>
      </c>
      <c r="AW5238">
        <v>0</v>
      </c>
      <c r="AX5238">
        <v>-1130</v>
      </c>
      <c r="AY5238">
        <v>2</v>
      </c>
      <c r="AZ5238">
        <v>2</v>
      </c>
      <c r="BA5238">
        <v>8</v>
      </c>
    </row>
    <row r="5239" spans="1:53" x14ac:dyDescent="0.4">
      <c r="A5239">
        <v>5283</v>
      </c>
      <c r="B5239" s="1">
        <v>44839</v>
      </c>
      <c r="C5239">
        <v>2</v>
      </c>
      <c r="D5239" s="1">
        <v>44839.461805555555</v>
      </c>
      <c r="E5239" s="1">
        <v>44839.753472222219</v>
      </c>
      <c r="F5239">
        <v>13140</v>
      </c>
      <c r="G5239">
        <v>1496</v>
      </c>
      <c r="H5239">
        <v>0</v>
      </c>
      <c r="I5239">
        <v>0</v>
      </c>
      <c r="J5239">
        <v>0</v>
      </c>
      <c r="K5239">
        <v>0</v>
      </c>
      <c r="L5239">
        <v>0</v>
      </c>
      <c r="M5239">
        <v>1330</v>
      </c>
      <c r="N5239">
        <v>0</v>
      </c>
      <c r="O5239">
        <v>0</v>
      </c>
      <c r="P5239">
        <v>7560</v>
      </c>
      <c r="Q5239">
        <v>0</v>
      </c>
      <c r="R5239">
        <v>22196</v>
      </c>
      <c r="S5239">
        <v>0</v>
      </c>
      <c r="T5239">
        <v>0</v>
      </c>
      <c r="U5239">
        <v>0</v>
      </c>
      <c r="V5239">
        <v>1</v>
      </c>
      <c r="W5239">
        <v>1</v>
      </c>
      <c r="X5239">
        <v>0</v>
      </c>
      <c r="Y5239">
        <v>33</v>
      </c>
      <c r="Z5239">
        <v>19</v>
      </c>
      <c r="AA5239">
        <v>91</v>
      </c>
      <c r="AB5239">
        <v>20</v>
      </c>
      <c r="AC5239">
        <v>112</v>
      </c>
      <c r="AD5239">
        <v>20</v>
      </c>
      <c r="AE5239">
        <v>36</v>
      </c>
      <c r="AF5239">
        <v>4470</v>
      </c>
      <c r="AG5239">
        <v>73326</v>
      </c>
      <c r="AH5239">
        <v>50000</v>
      </c>
      <c r="AI5239">
        <v>0</v>
      </c>
      <c r="AJ5239">
        <v>29</v>
      </c>
      <c r="AK5239" t="s">
        <v>62</v>
      </c>
      <c r="AL5239">
        <v>0</v>
      </c>
      <c r="AM5239">
        <v>0</v>
      </c>
      <c r="AN5239">
        <v>0</v>
      </c>
      <c r="AO5239">
        <v>0</v>
      </c>
      <c r="AP5239">
        <v>0</v>
      </c>
      <c r="AQ5239">
        <v>0</v>
      </c>
      <c r="AR5239">
        <v>0</v>
      </c>
      <c r="AS5239">
        <v>0</v>
      </c>
      <c r="AT5239">
        <v>0</v>
      </c>
      <c r="AU5239">
        <v>0</v>
      </c>
      <c r="AV5239">
        <v>0</v>
      </c>
      <c r="AW5239">
        <v>0</v>
      </c>
      <c r="AX5239">
        <v>-892</v>
      </c>
      <c r="AY5239">
        <v>22</v>
      </c>
      <c r="AZ5239">
        <v>37</v>
      </c>
      <c r="BA5239">
        <v>2479</v>
      </c>
    </row>
    <row r="5240" spans="1:53" x14ac:dyDescent="0.4">
      <c r="A5240">
        <v>5284</v>
      </c>
      <c r="B5240" s="1">
        <v>44839</v>
      </c>
      <c r="C5240">
        <v>3</v>
      </c>
      <c r="D5240" s="1">
        <v>44839.753472222219</v>
      </c>
      <c r="E5240" s="1">
        <v>44839.96875</v>
      </c>
      <c r="F5240">
        <v>14830</v>
      </c>
      <c r="G5240">
        <v>308</v>
      </c>
      <c r="H5240">
        <v>0</v>
      </c>
      <c r="I5240">
        <v>0</v>
      </c>
      <c r="J5240">
        <v>100</v>
      </c>
      <c r="K5240">
        <v>0</v>
      </c>
      <c r="L5240">
        <v>0</v>
      </c>
      <c r="M5240">
        <v>1368</v>
      </c>
      <c r="N5240">
        <v>0</v>
      </c>
      <c r="O5240">
        <v>0</v>
      </c>
      <c r="P5240">
        <v>-5540</v>
      </c>
      <c r="Q5240">
        <v>0</v>
      </c>
      <c r="R5240">
        <v>9498</v>
      </c>
      <c r="S5240">
        <v>0</v>
      </c>
      <c r="T5240">
        <v>0</v>
      </c>
      <c r="U5240">
        <v>0</v>
      </c>
      <c r="V5240">
        <v>2</v>
      </c>
      <c r="W5240">
        <v>0</v>
      </c>
      <c r="X5240">
        <v>0</v>
      </c>
      <c r="Y5240">
        <v>35</v>
      </c>
      <c r="Z5240">
        <v>17</v>
      </c>
      <c r="AA5240">
        <v>92</v>
      </c>
      <c r="AB5240">
        <v>19</v>
      </c>
      <c r="AC5240">
        <v>118</v>
      </c>
      <c r="AD5240">
        <v>21</v>
      </c>
      <c r="AE5240">
        <v>39</v>
      </c>
      <c r="AF5240">
        <v>7850</v>
      </c>
      <c r="AG5240">
        <v>82824</v>
      </c>
      <c r="AH5240">
        <v>50000</v>
      </c>
      <c r="AI5240">
        <v>0</v>
      </c>
      <c r="AJ5240">
        <v>74</v>
      </c>
      <c r="AK5240" t="s">
        <v>64</v>
      </c>
      <c r="AL5240">
        <v>0</v>
      </c>
      <c r="AM5240">
        <v>0</v>
      </c>
      <c r="AN5240">
        <v>0</v>
      </c>
      <c r="AO5240">
        <v>0</v>
      </c>
      <c r="AP5240">
        <v>0</v>
      </c>
      <c r="AQ5240">
        <v>0</v>
      </c>
      <c r="AR5240">
        <v>0</v>
      </c>
      <c r="AS5240">
        <v>0</v>
      </c>
      <c r="AT5240">
        <v>0</v>
      </c>
      <c r="AU5240">
        <v>0</v>
      </c>
      <c r="AV5240">
        <v>0</v>
      </c>
      <c r="AW5240">
        <v>0</v>
      </c>
      <c r="AX5240">
        <v>1650</v>
      </c>
      <c r="AY5240">
        <v>4</v>
      </c>
      <c r="AZ5240">
        <v>10</v>
      </c>
      <c r="BA5240">
        <v>1279</v>
      </c>
    </row>
    <row r="5241" spans="1:53" x14ac:dyDescent="0.4">
      <c r="A5241">
        <v>5285</v>
      </c>
      <c r="B5241" s="1">
        <v>44840</v>
      </c>
      <c r="C5241">
        <v>1</v>
      </c>
      <c r="D5241" s="1">
        <v>44840.291666666664</v>
      </c>
      <c r="E5241" s="1">
        <v>44840.45</v>
      </c>
      <c r="F5241">
        <v>0</v>
      </c>
      <c r="G5241">
        <v>0</v>
      </c>
      <c r="H5241">
        <v>0</v>
      </c>
      <c r="I5241">
        <v>0</v>
      </c>
      <c r="J5241">
        <v>0</v>
      </c>
      <c r="K5241">
        <v>0</v>
      </c>
      <c r="L5241">
        <v>0</v>
      </c>
      <c r="M5241">
        <v>0</v>
      </c>
      <c r="N5241">
        <v>0</v>
      </c>
      <c r="O5241">
        <v>0</v>
      </c>
      <c r="P5241">
        <v>0</v>
      </c>
      <c r="Q5241">
        <v>0</v>
      </c>
      <c r="R5241">
        <v>0</v>
      </c>
      <c r="S5241">
        <v>0</v>
      </c>
      <c r="T5241">
        <v>0</v>
      </c>
      <c r="U5241">
        <v>0</v>
      </c>
      <c r="V5241">
        <v>0</v>
      </c>
      <c r="W5241">
        <v>0</v>
      </c>
      <c r="X5241">
        <v>0</v>
      </c>
      <c r="Y5241">
        <v>30</v>
      </c>
      <c r="Z5241">
        <v>17</v>
      </c>
      <c r="AA5241">
        <v>95</v>
      </c>
      <c r="AB5241">
        <v>16</v>
      </c>
      <c r="AC5241">
        <v>107</v>
      </c>
      <c r="AD5241">
        <v>19</v>
      </c>
      <c r="AE5241">
        <v>35</v>
      </c>
      <c r="AF5241">
        <v>0</v>
      </c>
      <c r="AG5241">
        <v>50000</v>
      </c>
      <c r="AH5241">
        <v>50000</v>
      </c>
      <c r="AI5241">
        <v>0</v>
      </c>
      <c r="AJ5241">
        <v>0</v>
      </c>
      <c r="AK5241" t="s">
        <v>6</v>
      </c>
      <c r="AL5241">
        <v>0</v>
      </c>
      <c r="AM5241">
        <v>0</v>
      </c>
      <c r="AN5241">
        <v>0</v>
      </c>
      <c r="AO5241">
        <v>0</v>
      </c>
      <c r="AP5241">
        <v>0</v>
      </c>
      <c r="AQ5241">
        <v>0</v>
      </c>
      <c r="AR5241">
        <v>0</v>
      </c>
      <c r="AS5241">
        <v>0</v>
      </c>
      <c r="AT5241">
        <v>0</v>
      </c>
      <c r="AU5241">
        <v>0</v>
      </c>
      <c r="AV5241">
        <v>0</v>
      </c>
      <c r="AW5241">
        <v>0</v>
      </c>
      <c r="AX5241">
        <v>0</v>
      </c>
      <c r="AY5241">
        <v>0</v>
      </c>
      <c r="AZ5241">
        <v>0</v>
      </c>
      <c r="BA5241">
        <v>0</v>
      </c>
    </row>
    <row r="5242" spans="1:53" x14ac:dyDescent="0.4">
      <c r="A5242">
        <v>5286</v>
      </c>
      <c r="B5242" s="1">
        <v>44840</v>
      </c>
      <c r="C5242">
        <v>2</v>
      </c>
      <c r="D5242" s="1">
        <v>44840.45</v>
      </c>
      <c r="E5242" s="1">
        <v>44840.740972222222</v>
      </c>
      <c r="F5242">
        <v>24150</v>
      </c>
      <c r="G5242">
        <v>462</v>
      </c>
      <c r="H5242">
        <v>0</v>
      </c>
      <c r="I5242">
        <v>0</v>
      </c>
      <c r="J5242">
        <v>0</v>
      </c>
      <c r="K5242">
        <v>0</v>
      </c>
      <c r="L5242">
        <v>0</v>
      </c>
      <c r="M5242">
        <v>2237</v>
      </c>
      <c r="N5242">
        <v>0</v>
      </c>
      <c r="O5242">
        <v>0</v>
      </c>
      <c r="P5242">
        <v>20700</v>
      </c>
      <c r="Q5242">
        <v>0</v>
      </c>
      <c r="R5242">
        <v>45312</v>
      </c>
      <c r="S5242">
        <v>0</v>
      </c>
      <c r="T5242">
        <v>0</v>
      </c>
      <c r="U5242">
        <v>0</v>
      </c>
      <c r="V5242">
        <v>2</v>
      </c>
      <c r="W5242">
        <v>0</v>
      </c>
      <c r="X5242">
        <v>0</v>
      </c>
      <c r="Y5242">
        <v>48</v>
      </c>
      <c r="Z5242">
        <v>30</v>
      </c>
      <c r="AA5242">
        <v>87</v>
      </c>
      <c r="AB5242">
        <v>8</v>
      </c>
      <c r="AC5242">
        <v>132</v>
      </c>
      <c r="AD5242">
        <v>25</v>
      </c>
      <c r="AE5242">
        <v>37</v>
      </c>
      <c r="AF5242">
        <v>1730</v>
      </c>
      <c r="AG5242">
        <v>95312</v>
      </c>
      <c r="AH5242">
        <v>50000</v>
      </c>
      <c r="AI5242">
        <v>0</v>
      </c>
      <c r="AJ5242">
        <v>119</v>
      </c>
      <c r="AK5242" t="s">
        <v>56</v>
      </c>
      <c r="AL5242">
        <v>0</v>
      </c>
      <c r="AM5242">
        <v>0</v>
      </c>
      <c r="AN5242">
        <v>0</v>
      </c>
      <c r="AO5242">
        <v>0</v>
      </c>
      <c r="AP5242">
        <v>0</v>
      </c>
      <c r="AQ5242">
        <v>0</v>
      </c>
      <c r="AR5242">
        <v>0</v>
      </c>
      <c r="AS5242">
        <v>0</v>
      </c>
      <c r="AT5242">
        <v>0</v>
      </c>
      <c r="AU5242">
        <v>0</v>
      </c>
      <c r="AV5242">
        <v>0</v>
      </c>
      <c r="AW5242">
        <v>0</v>
      </c>
      <c r="AX5242">
        <v>-1462</v>
      </c>
      <c r="AY5242">
        <v>42</v>
      </c>
      <c r="AZ5242">
        <v>75</v>
      </c>
      <c r="BA5242">
        <v>4722</v>
      </c>
    </row>
    <row r="5243" spans="1:53" x14ac:dyDescent="0.4">
      <c r="A5243">
        <v>5287</v>
      </c>
      <c r="B5243" s="1">
        <v>44840</v>
      </c>
      <c r="C5243">
        <v>3</v>
      </c>
      <c r="D5243" s="1">
        <v>44840.740972222222</v>
      </c>
      <c r="E5243" s="1">
        <v>44840.9375</v>
      </c>
      <c r="F5243">
        <v>32710</v>
      </c>
      <c r="G5243">
        <v>1606</v>
      </c>
      <c r="H5243">
        <v>0</v>
      </c>
      <c r="I5243">
        <v>0</v>
      </c>
      <c r="J5243">
        <v>100</v>
      </c>
      <c r="K5243">
        <v>0</v>
      </c>
      <c r="L5243">
        <v>0</v>
      </c>
      <c r="M5243">
        <v>3108</v>
      </c>
      <c r="N5243">
        <v>0</v>
      </c>
      <c r="O5243">
        <v>0</v>
      </c>
      <c r="P5243">
        <v>-20700</v>
      </c>
      <c r="Q5243">
        <v>0</v>
      </c>
      <c r="R5243">
        <v>13516</v>
      </c>
      <c r="S5243">
        <v>0</v>
      </c>
      <c r="T5243">
        <v>0</v>
      </c>
      <c r="U5243">
        <v>0</v>
      </c>
      <c r="V5243">
        <v>2</v>
      </c>
      <c r="W5243">
        <v>1</v>
      </c>
      <c r="X5243">
        <v>0</v>
      </c>
      <c r="Y5243">
        <v>57</v>
      </c>
      <c r="Z5243">
        <v>29</v>
      </c>
      <c r="AA5243">
        <v>84</v>
      </c>
      <c r="AB5243">
        <v>10</v>
      </c>
      <c r="AC5243">
        <v>154</v>
      </c>
      <c r="AD5243">
        <v>25</v>
      </c>
      <c r="AE5243">
        <v>33</v>
      </c>
      <c r="AF5243">
        <v>1730</v>
      </c>
      <c r="AG5243">
        <v>108832</v>
      </c>
      <c r="AH5243">
        <v>50000</v>
      </c>
      <c r="AI5243">
        <v>4</v>
      </c>
      <c r="AJ5243">
        <v>108</v>
      </c>
      <c r="AK5243" t="s">
        <v>3</v>
      </c>
      <c r="AL5243">
        <v>0</v>
      </c>
      <c r="AM5243">
        <v>0</v>
      </c>
      <c r="AN5243">
        <v>0</v>
      </c>
      <c r="AO5243">
        <v>0</v>
      </c>
      <c r="AP5243">
        <v>0</v>
      </c>
      <c r="AQ5243">
        <v>0</v>
      </c>
      <c r="AR5243">
        <v>0</v>
      </c>
      <c r="AS5243">
        <v>0</v>
      </c>
      <c r="AT5243">
        <v>0</v>
      </c>
      <c r="AU5243">
        <v>0</v>
      </c>
      <c r="AV5243">
        <v>0</v>
      </c>
      <c r="AW5243">
        <v>0</v>
      </c>
      <c r="AX5243">
        <v>0</v>
      </c>
      <c r="AY5243">
        <v>5</v>
      </c>
      <c r="AZ5243">
        <v>17</v>
      </c>
      <c r="BA5243">
        <v>2190</v>
      </c>
    </row>
    <row r="5244" spans="1:53" x14ac:dyDescent="0.4">
      <c r="A5244">
        <v>5288</v>
      </c>
      <c r="B5244" s="1">
        <v>44841</v>
      </c>
      <c r="C5244">
        <v>1</v>
      </c>
      <c r="D5244" s="1">
        <v>44841.291666666664</v>
      </c>
      <c r="E5244" s="1">
        <v>44841.44027777778</v>
      </c>
      <c r="F5244">
        <v>0</v>
      </c>
      <c r="G5244">
        <v>0</v>
      </c>
      <c r="H5244">
        <v>0</v>
      </c>
      <c r="I5244">
        <v>0</v>
      </c>
      <c r="J5244">
        <v>0</v>
      </c>
      <c r="K5244">
        <v>0</v>
      </c>
      <c r="L5244">
        <v>0</v>
      </c>
      <c r="M5244">
        <v>0</v>
      </c>
      <c r="N5244">
        <v>0</v>
      </c>
      <c r="O5244">
        <v>0</v>
      </c>
      <c r="P5244">
        <v>0</v>
      </c>
      <c r="Q5244">
        <v>0</v>
      </c>
      <c r="R5244">
        <v>0</v>
      </c>
      <c r="S5244">
        <v>0</v>
      </c>
      <c r="T5244">
        <v>0</v>
      </c>
      <c r="U5244">
        <v>0</v>
      </c>
      <c r="V5244">
        <v>0</v>
      </c>
      <c r="W5244">
        <v>1</v>
      </c>
      <c r="X5244">
        <v>0</v>
      </c>
      <c r="Y5244">
        <v>25</v>
      </c>
      <c r="Z5244">
        <v>19</v>
      </c>
      <c r="AA5244">
        <v>87</v>
      </c>
      <c r="AB5244">
        <v>11</v>
      </c>
      <c r="AC5244">
        <v>110</v>
      </c>
      <c r="AD5244">
        <v>24</v>
      </c>
      <c r="AE5244">
        <v>30</v>
      </c>
      <c r="AF5244">
        <v>0</v>
      </c>
      <c r="AG5244">
        <v>50000</v>
      </c>
      <c r="AH5244">
        <v>50000</v>
      </c>
      <c r="AI5244">
        <v>0</v>
      </c>
      <c r="AJ5244">
        <v>0</v>
      </c>
      <c r="AK5244" t="s">
        <v>6</v>
      </c>
      <c r="AL5244">
        <v>0</v>
      </c>
      <c r="AM5244">
        <v>0</v>
      </c>
      <c r="AN5244">
        <v>0</v>
      </c>
      <c r="AO5244">
        <v>0</v>
      </c>
      <c r="AP5244">
        <v>0</v>
      </c>
      <c r="AQ5244">
        <v>0</v>
      </c>
      <c r="AR5244">
        <v>0</v>
      </c>
      <c r="AS5244">
        <v>0</v>
      </c>
      <c r="AT5244">
        <v>0</v>
      </c>
      <c r="AU5244">
        <v>0</v>
      </c>
      <c r="AV5244">
        <v>0</v>
      </c>
      <c r="AW5244">
        <v>0</v>
      </c>
      <c r="AX5244">
        <v>0</v>
      </c>
      <c r="AY5244">
        <v>0</v>
      </c>
      <c r="AZ5244">
        <v>0</v>
      </c>
      <c r="BA5244">
        <v>0</v>
      </c>
    </row>
    <row r="5245" spans="1:53" x14ac:dyDescent="0.4">
      <c r="A5245">
        <v>5289</v>
      </c>
      <c r="B5245" s="1">
        <v>44841</v>
      </c>
      <c r="C5245">
        <v>2</v>
      </c>
      <c r="D5245" s="1">
        <v>44841.44027777778</v>
      </c>
      <c r="E5245" s="1">
        <v>44841.74722222222</v>
      </c>
      <c r="F5245">
        <v>28780</v>
      </c>
      <c r="G5245">
        <v>2783</v>
      </c>
      <c r="H5245">
        <v>0</v>
      </c>
      <c r="I5245">
        <v>0</v>
      </c>
      <c r="J5245">
        <v>120</v>
      </c>
      <c r="K5245">
        <v>0</v>
      </c>
      <c r="L5245">
        <v>0</v>
      </c>
      <c r="M5245">
        <v>2858</v>
      </c>
      <c r="N5245">
        <v>0</v>
      </c>
      <c r="O5245">
        <v>0</v>
      </c>
      <c r="P5245">
        <v>22620</v>
      </c>
      <c r="Q5245">
        <v>0</v>
      </c>
      <c r="R5245">
        <v>54063</v>
      </c>
      <c r="S5245">
        <v>0</v>
      </c>
      <c r="T5245">
        <v>0</v>
      </c>
      <c r="U5245">
        <v>0</v>
      </c>
      <c r="V5245">
        <v>4</v>
      </c>
      <c r="W5245">
        <v>0</v>
      </c>
      <c r="X5245">
        <v>0</v>
      </c>
      <c r="Y5245">
        <v>33</v>
      </c>
      <c r="Z5245">
        <v>32</v>
      </c>
      <c r="AA5245">
        <v>104</v>
      </c>
      <c r="AB5245">
        <v>15</v>
      </c>
      <c r="AC5245">
        <v>126</v>
      </c>
      <c r="AD5245">
        <v>27</v>
      </c>
      <c r="AE5245">
        <v>38</v>
      </c>
      <c r="AF5245">
        <v>2480</v>
      </c>
      <c r="AG5245">
        <v>104063</v>
      </c>
      <c r="AH5245">
        <v>50000</v>
      </c>
      <c r="AI5245">
        <v>0</v>
      </c>
      <c r="AJ5245">
        <v>116</v>
      </c>
      <c r="AK5245" t="s">
        <v>54</v>
      </c>
      <c r="AL5245">
        <v>0</v>
      </c>
      <c r="AM5245">
        <v>0</v>
      </c>
      <c r="AN5245">
        <v>0</v>
      </c>
      <c r="AO5245">
        <v>0</v>
      </c>
      <c r="AP5245">
        <v>0</v>
      </c>
      <c r="AQ5245">
        <v>0</v>
      </c>
      <c r="AR5245">
        <v>0</v>
      </c>
      <c r="AS5245">
        <v>0</v>
      </c>
      <c r="AT5245">
        <v>0</v>
      </c>
      <c r="AU5245">
        <v>0</v>
      </c>
      <c r="AV5245">
        <v>0</v>
      </c>
      <c r="AW5245">
        <v>0</v>
      </c>
      <c r="AX5245">
        <v>-1680</v>
      </c>
      <c r="AY5245">
        <v>41</v>
      </c>
      <c r="AZ5245">
        <v>84</v>
      </c>
      <c r="BA5245">
        <v>5155</v>
      </c>
    </row>
    <row r="5246" spans="1:53" x14ac:dyDescent="0.4">
      <c r="A5246">
        <v>5290</v>
      </c>
      <c r="B5246" s="1">
        <v>44841</v>
      </c>
      <c r="C5246">
        <v>3</v>
      </c>
      <c r="D5246" s="1">
        <v>44841.74722222222</v>
      </c>
      <c r="E5246" s="1">
        <v>44841.943055555559</v>
      </c>
      <c r="F5246">
        <v>44960</v>
      </c>
      <c r="G5246">
        <v>1034</v>
      </c>
      <c r="H5246">
        <v>0</v>
      </c>
      <c r="I5246">
        <v>0</v>
      </c>
      <c r="J5246">
        <v>100</v>
      </c>
      <c r="K5246">
        <v>0</v>
      </c>
      <c r="L5246">
        <v>0</v>
      </c>
      <c r="M5246">
        <v>4170</v>
      </c>
      <c r="N5246">
        <v>0</v>
      </c>
      <c r="O5246">
        <v>0</v>
      </c>
      <c r="P5246">
        <v>-22620</v>
      </c>
      <c r="Q5246">
        <v>0</v>
      </c>
      <c r="R5246">
        <v>23274</v>
      </c>
      <c r="S5246">
        <v>0</v>
      </c>
      <c r="T5246">
        <v>0</v>
      </c>
      <c r="U5246">
        <v>0</v>
      </c>
      <c r="V5246">
        <v>4</v>
      </c>
      <c r="W5246">
        <v>0</v>
      </c>
      <c r="X5246">
        <v>0</v>
      </c>
      <c r="Y5246">
        <v>45</v>
      </c>
      <c r="Z5246">
        <v>31</v>
      </c>
      <c r="AA5246">
        <v>89</v>
      </c>
      <c r="AB5246">
        <v>12</v>
      </c>
      <c r="AC5246">
        <v>127</v>
      </c>
      <c r="AD5246">
        <v>26</v>
      </c>
      <c r="AE5246">
        <v>47</v>
      </c>
      <c r="AF5246">
        <v>15890</v>
      </c>
      <c r="AG5246">
        <v>127237</v>
      </c>
      <c r="AH5246">
        <v>50000</v>
      </c>
      <c r="AI5246">
        <v>-100</v>
      </c>
      <c r="AJ5246">
        <v>30</v>
      </c>
      <c r="AK5246" t="s">
        <v>63</v>
      </c>
      <c r="AL5246">
        <v>0</v>
      </c>
      <c r="AM5246">
        <v>0</v>
      </c>
      <c r="AN5246">
        <v>0</v>
      </c>
      <c r="AO5246">
        <v>0</v>
      </c>
      <c r="AP5246">
        <v>0</v>
      </c>
      <c r="AQ5246">
        <v>0</v>
      </c>
      <c r="AR5246">
        <v>0</v>
      </c>
      <c r="AS5246">
        <v>0</v>
      </c>
      <c r="AT5246">
        <v>0</v>
      </c>
      <c r="AU5246">
        <v>0</v>
      </c>
      <c r="AV5246">
        <v>0</v>
      </c>
      <c r="AW5246">
        <v>0</v>
      </c>
      <c r="AX5246">
        <v>16631</v>
      </c>
      <c r="AY5246">
        <v>10</v>
      </c>
      <c r="AZ5246">
        <v>30</v>
      </c>
      <c r="BA5246">
        <v>2178</v>
      </c>
    </row>
    <row r="5247" spans="1:53" x14ac:dyDescent="0.4">
      <c r="A5247">
        <v>5291</v>
      </c>
      <c r="B5247" s="1">
        <v>44841</v>
      </c>
      <c r="C5247">
        <v>4</v>
      </c>
      <c r="D5247" s="1">
        <v>44841.943055555559</v>
      </c>
      <c r="E5247" s="1">
        <v>44841.946527777778</v>
      </c>
      <c r="F5247">
        <v>0</v>
      </c>
      <c r="G5247">
        <v>0</v>
      </c>
      <c r="H5247">
        <v>0</v>
      </c>
      <c r="I5247">
        <v>0</v>
      </c>
      <c r="J5247">
        <v>0</v>
      </c>
      <c r="K5247">
        <v>0</v>
      </c>
      <c r="L5247">
        <v>0</v>
      </c>
      <c r="M5247">
        <v>0</v>
      </c>
      <c r="N5247">
        <v>0</v>
      </c>
      <c r="O5247">
        <v>0</v>
      </c>
      <c r="P5247">
        <v>0</v>
      </c>
      <c r="Q5247">
        <v>0</v>
      </c>
      <c r="R5247">
        <v>0</v>
      </c>
      <c r="S5247">
        <v>0</v>
      </c>
      <c r="T5247">
        <v>0</v>
      </c>
      <c r="U5247">
        <v>0</v>
      </c>
      <c r="V5247">
        <v>4</v>
      </c>
      <c r="W5247">
        <v>0</v>
      </c>
      <c r="X5247">
        <v>0</v>
      </c>
      <c r="Y5247">
        <v>45</v>
      </c>
      <c r="Z5247">
        <v>31</v>
      </c>
      <c r="AA5247">
        <v>89</v>
      </c>
      <c r="AB5247">
        <v>12</v>
      </c>
      <c r="AC5247">
        <v>127</v>
      </c>
      <c r="AD5247">
        <v>26</v>
      </c>
      <c r="AE5247">
        <v>47</v>
      </c>
      <c r="AF5247">
        <v>15890</v>
      </c>
      <c r="AG5247">
        <v>127337</v>
      </c>
      <c r="AH5247">
        <v>50000</v>
      </c>
      <c r="AI5247">
        <v>0</v>
      </c>
      <c r="AJ5247">
        <v>30</v>
      </c>
      <c r="AK5247" t="s">
        <v>63</v>
      </c>
      <c r="AL5247">
        <v>0</v>
      </c>
      <c r="AM5247">
        <v>0</v>
      </c>
      <c r="AN5247">
        <v>0</v>
      </c>
      <c r="AO5247">
        <v>0</v>
      </c>
      <c r="AP5247">
        <v>0</v>
      </c>
      <c r="AQ5247">
        <v>0</v>
      </c>
      <c r="AR5247">
        <v>0</v>
      </c>
      <c r="AS5247">
        <v>0</v>
      </c>
      <c r="AT5247">
        <v>0</v>
      </c>
      <c r="AU5247">
        <v>0</v>
      </c>
      <c r="AV5247">
        <v>0</v>
      </c>
      <c r="AW5247">
        <v>0</v>
      </c>
      <c r="AX5247">
        <v>16631</v>
      </c>
      <c r="AY5247">
        <v>0</v>
      </c>
      <c r="AZ5247">
        <v>0</v>
      </c>
      <c r="BA5247">
        <v>25</v>
      </c>
    </row>
    <row r="5248" spans="1:53" x14ac:dyDescent="0.4">
      <c r="A5248">
        <v>5292</v>
      </c>
      <c r="B5248" s="1">
        <v>44842</v>
      </c>
      <c r="C5248">
        <v>1</v>
      </c>
      <c r="D5248" s="1">
        <v>44842.291666666664</v>
      </c>
      <c r="E5248" s="1">
        <v>44842.38958333333</v>
      </c>
      <c r="F5248">
        <v>0</v>
      </c>
      <c r="G5248">
        <v>0</v>
      </c>
      <c r="H5248">
        <v>0</v>
      </c>
      <c r="I5248">
        <v>0</v>
      </c>
      <c r="J5248">
        <v>0</v>
      </c>
      <c r="K5248">
        <v>0</v>
      </c>
      <c r="L5248">
        <v>0</v>
      </c>
      <c r="M5248">
        <v>0</v>
      </c>
      <c r="N5248">
        <v>0</v>
      </c>
      <c r="O5248">
        <v>0</v>
      </c>
      <c r="P5248">
        <v>0</v>
      </c>
      <c r="Q5248">
        <v>0</v>
      </c>
      <c r="R5248">
        <v>0</v>
      </c>
      <c r="S5248">
        <v>0</v>
      </c>
      <c r="T5248">
        <v>0</v>
      </c>
      <c r="U5248">
        <v>0</v>
      </c>
      <c r="V5248">
        <v>0</v>
      </c>
      <c r="W5248">
        <v>0</v>
      </c>
      <c r="X5248">
        <v>0</v>
      </c>
      <c r="Y5248">
        <v>32</v>
      </c>
      <c r="Z5248">
        <v>12</v>
      </c>
      <c r="AA5248">
        <v>102</v>
      </c>
      <c r="AB5248">
        <v>12</v>
      </c>
      <c r="AC5248">
        <v>102</v>
      </c>
      <c r="AD5248">
        <v>27</v>
      </c>
      <c r="AE5248">
        <v>45</v>
      </c>
      <c r="AF5248">
        <v>0</v>
      </c>
      <c r="AG5248">
        <v>50000</v>
      </c>
      <c r="AH5248">
        <v>50000</v>
      </c>
      <c r="AI5248">
        <v>0</v>
      </c>
      <c r="AJ5248">
        <v>0</v>
      </c>
      <c r="AK5248" t="s">
        <v>6</v>
      </c>
      <c r="AL5248">
        <v>0</v>
      </c>
      <c r="AM5248">
        <v>0</v>
      </c>
      <c r="AN5248">
        <v>0</v>
      </c>
      <c r="AO5248">
        <v>0</v>
      </c>
      <c r="AP5248">
        <v>0</v>
      </c>
      <c r="AQ5248">
        <v>0</v>
      </c>
      <c r="AR5248">
        <v>0</v>
      </c>
      <c r="AS5248">
        <v>0</v>
      </c>
      <c r="AT5248">
        <v>0</v>
      </c>
      <c r="AU5248">
        <v>0</v>
      </c>
      <c r="AV5248">
        <v>0</v>
      </c>
      <c r="AW5248">
        <v>0</v>
      </c>
      <c r="AX5248">
        <v>0</v>
      </c>
      <c r="AY5248">
        <v>0</v>
      </c>
      <c r="AZ5248">
        <v>0</v>
      </c>
      <c r="BA5248">
        <v>0</v>
      </c>
    </row>
    <row r="5249" spans="1:53" x14ac:dyDescent="0.4">
      <c r="A5249">
        <v>5293</v>
      </c>
      <c r="B5249" s="1">
        <v>44842</v>
      </c>
      <c r="C5249">
        <v>2</v>
      </c>
      <c r="D5249" s="1">
        <v>44842.38958333333</v>
      </c>
      <c r="E5249" s="1">
        <v>44842.736111111109</v>
      </c>
      <c r="F5249">
        <v>33875</v>
      </c>
      <c r="G5249">
        <v>2112</v>
      </c>
      <c r="H5249">
        <v>0</v>
      </c>
      <c r="I5249">
        <v>0</v>
      </c>
      <c r="J5249">
        <v>100</v>
      </c>
      <c r="K5249">
        <v>0</v>
      </c>
      <c r="L5249">
        <v>0</v>
      </c>
      <c r="M5249">
        <v>3259</v>
      </c>
      <c r="N5249">
        <v>0</v>
      </c>
      <c r="O5249">
        <v>0</v>
      </c>
      <c r="P5249">
        <v>26050</v>
      </c>
      <c r="Q5249">
        <v>0</v>
      </c>
      <c r="R5249">
        <v>61937</v>
      </c>
      <c r="S5249">
        <v>0</v>
      </c>
      <c r="T5249">
        <v>0</v>
      </c>
      <c r="U5249">
        <v>0</v>
      </c>
      <c r="V5249">
        <v>3</v>
      </c>
      <c r="W5249">
        <v>1</v>
      </c>
      <c r="X5249">
        <v>0</v>
      </c>
      <c r="Y5249">
        <v>46</v>
      </c>
      <c r="Z5249">
        <v>30</v>
      </c>
      <c r="AA5249">
        <v>80</v>
      </c>
      <c r="AB5249">
        <v>12</v>
      </c>
      <c r="AC5249">
        <v>135</v>
      </c>
      <c r="AD5249">
        <v>30</v>
      </c>
      <c r="AE5249">
        <v>52</v>
      </c>
      <c r="AF5249">
        <v>5785</v>
      </c>
      <c r="AG5249">
        <v>111937</v>
      </c>
      <c r="AH5249">
        <v>50000</v>
      </c>
      <c r="AI5249">
        <v>0</v>
      </c>
      <c r="AJ5249">
        <v>115</v>
      </c>
      <c r="AK5249" t="s">
        <v>55</v>
      </c>
      <c r="AL5249">
        <v>0</v>
      </c>
      <c r="AM5249">
        <v>0</v>
      </c>
      <c r="AN5249">
        <v>0</v>
      </c>
      <c r="AO5249">
        <v>0</v>
      </c>
      <c r="AP5249">
        <v>0</v>
      </c>
      <c r="AQ5249">
        <v>0</v>
      </c>
      <c r="AR5249">
        <v>0</v>
      </c>
      <c r="AS5249">
        <v>0</v>
      </c>
      <c r="AT5249">
        <v>0</v>
      </c>
      <c r="AU5249">
        <v>0</v>
      </c>
      <c r="AV5249">
        <v>0</v>
      </c>
      <c r="AW5249">
        <v>0</v>
      </c>
      <c r="AX5249">
        <v>64</v>
      </c>
      <c r="AY5249">
        <v>51</v>
      </c>
      <c r="AZ5249">
        <v>96</v>
      </c>
      <c r="BA5249">
        <v>7650</v>
      </c>
    </row>
    <row r="5250" spans="1:53" x14ac:dyDescent="0.4">
      <c r="A5250">
        <v>5294</v>
      </c>
      <c r="B5250" s="1">
        <v>44843</v>
      </c>
      <c r="C5250">
        <v>1</v>
      </c>
      <c r="D5250" s="1">
        <v>44843.291666666664</v>
      </c>
      <c r="E5250" s="1">
        <v>44843.412499999999</v>
      </c>
      <c r="F5250">
        <v>0</v>
      </c>
      <c r="G5250">
        <v>0</v>
      </c>
      <c r="H5250">
        <v>0</v>
      </c>
      <c r="I5250">
        <v>0</v>
      </c>
      <c r="J5250">
        <v>0</v>
      </c>
      <c r="K5250">
        <v>0</v>
      </c>
      <c r="L5250">
        <v>0</v>
      </c>
      <c r="M5250">
        <v>0</v>
      </c>
      <c r="N5250">
        <v>0</v>
      </c>
      <c r="O5250">
        <v>0</v>
      </c>
      <c r="P5250">
        <v>0</v>
      </c>
      <c r="Q5250">
        <v>0</v>
      </c>
      <c r="R5250">
        <v>0</v>
      </c>
      <c r="S5250">
        <v>0</v>
      </c>
      <c r="T5250">
        <v>0</v>
      </c>
      <c r="U5250">
        <v>0</v>
      </c>
      <c r="V5250">
        <v>0</v>
      </c>
      <c r="W5250">
        <v>1</v>
      </c>
      <c r="X5250">
        <v>0</v>
      </c>
      <c r="Y5250">
        <v>28</v>
      </c>
      <c r="Z5250">
        <v>15</v>
      </c>
      <c r="AA5250">
        <v>76</v>
      </c>
      <c r="AB5250">
        <v>12</v>
      </c>
      <c r="AC5250">
        <v>113</v>
      </c>
      <c r="AD5250">
        <v>22</v>
      </c>
      <c r="AE5250">
        <v>60</v>
      </c>
      <c r="AF5250">
        <v>0</v>
      </c>
      <c r="AG5250">
        <v>50000</v>
      </c>
      <c r="AH5250">
        <v>50000</v>
      </c>
      <c r="AI5250">
        <v>0</v>
      </c>
      <c r="AJ5250">
        <v>0</v>
      </c>
      <c r="AK5250" t="s">
        <v>6</v>
      </c>
      <c r="AL5250">
        <v>0</v>
      </c>
      <c r="AM5250">
        <v>0</v>
      </c>
      <c r="AN5250">
        <v>0</v>
      </c>
      <c r="AO5250">
        <v>0</v>
      </c>
      <c r="AP5250">
        <v>0</v>
      </c>
      <c r="AQ5250">
        <v>0</v>
      </c>
      <c r="AR5250">
        <v>0</v>
      </c>
      <c r="AS5250">
        <v>0</v>
      </c>
      <c r="AT5250">
        <v>0</v>
      </c>
      <c r="AU5250">
        <v>0</v>
      </c>
      <c r="AV5250">
        <v>0</v>
      </c>
      <c r="AW5250">
        <v>0</v>
      </c>
      <c r="AX5250">
        <v>0</v>
      </c>
      <c r="AY5250">
        <v>0</v>
      </c>
      <c r="AZ5250">
        <v>0</v>
      </c>
      <c r="BA5250">
        <v>0</v>
      </c>
    </row>
    <row r="5251" spans="1:53" x14ac:dyDescent="0.4">
      <c r="A5251">
        <v>5295</v>
      </c>
      <c r="B5251" s="1">
        <v>44843</v>
      </c>
      <c r="C5251">
        <v>2</v>
      </c>
      <c r="D5251" s="1">
        <v>44843.412499999999</v>
      </c>
      <c r="E5251" s="1">
        <v>44843.737500000003</v>
      </c>
      <c r="F5251">
        <v>41020</v>
      </c>
      <c r="G5251">
        <v>3850</v>
      </c>
      <c r="H5251">
        <v>0</v>
      </c>
      <c r="I5251">
        <v>0</v>
      </c>
      <c r="J5251">
        <v>0</v>
      </c>
      <c r="K5251">
        <v>0</v>
      </c>
      <c r="L5251">
        <v>0</v>
      </c>
      <c r="M5251">
        <v>4078</v>
      </c>
      <c r="N5251">
        <v>0</v>
      </c>
      <c r="O5251">
        <v>0</v>
      </c>
      <c r="P5251">
        <v>20620</v>
      </c>
      <c r="Q5251">
        <v>0</v>
      </c>
      <c r="R5251">
        <v>65490</v>
      </c>
      <c r="S5251">
        <v>0</v>
      </c>
      <c r="T5251">
        <v>0</v>
      </c>
      <c r="U5251">
        <v>0</v>
      </c>
      <c r="V5251">
        <v>2</v>
      </c>
      <c r="W5251">
        <v>0</v>
      </c>
      <c r="X5251">
        <v>0</v>
      </c>
      <c r="Y5251">
        <v>55</v>
      </c>
      <c r="Z5251">
        <v>36</v>
      </c>
      <c r="AA5251">
        <v>120</v>
      </c>
      <c r="AB5251">
        <v>27</v>
      </c>
      <c r="AC5251">
        <v>143</v>
      </c>
      <c r="AD5251">
        <v>19</v>
      </c>
      <c r="AE5251">
        <v>54</v>
      </c>
      <c r="AF5251">
        <v>7561</v>
      </c>
      <c r="AG5251">
        <v>115490</v>
      </c>
      <c r="AH5251">
        <v>50000</v>
      </c>
      <c r="AI5251">
        <v>0</v>
      </c>
      <c r="AJ5251">
        <v>115</v>
      </c>
      <c r="AK5251" t="s">
        <v>55</v>
      </c>
      <c r="AL5251">
        <v>0</v>
      </c>
      <c r="AM5251">
        <v>0</v>
      </c>
      <c r="AN5251">
        <v>0</v>
      </c>
      <c r="AO5251">
        <v>0</v>
      </c>
      <c r="AP5251">
        <v>0</v>
      </c>
      <c r="AQ5251">
        <v>0</v>
      </c>
      <c r="AR5251">
        <v>0</v>
      </c>
      <c r="AS5251">
        <v>0</v>
      </c>
      <c r="AT5251">
        <v>0</v>
      </c>
      <c r="AU5251">
        <v>0</v>
      </c>
      <c r="AV5251">
        <v>0</v>
      </c>
      <c r="AW5251">
        <v>0</v>
      </c>
      <c r="AX5251">
        <v>-2120</v>
      </c>
      <c r="AY5251">
        <v>50</v>
      </c>
      <c r="AZ5251">
        <v>101</v>
      </c>
      <c r="BA5251">
        <v>7065</v>
      </c>
    </row>
    <row r="5252" spans="1:53" x14ac:dyDescent="0.4">
      <c r="A5252">
        <v>5296</v>
      </c>
      <c r="B5252" s="1">
        <v>44843</v>
      </c>
      <c r="C5252">
        <v>3</v>
      </c>
      <c r="D5252" s="1">
        <v>44843.737500000003</v>
      </c>
      <c r="E5252" s="1">
        <v>44843.958333333336</v>
      </c>
      <c r="F5252">
        <v>33660</v>
      </c>
      <c r="G5252">
        <v>0</v>
      </c>
      <c r="H5252">
        <v>0</v>
      </c>
      <c r="I5252">
        <v>0</v>
      </c>
      <c r="J5252">
        <v>0</v>
      </c>
      <c r="K5252">
        <v>0</v>
      </c>
      <c r="L5252">
        <v>0</v>
      </c>
      <c r="M5252">
        <v>3058</v>
      </c>
      <c r="N5252">
        <v>0</v>
      </c>
      <c r="O5252">
        <v>0</v>
      </c>
      <c r="P5252">
        <v>-17220</v>
      </c>
      <c r="Q5252">
        <v>0</v>
      </c>
      <c r="R5252">
        <v>16440</v>
      </c>
      <c r="S5252">
        <v>0</v>
      </c>
      <c r="T5252">
        <v>0</v>
      </c>
      <c r="U5252">
        <v>0</v>
      </c>
      <c r="V5252">
        <v>4</v>
      </c>
      <c r="W5252">
        <v>1</v>
      </c>
      <c r="X5252">
        <v>0</v>
      </c>
      <c r="Y5252">
        <v>46</v>
      </c>
      <c r="Z5252">
        <v>35</v>
      </c>
      <c r="AA5252">
        <v>126</v>
      </c>
      <c r="AB5252">
        <v>28</v>
      </c>
      <c r="AC5252">
        <v>162</v>
      </c>
      <c r="AD5252">
        <v>22</v>
      </c>
      <c r="AE5252">
        <v>59</v>
      </c>
      <c r="AF5252">
        <v>7641</v>
      </c>
      <c r="AG5252">
        <v>131930</v>
      </c>
      <c r="AH5252">
        <v>50000</v>
      </c>
      <c r="AI5252">
        <v>0</v>
      </c>
      <c r="AJ5252">
        <v>108</v>
      </c>
      <c r="AK5252" t="s">
        <v>3</v>
      </c>
      <c r="AL5252">
        <v>0</v>
      </c>
      <c r="AM5252">
        <v>0</v>
      </c>
      <c r="AN5252">
        <v>0</v>
      </c>
      <c r="AO5252">
        <v>0</v>
      </c>
      <c r="AP5252">
        <v>0</v>
      </c>
      <c r="AQ5252">
        <v>0</v>
      </c>
      <c r="AR5252">
        <v>0</v>
      </c>
      <c r="AS5252">
        <v>0</v>
      </c>
      <c r="AT5252">
        <v>0</v>
      </c>
      <c r="AU5252">
        <v>0</v>
      </c>
      <c r="AV5252">
        <v>0</v>
      </c>
      <c r="AW5252">
        <v>0</v>
      </c>
      <c r="AX5252">
        <v>9725</v>
      </c>
      <c r="AY5252">
        <v>11</v>
      </c>
      <c r="AZ5252">
        <v>25</v>
      </c>
      <c r="BA5252">
        <v>2383</v>
      </c>
    </row>
    <row r="5253" spans="1:53" x14ac:dyDescent="0.4">
      <c r="A5253">
        <v>5297</v>
      </c>
      <c r="B5253" s="1">
        <v>44844</v>
      </c>
      <c r="C5253">
        <v>1</v>
      </c>
      <c r="D5253" s="1">
        <v>44844.291666666664</v>
      </c>
      <c r="E5253" s="1">
        <v>44844.397916666669</v>
      </c>
      <c r="F5253">
        <v>0</v>
      </c>
      <c r="G5253">
        <v>0</v>
      </c>
      <c r="H5253">
        <v>0</v>
      </c>
      <c r="I5253">
        <v>0</v>
      </c>
      <c r="J5253">
        <v>0</v>
      </c>
      <c r="K5253">
        <v>0</v>
      </c>
      <c r="L5253">
        <v>0</v>
      </c>
      <c r="M5253">
        <v>0</v>
      </c>
      <c r="N5253">
        <v>0</v>
      </c>
      <c r="O5253">
        <v>0</v>
      </c>
      <c r="P5253">
        <v>0</v>
      </c>
      <c r="Q5253">
        <v>0</v>
      </c>
      <c r="R5253">
        <v>0</v>
      </c>
      <c r="S5253">
        <v>0</v>
      </c>
      <c r="T5253">
        <v>0</v>
      </c>
      <c r="U5253">
        <v>0</v>
      </c>
      <c r="V5253">
        <v>0</v>
      </c>
      <c r="W5253">
        <v>0</v>
      </c>
      <c r="X5253">
        <v>0</v>
      </c>
      <c r="Y5253">
        <v>30</v>
      </c>
      <c r="Z5253">
        <v>10</v>
      </c>
      <c r="AA5253">
        <v>121</v>
      </c>
      <c r="AB5253">
        <v>30</v>
      </c>
      <c r="AC5253">
        <v>123</v>
      </c>
      <c r="AD5253">
        <v>22</v>
      </c>
      <c r="AE5253">
        <v>60</v>
      </c>
      <c r="AF5253">
        <v>0</v>
      </c>
      <c r="AG5253">
        <v>50000</v>
      </c>
      <c r="AH5253">
        <v>50000</v>
      </c>
      <c r="AI5253">
        <v>0</v>
      </c>
      <c r="AJ5253">
        <v>0</v>
      </c>
      <c r="AK5253" t="s">
        <v>6</v>
      </c>
      <c r="AL5253">
        <v>0</v>
      </c>
      <c r="AM5253">
        <v>0</v>
      </c>
      <c r="AN5253">
        <v>0</v>
      </c>
      <c r="AO5253">
        <v>0</v>
      </c>
      <c r="AP5253">
        <v>0</v>
      </c>
      <c r="AQ5253">
        <v>0</v>
      </c>
      <c r="AR5253">
        <v>0</v>
      </c>
      <c r="AS5253">
        <v>0</v>
      </c>
      <c r="AT5253">
        <v>0</v>
      </c>
      <c r="AU5253">
        <v>0</v>
      </c>
      <c r="AV5253">
        <v>0</v>
      </c>
      <c r="AW5253">
        <v>0</v>
      </c>
      <c r="AX5253">
        <v>0</v>
      </c>
      <c r="AY5253">
        <v>0</v>
      </c>
      <c r="AZ5253">
        <v>0</v>
      </c>
      <c r="BA5253">
        <v>0</v>
      </c>
    </row>
    <row r="5254" spans="1:53" x14ac:dyDescent="0.4">
      <c r="A5254">
        <v>5298</v>
      </c>
      <c r="B5254" s="1">
        <v>44844</v>
      </c>
      <c r="C5254">
        <v>2</v>
      </c>
      <c r="D5254" s="1">
        <v>44844.397916666669</v>
      </c>
      <c r="E5254" s="1">
        <v>44844.738888888889</v>
      </c>
      <c r="F5254">
        <v>58210</v>
      </c>
      <c r="G5254">
        <v>4004</v>
      </c>
      <c r="H5254">
        <v>0</v>
      </c>
      <c r="I5254">
        <v>0</v>
      </c>
      <c r="J5254">
        <v>0</v>
      </c>
      <c r="K5254">
        <v>0</v>
      </c>
      <c r="L5254">
        <v>0</v>
      </c>
      <c r="M5254">
        <v>5652</v>
      </c>
      <c r="N5254">
        <v>0</v>
      </c>
      <c r="O5254">
        <v>0</v>
      </c>
      <c r="P5254">
        <v>27870</v>
      </c>
      <c r="Q5254">
        <v>0</v>
      </c>
      <c r="R5254">
        <v>90084</v>
      </c>
      <c r="S5254">
        <v>0</v>
      </c>
      <c r="T5254">
        <v>0</v>
      </c>
      <c r="U5254">
        <v>0</v>
      </c>
      <c r="V5254">
        <v>0</v>
      </c>
      <c r="W5254">
        <v>2</v>
      </c>
      <c r="X5254">
        <v>0</v>
      </c>
      <c r="Y5254">
        <v>99</v>
      </c>
      <c r="Z5254">
        <v>33</v>
      </c>
      <c r="AA5254">
        <v>100</v>
      </c>
      <c r="AB5254">
        <v>36</v>
      </c>
      <c r="AC5254">
        <v>150</v>
      </c>
      <c r="AD5254">
        <v>19</v>
      </c>
      <c r="AE5254">
        <v>59</v>
      </c>
      <c r="AF5254">
        <v>1130</v>
      </c>
      <c r="AG5254">
        <v>140084</v>
      </c>
      <c r="AH5254">
        <v>50000</v>
      </c>
      <c r="AI5254">
        <v>0</v>
      </c>
      <c r="AJ5254">
        <v>103</v>
      </c>
      <c r="AK5254" t="s">
        <v>7</v>
      </c>
      <c r="AL5254">
        <v>0</v>
      </c>
      <c r="AM5254">
        <v>0</v>
      </c>
      <c r="AN5254">
        <v>0</v>
      </c>
      <c r="AO5254">
        <v>0</v>
      </c>
      <c r="AP5254">
        <v>0</v>
      </c>
      <c r="AQ5254">
        <v>0</v>
      </c>
      <c r="AR5254">
        <v>0</v>
      </c>
      <c r="AS5254">
        <v>0</v>
      </c>
      <c r="AT5254">
        <v>0</v>
      </c>
      <c r="AU5254">
        <v>0</v>
      </c>
      <c r="AV5254">
        <v>0</v>
      </c>
      <c r="AW5254">
        <v>0</v>
      </c>
      <c r="AX5254">
        <v>-4660</v>
      </c>
      <c r="AY5254">
        <v>53</v>
      </c>
      <c r="AZ5254">
        <v>139</v>
      </c>
      <c r="BA5254">
        <v>7804</v>
      </c>
    </row>
    <row r="5255" spans="1:53" x14ac:dyDescent="0.4">
      <c r="A5255">
        <v>5299</v>
      </c>
      <c r="B5255" s="1">
        <v>44845</v>
      </c>
      <c r="C5255">
        <v>1</v>
      </c>
      <c r="D5255" s="1">
        <v>44845.291666666664</v>
      </c>
      <c r="E5255" s="1">
        <v>44845.433333333334</v>
      </c>
      <c r="F5255">
        <v>0</v>
      </c>
      <c r="G5255">
        <v>0</v>
      </c>
      <c r="H5255">
        <v>0</v>
      </c>
      <c r="I5255">
        <v>0</v>
      </c>
      <c r="J5255">
        <v>0</v>
      </c>
      <c r="K5255">
        <v>0</v>
      </c>
      <c r="L5255">
        <v>0</v>
      </c>
      <c r="M5255">
        <v>0</v>
      </c>
      <c r="N5255">
        <v>0</v>
      </c>
      <c r="O5255">
        <v>0</v>
      </c>
      <c r="P5255">
        <v>0</v>
      </c>
      <c r="Q5255">
        <v>0</v>
      </c>
      <c r="R5255">
        <v>0</v>
      </c>
      <c r="S5255">
        <v>0</v>
      </c>
      <c r="T5255">
        <v>0</v>
      </c>
      <c r="U5255">
        <v>0</v>
      </c>
      <c r="V5255">
        <v>0</v>
      </c>
      <c r="W5255">
        <v>1</v>
      </c>
      <c r="X5255">
        <v>0</v>
      </c>
      <c r="Y5255">
        <v>25</v>
      </c>
      <c r="Z5255">
        <v>12</v>
      </c>
      <c r="AA5255">
        <v>104</v>
      </c>
      <c r="AB5255">
        <v>38</v>
      </c>
      <c r="AC5255">
        <v>154</v>
      </c>
      <c r="AD5255">
        <v>20</v>
      </c>
      <c r="AE5255">
        <v>60</v>
      </c>
      <c r="AF5255">
        <v>0</v>
      </c>
      <c r="AG5255">
        <v>50000</v>
      </c>
      <c r="AH5255">
        <v>50000</v>
      </c>
      <c r="AI5255">
        <v>0</v>
      </c>
      <c r="AJ5255">
        <v>0</v>
      </c>
      <c r="AK5255" t="s">
        <v>6</v>
      </c>
      <c r="AL5255">
        <v>0</v>
      </c>
      <c r="AM5255">
        <v>0</v>
      </c>
      <c r="AN5255">
        <v>0</v>
      </c>
      <c r="AO5255">
        <v>0</v>
      </c>
      <c r="AP5255">
        <v>0</v>
      </c>
      <c r="AQ5255">
        <v>0</v>
      </c>
      <c r="AR5255">
        <v>0</v>
      </c>
      <c r="AS5255">
        <v>0</v>
      </c>
      <c r="AT5255">
        <v>0</v>
      </c>
      <c r="AU5255">
        <v>0</v>
      </c>
      <c r="AV5255">
        <v>0</v>
      </c>
      <c r="AW5255">
        <v>0</v>
      </c>
      <c r="AX5255">
        <v>0</v>
      </c>
      <c r="AY5255">
        <v>0</v>
      </c>
      <c r="AZ5255">
        <v>0</v>
      </c>
      <c r="BA5255">
        <v>0</v>
      </c>
    </row>
    <row r="5256" spans="1:53" x14ac:dyDescent="0.4">
      <c r="A5256">
        <v>5300</v>
      </c>
      <c r="B5256" s="1">
        <v>44845</v>
      </c>
      <c r="C5256">
        <v>2</v>
      </c>
      <c r="D5256" s="1">
        <v>44845.433333333334</v>
      </c>
      <c r="E5256" s="1">
        <v>44845.757638888892</v>
      </c>
      <c r="F5256">
        <v>24595</v>
      </c>
      <c r="G5256">
        <v>2244</v>
      </c>
      <c r="H5256">
        <v>0</v>
      </c>
      <c r="I5256">
        <v>0</v>
      </c>
      <c r="J5256">
        <v>0</v>
      </c>
      <c r="K5256">
        <v>0</v>
      </c>
      <c r="L5256">
        <v>0</v>
      </c>
      <c r="M5256">
        <v>2439</v>
      </c>
      <c r="N5256">
        <v>0</v>
      </c>
      <c r="O5256">
        <v>0</v>
      </c>
      <c r="P5256">
        <v>16850</v>
      </c>
      <c r="Q5256">
        <v>0</v>
      </c>
      <c r="R5256">
        <v>43689</v>
      </c>
      <c r="S5256">
        <v>0</v>
      </c>
      <c r="T5256">
        <v>0</v>
      </c>
      <c r="U5256">
        <v>0</v>
      </c>
      <c r="V5256">
        <v>3</v>
      </c>
      <c r="W5256">
        <v>0</v>
      </c>
      <c r="X5256">
        <v>0</v>
      </c>
      <c r="Y5256">
        <v>40</v>
      </c>
      <c r="Z5256">
        <v>23</v>
      </c>
      <c r="AA5256">
        <v>75</v>
      </c>
      <c r="AB5256">
        <v>29</v>
      </c>
      <c r="AC5256">
        <v>178</v>
      </c>
      <c r="AD5256">
        <v>23</v>
      </c>
      <c r="AE5256">
        <v>64</v>
      </c>
      <c r="AF5256">
        <v>1280</v>
      </c>
      <c r="AG5256">
        <v>93689</v>
      </c>
      <c r="AH5256">
        <v>50000</v>
      </c>
      <c r="AI5256">
        <v>0</v>
      </c>
      <c r="AJ5256">
        <v>115</v>
      </c>
      <c r="AK5256" t="s">
        <v>55</v>
      </c>
      <c r="AL5256">
        <v>0</v>
      </c>
      <c r="AM5256">
        <v>0</v>
      </c>
      <c r="AN5256">
        <v>0</v>
      </c>
      <c r="AO5256">
        <v>0</v>
      </c>
      <c r="AP5256">
        <v>0</v>
      </c>
      <c r="AQ5256">
        <v>0</v>
      </c>
      <c r="AR5256">
        <v>0</v>
      </c>
      <c r="AS5256">
        <v>0</v>
      </c>
      <c r="AT5256">
        <v>0</v>
      </c>
      <c r="AU5256">
        <v>0</v>
      </c>
      <c r="AV5256">
        <v>0</v>
      </c>
      <c r="AW5256">
        <v>0</v>
      </c>
      <c r="AX5256">
        <v>-222</v>
      </c>
      <c r="AY5256">
        <v>39</v>
      </c>
      <c r="AZ5256">
        <v>71</v>
      </c>
      <c r="BA5256">
        <v>5088</v>
      </c>
    </row>
    <row r="5257" spans="1:53" x14ac:dyDescent="0.4">
      <c r="A5257">
        <v>5301</v>
      </c>
      <c r="B5257" s="1">
        <v>44845</v>
      </c>
      <c r="C5257">
        <v>3</v>
      </c>
      <c r="D5257" s="1">
        <v>44845.757638888892</v>
      </c>
      <c r="E5257" s="1">
        <v>44845.960416666669</v>
      </c>
      <c r="F5257">
        <v>25750</v>
      </c>
      <c r="G5257">
        <v>308</v>
      </c>
      <c r="H5257">
        <v>0</v>
      </c>
      <c r="I5257">
        <v>0</v>
      </c>
      <c r="J5257">
        <v>0</v>
      </c>
      <c r="K5257">
        <v>0</v>
      </c>
      <c r="L5257">
        <v>0</v>
      </c>
      <c r="M5257">
        <v>2367</v>
      </c>
      <c r="N5257">
        <v>0</v>
      </c>
      <c r="O5257">
        <v>0</v>
      </c>
      <c r="P5257">
        <v>-15200</v>
      </c>
      <c r="Q5257">
        <v>0</v>
      </c>
      <c r="R5257">
        <v>10858</v>
      </c>
      <c r="S5257">
        <v>0</v>
      </c>
      <c r="T5257">
        <v>0</v>
      </c>
      <c r="U5257">
        <v>0</v>
      </c>
      <c r="V5257">
        <v>3</v>
      </c>
      <c r="W5257">
        <v>0</v>
      </c>
      <c r="X5257">
        <v>0</v>
      </c>
      <c r="Y5257">
        <v>46</v>
      </c>
      <c r="Z5257">
        <v>23</v>
      </c>
      <c r="AA5257">
        <v>80</v>
      </c>
      <c r="AB5257">
        <v>29</v>
      </c>
      <c r="AC5257">
        <v>179</v>
      </c>
      <c r="AD5257">
        <v>23</v>
      </c>
      <c r="AE5257">
        <v>54</v>
      </c>
      <c r="AF5257">
        <v>5638</v>
      </c>
      <c r="AG5257">
        <v>104547</v>
      </c>
      <c r="AH5257">
        <v>50000</v>
      </c>
      <c r="AI5257">
        <v>0</v>
      </c>
      <c r="AJ5257">
        <v>30</v>
      </c>
      <c r="AK5257" t="s">
        <v>63</v>
      </c>
      <c r="AL5257">
        <v>0</v>
      </c>
      <c r="AM5257">
        <v>0</v>
      </c>
      <c r="AN5257">
        <v>0</v>
      </c>
      <c r="AO5257">
        <v>0</v>
      </c>
      <c r="AP5257">
        <v>0</v>
      </c>
      <c r="AQ5257">
        <v>0</v>
      </c>
      <c r="AR5257">
        <v>0</v>
      </c>
      <c r="AS5257">
        <v>0</v>
      </c>
      <c r="AT5257">
        <v>0</v>
      </c>
      <c r="AU5257">
        <v>0</v>
      </c>
      <c r="AV5257">
        <v>0</v>
      </c>
      <c r="AW5257">
        <v>0</v>
      </c>
      <c r="AX5257">
        <v>6440</v>
      </c>
      <c r="AY5257">
        <v>7</v>
      </c>
      <c r="AZ5257">
        <v>14</v>
      </c>
      <c r="BA5257">
        <v>1526</v>
      </c>
    </row>
    <row r="5258" spans="1:53" x14ac:dyDescent="0.4">
      <c r="A5258">
        <v>5302</v>
      </c>
      <c r="B5258" s="1">
        <v>44846</v>
      </c>
      <c r="C5258">
        <v>1</v>
      </c>
      <c r="D5258" s="1">
        <v>44846.291666666664</v>
      </c>
      <c r="E5258" s="1">
        <v>44846.451388888891</v>
      </c>
      <c r="F5258">
        <v>0</v>
      </c>
      <c r="G5258">
        <v>0</v>
      </c>
      <c r="H5258">
        <v>0</v>
      </c>
      <c r="I5258">
        <v>0</v>
      </c>
      <c r="J5258">
        <v>0</v>
      </c>
      <c r="K5258">
        <v>0</v>
      </c>
      <c r="L5258">
        <v>0</v>
      </c>
      <c r="M5258">
        <v>0</v>
      </c>
      <c r="N5258">
        <v>0</v>
      </c>
      <c r="O5258">
        <v>0</v>
      </c>
      <c r="P5258">
        <v>0</v>
      </c>
      <c r="Q5258">
        <v>0</v>
      </c>
      <c r="R5258">
        <v>0</v>
      </c>
      <c r="S5258">
        <v>0</v>
      </c>
      <c r="T5258">
        <v>0</v>
      </c>
      <c r="U5258">
        <v>0</v>
      </c>
      <c r="V5258">
        <v>0</v>
      </c>
      <c r="W5258">
        <v>0</v>
      </c>
      <c r="X5258">
        <v>0</v>
      </c>
      <c r="Y5258">
        <v>28</v>
      </c>
      <c r="Z5258">
        <v>22</v>
      </c>
      <c r="AA5258">
        <v>77</v>
      </c>
      <c r="AB5258">
        <v>28</v>
      </c>
      <c r="AC5258">
        <v>173</v>
      </c>
      <c r="AD5258">
        <v>22</v>
      </c>
      <c r="AE5258">
        <v>60</v>
      </c>
      <c r="AF5258">
        <v>0</v>
      </c>
      <c r="AG5258">
        <v>50000</v>
      </c>
      <c r="AH5258">
        <v>50000</v>
      </c>
      <c r="AI5258">
        <v>0</v>
      </c>
      <c r="AJ5258">
        <v>0</v>
      </c>
      <c r="AK5258" t="s">
        <v>6</v>
      </c>
      <c r="AL5258">
        <v>0</v>
      </c>
      <c r="AM5258">
        <v>0</v>
      </c>
      <c r="AN5258">
        <v>0</v>
      </c>
      <c r="AO5258">
        <v>0</v>
      </c>
      <c r="AP5258">
        <v>0</v>
      </c>
      <c r="AQ5258">
        <v>0</v>
      </c>
      <c r="AR5258">
        <v>0</v>
      </c>
      <c r="AS5258">
        <v>0</v>
      </c>
      <c r="AT5258">
        <v>0</v>
      </c>
      <c r="AU5258">
        <v>0</v>
      </c>
      <c r="AV5258">
        <v>0</v>
      </c>
      <c r="AW5258">
        <v>0</v>
      </c>
      <c r="AX5258">
        <v>0</v>
      </c>
      <c r="AY5258">
        <v>0</v>
      </c>
      <c r="AZ5258">
        <v>0</v>
      </c>
      <c r="BA5258">
        <v>0</v>
      </c>
    </row>
    <row r="5259" spans="1:53" x14ac:dyDescent="0.4">
      <c r="A5259">
        <v>5303</v>
      </c>
      <c r="B5259" s="1">
        <v>44846</v>
      </c>
      <c r="C5259">
        <v>2</v>
      </c>
      <c r="D5259" s="1">
        <v>44846.451388888891</v>
      </c>
      <c r="E5259" s="1">
        <v>44846.743750000001</v>
      </c>
      <c r="F5259">
        <v>15260</v>
      </c>
      <c r="G5259">
        <v>1056</v>
      </c>
      <c r="H5259">
        <v>0</v>
      </c>
      <c r="I5259">
        <v>0</v>
      </c>
      <c r="J5259">
        <v>0</v>
      </c>
      <c r="K5259">
        <v>0</v>
      </c>
      <c r="L5259">
        <v>0</v>
      </c>
      <c r="M5259">
        <v>1482</v>
      </c>
      <c r="N5259">
        <v>0</v>
      </c>
      <c r="O5259">
        <v>0</v>
      </c>
      <c r="P5259">
        <v>11260</v>
      </c>
      <c r="Q5259">
        <v>0</v>
      </c>
      <c r="R5259">
        <v>27576</v>
      </c>
      <c r="S5259">
        <v>0</v>
      </c>
      <c r="T5259">
        <v>0</v>
      </c>
      <c r="U5259">
        <v>0</v>
      </c>
      <c r="V5259">
        <v>2</v>
      </c>
      <c r="W5259">
        <v>0</v>
      </c>
      <c r="X5259">
        <v>0</v>
      </c>
      <c r="Y5259">
        <v>31</v>
      </c>
      <c r="Z5259">
        <v>27</v>
      </c>
      <c r="AA5259">
        <v>62</v>
      </c>
      <c r="AB5259">
        <v>28</v>
      </c>
      <c r="AC5259">
        <v>183</v>
      </c>
      <c r="AD5259">
        <v>24</v>
      </c>
      <c r="AE5259">
        <v>62</v>
      </c>
      <c r="AF5259">
        <v>3464</v>
      </c>
      <c r="AG5259">
        <v>77576</v>
      </c>
      <c r="AH5259">
        <v>50000</v>
      </c>
      <c r="AI5259">
        <v>0</v>
      </c>
      <c r="AJ5259">
        <v>103</v>
      </c>
      <c r="AK5259" t="s">
        <v>7</v>
      </c>
      <c r="AL5259">
        <v>0</v>
      </c>
      <c r="AM5259">
        <v>0</v>
      </c>
      <c r="AN5259">
        <v>0</v>
      </c>
      <c r="AO5259">
        <v>0</v>
      </c>
      <c r="AP5259">
        <v>0</v>
      </c>
      <c r="AQ5259">
        <v>0</v>
      </c>
      <c r="AR5259">
        <v>0</v>
      </c>
      <c r="AS5259">
        <v>0</v>
      </c>
      <c r="AT5259">
        <v>0</v>
      </c>
      <c r="AU5259">
        <v>0</v>
      </c>
      <c r="AV5259">
        <v>0</v>
      </c>
      <c r="AW5259">
        <v>0</v>
      </c>
      <c r="AX5259">
        <v>594</v>
      </c>
      <c r="AY5259">
        <v>31</v>
      </c>
      <c r="AZ5259">
        <v>43</v>
      </c>
      <c r="BA5259">
        <v>4153</v>
      </c>
    </row>
    <row r="5260" spans="1:53" x14ac:dyDescent="0.4">
      <c r="A5260">
        <v>5304</v>
      </c>
      <c r="B5260" s="1">
        <v>44846</v>
      </c>
      <c r="C5260">
        <v>3</v>
      </c>
      <c r="D5260" s="1">
        <v>44846.743750000001</v>
      </c>
      <c r="E5260" s="1">
        <v>44846.974999999999</v>
      </c>
      <c r="F5260">
        <v>18260</v>
      </c>
      <c r="G5260">
        <v>594</v>
      </c>
      <c r="H5260">
        <v>0</v>
      </c>
      <c r="I5260">
        <v>0</v>
      </c>
      <c r="J5260">
        <v>0</v>
      </c>
      <c r="K5260">
        <v>0</v>
      </c>
      <c r="L5260">
        <v>0</v>
      </c>
      <c r="M5260">
        <v>1713</v>
      </c>
      <c r="N5260">
        <v>0</v>
      </c>
      <c r="O5260">
        <v>0</v>
      </c>
      <c r="P5260">
        <v>-5980</v>
      </c>
      <c r="Q5260">
        <v>0</v>
      </c>
      <c r="R5260">
        <v>12874</v>
      </c>
      <c r="S5260">
        <v>0</v>
      </c>
      <c r="T5260">
        <v>0</v>
      </c>
      <c r="U5260">
        <v>0</v>
      </c>
      <c r="V5260">
        <v>2</v>
      </c>
      <c r="W5260">
        <v>0</v>
      </c>
      <c r="X5260">
        <v>0</v>
      </c>
      <c r="Y5260">
        <v>39</v>
      </c>
      <c r="Z5260">
        <v>30</v>
      </c>
      <c r="AA5260">
        <v>61</v>
      </c>
      <c r="AB5260">
        <v>28</v>
      </c>
      <c r="AC5260">
        <v>196</v>
      </c>
      <c r="AD5260">
        <v>23</v>
      </c>
      <c r="AE5260">
        <v>61</v>
      </c>
      <c r="AF5260">
        <v>6814</v>
      </c>
      <c r="AG5260">
        <v>90450</v>
      </c>
      <c r="AH5260">
        <v>50000</v>
      </c>
      <c r="AI5260">
        <v>0</v>
      </c>
      <c r="AJ5260">
        <v>108</v>
      </c>
      <c r="AK5260" t="s">
        <v>3</v>
      </c>
      <c r="AL5260">
        <v>0</v>
      </c>
      <c r="AM5260">
        <v>0</v>
      </c>
      <c r="AN5260">
        <v>0</v>
      </c>
      <c r="AO5260">
        <v>0</v>
      </c>
      <c r="AP5260">
        <v>0</v>
      </c>
      <c r="AQ5260">
        <v>0</v>
      </c>
      <c r="AR5260">
        <v>0</v>
      </c>
      <c r="AS5260">
        <v>0</v>
      </c>
      <c r="AT5260">
        <v>0</v>
      </c>
      <c r="AU5260">
        <v>0</v>
      </c>
      <c r="AV5260">
        <v>0</v>
      </c>
      <c r="AW5260">
        <v>0</v>
      </c>
      <c r="AX5260">
        <v>-5280</v>
      </c>
      <c r="AY5260">
        <v>6</v>
      </c>
      <c r="AZ5260">
        <v>11</v>
      </c>
      <c r="BA5260">
        <v>1350</v>
      </c>
    </row>
    <row r="5261" spans="1:53" x14ac:dyDescent="0.4">
      <c r="A5261">
        <v>5305</v>
      </c>
      <c r="B5261" s="1">
        <v>44847</v>
      </c>
      <c r="C5261">
        <v>1</v>
      </c>
      <c r="D5261" s="1">
        <v>44847.291666666664</v>
      </c>
      <c r="E5261" s="1">
        <v>44847.442361111112</v>
      </c>
      <c r="F5261">
        <v>0</v>
      </c>
      <c r="G5261">
        <v>0</v>
      </c>
      <c r="H5261">
        <v>0</v>
      </c>
      <c r="I5261">
        <v>0</v>
      </c>
      <c r="J5261">
        <v>0</v>
      </c>
      <c r="K5261">
        <v>0</v>
      </c>
      <c r="L5261">
        <v>0</v>
      </c>
      <c r="M5261">
        <v>0</v>
      </c>
      <c r="N5261">
        <v>0</v>
      </c>
      <c r="O5261">
        <v>0</v>
      </c>
      <c r="P5261">
        <v>0</v>
      </c>
      <c r="Q5261">
        <v>0</v>
      </c>
      <c r="R5261">
        <v>0</v>
      </c>
      <c r="S5261">
        <v>0</v>
      </c>
      <c r="T5261">
        <v>0</v>
      </c>
      <c r="U5261">
        <v>0</v>
      </c>
      <c r="V5261">
        <v>0</v>
      </c>
      <c r="W5261">
        <v>0</v>
      </c>
      <c r="X5261">
        <v>0</v>
      </c>
      <c r="Y5261">
        <v>33</v>
      </c>
      <c r="Z5261">
        <v>15</v>
      </c>
      <c r="AA5261">
        <v>68</v>
      </c>
      <c r="AB5261">
        <v>27</v>
      </c>
      <c r="AC5261">
        <v>117</v>
      </c>
      <c r="AD5261">
        <v>24</v>
      </c>
      <c r="AE5261">
        <v>60</v>
      </c>
      <c r="AF5261">
        <v>0</v>
      </c>
      <c r="AG5261">
        <v>50000</v>
      </c>
      <c r="AH5261">
        <v>50000</v>
      </c>
      <c r="AI5261">
        <v>0</v>
      </c>
      <c r="AJ5261">
        <v>0</v>
      </c>
      <c r="AK5261" t="s">
        <v>6</v>
      </c>
      <c r="AL5261">
        <v>0</v>
      </c>
      <c r="AM5261">
        <v>0</v>
      </c>
      <c r="AN5261">
        <v>0</v>
      </c>
      <c r="AO5261">
        <v>0</v>
      </c>
      <c r="AP5261">
        <v>0</v>
      </c>
      <c r="AQ5261">
        <v>0</v>
      </c>
      <c r="AR5261">
        <v>0</v>
      </c>
      <c r="AS5261">
        <v>0</v>
      </c>
      <c r="AT5261">
        <v>0</v>
      </c>
      <c r="AU5261">
        <v>0</v>
      </c>
      <c r="AV5261">
        <v>0</v>
      </c>
      <c r="AW5261">
        <v>0</v>
      </c>
      <c r="AX5261">
        <v>0</v>
      </c>
      <c r="AY5261">
        <v>0</v>
      </c>
      <c r="AZ5261">
        <v>0</v>
      </c>
      <c r="BA5261">
        <v>0</v>
      </c>
    </row>
    <row r="5262" spans="1:53" x14ac:dyDescent="0.4">
      <c r="A5262">
        <v>5306</v>
      </c>
      <c r="B5262" s="1">
        <v>44847</v>
      </c>
      <c r="C5262">
        <v>2</v>
      </c>
      <c r="D5262" s="1">
        <v>44847.442361111112</v>
      </c>
      <c r="E5262" s="1">
        <v>44847.745833333334</v>
      </c>
      <c r="F5262">
        <v>17670</v>
      </c>
      <c r="G5262">
        <v>440</v>
      </c>
      <c r="H5262">
        <v>0</v>
      </c>
      <c r="I5262">
        <v>0</v>
      </c>
      <c r="J5262">
        <v>0</v>
      </c>
      <c r="K5262">
        <v>0</v>
      </c>
      <c r="L5262">
        <v>0</v>
      </c>
      <c r="M5262">
        <v>1647</v>
      </c>
      <c r="N5262">
        <v>0</v>
      </c>
      <c r="O5262">
        <v>0</v>
      </c>
      <c r="P5262">
        <v>9770</v>
      </c>
      <c r="Q5262">
        <v>0</v>
      </c>
      <c r="R5262">
        <v>27880</v>
      </c>
      <c r="S5262">
        <v>0</v>
      </c>
      <c r="T5262">
        <v>0</v>
      </c>
      <c r="U5262">
        <v>0</v>
      </c>
      <c r="V5262">
        <v>0</v>
      </c>
      <c r="W5262">
        <v>0</v>
      </c>
      <c r="X5262">
        <v>0</v>
      </c>
      <c r="Y5262">
        <v>54</v>
      </c>
      <c r="Z5262">
        <v>27</v>
      </c>
      <c r="AA5262">
        <v>64</v>
      </c>
      <c r="AB5262">
        <v>18</v>
      </c>
      <c r="AC5262">
        <v>117</v>
      </c>
      <c r="AD5262">
        <v>24</v>
      </c>
      <c r="AE5262">
        <v>60</v>
      </c>
      <c r="AF5262">
        <v>1730</v>
      </c>
      <c r="AG5262">
        <v>77880</v>
      </c>
      <c r="AH5262">
        <v>50000</v>
      </c>
      <c r="AI5262">
        <v>0</v>
      </c>
      <c r="AJ5262">
        <v>119</v>
      </c>
      <c r="AK5262" t="s">
        <v>56</v>
      </c>
      <c r="AL5262">
        <v>0</v>
      </c>
      <c r="AM5262">
        <v>0</v>
      </c>
      <c r="AN5262">
        <v>0</v>
      </c>
      <c r="AO5262">
        <v>0</v>
      </c>
      <c r="AP5262">
        <v>0</v>
      </c>
      <c r="AQ5262">
        <v>0</v>
      </c>
      <c r="AR5262">
        <v>0</v>
      </c>
      <c r="AS5262">
        <v>0</v>
      </c>
      <c r="AT5262">
        <v>0</v>
      </c>
      <c r="AU5262">
        <v>0</v>
      </c>
      <c r="AV5262">
        <v>0</v>
      </c>
      <c r="AW5262">
        <v>0</v>
      </c>
      <c r="AX5262">
        <v>594</v>
      </c>
      <c r="AY5262">
        <v>29</v>
      </c>
      <c r="AZ5262">
        <v>45</v>
      </c>
      <c r="BA5262">
        <v>4272</v>
      </c>
    </row>
    <row r="5263" spans="1:53" x14ac:dyDescent="0.4">
      <c r="A5263">
        <v>5307</v>
      </c>
      <c r="B5263" s="1">
        <v>44847</v>
      </c>
      <c r="C5263">
        <v>3</v>
      </c>
      <c r="D5263" s="1">
        <v>44847.745833333334</v>
      </c>
      <c r="E5263" s="1">
        <v>44847.988888888889</v>
      </c>
      <c r="F5263">
        <v>57190</v>
      </c>
      <c r="G5263">
        <v>2508</v>
      </c>
      <c r="H5263">
        <v>0</v>
      </c>
      <c r="I5263">
        <v>0</v>
      </c>
      <c r="J5263">
        <v>0</v>
      </c>
      <c r="K5263">
        <v>0</v>
      </c>
      <c r="L5263">
        <v>0</v>
      </c>
      <c r="M5263">
        <v>5427</v>
      </c>
      <c r="N5263">
        <v>0</v>
      </c>
      <c r="O5263">
        <v>0</v>
      </c>
      <c r="P5263">
        <v>-9770</v>
      </c>
      <c r="Q5263">
        <v>0</v>
      </c>
      <c r="R5263">
        <v>49928</v>
      </c>
      <c r="S5263">
        <v>0</v>
      </c>
      <c r="T5263">
        <v>0</v>
      </c>
      <c r="U5263">
        <v>0</v>
      </c>
      <c r="V5263">
        <v>2</v>
      </c>
      <c r="W5263">
        <v>0</v>
      </c>
      <c r="X5263">
        <v>0</v>
      </c>
      <c r="Y5263">
        <v>44</v>
      </c>
      <c r="Z5263">
        <v>29</v>
      </c>
      <c r="AA5263">
        <v>57</v>
      </c>
      <c r="AB5263">
        <v>25</v>
      </c>
      <c r="AC5263">
        <v>121</v>
      </c>
      <c r="AD5263">
        <v>25</v>
      </c>
      <c r="AE5263">
        <v>59</v>
      </c>
      <c r="AF5263">
        <v>40964</v>
      </c>
      <c r="AG5263">
        <v>127808</v>
      </c>
      <c r="AH5263">
        <v>50000</v>
      </c>
      <c r="AI5263">
        <v>0</v>
      </c>
      <c r="AJ5263">
        <v>74</v>
      </c>
      <c r="AK5263" t="s">
        <v>64</v>
      </c>
      <c r="AL5263">
        <v>0</v>
      </c>
      <c r="AM5263">
        <v>0</v>
      </c>
      <c r="AN5263">
        <v>0</v>
      </c>
      <c r="AO5263">
        <v>0</v>
      </c>
      <c r="AP5263">
        <v>0</v>
      </c>
      <c r="AQ5263">
        <v>0</v>
      </c>
      <c r="AR5263">
        <v>0</v>
      </c>
      <c r="AS5263">
        <v>0</v>
      </c>
      <c r="AT5263">
        <v>0</v>
      </c>
      <c r="AU5263">
        <v>0</v>
      </c>
      <c r="AV5263">
        <v>0</v>
      </c>
      <c r="AW5263">
        <v>0</v>
      </c>
      <c r="AX5263">
        <v>0</v>
      </c>
      <c r="AY5263">
        <v>7</v>
      </c>
      <c r="AZ5263">
        <v>24</v>
      </c>
      <c r="BA5263">
        <v>1488</v>
      </c>
    </row>
    <row r="5264" spans="1:53" x14ac:dyDescent="0.4">
      <c r="A5264">
        <v>5308</v>
      </c>
      <c r="B5264" s="1">
        <v>44848</v>
      </c>
      <c r="C5264">
        <v>1</v>
      </c>
      <c r="D5264" s="1">
        <v>44848.291666666664</v>
      </c>
      <c r="E5264" s="1">
        <v>44848.439583333333</v>
      </c>
      <c r="F5264">
        <v>0</v>
      </c>
      <c r="G5264">
        <v>0</v>
      </c>
      <c r="H5264">
        <v>0</v>
      </c>
      <c r="I5264">
        <v>0</v>
      </c>
      <c r="J5264">
        <v>0</v>
      </c>
      <c r="K5264">
        <v>0</v>
      </c>
      <c r="L5264">
        <v>0</v>
      </c>
      <c r="M5264">
        <v>0</v>
      </c>
      <c r="N5264">
        <v>0</v>
      </c>
      <c r="O5264">
        <v>0</v>
      </c>
      <c r="P5264">
        <v>0</v>
      </c>
      <c r="Q5264">
        <v>0</v>
      </c>
      <c r="R5264">
        <v>0</v>
      </c>
      <c r="S5264">
        <v>0</v>
      </c>
      <c r="T5264">
        <v>0</v>
      </c>
      <c r="U5264">
        <v>0</v>
      </c>
      <c r="V5264">
        <v>0</v>
      </c>
      <c r="W5264">
        <v>0</v>
      </c>
      <c r="X5264">
        <v>0</v>
      </c>
      <c r="Y5264">
        <v>33</v>
      </c>
      <c r="Z5264">
        <v>16</v>
      </c>
      <c r="AA5264">
        <v>66</v>
      </c>
      <c r="AB5264">
        <v>21</v>
      </c>
      <c r="AC5264">
        <v>117</v>
      </c>
      <c r="AD5264">
        <v>25</v>
      </c>
      <c r="AE5264">
        <v>55</v>
      </c>
      <c r="AF5264">
        <v>0</v>
      </c>
      <c r="AG5264">
        <v>50000</v>
      </c>
      <c r="AH5264">
        <v>50000</v>
      </c>
      <c r="AI5264">
        <v>0</v>
      </c>
      <c r="AJ5264">
        <v>0</v>
      </c>
      <c r="AK5264" t="s">
        <v>6</v>
      </c>
      <c r="AL5264">
        <v>0</v>
      </c>
      <c r="AM5264">
        <v>0</v>
      </c>
      <c r="AN5264">
        <v>0</v>
      </c>
      <c r="AO5264">
        <v>0</v>
      </c>
      <c r="AP5264">
        <v>0</v>
      </c>
      <c r="AQ5264">
        <v>0</v>
      </c>
      <c r="AR5264">
        <v>0</v>
      </c>
      <c r="AS5264">
        <v>0</v>
      </c>
      <c r="AT5264">
        <v>0</v>
      </c>
      <c r="AU5264">
        <v>0</v>
      </c>
      <c r="AV5264">
        <v>0</v>
      </c>
      <c r="AW5264">
        <v>0</v>
      </c>
      <c r="AX5264">
        <v>0</v>
      </c>
      <c r="AY5264">
        <v>0</v>
      </c>
      <c r="AZ5264">
        <v>0</v>
      </c>
      <c r="BA5264">
        <v>0</v>
      </c>
    </row>
    <row r="5265" spans="1:53" x14ac:dyDescent="0.4">
      <c r="A5265">
        <v>5309</v>
      </c>
      <c r="B5265" s="1">
        <v>44848</v>
      </c>
      <c r="C5265">
        <v>2</v>
      </c>
      <c r="D5265" s="1">
        <v>44848.439583333333</v>
      </c>
      <c r="E5265" s="1">
        <v>44848.861111111109</v>
      </c>
      <c r="F5265">
        <v>39270</v>
      </c>
      <c r="G5265">
        <v>2684</v>
      </c>
      <c r="H5265">
        <v>0</v>
      </c>
      <c r="I5265">
        <v>0</v>
      </c>
      <c r="J5265">
        <v>0</v>
      </c>
      <c r="K5265">
        <v>0</v>
      </c>
      <c r="L5265">
        <v>0</v>
      </c>
      <c r="M5265">
        <v>3810</v>
      </c>
      <c r="N5265">
        <v>0</v>
      </c>
      <c r="O5265">
        <v>0</v>
      </c>
      <c r="P5265">
        <v>0</v>
      </c>
      <c r="Q5265">
        <v>0</v>
      </c>
      <c r="R5265">
        <v>41954</v>
      </c>
      <c r="S5265">
        <v>0</v>
      </c>
      <c r="T5265">
        <v>0</v>
      </c>
      <c r="U5265">
        <v>0</v>
      </c>
      <c r="V5265">
        <v>3</v>
      </c>
      <c r="W5265">
        <v>0</v>
      </c>
      <c r="X5265">
        <v>0</v>
      </c>
      <c r="Y5265">
        <v>42</v>
      </c>
      <c r="Z5265">
        <v>22</v>
      </c>
      <c r="AA5265">
        <v>68</v>
      </c>
      <c r="AB5265">
        <v>19</v>
      </c>
      <c r="AC5265">
        <v>103</v>
      </c>
      <c r="AD5265">
        <v>24</v>
      </c>
      <c r="AE5265">
        <v>54</v>
      </c>
      <c r="AF5265">
        <v>0</v>
      </c>
      <c r="AG5265">
        <v>91954</v>
      </c>
      <c r="AH5265">
        <v>50000</v>
      </c>
      <c r="AI5265">
        <v>0</v>
      </c>
      <c r="AJ5265">
        <v>108</v>
      </c>
      <c r="AK5265" t="s">
        <v>3</v>
      </c>
      <c r="AL5265">
        <v>0</v>
      </c>
      <c r="AM5265">
        <v>0</v>
      </c>
      <c r="AN5265">
        <v>0</v>
      </c>
      <c r="AO5265">
        <v>0</v>
      </c>
      <c r="AP5265">
        <v>0</v>
      </c>
      <c r="AQ5265">
        <v>0</v>
      </c>
      <c r="AR5265">
        <v>0</v>
      </c>
      <c r="AS5265">
        <v>0</v>
      </c>
      <c r="AT5265">
        <v>0</v>
      </c>
      <c r="AU5265">
        <v>0</v>
      </c>
      <c r="AV5265">
        <v>0</v>
      </c>
      <c r="AW5265">
        <v>0</v>
      </c>
      <c r="AX5265">
        <v>16375</v>
      </c>
      <c r="AY5265">
        <v>45</v>
      </c>
      <c r="AZ5265">
        <v>80</v>
      </c>
      <c r="BA5265">
        <v>6395</v>
      </c>
    </row>
    <row r="5266" spans="1:53" x14ac:dyDescent="0.4">
      <c r="A5266">
        <v>5310</v>
      </c>
      <c r="B5266" s="1">
        <v>44848</v>
      </c>
      <c r="C5266">
        <v>3</v>
      </c>
      <c r="D5266" s="1">
        <v>44848.861111111109</v>
      </c>
      <c r="E5266" s="1">
        <v>44848.954861111109</v>
      </c>
      <c r="F5266">
        <v>22350</v>
      </c>
      <c r="G5266">
        <v>2310</v>
      </c>
      <c r="H5266">
        <v>0</v>
      </c>
      <c r="I5266">
        <v>0</v>
      </c>
      <c r="J5266">
        <v>0</v>
      </c>
      <c r="K5266">
        <v>0</v>
      </c>
      <c r="L5266">
        <v>0</v>
      </c>
      <c r="M5266">
        <v>2242</v>
      </c>
      <c r="N5266">
        <v>0</v>
      </c>
      <c r="O5266">
        <v>0</v>
      </c>
      <c r="P5266">
        <v>1700</v>
      </c>
      <c r="Q5266">
        <v>0</v>
      </c>
      <c r="R5266">
        <v>26360</v>
      </c>
      <c r="S5266">
        <v>0</v>
      </c>
      <c r="T5266">
        <v>0</v>
      </c>
      <c r="U5266">
        <v>0</v>
      </c>
      <c r="V5266">
        <v>5</v>
      </c>
      <c r="W5266">
        <v>1</v>
      </c>
      <c r="X5266">
        <v>0</v>
      </c>
      <c r="Y5266">
        <v>44</v>
      </c>
      <c r="Z5266">
        <v>22</v>
      </c>
      <c r="AA5266">
        <v>63</v>
      </c>
      <c r="AB5266">
        <v>18</v>
      </c>
      <c r="AC5266">
        <v>94</v>
      </c>
      <c r="AD5266">
        <v>24</v>
      </c>
      <c r="AE5266">
        <v>54</v>
      </c>
      <c r="AF5266">
        <v>0</v>
      </c>
      <c r="AG5266">
        <v>118314</v>
      </c>
      <c r="AH5266">
        <v>50000</v>
      </c>
      <c r="AI5266">
        <v>0</v>
      </c>
      <c r="AJ5266">
        <v>74</v>
      </c>
      <c r="AK5266" t="s">
        <v>64</v>
      </c>
      <c r="AL5266">
        <v>0</v>
      </c>
      <c r="AM5266">
        <v>0</v>
      </c>
      <c r="AN5266">
        <v>0</v>
      </c>
      <c r="AO5266">
        <v>0</v>
      </c>
      <c r="AP5266">
        <v>0</v>
      </c>
      <c r="AQ5266">
        <v>0</v>
      </c>
      <c r="AR5266">
        <v>0</v>
      </c>
      <c r="AS5266">
        <v>0</v>
      </c>
      <c r="AT5266">
        <v>0</v>
      </c>
      <c r="AU5266">
        <v>0</v>
      </c>
      <c r="AV5266">
        <v>0</v>
      </c>
      <c r="AW5266">
        <v>0</v>
      </c>
      <c r="AX5266">
        <v>31850</v>
      </c>
      <c r="AY5266">
        <v>6</v>
      </c>
      <c r="AZ5266">
        <v>15</v>
      </c>
      <c r="BA5266">
        <v>664</v>
      </c>
    </row>
    <row r="5267" spans="1:53" x14ac:dyDescent="0.4">
      <c r="A5267">
        <v>5311</v>
      </c>
      <c r="B5267" s="1">
        <v>44849</v>
      </c>
      <c r="C5267">
        <v>1</v>
      </c>
      <c r="D5267" s="1">
        <v>44849.291666666664</v>
      </c>
      <c r="E5267" s="1">
        <v>44849.390972222223</v>
      </c>
      <c r="F5267">
        <v>0</v>
      </c>
      <c r="G5267">
        <v>0</v>
      </c>
      <c r="H5267">
        <v>0</v>
      </c>
      <c r="I5267">
        <v>0</v>
      </c>
      <c r="J5267">
        <v>0</v>
      </c>
      <c r="K5267">
        <v>0</v>
      </c>
      <c r="L5267">
        <v>0</v>
      </c>
      <c r="M5267">
        <v>0</v>
      </c>
      <c r="N5267">
        <v>0</v>
      </c>
      <c r="O5267">
        <v>0</v>
      </c>
      <c r="P5267">
        <v>0</v>
      </c>
      <c r="Q5267">
        <v>0</v>
      </c>
      <c r="R5267">
        <v>0</v>
      </c>
      <c r="S5267">
        <v>0</v>
      </c>
      <c r="T5267">
        <v>0</v>
      </c>
      <c r="U5267">
        <v>0</v>
      </c>
      <c r="V5267">
        <v>0</v>
      </c>
      <c r="W5267">
        <v>1</v>
      </c>
      <c r="X5267">
        <v>0</v>
      </c>
      <c r="Y5267">
        <v>30</v>
      </c>
      <c r="Z5267">
        <v>17</v>
      </c>
      <c r="AA5267">
        <v>48</v>
      </c>
      <c r="AB5267">
        <v>14</v>
      </c>
      <c r="AC5267">
        <v>84</v>
      </c>
      <c r="AD5267">
        <v>22</v>
      </c>
      <c r="AE5267">
        <v>50</v>
      </c>
      <c r="AF5267">
        <v>0</v>
      </c>
      <c r="AG5267">
        <v>50000</v>
      </c>
      <c r="AH5267">
        <v>50000</v>
      </c>
      <c r="AI5267">
        <v>0</v>
      </c>
      <c r="AJ5267">
        <v>0</v>
      </c>
      <c r="AK5267" t="s">
        <v>6</v>
      </c>
      <c r="AL5267">
        <v>0</v>
      </c>
      <c r="AM5267">
        <v>0</v>
      </c>
      <c r="AN5267">
        <v>0</v>
      </c>
      <c r="AO5267">
        <v>0</v>
      </c>
      <c r="AP5267">
        <v>0</v>
      </c>
      <c r="AQ5267">
        <v>0</v>
      </c>
      <c r="AR5267">
        <v>0</v>
      </c>
      <c r="AS5267">
        <v>0</v>
      </c>
      <c r="AT5267">
        <v>0</v>
      </c>
      <c r="AU5267">
        <v>0</v>
      </c>
      <c r="AV5267">
        <v>0</v>
      </c>
      <c r="AW5267">
        <v>0</v>
      </c>
      <c r="AX5267">
        <v>0</v>
      </c>
      <c r="AY5267">
        <v>0</v>
      </c>
      <c r="AZ5267">
        <v>0</v>
      </c>
      <c r="BA5267">
        <v>0</v>
      </c>
    </row>
    <row r="5268" spans="1:53" x14ac:dyDescent="0.4">
      <c r="A5268">
        <v>5312</v>
      </c>
      <c r="B5268" s="1">
        <v>44849</v>
      </c>
      <c r="C5268">
        <v>2</v>
      </c>
      <c r="D5268" s="1">
        <v>44849.390972222223</v>
      </c>
      <c r="E5268" s="1">
        <v>44849.745138888888</v>
      </c>
      <c r="F5268">
        <v>41800</v>
      </c>
      <c r="G5268">
        <v>2090</v>
      </c>
      <c r="H5268">
        <v>0</v>
      </c>
      <c r="I5268">
        <v>0</v>
      </c>
      <c r="J5268">
        <v>0</v>
      </c>
      <c r="K5268">
        <v>0</v>
      </c>
      <c r="L5268">
        <v>0</v>
      </c>
      <c r="M5268">
        <v>3986</v>
      </c>
      <c r="N5268">
        <v>0</v>
      </c>
      <c r="O5268">
        <v>0</v>
      </c>
      <c r="P5268">
        <v>26500</v>
      </c>
      <c r="Q5268">
        <v>0</v>
      </c>
      <c r="R5268">
        <v>70390</v>
      </c>
      <c r="S5268">
        <v>0</v>
      </c>
      <c r="T5268">
        <v>0</v>
      </c>
      <c r="U5268">
        <v>0</v>
      </c>
      <c r="V5268">
        <v>4</v>
      </c>
      <c r="W5268">
        <v>1</v>
      </c>
      <c r="X5268">
        <v>0</v>
      </c>
      <c r="Y5268">
        <v>45</v>
      </c>
      <c r="Z5268">
        <v>27</v>
      </c>
      <c r="AA5268">
        <v>67</v>
      </c>
      <c r="AB5268">
        <v>13</v>
      </c>
      <c r="AC5268">
        <v>112</v>
      </c>
      <c r="AD5268">
        <v>23</v>
      </c>
      <c r="AE5268">
        <v>43</v>
      </c>
      <c r="AF5268">
        <v>8262</v>
      </c>
      <c r="AG5268">
        <v>120390</v>
      </c>
      <c r="AH5268">
        <v>50000</v>
      </c>
      <c r="AI5268">
        <v>0</v>
      </c>
      <c r="AJ5268">
        <v>118</v>
      </c>
      <c r="AK5268" t="s">
        <v>59</v>
      </c>
      <c r="AL5268">
        <v>0</v>
      </c>
      <c r="AM5268">
        <v>0</v>
      </c>
      <c r="AN5268">
        <v>0</v>
      </c>
      <c r="AO5268">
        <v>0</v>
      </c>
      <c r="AP5268">
        <v>0</v>
      </c>
      <c r="AQ5268">
        <v>0</v>
      </c>
      <c r="AR5268">
        <v>0</v>
      </c>
      <c r="AS5268">
        <v>0</v>
      </c>
      <c r="AT5268">
        <v>0</v>
      </c>
      <c r="AU5268">
        <v>0</v>
      </c>
      <c r="AV5268">
        <v>0</v>
      </c>
      <c r="AW5268">
        <v>0</v>
      </c>
      <c r="AX5268">
        <v>4734</v>
      </c>
      <c r="AY5268">
        <v>53</v>
      </c>
      <c r="AZ5268">
        <v>107</v>
      </c>
      <c r="BA5268">
        <v>7761</v>
      </c>
    </row>
    <row r="5269" spans="1:53" x14ac:dyDescent="0.4">
      <c r="A5269">
        <v>5313</v>
      </c>
      <c r="B5269" s="1">
        <v>44849</v>
      </c>
      <c r="C5269">
        <v>3</v>
      </c>
      <c r="D5269" s="1">
        <v>44849.745138888888</v>
      </c>
      <c r="E5269" s="1">
        <v>44850.092361111114</v>
      </c>
      <c r="F5269">
        <v>146990</v>
      </c>
      <c r="G5269">
        <v>4620</v>
      </c>
      <c r="H5269">
        <v>0</v>
      </c>
      <c r="I5269">
        <v>0</v>
      </c>
      <c r="J5269">
        <v>0</v>
      </c>
      <c r="K5269">
        <v>3200</v>
      </c>
      <c r="L5269">
        <v>0</v>
      </c>
      <c r="M5269">
        <v>14075</v>
      </c>
      <c r="N5269">
        <v>0</v>
      </c>
      <c r="O5269">
        <v>0</v>
      </c>
      <c r="P5269">
        <v>21900</v>
      </c>
      <c r="Q5269">
        <v>0</v>
      </c>
      <c r="R5269">
        <v>176710</v>
      </c>
      <c r="S5269">
        <v>0</v>
      </c>
      <c r="T5269">
        <v>0</v>
      </c>
      <c r="U5269">
        <v>0</v>
      </c>
      <c r="V5269">
        <v>13</v>
      </c>
      <c r="W5269">
        <v>7</v>
      </c>
      <c r="X5269">
        <v>0</v>
      </c>
      <c r="Y5269">
        <v>70</v>
      </c>
      <c r="Z5269">
        <v>24</v>
      </c>
      <c r="AA5269">
        <v>66</v>
      </c>
      <c r="AB5269">
        <v>13</v>
      </c>
      <c r="AC5269">
        <v>98</v>
      </c>
      <c r="AD5269">
        <v>22</v>
      </c>
      <c r="AE5269">
        <v>35</v>
      </c>
      <c r="AF5269">
        <v>41725</v>
      </c>
      <c r="AG5269">
        <v>297100</v>
      </c>
      <c r="AH5269">
        <v>50000</v>
      </c>
      <c r="AI5269">
        <v>0</v>
      </c>
      <c r="AJ5269">
        <v>108</v>
      </c>
      <c r="AK5269" t="s">
        <v>3</v>
      </c>
      <c r="AL5269">
        <v>0</v>
      </c>
      <c r="AM5269">
        <v>0</v>
      </c>
      <c r="AN5269">
        <v>0</v>
      </c>
      <c r="AO5269">
        <v>0</v>
      </c>
      <c r="AP5269">
        <v>0</v>
      </c>
      <c r="AQ5269">
        <v>0</v>
      </c>
      <c r="AR5269">
        <v>0</v>
      </c>
      <c r="AS5269">
        <v>0</v>
      </c>
      <c r="AT5269">
        <v>0</v>
      </c>
      <c r="AU5269">
        <v>0</v>
      </c>
      <c r="AV5269">
        <v>0</v>
      </c>
      <c r="AW5269">
        <v>0</v>
      </c>
      <c r="AX5269">
        <v>7800</v>
      </c>
      <c r="AY5269">
        <v>37</v>
      </c>
      <c r="AZ5269">
        <v>95</v>
      </c>
      <c r="BA5269">
        <v>5911</v>
      </c>
    </row>
    <row r="5270" spans="1:53" x14ac:dyDescent="0.4">
      <c r="A5270">
        <v>5314</v>
      </c>
      <c r="B5270" s="1">
        <v>44850</v>
      </c>
      <c r="C5270">
        <v>1</v>
      </c>
      <c r="D5270" s="1">
        <v>44850.291666666664</v>
      </c>
      <c r="E5270" s="1">
        <v>44850.395833333336</v>
      </c>
      <c r="F5270">
        <v>0</v>
      </c>
      <c r="G5270">
        <v>0</v>
      </c>
      <c r="H5270">
        <v>0</v>
      </c>
      <c r="I5270">
        <v>0</v>
      </c>
      <c r="J5270">
        <v>0</v>
      </c>
      <c r="K5270">
        <v>0</v>
      </c>
      <c r="L5270">
        <v>0</v>
      </c>
      <c r="M5270">
        <v>0</v>
      </c>
      <c r="N5270">
        <v>0</v>
      </c>
      <c r="O5270">
        <v>0</v>
      </c>
      <c r="P5270">
        <v>0</v>
      </c>
      <c r="Q5270">
        <v>0</v>
      </c>
      <c r="R5270">
        <v>0</v>
      </c>
      <c r="S5270">
        <v>0</v>
      </c>
      <c r="T5270">
        <v>0</v>
      </c>
      <c r="U5270">
        <v>0</v>
      </c>
      <c r="V5270">
        <v>0</v>
      </c>
      <c r="W5270">
        <v>1</v>
      </c>
      <c r="X5270">
        <v>0</v>
      </c>
      <c r="Y5270">
        <v>30</v>
      </c>
      <c r="Z5270">
        <v>15</v>
      </c>
      <c r="AA5270">
        <v>61</v>
      </c>
      <c r="AB5270">
        <v>10</v>
      </c>
      <c r="AC5270">
        <v>76</v>
      </c>
      <c r="AD5270">
        <v>21</v>
      </c>
      <c r="AE5270">
        <v>35</v>
      </c>
      <c r="AF5270">
        <v>0</v>
      </c>
      <c r="AG5270">
        <v>50000</v>
      </c>
      <c r="AH5270">
        <v>50000</v>
      </c>
      <c r="AI5270">
        <v>0</v>
      </c>
      <c r="AJ5270">
        <v>0</v>
      </c>
      <c r="AK5270" t="s">
        <v>6</v>
      </c>
      <c r="AL5270">
        <v>0</v>
      </c>
      <c r="AM5270">
        <v>0</v>
      </c>
      <c r="AN5270">
        <v>0</v>
      </c>
      <c r="AO5270">
        <v>0</v>
      </c>
      <c r="AP5270">
        <v>0</v>
      </c>
      <c r="AQ5270">
        <v>0</v>
      </c>
      <c r="AR5270">
        <v>0</v>
      </c>
      <c r="AS5270">
        <v>0</v>
      </c>
      <c r="AT5270">
        <v>0</v>
      </c>
      <c r="AU5270">
        <v>0</v>
      </c>
      <c r="AV5270">
        <v>0</v>
      </c>
      <c r="AW5270">
        <v>0</v>
      </c>
      <c r="AX5270">
        <v>0</v>
      </c>
      <c r="AY5270">
        <v>0</v>
      </c>
      <c r="AZ5270">
        <v>0</v>
      </c>
      <c r="BA5270">
        <v>0</v>
      </c>
    </row>
    <row r="5271" spans="1:53" x14ac:dyDescent="0.4">
      <c r="A5271">
        <v>5315</v>
      </c>
      <c r="B5271" s="1">
        <v>44850</v>
      </c>
      <c r="C5271">
        <v>2</v>
      </c>
      <c r="D5271" s="1">
        <v>44850.395833333336</v>
      </c>
      <c r="E5271" s="1">
        <v>44850.738888888889</v>
      </c>
      <c r="F5271">
        <v>56420</v>
      </c>
      <c r="G5271">
        <v>5324</v>
      </c>
      <c r="H5271">
        <v>0</v>
      </c>
      <c r="I5271">
        <v>0</v>
      </c>
      <c r="J5271">
        <v>0</v>
      </c>
      <c r="K5271">
        <v>0</v>
      </c>
      <c r="L5271">
        <v>0</v>
      </c>
      <c r="M5271">
        <v>5609</v>
      </c>
      <c r="N5271">
        <v>0</v>
      </c>
      <c r="O5271">
        <v>0</v>
      </c>
      <c r="P5271">
        <v>18310</v>
      </c>
      <c r="Q5271">
        <v>0</v>
      </c>
      <c r="R5271">
        <v>80054</v>
      </c>
      <c r="S5271">
        <v>0</v>
      </c>
      <c r="T5271">
        <v>0</v>
      </c>
      <c r="U5271">
        <v>0</v>
      </c>
      <c r="V5271">
        <v>2</v>
      </c>
      <c r="W5271">
        <v>2</v>
      </c>
      <c r="X5271">
        <v>0</v>
      </c>
      <c r="Y5271">
        <v>70</v>
      </c>
      <c r="Z5271">
        <v>33</v>
      </c>
      <c r="AA5271">
        <v>76</v>
      </c>
      <c r="AB5271">
        <v>17</v>
      </c>
      <c r="AC5271">
        <v>120</v>
      </c>
      <c r="AD5271">
        <v>20</v>
      </c>
      <c r="AE5271">
        <v>44</v>
      </c>
      <c r="AF5271">
        <v>3760</v>
      </c>
      <c r="AG5271">
        <v>130054</v>
      </c>
      <c r="AH5271">
        <v>50000</v>
      </c>
      <c r="AI5271">
        <v>0</v>
      </c>
      <c r="AJ5271">
        <v>115</v>
      </c>
      <c r="AK5271" t="s">
        <v>55</v>
      </c>
      <c r="AL5271">
        <v>0</v>
      </c>
      <c r="AM5271">
        <v>0</v>
      </c>
      <c r="AN5271">
        <v>0</v>
      </c>
      <c r="AO5271">
        <v>0</v>
      </c>
      <c r="AP5271">
        <v>0</v>
      </c>
      <c r="AQ5271">
        <v>0</v>
      </c>
      <c r="AR5271">
        <v>0</v>
      </c>
      <c r="AS5271">
        <v>0</v>
      </c>
      <c r="AT5271">
        <v>0</v>
      </c>
      <c r="AU5271">
        <v>0</v>
      </c>
      <c r="AV5271">
        <v>0</v>
      </c>
      <c r="AW5271">
        <v>0</v>
      </c>
      <c r="AX5271">
        <v>-2120</v>
      </c>
      <c r="AY5271">
        <v>54</v>
      </c>
      <c r="AZ5271">
        <v>123</v>
      </c>
      <c r="BA5271">
        <v>7554</v>
      </c>
    </row>
    <row r="5272" spans="1:53" x14ac:dyDescent="0.4">
      <c r="A5272">
        <v>5316</v>
      </c>
      <c r="B5272" s="1">
        <v>44850</v>
      </c>
      <c r="C5272">
        <v>3</v>
      </c>
      <c r="D5272" s="1">
        <v>44850.738888888889</v>
      </c>
      <c r="E5272" s="1">
        <v>44850.959027777775</v>
      </c>
      <c r="F5272">
        <v>49330</v>
      </c>
      <c r="G5272">
        <v>2247</v>
      </c>
      <c r="H5272">
        <v>0</v>
      </c>
      <c r="I5272">
        <v>0</v>
      </c>
      <c r="J5272">
        <v>0</v>
      </c>
      <c r="K5272">
        <v>330</v>
      </c>
      <c r="L5272">
        <v>0</v>
      </c>
      <c r="M5272">
        <v>4714</v>
      </c>
      <c r="N5272">
        <v>0</v>
      </c>
      <c r="O5272">
        <v>0</v>
      </c>
      <c r="P5272">
        <v>-8590</v>
      </c>
      <c r="Q5272">
        <v>0</v>
      </c>
      <c r="R5272">
        <v>43317</v>
      </c>
      <c r="S5272">
        <v>0</v>
      </c>
      <c r="T5272">
        <v>0</v>
      </c>
      <c r="U5272">
        <v>0</v>
      </c>
      <c r="V5272">
        <v>3</v>
      </c>
      <c r="W5272">
        <v>2</v>
      </c>
      <c r="X5272">
        <v>0</v>
      </c>
      <c r="Y5272">
        <v>90</v>
      </c>
      <c r="Z5272">
        <v>36</v>
      </c>
      <c r="AA5272">
        <v>103</v>
      </c>
      <c r="AB5272">
        <v>13</v>
      </c>
      <c r="AC5272">
        <v>136</v>
      </c>
      <c r="AD5272">
        <v>19</v>
      </c>
      <c r="AE5272">
        <v>50</v>
      </c>
      <c r="AF5272">
        <v>12916</v>
      </c>
      <c r="AG5272">
        <v>173371</v>
      </c>
      <c r="AH5272">
        <v>50000</v>
      </c>
      <c r="AI5272">
        <v>0</v>
      </c>
      <c r="AJ5272">
        <v>108</v>
      </c>
      <c r="AK5272" t="s">
        <v>3</v>
      </c>
      <c r="AL5272">
        <v>0</v>
      </c>
      <c r="AM5272">
        <v>0</v>
      </c>
      <c r="AN5272">
        <v>0</v>
      </c>
      <c r="AO5272">
        <v>0</v>
      </c>
      <c r="AP5272">
        <v>0</v>
      </c>
      <c r="AQ5272">
        <v>0</v>
      </c>
      <c r="AR5272">
        <v>0</v>
      </c>
      <c r="AS5272">
        <v>0</v>
      </c>
      <c r="AT5272">
        <v>0</v>
      </c>
      <c r="AU5272">
        <v>0</v>
      </c>
      <c r="AV5272">
        <v>0</v>
      </c>
      <c r="AW5272">
        <v>0</v>
      </c>
      <c r="AX5272">
        <v>440</v>
      </c>
      <c r="AY5272">
        <v>16</v>
      </c>
      <c r="AZ5272">
        <v>32</v>
      </c>
      <c r="BA5272">
        <v>3272</v>
      </c>
    </row>
    <row r="5273" spans="1:53" x14ac:dyDescent="0.4">
      <c r="A5273">
        <v>5317</v>
      </c>
      <c r="B5273" s="1">
        <v>44851</v>
      </c>
      <c r="C5273">
        <v>1</v>
      </c>
      <c r="D5273" s="1">
        <v>44851.291666666664</v>
      </c>
      <c r="E5273" s="1">
        <v>44851.452777777777</v>
      </c>
      <c r="F5273">
        <v>0</v>
      </c>
      <c r="G5273">
        <v>0</v>
      </c>
      <c r="H5273">
        <v>0</v>
      </c>
      <c r="I5273">
        <v>0</v>
      </c>
      <c r="J5273">
        <v>0</v>
      </c>
      <c r="K5273">
        <v>0</v>
      </c>
      <c r="L5273">
        <v>0</v>
      </c>
      <c r="M5273">
        <v>0</v>
      </c>
      <c r="N5273">
        <v>0</v>
      </c>
      <c r="O5273">
        <v>0</v>
      </c>
      <c r="P5273">
        <v>0</v>
      </c>
      <c r="Q5273">
        <v>0</v>
      </c>
      <c r="R5273">
        <v>0</v>
      </c>
      <c r="S5273">
        <v>0</v>
      </c>
      <c r="T5273">
        <v>0</v>
      </c>
      <c r="U5273">
        <v>0</v>
      </c>
      <c r="V5273">
        <v>0</v>
      </c>
      <c r="W5273">
        <v>1</v>
      </c>
      <c r="X5273">
        <v>0</v>
      </c>
      <c r="Y5273">
        <v>25</v>
      </c>
      <c r="Z5273">
        <v>14</v>
      </c>
      <c r="AA5273">
        <v>113</v>
      </c>
      <c r="AB5273">
        <v>11</v>
      </c>
      <c r="AC5273">
        <v>101</v>
      </c>
      <c r="AD5273">
        <v>18</v>
      </c>
      <c r="AE5273">
        <v>50</v>
      </c>
      <c r="AF5273">
        <v>0</v>
      </c>
      <c r="AG5273">
        <v>50000</v>
      </c>
      <c r="AH5273">
        <v>50000</v>
      </c>
      <c r="AI5273">
        <v>0</v>
      </c>
      <c r="AJ5273">
        <v>0</v>
      </c>
      <c r="AK5273" t="s">
        <v>6</v>
      </c>
      <c r="AL5273">
        <v>0</v>
      </c>
      <c r="AM5273">
        <v>0</v>
      </c>
      <c r="AN5273">
        <v>0</v>
      </c>
      <c r="AO5273">
        <v>0</v>
      </c>
      <c r="AP5273">
        <v>0</v>
      </c>
      <c r="AQ5273">
        <v>0</v>
      </c>
      <c r="AR5273">
        <v>0</v>
      </c>
      <c r="AS5273">
        <v>0</v>
      </c>
      <c r="AT5273">
        <v>0</v>
      </c>
      <c r="AU5273">
        <v>0</v>
      </c>
      <c r="AV5273">
        <v>0</v>
      </c>
      <c r="AW5273">
        <v>0</v>
      </c>
      <c r="AX5273">
        <v>0</v>
      </c>
      <c r="AY5273">
        <v>0</v>
      </c>
      <c r="AZ5273">
        <v>0</v>
      </c>
      <c r="BA5273">
        <v>0</v>
      </c>
    </row>
    <row r="5274" spans="1:53" x14ac:dyDescent="0.4">
      <c r="A5274">
        <v>5318</v>
      </c>
      <c r="B5274" s="1">
        <v>44851</v>
      </c>
      <c r="C5274">
        <v>2</v>
      </c>
      <c r="D5274" s="1">
        <v>44851.452777777777</v>
      </c>
      <c r="E5274" s="1">
        <v>44851.738194444442</v>
      </c>
      <c r="F5274">
        <v>26820</v>
      </c>
      <c r="G5274">
        <v>1518</v>
      </c>
      <c r="H5274">
        <v>0</v>
      </c>
      <c r="I5274">
        <v>0</v>
      </c>
      <c r="J5274">
        <v>0</v>
      </c>
      <c r="K5274">
        <v>0</v>
      </c>
      <c r="L5274">
        <v>0</v>
      </c>
      <c r="M5274">
        <v>2577</v>
      </c>
      <c r="N5274">
        <v>0</v>
      </c>
      <c r="O5274">
        <v>0</v>
      </c>
      <c r="P5274">
        <v>16640</v>
      </c>
      <c r="Q5274">
        <v>0</v>
      </c>
      <c r="R5274">
        <v>44978</v>
      </c>
      <c r="S5274">
        <v>0</v>
      </c>
      <c r="T5274">
        <v>0</v>
      </c>
      <c r="U5274">
        <v>0</v>
      </c>
      <c r="V5274">
        <v>1</v>
      </c>
      <c r="W5274">
        <v>2</v>
      </c>
      <c r="X5274">
        <v>0</v>
      </c>
      <c r="Y5274">
        <v>45</v>
      </c>
      <c r="Z5274">
        <v>32</v>
      </c>
      <c r="AA5274">
        <v>116</v>
      </c>
      <c r="AB5274">
        <v>7</v>
      </c>
      <c r="AC5274">
        <v>110</v>
      </c>
      <c r="AD5274">
        <v>21</v>
      </c>
      <c r="AE5274">
        <v>51</v>
      </c>
      <c r="AF5274">
        <v>772</v>
      </c>
      <c r="AG5274">
        <v>94978</v>
      </c>
      <c r="AH5274">
        <v>50000</v>
      </c>
      <c r="AI5274">
        <v>0</v>
      </c>
      <c r="AJ5274">
        <v>108</v>
      </c>
      <c r="AK5274" t="s">
        <v>3</v>
      </c>
      <c r="AL5274">
        <v>0</v>
      </c>
      <c r="AM5274">
        <v>0</v>
      </c>
      <c r="AN5274">
        <v>0</v>
      </c>
      <c r="AO5274">
        <v>0</v>
      </c>
      <c r="AP5274">
        <v>0</v>
      </c>
      <c r="AQ5274">
        <v>0</v>
      </c>
      <c r="AR5274">
        <v>0</v>
      </c>
      <c r="AS5274">
        <v>0</v>
      </c>
      <c r="AT5274">
        <v>0</v>
      </c>
      <c r="AU5274">
        <v>0</v>
      </c>
      <c r="AV5274">
        <v>0</v>
      </c>
      <c r="AW5274">
        <v>0</v>
      </c>
      <c r="AX5274">
        <v>400</v>
      </c>
      <c r="AY5274">
        <v>38</v>
      </c>
      <c r="AZ5274">
        <v>69</v>
      </c>
      <c r="BA5274">
        <v>5963</v>
      </c>
    </row>
    <row r="5275" spans="1:53" x14ac:dyDescent="0.4">
      <c r="A5275">
        <v>5319</v>
      </c>
      <c r="B5275" s="1">
        <v>44851</v>
      </c>
      <c r="C5275">
        <v>3</v>
      </c>
      <c r="D5275" s="1">
        <v>44851.738194444442</v>
      </c>
      <c r="E5275" s="1">
        <v>44851.748611111114</v>
      </c>
      <c r="F5275">
        <v>3840</v>
      </c>
      <c r="G5275">
        <v>0</v>
      </c>
      <c r="H5275">
        <v>0</v>
      </c>
      <c r="I5275">
        <v>0</v>
      </c>
      <c r="J5275">
        <v>0</v>
      </c>
      <c r="K5275">
        <v>0</v>
      </c>
      <c r="L5275">
        <v>0</v>
      </c>
      <c r="M5275">
        <v>350</v>
      </c>
      <c r="N5275">
        <v>0</v>
      </c>
      <c r="O5275">
        <v>0</v>
      </c>
      <c r="P5275">
        <v>-3840</v>
      </c>
      <c r="Q5275">
        <v>0</v>
      </c>
      <c r="R5275">
        <v>0</v>
      </c>
      <c r="S5275">
        <v>0</v>
      </c>
      <c r="T5275">
        <v>0</v>
      </c>
      <c r="U5275">
        <v>0</v>
      </c>
      <c r="V5275">
        <v>1</v>
      </c>
      <c r="W5275">
        <v>2</v>
      </c>
      <c r="X5275">
        <v>0</v>
      </c>
      <c r="Y5275">
        <v>45</v>
      </c>
      <c r="Z5275">
        <v>32</v>
      </c>
      <c r="AA5275">
        <v>116</v>
      </c>
      <c r="AB5275">
        <v>7</v>
      </c>
      <c r="AC5275">
        <v>110</v>
      </c>
      <c r="AD5275">
        <v>21</v>
      </c>
      <c r="AE5275">
        <v>51</v>
      </c>
      <c r="AF5275">
        <v>772</v>
      </c>
      <c r="AG5275">
        <v>94978</v>
      </c>
      <c r="AH5275">
        <v>50000</v>
      </c>
      <c r="AI5275">
        <v>0</v>
      </c>
      <c r="AJ5275">
        <v>108</v>
      </c>
      <c r="AK5275" t="s">
        <v>3</v>
      </c>
      <c r="AL5275">
        <v>0</v>
      </c>
      <c r="AM5275">
        <v>0</v>
      </c>
      <c r="AN5275">
        <v>0</v>
      </c>
      <c r="AO5275">
        <v>0</v>
      </c>
      <c r="AP5275">
        <v>0</v>
      </c>
      <c r="AQ5275">
        <v>0</v>
      </c>
      <c r="AR5275">
        <v>0</v>
      </c>
      <c r="AS5275">
        <v>0</v>
      </c>
      <c r="AT5275">
        <v>0</v>
      </c>
      <c r="AU5275">
        <v>0</v>
      </c>
      <c r="AV5275">
        <v>0</v>
      </c>
      <c r="AW5275">
        <v>0</v>
      </c>
      <c r="AX5275">
        <v>400</v>
      </c>
      <c r="AY5275">
        <v>0</v>
      </c>
      <c r="AZ5275">
        <v>0</v>
      </c>
      <c r="BA5275">
        <v>161</v>
      </c>
    </row>
    <row r="5276" spans="1:53" x14ac:dyDescent="0.4">
      <c r="A5276">
        <v>5320</v>
      </c>
      <c r="B5276" s="1">
        <v>44852</v>
      </c>
      <c r="C5276">
        <v>1</v>
      </c>
      <c r="D5276" s="1">
        <v>44852.291666666664</v>
      </c>
      <c r="E5276" s="1">
        <v>44852.44027777778</v>
      </c>
      <c r="F5276">
        <v>0</v>
      </c>
      <c r="G5276">
        <v>0</v>
      </c>
      <c r="H5276">
        <v>0</v>
      </c>
      <c r="I5276">
        <v>0</v>
      </c>
      <c r="J5276">
        <v>0</v>
      </c>
      <c r="K5276">
        <v>0</v>
      </c>
      <c r="L5276">
        <v>0</v>
      </c>
      <c r="M5276">
        <v>0</v>
      </c>
      <c r="N5276">
        <v>0</v>
      </c>
      <c r="O5276">
        <v>0</v>
      </c>
      <c r="P5276">
        <v>0</v>
      </c>
      <c r="Q5276">
        <v>0</v>
      </c>
      <c r="R5276">
        <v>0</v>
      </c>
      <c r="S5276">
        <v>0</v>
      </c>
      <c r="T5276">
        <v>0</v>
      </c>
      <c r="U5276">
        <v>0</v>
      </c>
      <c r="V5276">
        <v>0</v>
      </c>
      <c r="W5276">
        <v>1</v>
      </c>
      <c r="X5276">
        <v>0</v>
      </c>
      <c r="Y5276">
        <v>27</v>
      </c>
      <c r="Z5276">
        <v>15</v>
      </c>
      <c r="AA5276">
        <v>91</v>
      </c>
      <c r="AB5276">
        <v>4</v>
      </c>
      <c r="AC5276">
        <v>106</v>
      </c>
      <c r="AD5276">
        <v>19</v>
      </c>
      <c r="AE5276">
        <v>45</v>
      </c>
      <c r="AF5276">
        <v>0</v>
      </c>
      <c r="AG5276">
        <v>50000</v>
      </c>
      <c r="AH5276">
        <v>50000</v>
      </c>
      <c r="AI5276">
        <v>0</v>
      </c>
      <c r="AJ5276">
        <v>0</v>
      </c>
      <c r="AK5276" t="s">
        <v>6</v>
      </c>
      <c r="AL5276">
        <v>0</v>
      </c>
      <c r="AM5276">
        <v>0</v>
      </c>
      <c r="AN5276">
        <v>0</v>
      </c>
      <c r="AO5276">
        <v>0</v>
      </c>
      <c r="AP5276">
        <v>0</v>
      </c>
      <c r="AQ5276">
        <v>0</v>
      </c>
      <c r="AR5276">
        <v>0</v>
      </c>
      <c r="AS5276">
        <v>0</v>
      </c>
      <c r="AT5276">
        <v>0</v>
      </c>
      <c r="AU5276">
        <v>0</v>
      </c>
      <c r="AV5276">
        <v>0</v>
      </c>
      <c r="AW5276">
        <v>0</v>
      </c>
      <c r="AX5276">
        <v>0</v>
      </c>
      <c r="AY5276">
        <v>0</v>
      </c>
      <c r="AZ5276">
        <v>0</v>
      </c>
      <c r="BA5276">
        <v>0</v>
      </c>
    </row>
    <row r="5277" spans="1:53" x14ac:dyDescent="0.4">
      <c r="A5277">
        <v>5321</v>
      </c>
      <c r="B5277" s="1">
        <v>44852</v>
      </c>
      <c r="C5277">
        <v>2</v>
      </c>
      <c r="D5277" s="1">
        <v>44852.44027777778</v>
      </c>
      <c r="E5277" s="1">
        <v>44852.743750000001</v>
      </c>
      <c r="F5277">
        <v>25020</v>
      </c>
      <c r="G5277">
        <v>462</v>
      </c>
      <c r="H5277">
        <v>0</v>
      </c>
      <c r="I5277">
        <v>0</v>
      </c>
      <c r="J5277">
        <v>0</v>
      </c>
      <c r="K5277">
        <v>0</v>
      </c>
      <c r="L5277">
        <v>0</v>
      </c>
      <c r="M5277">
        <v>2317</v>
      </c>
      <c r="N5277">
        <v>0</v>
      </c>
      <c r="O5277">
        <v>0</v>
      </c>
      <c r="P5277">
        <v>22240</v>
      </c>
      <c r="Q5277">
        <v>0</v>
      </c>
      <c r="R5277">
        <v>47722</v>
      </c>
      <c r="S5277">
        <v>0</v>
      </c>
      <c r="T5277">
        <v>0</v>
      </c>
      <c r="U5277">
        <v>0</v>
      </c>
      <c r="V5277">
        <v>1</v>
      </c>
      <c r="W5277">
        <v>2</v>
      </c>
      <c r="X5277">
        <v>0</v>
      </c>
      <c r="Y5277">
        <v>48</v>
      </c>
      <c r="Z5277">
        <v>30</v>
      </c>
      <c r="AA5277">
        <v>111</v>
      </c>
      <c r="AB5277">
        <v>0</v>
      </c>
      <c r="AC5277">
        <v>111</v>
      </c>
      <c r="AD5277">
        <v>24</v>
      </c>
      <c r="AE5277">
        <v>43</v>
      </c>
      <c r="AF5277">
        <v>2349</v>
      </c>
      <c r="AG5277">
        <v>97722</v>
      </c>
      <c r="AH5277">
        <v>50000</v>
      </c>
      <c r="AI5277">
        <v>0</v>
      </c>
      <c r="AJ5277">
        <v>116</v>
      </c>
      <c r="AK5277" t="s">
        <v>54</v>
      </c>
      <c r="AL5277">
        <v>0</v>
      </c>
      <c r="AM5277">
        <v>0</v>
      </c>
      <c r="AN5277">
        <v>0</v>
      </c>
      <c r="AO5277">
        <v>0</v>
      </c>
      <c r="AP5277">
        <v>0</v>
      </c>
      <c r="AQ5277">
        <v>0</v>
      </c>
      <c r="AR5277">
        <v>0</v>
      </c>
      <c r="AS5277">
        <v>0</v>
      </c>
      <c r="AT5277">
        <v>0</v>
      </c>
      <c r="AU5277">
        <v>0</v>
      </c>
      <c r="AV5277">
        <v>0</v>
      </c>
      <c r="AW5277">
        <v>0</v>
      </c>
      <c r="AX5277">
        <v>1782</v>
      </c>
      <c r="AY5277">
        <v>40</v>
      </c>
      <c r="AZ5277">
        <v>75</v>
      </c>
      <c r="BA5277">
        <v>5658</v>
      </c>
    </row>
    <row r="5278" spans="1:53" x14ac:dyDescent="0.4">
      <c r="A5278">
        <v>5322</v>
      </c>
      <c r="B5278" s="1">
        <v>44852</v>
      </c>
      <c r="C5278">
        <v>3</v>
      </c>
      <c r="D5278" s="1">
        <v>44852.743750000001</v>
      </c>
      <c r="E5278" s="1">
        <v>44852.95416666667</v>
      </c>
      <c r="F5278">
        <v>31900</v>
      </c>
      <c r="G5278">
        <v>1782</v>
      </c>
      <c r="H5278">
        <v>0</v>
      </c>
      <c r="I5278">
        <v>0</v>
      </c>
      <c r="J5278">
        <v>0</v>
      </c>
      <c r="K5278">
        <v>0</v>
      </c>
      <c r="L5278">
        <v>0</v>
      </c>
      <c r="M5278">
        <v>3060</v>
      </c>
      <c r="N5278">
        <v>0</v>
      </c>
      <c r="O5278">
        <v>0</v>
      </c>
      <c r="P5278">
        <v>-8060</v>
      </c>
      <c r="Q5278">
        <v>0</v>
      </c>
      <c r="R5278">
        <v>25622</v>
      </c>
      <c r="S5278">
        <v>0</v>
      </c>
      <c r="T5278">
        <v>0</v>
      </c>
      <c r="U5278">
        <v>0</v>
      </c>
      <c r="V5278">
        <v>2</v>
      </c>
      <c r="W5278">
        <v>3</v>
      </c>
      <c r="X5278">
        <v>0</v>
      </c>
      <c r="Y5278">
        <v>57</v>
      </c>
      <c r="Z5278">
        <v>32</v>
      </c>
      <c r="AA5278">
        <v>115</v>
      </c>
      <c r="AB5278">
        <v>3</v>
      </c>
      <c r="AC5278">
        <v>119</v>
      </c>
      <c r="AD5278">
        <v>23</v>
      </c>
      <c r="AE5278">
        <v>40</v>
      </c>
      <c r="AF5278">
        <v>2349</v>
      </c>
      <c r="AG5278">
        <v>123344</v>
      </c>
      <c r="AH5278">
        <v>50000</v>
      </c>
      <c r="AI5278">
        <v>0</v>
      </c>
      <c r="AJ5278">
        <v>108</v>
      </c>
      <c r="AK5278" t="s">
        <v>3</v>
      </c>
      <c r="AL5278">
        <v>0</v>
      </c>
      <c r="AM5278">
        <v>0</v>
      </c>
      <c r="AN5278">
        <v>0</v>
      </c>
      <c r="AO5278">
        <v>0</v>
      </c>
      <c r="AP5278">
        <v>0</v>
      </c>
      <c r="AQ5278">
        <v>0</v>
      </c>
      <c r="AR5278">
        <v>0</v>
      </c>
      <c r="AS5278">
        <v>0</v>
      </c>
      <c r="AT5278">
        <v>0</v>
      </c>
      <c r="AU5278">
        <v>0</v>
      </c>
      <c r="AV5278">
        <v>0</v>
      </c>
      <c r="AW5278">
        <v>0</v>
      </c>
      <c r="AX5278">
        <v>-5560</v>
      </c>
      <c r="AY5278">
        <v>5</v>
      </c>
      <c r="AZ5278">
        <v>14</v>
      </c>
      <c r="BA5278">
        <v>1979</v>
      </c>
    </row>
    <row r="5279" spans="1:53" x14ac:dyDescent="0.4">
      <c r="A5279">
        <v>5323</v>
      </c>
      <c r="B5279" s="1">
        <v>44853</v>
      </c>
      <c r="C5279">
        <v>1</v>
      </c>
      <c r="D5279" s="1">
        <v>44853.291666666664</v>
      </c>
      <c r="E5279" s="1">
        <v>44853.44027777778</v>
      </c>
      <c r="F5279">
        <v>0</v>
      </c>
      <c r="G5279">
        <v>0</v>
      </c>
      <c r="H5279">
        <v>0</v>
      </c>
      <c r="I5279">
        <v>0</v>
      </c>
      <c r="J5279">
        <v>0</v>
      </c>
      <c r="K5279">
        <v>0</v>
      </c>
      <c r="L5279">
        <v>0</v>
      </c>
      <c r="M5279">
        <v>0</v>
      </c>
      <c r="N5279">
        <v>0</v>
      </c>
      <c r="O5279">
        <v>0</v>
      </c>
      <c r="P5279">
        <v>0</v>
      </c>
      <c r="Q5279">
        <v>0</v>
      </c>
      <c r="R5279">
        <v>0</v>
      </c>
      <c r="S5279">
        <v>0</v>
      </c>
      <c r="T5279">
        <v>0</v>
      </c>
      <c r="U5279">
        <v>0</v>
      </c>
      <c r="V5279">
        <v>0</v>
      </c>
      <c r="W5279">
        <v>1</v>
      </c>
      <c r="X5279">
        <v>0</v>
      </c>
      <c r="Y5279">
        <v>25</v>
      </c>
      <c r="Z5279">
        <v>12</v>
      </c>
      <c r="AA5279">
        <v>126</v>
      </c>
      <c r="AB5279">
        <v>2</v>
      </c>
      <c r="AC5279">
        <v>114</v>
      </c>
      <c r="AD5279">
        <v>24</v>
      </c>
      <c r="AE5279">
        <v>40</v>
      </c>
      <c r="AF5279">
        <v>0</v>
      </c>
      <c r="AG5279">
        <v>50000</v>
      </c>
      <c r="AH5279">
        <v>50000</v>
      </c>
      <c r="AI5279">
        <v>0</v>
      </c>
      <c r="AJ5279">
        <v>0</v>
      </c>
      <c r="AK5279" t="s">
        <v>6</v>
      </c>
      <c r="AL5279">
        <v>0</v>
      </c>
      <c r="AM5279">
        <v>0</v>
      </c>
      <c r="AN5279">
        <v>0</v>
      </c>
      <c r="AO5279">
        <v>0</v>
      </c>
      <c r="AP5279">
        <v>0</v>
      </c>
      <c r="AQ5279">
        <v>0</v>
      </c>
      <c r="AR5279">
        <v>0</v>
      </c>
      <c r="AS5279">
        <v>0</v>
      </c>
      <c r="AT5279">
        <v>0</v>
      </c>
      <c r="AU5279">
        <v>0</v>
      </c>
      <c r="AV5279">
        <v>0</v>
      </c>
      <c r="AW5279">
        <v>0</v>
      </c>
      <c r="AX5279">
        <v>0</v>
      </c>
      <c r="AY5279">
        <v>0</v>
      </c>
      <c r="AZ5279">
        <v>0</v>
      </c>
      <c r="BA5279">
        <v>0</v>
      </c>
    </row>
    <row r="5280" spans="1:53" x14ac:dyDescent="0.4">
      <c r="A5280">
        <v>5324</v>
      </c>
      <c r="B5280" s="1">
        <v>44853</v>
      </c>
      <c r="C5280">
        <v>2</v>
      </c>
      <c r="D5280" s="1">
        <v>44853.44027777778</v>
      </c>
      <c r="E5280" s="1">
        <v>44853.745138888888</v>
      </c>
      <c r="F5280">
        <v>19330</v>
      </c>
      <c r="G5280">
        <v>462</v>
      </c>
      <c r="H5280">
        <v>0</v>
      </c>
      <c r="I5280">
        <v>0</v>
      </c>
      <c r="J5280">
        <v>0</v>
      </c>
      <c r="K5280">
        <v>0</v>
      </c>
      <c r="L5280">
        <v>0</v>
      </c>
      <c r="M5280">
        <v>1801</v>
      </c>
      <c r="N5280">
        <v>0</v>
      </c>
      <c r="O5280">
        <v>0</v>
      </c>
      <c r="P5280">
        <v>11350</v>
      </c>
      <c r="Q5280">
        <v>0</v>
      </c>
      <c r="R5280">
        <v>31142</v>
      </c>
      <c r="S5280">
        <v>0</v>
      </c>
      <c r="T5280">
        <v>0</v>
      </c>
      <c r="U5280">
        <v>0</v>
      </c>
      <c r="V5280">
        <v>0</v>
      </c>
      <c r="W5280">
        <v>2</v>
      </c>
      <c r="X5280">
        <v>0</v>
      </c>
      <c r="Y5280">
        <v>46</v>
      </c>
      <c r="Z5280">
        <v>15</v>
      </c>
      <c r="AA5280">
        <v>130</v>
      </c>
      <c r="AB5280">
        <v>5</v>
      </c>
      <c r="AC5280">
        <v>114</v>
      </c>
      <c r="AD5280">
        <v>26</v>
      </c>
      <c r="AE5280">
        <v>42</v>
      </c>
      <c r="AF5280">
        <v>3080</v>
      </c>
      <c r="AG5280">
        <v>81142</v>
      </c>
      <c r="AH5280">
        <v>50000</v>
      </c>
      <c r="AI5280">
        <v>0</v>
      </c>
      <c r="AJ5280">
        <v>116</v>
      </c>
      <c r="AK5280" t="s">
        <v>54</v>
      </c>
      <c r="AL5280">
        <v>0</v>
      </c>
      <c r="AM5280">
        <v>0</v>
      </c>
      <c r="AN5280">
        <v>0</v>
      </c>
      <c r="AO5280">
        <v>0</v>
      </c>
      <c r="AP5280">
        <v>0</v>
      </c>
      <c r="AQ5280">
        <v>0</v>
      </c>
      <c r="AR5280">
        <v>0</v>
      </c>
      <c r="AS5280">
        <v>0</v>
      </c>
      <c r="AT5280">
        <v>0</v>
      </c>
      <c r="AU5280">
        <v>0</v>
      </c>
      <c r="AV5280">
        <v>0</v>
      </c>
      <c r="AW5280">
        <v>0</v>
      </c>
      <c r="AX5280">
        <v>-760</v>
      </c>
      <c r="AY5280">
        <v>34</v>
      </c>
      <c r="AZ5280">
        <v>51</v>
      </c>
      <c r="BA5280">
        <v>4823</v>
      </c>
    </row>
    <row r="5281" spans="1:53" x14ac:dyDescent="0.4">
      <c r="A5281">
        <v>5325</v>
      </c>
      <c r="B5281" s="1">
        <v>44853</v>
      </c>
      <c r="C5281">
        <v>3</v>
      </c>
      <c r="D5281" s="1">
        <v>44853.745138888888</v>
      </c>
      <c r="E5281" s="1">
        <v>44853.95208333333</v>
      </c>
      <c r="F5281">
        <v>19360</v>
      </c>
      <c r="G5281">
        <v>1590</v>
      </c>
      <c r="H5281">
        <v>0</v>
      </c>
      <c r="I5281">
        <v>0</v>
      </c>
      <c r="J5281">
        <v>0</v>
      </c>
      <c r="K5281">
        <v>660</v>
      </c>
      <c r="L5281">
        <v>0</v>
      </c>
      <c r="M5281">
        <v>1964</v>
      </c>
      <c r="N5281">
        <v>0</v>
      </c>
      <c r="O5281">
        <v>0</v>
      </c>
      <c r="P5281">
        <v>-11350</v>
      </c>
      <c r="Q5281">
        <v>0</v>
      </c>
      <c r="R5281">
        <v>10260</v>
      </c>
      <c r="S5281">
        <v>0</v>
      </c>
      <c r="T5281">
        <v>0</v>
      </c>
      <c r="U5281">
        <v>0</v>
      </c>
      <c r="V5281">
        <v>0</v>
      </c>
      <c r="W5281">
        <v>3</v>
      </c>
      <c r="X5281">
        <v>0</v>
      </c>
      <c r="Y5281">
        <v>49</v>
      </c>
      <c r="Z5281">
        <v>16</v>
      </c>
      <c r="AA5281">
        <v>145</v>
      </c>
      <c r="AB5281">
        <v>7</v>
      </c>
      <c r="AC5281">
        <v>130</v>
      </c>
      <c r="AD5281">
        <v>26</v>
      </c>
      <c r="AE5281">
        <v>42</v>
      </c>
      <c r="AF5281">
        <v>3080</v>
      </c>
      <c r="AG5281">
        <v>91402</v>
      </c>
      <c r="AH5281">
        <v>50000</v>
      </c>
      <c r="AI5281">
        <v>0</v>
      </c>
      <c r="AJ5281">
        <v>102</v>
      </c>
      <c r="AK5281" t="s">
        <v>50</v>
      </c>
      <c r="AL5281">
        <v>0</v>
      </c>
      <c r="AM5281">
        <v>0</v>
      </c>
      <c r="AN5281">
        <v>0</v>
      </c>
      <c r="AO5281">
        <v>0</v>
      </c>
      <c r="AP5281">
        <v>0</v>
      </c>
      <c r="AQ5281">
        <v>0</v>
      </c>
      <c r="AR5281">
        <v>0</v>
      </c>
      <c r="AS5281">
        <v>0</v>
      </c>
      <c r="AT5281">
        <v>0</v>
      </c>
      <c r="AU5281">
        <v>0</v>
      </c>
      <c r="AV5281">
        <v>0</v>
      </c>
      <c r="AW5281">
        <v>0</v>
      </c>
      <c r="AX5281">
        <v>3300</v>
      </c>
      <c r="AY5281">
        <v>8</v>
      </c>
      <c r="AZ5281">
        <v>15</v>
      </c>
      <c r="BA5281">
        <v>1760</v>
      </c>
    </row>
    <row r="5282" spans="1:53" x14ac:dyDescent="0.4">
      <c r="A5282">
        <v>5326</v>
      </c>
      <c r="B5282" s="1">
        <v>44854</v>
      </c>
      <c r="C5282">
        <v>1</v>
      </c>
      <c r="D5282" s="1">
        <v>44854.291666666664</v>
      </c>
      <c r="E5282" s="1">
        <v>44854.445833333331</v>
      </c>
      <c r="F5282">
        <v>0</v>
      </c>
      <c r="G5282">
        <v>0</v>
      </c>
      <c r="H5282">
        <v>0</v>
      </c>
      <c r="I5282">
        <v>0</v>
      </c>
      <c r="J5282">
        <v>0</v>
      </c>
      <c r="K5282">
        <v>0</v>
      </c>
      <c r="L5282">
        <v>0</v>
      </c>
      <c r="M5282">
        <v>0</v>
      </c>
      <c r="N5282">
        <v>0</v>
      </c>
      <c r="O5282">
        <v>0</v>
      </c>
      <c r="P5282">
        <v>0</v>
      </c>
      <c r="Q5282">
        <v>0</v>
      </c>
      <c r="R5282">
        <v>0</v>
      </c>
      <c r="S5282">
        <v>0</v>
      </c>
      <c r="T5282">
        <v>0</v>
      </c>
      <c r="U5282">
        <v>0</v>
      </c>
      <c r="V5282">
        <v>0</v>
      </c>
      <c r="W5282">
        <v>0</v>
      </c>
      <c r="X5282">
        <v>0</v>
      </c>
      <c r="Y5282">
        <v>30</v>
      </c>
      <c r="Z5282">
        <v>15</v>
      </c>
      <c r="AA5282">
        <v>107</v>
      </c>
      <c r="AB5282">
        <v>7</v>
      </c>
      <c r="AC5282">
        <v>128</v>
      </c>
      <c r="AD5282">
        <v>26</v>
      </c>
      <c r="AE5282">
        <v>40</v>
      </c>
      <c r="AF5282">
        <v>0</v>
      </c>
      <c r="AG5282">
        <v>50000</v>
      </c>
      <c r="AH5282">
        <v>50000</v>
      </c>
      <c r="AI5282">
        <v>0</v>
      </c>
      <c r="AJ5282">
        <v>0</v>
      </c>
      <c r="AK5282" t="s">
        <v>6</v>
      </c>
      <c r="AL5282">
        <v>0</v>
      </c>
      <c r="AM5282">
        <v>0</v>
      </c>
      <c r="AN5282">
        <v>0</v>
      </c>
      <c r="AO5282">
        <v>0</v>
      </c>
      <c r="AP5282">
        <v>0</v>
      </c>
      <c r="AQ5282">
        <v>0</v>
      </c>
      <c r="AR5282">
        <v>0</v>
      </c>
      <c r="AS5282">
        <v>0</v>
      </c>
      <c r="AT5282">
        <v>0</v>
      </c>
      <c r="AU5282">
        <v>0</v>
      </c>
      <c r="AV5282">
        <v>0</v>
      </c>
      <c r="AW5282">
        <v>0</v>
      </c>
      <c r="AX5282">
        <v>0</v>
      </c>
      <c r="AY5282">
        <v>0</v>
      </c>
      <c r="AZ5282">
        <v>0</v>
      </c>
      <c r="BA5282">
        <v>0</v>
      </c>
    </row>
    <row r="5283" spans="1:53" x14ac:dyDescent="0.4">
      <c r="A5283">
        <v>5327</v>
      </c>
      <c r="B5283" s="1">
        <v>44854</v>
      </c>
      <c r="C5283">
        <v>2</v>
      </c>
      <c r="D5283" s="1">
        <v>44854.445833333331</v>
      </c>
      <c r="E5283" s="1">
        <v>44854.74722222222</v>
      </c>
      <c r="F5283">
        <v>17530</v>
      </c>
      <c r="G5283">
        <v>1056</v>
      </c>
      <c r="H5283">
        <v>0</v>
      </c>
      <c r="I5283">
        <v>0</v>
      </c>
      <c r="J5283">
        <v>0</v>
      </c>
      <c r="K5283">
        <v>0</v>
      </c>
      <c r="L5283">
        <v>0</v>
      </c>
      <c r="M5283">
        <v>1689</v>
      </c>
      <c r="N5283">
        <v>0</v>
      </c>
      <c r="O5283">
        <v>0</v>
      </c>
      <c r="P5283">
        <v>22330</v>
      </c>
      <c r="Q5283">
        <v>0</v>
      </c>
      <c r="R5283">
        <v>40916</v>
      </c>
      <c r="S5283">
        <v>0</v>
      </c>
      <c r="T5283">
        <v>0</v>
      </c>
      <c r="U5283">
        <v>0</v>
      </c>
      <c r="V5283">
        <v>2</v>
      </c>
      <c r="W5283">
        <v>0</v>
      </c>
      <c r="X5283">
        <v>0</v>
      </c>
      <c r="Y5283">
        <v>50</v>
      </c>
      <c r="Z5283">
        <v>22</v>
      </c>
      <c r="AA5283">
        <v>72</v>
      </c>
      <c r="AB5283">
        <v>11</v>
      </c>
      <c r="AC5283">
        <v>146</v>
      </c>
      <c r="AD5283">
        <v>26</v>
      </c>
      <c r="AE5283">
        <v>46</v>
      </c>
      <c r="AF5283">
        <v>530</v>
      </c>
      <c r="AG5283">
        <v>90916</v>
      </c>
      <c r="AH5283">
        <v>50000</v>
      </c>
      <c r="AI5283">
        <v>0</v>
      </c>
      <c r="AJ5283">
        <v>119</v>
      </c>
      <c r="AK5283" t="s">
        <v>56</v>
      </c>
      <c r="AL5283">
        <v>0</v>
      </c>
      <c r="AM5283">
        <v>0</v>
      </c>
      <c r="AN5283">
        <v>0</v>
      </c>
      <c r="AO5283">
        <v>0</v>
      </c>
      <c r="AP5283">
        <v>0</v>
      </c>
      <c r="AQ5283">
        <v>0</v>
      </c>
      <c r="AR5283">
        <v>0</v>
      </c>
      <c r="AS5283">
        <v>0</v>
      </c>
      <c r="AT5283">
        <v>0</v>
      </c>
      <c r="AU5283">
        <v>0</v>
      </c>
      <c r="AV5283">
        <v>0</v>
      </c>
      <c r="AW5283">
        <v>0</v>
      </c>
      <c r="AX5283">
        <v>-600</v>
      </c>
      <c r="AY5283">
        <v>39</v>
      </c>
      <c r="AZ5283">
        <v>64</v>
      </c>
      <c r="BA5283">
        <v>4796</v>
      </c>
    </row>
    <row r="5284" spans="1:53" x14ac:dyDescent="0.4">
      <c r="A5284">
        <v>5328</v>
      </c>
      <c r="B5284" s="1">
        <v>44854</v>
      </c>
      <c r="C5284">
        <v>3</v>
      </c>
      <c r="D5284" s="1">
        <v>44854.74722222222</v>
      </c>
      <c r="E5284" s="1">
        <v>44854.942361111112</v>
      </c>
      <c r="F5284">
        <v>24310</v>
      </c>
      <c r="G5284">
        <v>440</v>
      </c>
      <c r="H5284">
        <v>0</v>
      </c>
      <c r="I5284">
        <v>0</v>
      </c>
      <c r="J5284">
        <v>70</v>
      </c>
      <c r="K5284">
        <v>400</v>
      </c>
      <c r="L5284">
        <v>0</v>
      </c>
      <c r="M5284">
        <v>2277</v>
      </c>
      <c r="N5284">
        <v>0</v>
      </c>
      <c r="O5284">
        <v>0</v>
      </c>
      <c r="P5284">
        <v>-20190</v>
      </c>
      <c r="Q5284">
        <v>0</v>
      </c>
      <c r="R5284">
        <v>4890</v>
      </c>
      <c r="S5284">
        <v>0</v>
      </c>
      <c r="T5284">
        <v>0</v>
      </c>
      <c r="U5284">
        <v>0</v>
      </c>
      <c r="V5284">
        <v>2</v>
      </c>
      <c r="W5284">
        <v>0</v>
      </c>
      <c r="X5284">
        <v>0</v>
      </c>
      <c r="Y5284">
        <v>54</v>
      </c>
      <c r="Z5284">
        <v>22</v>
      </c>
      <c r="AA5284">
        <v>78</v>
      </c>
      <c r="AB5284">
        <v>18</v>
      </c>
      <c r="AC5284">
        <v>139</v>
      </c>
      <c r="AD5284">
        <v>27</v>
      </c>
      <c r="AE5284">
        <v>51</v>
      </c>
      <c r="AF5284">
        <v>530</v>
      </c>
      <c r="AG5284">
        <v>95806</v>
      </c>
      <c r="AH5284">
        <v>50000</v>
      </c>
      <c r="AI5284">
        <v>0</v>
      </c>
      <c r="AJ5284">
        <v>74</v>
      </c>
      <c r="AK5284" t="s">
        <v>64</v>
      </c>
      <c r="AL5284">
        <v>0</v>
      </c>
      <c r="AM5284">
        <v>0</v>
      </c>
      <c r="AN5284">
        <v>0</v>
      </c>
      <c r="AO5284">
        <v>0</v>
      </c>
      <c r="AP5284">
        <v>0</v>
      </c>
      <c r="AQ5284">
        <v>0</v>
      </c>
      <c r="AR5284">
        <v>0</v>
      </c>
      <c r="AS5284">
        <v>0</v>
      </c>
      <c r="AT5284">
        <v>0</v>
      </c>
      <c r="AU5284">
        <v>0</v>
      </c>
      <c r="AV5284">
        <v>0</v>
      </c>
      <c r="AW5284">
        <v>0</v>
      </c>
      <c r="AX5284">
        <v>4070</v>
      </c>
      <c r="AY5284">
        <v>5</v>
      </c>
      <c r="AZ5284">
        <v>12</v>
      </c>
      <c r="BA5284">
        <v>1988</v>
      </c>
    </row>
    <row r="5285" spans="1:53" x14ac:dyDescent="0.4">
      <c r="A5285">
        <v>5329</v>
      </c>
      <c r="B5285" s="1">
        <v>44855</v>
      </c>
      <c r="C5285">
        <v>1</v>
      </c>
      <c r="D5285" s="1">
        <v>44855.291666666664</v>
      </c>
      <c r="E5285" s="1">
        <v>44855.470833333333</v>
      </c>
      <c r="F5285">
        <v>0</v>
      </c>
      <c r="G5285">
        <v>0</v>
      </c>
      <c r="H5285">
        <v>0</v>
      </c>
      <c r="I5285">
        <v>0</v>
      </c>
      <c r="J5285">
        <v>0</v>
      </c>
      <c r="K5285">
        <v>0</v>
      </c>
      <c r="L5285">
        <v>0</v>
      </c>
      <c r="M5285">
        <v>0</v>
      </c>
      <c r="N5285">
        <v>0</v>
      </c>
      <c r="O5285">
        <v>0</v>
      </c>
      <c r="P5285">
        <v>3852</v>
      </c>
      <c r="Q5285">
        <v>0</v>
      </c>
      <c r="R5285">
        <v>3852</v>
      </c>
      <c r="S5285">
        <v>0</v>
      </c>
      <c r="T5285">
        <v>0</v>
      </c>
      <c r="U5285">
        <v>0</v>
      </c>
      <c r="V5285">
        <v>0</v>
      </c>
      <c r="W5285">
        <v>1</v>
      </c>
      <c r="X5285">
        <v>0</v>
      </c>
      <c r="Y5285">
        <v>31</v>
      </c>
      <c r="Z5285">
        <v>14</v>
      </c>
      <c r="AA5285">
        <v>84</v>
      </c>
      <c r="AB5285">
        <v>20</v>
      </c>
      <c r="AC5285">
        <v>125</v>
      </c>
      <c r="AD5285">
        <v>29</v>
      </c>
      <c r="AE5285">
        <v>57</v>
      </c>
      <c r="AF5285">
        <v>0</v>
      </c>
      <c r="AG5285">
        <v>53852</v>
      </c>
      <c r="AH5285">
        <v>50000</v>
      </c>
      <c r="AI5285">
        <v>0</v>
      </c>
      <c r="AJ5285">
        <v>29</v>
      </c>
      <c r="AK5285" t="s">
        <v>62</v>
      </c>
      <c r="AL5285">
        <v>0</v>
      </c>
      <c r="AM5285">
        <v>0</v>
      </c>
      <c r="AN5285">
        <v>0</v>
      </c>
      <c r="AO5285">
        <v>0</v>
      </c>
      <c r="AP5285">
        <v>0</v>
      </c>
      <c r="AQ5285">
        <v>0</v>
      </c>
      <c r="AR5285">
        <v>0</v>
      </c>
      <c r="AS5285">
        <v>0</v>
      </c>
      <c r="AT5285">
        <v>0</v>
      </c>
      <c r="AU5285">
        <v>0</v>
      </c>
      <c r="AV5285">
        <v>0</v>
      </c>
      <c r="AW5285">
        <v>0</v>
      </c>
      <c r="AX5285">
        <v>-1590</v>
      </c>
      <c r="AY5285">
        <v>4</v>
      </c>
      <c r="AZ5285">
        <v>6</v>
      </c>
      <c r="BA5285">
        <v>43</v>
      </c>
    </row>
    <row r="5286" spans="1:53" x14ac:dyDescent="0.4">
      <c r="A5286">
        <v>5330</v>
      </c>
      <c r="B5286" s="1">
        <v>44855</v>
      </c>
      <c r="C5286">
        <v>2</v>
      </c>
      <c r="D5286" s="1">
        <v>44855.470833333333</v>
      </c>
      <c r="E5286" s="1">
        <v>44855.749305555553</v>
      </c>
      <c r="F5286">
        <v>21730</v>
      </c>
      <c r="G5286">
        <v>462</v>
      </c>
      <c r="H5286">
        <v>0</v>
      </c>
      <c r="I5286">
        <v>0</v>
      </c>
      <c r="J5286">
        <v>0</v>
      </c>
      <c r="K5286">
        <v>200</v>
      </c>
      <c r="L5286">
        <v>0</v>
      </c>
      <c r="M5286">
        <v>2036</v>
      </c>
      <c r="N5286">
        <v>0</v>
      </c>
      <c r="O5286">
        <v>0</v>
      </c>
      <c r="P5286">
        <v>14648</v>
      </c>
      <c r="Q5286">
        <v>0</v>
      </c>
      <c r="R5286">
        <v>37040</v>
      </c>
      <c r="S5286">
        <v>0</v>
      </c>
      <c r="T5286">
        <v>0</v>
      </c>
      <c r="U5286">
        <v>0</v>
      </c>
      <c r="V5286">
        <v>0</v>
      </c>
      <c r="W5286">
        <v>3</v>
      </c>
      <c r="X5286">
        <v>0</v>
      </c>
      <c r="Y5286">
        <v>52</v>
      </c>
      <c r="Z5286">
        <v>18</v>
      </c>
      <c r="AA5286">
        <v>118</v>
      </c>
      <c r="AB5286">
        <v>18</v>
      </c>
      <c r="AC5286">
        <v>139</v>
      </c>
      <c r="AD5286">
        <v>29</v>
      </c>
      <c r="AE5286">
        <v>57</v>
      </c>
      <c r="AF5286">
        <v>600</v>
      </c>
      <c r="AG5286">
        <v>90892</v>
      </c>
      <c r="AH5286">
        <v>50000</v>
      </c>
      <c r="AI5286">
        <v>0</v>
      </c>
      <c r="AJ5286">
        <v>29</v>
      </c>
      <c r="AK5286" t="s">
        <v>62</v>
      </c>
      <c r="AL5286">
        <v>0</v>
      </c>
      <c r="AM5286">
        <v>0</v>
      </c>
      <c r="AN5286">
        <v>0</v>
      </c>
      <c r="AO5286">
        <v>0</v>
      </c>
      <c r="AP5286">
        <v>0</v>
      </c>
      <c r="AQ5286">
        <v>0</v>
      </c>
      <c r="AR5286">
        <v>0</v>
      </c>
      <c r="AS5286">
        <v>0</v>
      </c>
      <c r="AT5286">
        <v>0</v>
      </c>
      <c r="AU5286">
        <v>0</v>
      </c>
      <c r="AV5286">
        <v>0</v>
      </c>
      <c r="AW5286">
        <v>0</v>
      </c>
      <c r="AX5286">
        <v>-1060</v>
      </c>
      <c r="AY5286">
        <v>37</v>
      </c>
      <c r="AZ5286">
        <v>60</v>
      </c>
      <c r="BA5286">
        <v>5270</v>
      </c>
    </row>
    <row r="5287" spans="1:53" x14ac:dyDescent="0.4">
      <c r="A5287">
        <v>5331</v>
      </c>
      <c r="B5287" s="1">
        <v>44855</v>
      </c>
      <c r="C5287">
        <v>3</v>
      </c>
      <c r="D5287" s="1">
        <v>44855.749305555553</v>
      </c>
      <c r="E5287" s="1">
        <v>44856.088194444441</v>
      </c>
      <c r="F5287">
        <v>161400</v>
      </c>
      <c r="G5287">
        <v>0</v>
      </c>
      <c r="H5287">
        <v>0</v>
      </c>
      <c r="I5287">
        <v>0</v>
      </c>
      <c r="J5287">
        <v>100</v>
      </c>
      <c r="K5287">
        <v>0</v>
      </c>
      <c r="L5287">
        <v>0</v>
      </c>
      <c r="M5287">
        <v>14663</v>
      </c>
      <c r="N5287">
        <v>0</v>
      </c>
      <c r="O5287">
        <v>0</v>
      </c>
      <c r="P5287">
        <v>6720</v>
      </c>
      <c r="Q5287">
        <v>0</v>
      </c>
      <c r="R5287">
        <v>168020</v>
      </c>
      <c r="S5287">
        <v>0</v>
      </c>
      <c r="T5287">
        <v>0</v>
      </c>
      <c r="U5287">
        <v>0</v>
      </c>
      <c r="V5287">
        <v>11</v>
      </c>
      <c r="W5287">
        <v>4</v>
      </c>
      <c r="X5287">
        <v>0</v>
      </c>
      <c r="Y5287">
        <v>73</v>
      </c>
      <c r="Z5287">
        <v>11</v>
      </c>
      <c r="AA5287">
        <v>99</v>
      </c>
      <c r="AB5287">
        <v>20</v>
      </c>
      <c r="AC5287">
        <v>146</v>
      </c>
      <c r="AD5287">
        <v>30</v>
      </c>
      <c r="AE5287">
        <v>60</v>
      </c>
      <c r="AF5287">
        <v>37842</v>
      </c>
      <c r="AG5287">
        <v>258912</v>
      </c>
      <c r="AH5287">
        <v>50000</v>
      </c>
      <c r="AI5287">
        <v>0</v>
      </c>
      <c r="AJ5287">
        <v>108</v>
      </c>
      <c r="AK5287" t="s">
        <v>3</v>
      </c>
      <c r="AL5287">
        <v>0</v>
      </c>
      <c r="AM5287">
        <v>0</v>
      </c>
      <c r="AN5287">
        <v>0</v>
      </c>
      <c r="AO5287">
        <v>0</v>
      </c>
      <c r="AP5287">
        <v>0</v>
      </c>
      <c r="AQ5287">
        <v>0</v>
      </c>
      <c r="AR5287">
        <v>0</v>
      </c>
      <c r="AS5287">
        <v>0</v>
      </c>
      <c r="AT5287">
        <v>0</v>
      </c>
      <c r="AU5287">
        <v>0</v>
      </c>
      <c r="AV5287">
        <v>0</v>
      </c>
      <c r="AW5287">
        <v>0</v>
      </c>
      <c r="AX5287">
        <v>2798</v>
      </c>
      <c r="AY5287">
        <v>24</v>
      </c>
      <c r="AZ5287">
        <v>75</v>
      </c>
      <c r="BA5287">
        <v>3918</v>
      </c>
    </row>
    <row r="5288" spans="1:53" x14ac:dyDescent="0.4">
      <c r="A5288">
        <v>5332</v>
      </c>
      <c r="B5288" s="1">
        <v>44856</v>
      </c>
      <c r="C5288">
        <v>1</v>
      </c>
      <c r="D5288" s="1">
        <v>44856.291666666664</v>
      </c>
      <c r="E5288" s="1">
        <v>44856.397222222222</v>
      </c>
      <c r="F5288">
        <v>0</v>
      </c>
      <c r="G5288">
        <v>0</v>
      </c>
      <c r="H5288">
        <v>0</v>
      </c>
      <c r="I5288">
        <v>0</v>
      </c>
      <c r="J5288">
        <v>0</v>
      </c>
      <c r="K5288">
        <v>0</v>
      </c>
      <c r="L5288">
        <v>0</v>
      </c>
      <c r="M5288">
        <v>0</v>
      </c>
      <c r="N5288">
        <v>0</v>
      </c>
      <c r="O5288">
        <v>0</v>
      </c>
      <c r="P5288">
        <v>0</v>
      </c>
      <c r="Q5288">
        <v>0</v>
      </c>
      <c r="R5288">
        <v>0</v>
      </c>
      <c r="S5288">
        <v>0</v>
      </c>
      <c r="T5288">
        <v>0</v>
      </c>
      <c r="U5288">
        <v>0</v>
      </c>
      <c r="V5288">
        <v>0</v>
      </c>
      <c r="W5288">
        <v>1</v>
      </c>
      <c r="X5288">
        <v>0</v>
      </c>
      <c r="Y5288">
        <v>26</v>
      </c>
      <c r="Z5288">
        <v>13</v>
      </c>
      <c r="AA5288">
        <v>104</v>
      </c>
      <c r="AB5288">
        <v>18</v>
      </c>
      <c r="AC5288">
        <v>103</v>
      </c>
      <c r="AD5288">
        <v>23</v>
      </c>
      <c r="AE5288">
        <v>55</v>
      </c>
      <c r="AF5288">
        <v>0</v>
      </c>
      <c r="AG5288">
        <v>50000</v>
      </c>
      <c r="AH5288">
        <v>50000</v>
      </c>
      <c r="AI5288">
        <v>0</v>
      </c>
      <c r="AJ5288">
        <v>0</v>
      </c>
      <c r="AK5288" t="s">
        <v>6</v>
      </c>
      <c r="AL5288">
        <v>0</v>
      </c>
      <c r="AM5288">
        <v>0</v>
      </c>
      <c r="AN5288">
        <v>0</v>
      </c>
      <c r="AO5288">
        <v>0</v>
      </c>
      <c r="AP5288">
        <v>0</v>
      </c>
      <c r="AQ5288">
        <v>0</v>
      </c>
      <c r="AR5288">
        <v>0</v>
      </c>
      <c r="AS5288">
        <v>0</v>
      </c>
      <c r="AT5288">
        <v>0</v>
      </c>
      <c r="AU5288">
        <v>0</v>
      </c>
      <c r="AV5288">
        <v>0</v>
      </c>
      <c r="AW5288">
        <v>0</v>
      </c>
      <c r="AX5288">
        <v>0</v>
      </c>
      <c r="AY5288">
        <v>0</v>
      </c>
      <c r="AZ5288">
        <v>0</v>
      </c>
      <c r="BA5288">
        <v>0</v>
      </c>
    </row>
    <row r="5289" spans="1:53" x14ac:dyDescent="0.4">
      <c r="A5289">
        <v>5333</v>
      </c>
      <c r="B5289" s="1">
        <v>44856</v>
      </c>
      <c r="C5289">
        <v>2</v>
      </c>
      <c r="D5289" s="1">
        <v>44856.397222222222</v>
      </c>
      <c r="E5289" s="1">
        <v>44856.740277777775</v>
      </c>
      <c r="F5289">
        <v>45700</v>
      </c>
      <c r="G5289">
        <v>2420</v>
      </c>
      <c r="H5289">
        <v>0</v>
      </c>
      <c r="I5289">
        <v>0</v>
      </c>
      <c r="J5289">
        <v>0</v>
      </c>
      <c r="K5289">
        <v>0</v>
      </c>
      <c r="L5289">
        <v>0</v>
      </c>
      <c r="M5289">
        <v>4373</v>
      </c>
      <c r="N5289">
        <v>0</v>
      </c>
      <c r="O5289">
        <v>0</v>
      </c>
      <c r="P5289">
        <v>20200</v>
      </c>
      <c r="Q5289">
        <v>0</v>
      </c>
      <c r="R5289">
        <v>68320</v>
      </c>
      <c r="S5289">
        <v>0</v>
      </c>
      <c r="T5289">
        <v>0</v>
      </c>
      <c r="U5289">
        <v>0</v>
      </c>
      <c r="V5289">
        <v>2</v>
      </c>
      <c r="W5289">
        <v>1</v>
      </c>
      <c r="X5289">
        <v>0</v>
      </c>
      <c r="Y5289">
        <v>63</v>
      </c>
      <c r="Z5289">
        <v>30</v>
      </c>
      <c r="AA5289">
        <v>63</v>
      </c>
      <c r="AB5289">
        <v>22</v>
      </c>
      <c r="AC5289">
        <v>121</v>
      </c>
      <c r="AD5289">
        <v>23</v>
      </c>
      <c r="AE5289">
        <v>62</v>
      </c>
      <c r="AF5289">
        <v>6533</v>
      </c>
      <c r="AG5289">
        <v>118320</v>
      </c>
      <c r="AH5289">
        <v>50000</v>
      </c>
      <c r="AI5289">
        <v>0</v>
      </c>
      <c r="AJ5289">
        <v>119</v>
      </c>
      <c r="AK5289" t="s">
        <v>56</v>
      </c>
      <c r="AL5289">
        <v>0</v>
      </c>
      <c r="AM5289">
        <v>0</v>
      </c>
      <c r="AN5289">
        <v>0</v>
      </c>
      <c r="AO5289">
        <v>0</v>
      </c>
      <c r="AP5289">
        <v>0</v>
      </c>
      <c r="AQ5289">
        <v>0</v>
      </c>
      <c r="AR5289">
        <v>0</v>
      </c>
      <c r="AS5289">
        <v>0</v>
      </c>
      <c r="AT5289">
        <v>0</v>
      </c>
      <c r="AU5289">
        <v>0</v>
      </c>
      <c r="AV5289">
        <v>0</v>
      </c>
      <c r="AW5289">
        <v>0</v>
      </c>
      <c r="AX5289">
        <v>-90</v>
      </c>
      <c r="AY5289">
        <v>57</v>
      </c>
      <c r="AZ5289">
        <v>110</v>
      </c>
      <c r="BA5289">
        <v>7962</v>
      </c>
    </row>
    <row r="5290" spans="1:53" x14ac:dyDescent="0.4">
      <c r="A5290">
        <v>5334</v>
      </c>
      <c r="B5290" s="1">
        <v>44857</v>
      </c>
      <c r="C5290">
        <v>1</v>
      </c>
      <c r="D5290" s="1">
        <v>44857.291666666664</v>
      </c>
      <c r="E5290" s="1">
        <v>44857.387499999997</v>
      </c>
      <c r="F5290">
        <v>0</v>
      </c>
      <c r="G5290">
        <v>0</v>
      </c>
      <c r="H5290">
        <v>0</v>
      </c>
      <c r="I5290">
        <v>0</v>
      </c>
      <c r="J5290">
        <v>0</v>
      </c>
      <c r="K5290">
        <v>0</v>
      </c>
      <c r="L5290">
        <v>0</v>
      </c>
      <c r="M5290">
        <v>0</v>
      </c>
      <c r="N5290">
        <v>0</v>
      </c>
      <c r="O5290">
        <v>0</v>
      </c>
      <c r="P5290">
        <v>0</v>
      </c>
      <c r="Q5290">
        <v>0</v>
      </c>
      <c r="R5290">
        <v>0</v>
      </c>
      <c r="S5290">
        <v>0</v>
      </c>
      <c r="T5290">
        <v>0</v>
      </c>
      <c r="U5290">
        <v>0</v>
      </c>
      <c r="V5290">
        <v>0</v>
      </c>
      <c r="W5290">
        <v>1</v>
      </c>
      <c r="X5290">
        <v>0</v>
      </c>
      <c r="Y5290">
        <v>30</v>
      </c>
      <c r="Z5290">
        <v>10</v>
      </c>
      <c r="AA5290">
        <v>77</v>
      </c>
      <c r="AB5290">
        <v>22</v>
      </c>
      <c r="AC5290">
        <v>104</v>
      </c>
      <c r="AD5290">
        <v>20</v>
      </c>
      <c r="AE5290">
        <v>60</v>
      </c>
      <c r="AF5290">
        <v>0</v>
      </c>
      <c r="AG5290">
        <v>50000</v>
      </c>
      <c r="AH5290">
        <v>50000</v>
      </c>
      <c r="AI5290">
        <v>0</v>
      </c>
      <c r="AJ5290">
        <v>0</v>
      </c>
      <c r="AK5290" t="s">
        <v>6</v>
      </c>
      <c r="AL5290">
        <v>0</v>
      </c>
      <c r="AM5290">
        <v>0</v>
      </c>
      <c r="AN5290">
        <v>0</v>
      </c>
      <c r="AO5290">
        <v>0</v>
      </c>
      <c r="AP5290">
        <v>0</v>
      </c>
      <c r="AQ5290">
        <v>0</v>
      </c>
      <c r="AR5290">
        <v>0</v>
      </c>
      <c r="AS5290">
        <v>0</v>
      </c>
      <c r="AT5290">
        <v>0</v>
      </c>
      <c r="AU5290">
        <v>0</v>
      </c>
      <c r="AV5290">
        <v>0</v>
      </c>
      <c r="AW5290">
        <v>0</v>
      </c>
      <c r="AX5290">
        <v>0</v>
      </c>
      <c r="AY5290">
        <v>0</v>
      </c>
      <c r="AZ5290">
        <v>0</v>
      </c>
      <c r="BA5290">
        <v>0</v>
      </c>
    </row>
    <row r="5291" spans="1:53" x14ac:dyDescent="0.4">
      <c r="A5291">
        <v>5335</v>
      </c>
      <c r="B5291" s="1">
        <v>44857</v>
      </c>
      <c r="C5291">
        <v>2</v>
      </c>
      <c r="D5291" s="1">
        <v>44857.387499999997</v>
      </c>
      <c r="E5291" s="1">
        <v>44857.739583333336</v>
      </c>
      <c r="F5291">
        <v>41600</v>
      </c>
      <c r="G5291">
        <v>2046</v>
      </c>
      <c r="H5291">
        <v>0</v>
      </c>
      <c r="I5291">
        <v>0</v>
      </c>
      <c r="J5291">
        <v>0</v>
      </c>
      <c r="K5291">
        <v>0</v>
      </c>
      <c r="L5291">
        <v>0</v>
      </c>
      <c r="M5291">
        <v>3968</v>
      </c>
      <c r="N5291">
        <v>0</v>
      </c>
      <c r="O5291">
        <v>0</v>
      </c>
      <c r="P5291">
        <v>18370</v>
      </c>
      <c r="Q5291">
        <v>0</v>
      </c>
      <c r="R5291">
        <v>62016</v>
      </c>
      <c r="S5291">
        <v>0</v>
      </c>
      <c r="T5291">
        <v>0</v>
      </c>
      <c r="U5291">
        <v>0</v>
      </c>
      <c r="V5291">
        <v>3</v>
      </c>
      <c r="W5291">
        <v>3</v>
      </c>
      <c r="X5291">
        <v>0</v>
      </c>
      <c r="Y5291">
        <v>47</v>
      </c>
      <c r="Z5291">
        <v>18</v>
      </c>
      <c r="AA5291">
        <v>52</v>
      </c>
      <c r="AB5291">
        <v>30</v>
      </c>
      <c r="AC5291">
        <v>128</v>
      </c>
      <c r="AD5291">
        <v>23</v>
      </c>
      <c r="AE5291">
        <v>61</v>
      </c>
      <c r="AF5291">
        <v>2860</v>
      </c>
      <c r="AG5291">
        <v>112016</v>
      </c>
      <c r="AH5291">
        <v>50000</v>
      </c>
      <c r="AI5291">
        <v>0</v>
      </c>
      <c r="AJ5291">
        <v>115</v>
      </c>
      <c r="AK5291" t="s">
        <v>55</v>
      </c>
      <c r="AL5291">
        <v>0</v>
      </c>
      <c r="AM5291">
        <v>0</v>
      </c>
      <c r="AN5291">
        <v>0</v>
      </c>
      <c r="AO5291">
        <v>0</v>
      </c>
      <c r="AP5291">
        <v>0</v>
      </c>
      <c r="AQ5291">
        <v>0</v>
      </c>
      <c r="AR5291">
        <v>0</v>
      </c>
      <c r="AS5291">
        <v>0</v>
      </c>
      <c r="AT5291">
        <v>0</v>
      </c>
      <c r="AU5291">
        <v>0</v>
      </c>
      <c r="AV5291">
        <v>0</v>
      </c>
      <c r="AW5291">
        <v>0</v>
      </c>
      <c r="AX5291">
        <v>-1500</v>
      </c>
      <c r="AY5291">
        <v>45</v>
      </c>
      <c r="AZ5291">
        <v>96</v>
      </c>
      <c r="BA5291">
        <v>6396</v>
      </c>
    </row>
    <row r="5292" spans="1:53" x14ac:dyDescent="0.4">
      <c r="A5292">
        <v>5336</v>
      </c>
      <c r="B5292" s="1">
        <v>44857</v>
      </c>
      <c r="C5292">
        <v>3</v>
      </c>
      <c r="D5292" s="1">
        <v>44857.739583333336</v>
      </c>
      <c r="E5292" s="1">
        <v>44857.948611111111</v>
      </c>
      <c r="F5292">
        <v>24520</v>
      </c>
      <c r="G5292">
        <v>352</v>
      </c>
      <c r="H5292">
        <v>0</v>
      </c>
      <c r="I5292">
        <v>0</v>
      </c>
      <c r="J5292">
        <v>200</v>
      </c>
      <c r="K5292">
        <v>0</v>
      </c>
      <c r="L5292">
        <v>0</v>
      </c>
      <c r="M5292">
        <v>2242</v>
      </c>
      <c r="N5292">
        <v>0</v>
      </c>
      <c r="O5292">
        <v>0</v>
      </c>
      <c r="P5292">
        <v>-16720</v>
      </c>
      <c r="Q5292">
        <v>0</v>
      </c>
      <c r="R5292">
        <v>7952</v>
      </c>
      <c r="S5292">
        <v>0</v>
      </c>
      <c r="T5292">
        <v>0</v>
      </c>
      <c r="U5292">
        <v>0</v>
      </c>
      <c r="V5292">
        <v>4</v>
      </c>
      <c r="W5292">
        <v>3</v>
      </c>
      <c r="X5292">
        <v>0</v>
      </c>
      <c r="Y5292">
        <v>43</v>
      </c>
      <c r="Z5292">
        <v>17</v>
      </c>
      <c r="AA5292">
        <v>58</v>
      </c>
      <c r="AB5292">
        <v>29</v>
      </c>
      <c r="AC5292">
        <v>132</v>
      </c>
      <c r="AD5292">
        <v>24</v>
      </c>
      <c r="AE5292">
        <v>68</v>
      </c>
      <c r="AF5292">
        <v>4710</v>
      </c>
      <c r="AG5292">
        <v>119968</v>
      </c>
      <c r="AH5292">
        <v>50000</v>
      </c>
      <c r="AI5292">
        <v>0</v>
      </c>
      <c r="AJ5292">
        <v>108</v>
      </c>
      <c r="AK5292" t="s">
        <v>3</v>
      </c>
      <c r="AL5292">
        <v>0</v>
      </c>
      <c r="AM5292">
        <v>0</v>
      </c>
      <c r="AN5292">
        <v>0</v>
      </c>
      <c r="AO5292">
        <v>0</v>
      </c>
      <c r="AP5292">
        <v>0</v>
      </c>
      <c r="AQ5292">
        <v>0</v>
      </c>
      <c r="AR5292">
        <v>0</v>
      </c>
      <c r="AS5292">
        <v>0</v>
      </c>
      <c r="AT5292">
        <v>0</v>
      </c>
      <c r="AU5292">
        <v>0</v>
      </c>
      <c r="AV5292">
        <v>0</v>
      </c>
      <c r="AW5292">
        <v>0</v>
      </c>
      <c r="AX5292">
        <v>1320</v>
      </c>
      <c r="AY5292">
        <v>7</v>
      </c>
      <c r="AZ5292">
        <v>12</v>
      </c>
      <c r="BA5292">
        <v>2047</v>
      </c>
    </row>
    <row r="5293" spans="1:53" x14ac:dyDescent="0.4">
      <c r="A5293">
        <v>5337</v>
      </c>
      <c r="B5293" s="1">
        <v>44858</v>
      </c>
      <c r="C5293">
        <v>1</v>
      </c>
      <c r="D5293" s="1">
        <v>44858.291666666664</v>
      </c>
      <c r="E5293" s="1">
        <v>44858.443749999999</v>
      </c>
      <c r="F5293">
        <v>0</v>
      </c>
      <c r="G5293">
        <v>0</v>
      </c>
      <c r="H5293">
        <v>0</v>
      </c>
      <c r="I5293">
        <v>0</v>
      </c>
      <c r="J5293">
        <v>0</v>
      </c>
      <c r="K5293">
        <v>0</v>
      </c>
      <c r="L5293">
        <v>0</v>
      </c>
      <c r="M5293">
        <v>0</v>
      </c>
      <c r="N5293">
        <v>0</v>
      </c>
      <c r="O5293">
        <v>0</v>
      </c>
      <c r="P5293">
        <v>0</v>
      </c>
      <c r="Q5293">
        <v>0</v>
      </c>
      <c r="R5293">
        <v>0</v>
      </c>
      <c r="S5293">
        <v>0</v>
      </c>
      <c r="T5293">
        <v>0</v>
      </c>
      <c r="U5293">
        <v>0</v>
      </c>
      <c r="V5293">
        <v>0</v>
      </c>
      <c r="W5293">
        <v>1</v>
      </c>
      <c r="X5293">
        <v>0</v>
      </c>
      <c r="Y5293">
        <v>29</v>
      </c>
      <c r="Z5293">
        <v>9</v>
      </c>
      <c r="AA5293">
        <v>88</v>
      </c>
      <c r="AB5293">
        <v>29</v>
      </c>
      <c r="AC5293">
        <v>108</v>
      </c>
      <c r="AD5293">
        <v>21</v>
      </c>
      <c r="AE5293">
        <v>65</v>
      </c>
      <c r="AF5293">
        <v>0</v>
      </c>
      <c r="AG5293">
        <v>50000</v>
      </c>
      <c r="AH5293">
        <v>50000</v>
      </c>
      <c r="AI5293">
        <v>0</v>
      </c>
      <c r="AJ5293">
        <v>0</v>
      </c>
      <c r="AK5293" t="s">
        <v>6</v>
      </c>
      <c r="AL5293">
        <v>0</v>
      </c>
      <c r="AM5293">
        <v>0</v>
      </c>
      <c r="AN5293">
        <v>0</v>
      </c>
      <c r="AO5293">
        <v>0</v>
      </c>
      <c r="AP5293">
        <v>0</v>
      </c>
      <c r="AQ5293">
        <v>0</v>
      </c>
      <c r="AR5293">
        <v>0</v>
      </c>
      <c r="AS5293">
        <v>0</v>
      </c>
      <c r="AT5293">
        <v>0</v>
      </c>
      <c r="AU5293">
        <v>0</v>
      </c>
      <c r="AV5293">
        <v>0</v>
      </c>
      <c r="AW5293">
        <v>0</v>
      </c>
      <c r="AX5293">
        <v>0</v>
      </c>
      <c r="AY5293">
        <v>0</v>
      </c>
      <c r="AZ5293">
        <v>0</v>
      </c>
      <c r="BA5293">
        <v>0</v>
      </c>
    </row>
    <row r="5294" spans="1:53" x14ac:dyDescent="0.4">
      <c r="A5294">
        <v>5338</v>
      </c>
      <c r="B5294" s="1">
        <v>44858</v>
      </c>
      <c r="C5294">
        <v>2</v>
      </c>
      <c r="D5294" s="1">
        <v>44858.443749999999</v>
      </c>
      <c r="E5294" s="1">
        <v>44858.739583333336</v>
      </c>
      <c r="F5294">
        <v>32445</v>
      </c>
      <c r="G5294">
        <v>1650</v>
      </c>
      <c r="H5294">
        <v>30</v>
      </c>
      <c r="I5294">
        <v>0</v>
      </c>
      <c r="J5294">
        <v>0</v>
      </c>
      <c r="K5294">
        <v>0</v>
      </c>
      <c r="L5294">
        <v>0</v>
      </c>
      <c r="M5294">
        <v>3101</v>
      </c>
      <c r="N5294">
        <v>0</v>
      </c>
      <c r="O5294">
        <v>0</v>
      </c>
      <c r="P5294">
        <v>12270</v>
      </c>
      <c r="Q5294">
        <v>0</v>
      </c>
      <c r="R5294">
        <v>46395</v>
      </c>
      <c r="S5294">
        <v>0</v>
      </c>
      <c r="T5294">
        <v>0</v>
      </c>
      <c r="U5294">
        <v>0</v>
      </c>
      <c r="V5294">
        <v>3</v>
      </c>
      <c r="W5294">
        <v>0</v>
      </c>
      <c r="X5294">
        <v>0</v>
      </c>
      <c r="Y5294">
        <v>51</v>
      </c>
      <c r="Z5294">
        <v>17</v>
      </c>
      <c r="AA5294">
        <v>18</v>
      </c>
      <c r="AB5294">
        <v>22</v>
      </c>
      <c r="AC5294">
        <v>122</v>
      </c>
      <c r="AD5294">
        <v>21</v>
      </c>
      <c r="AE5294">
        <v>74</v>
      </c>
      <c r="AF5294">
        <v>2596</v>
      </c>
      <c r="AG5294">
        <v>96395</v>
      </c>
      <c r="AH5294">
        <v>50000</v>
      </c>
      <c r="AI5294">
        <v>0</v>
      </c>
      <c r="AJ5294">
        <v>119</v>
      </c>
      <c r="AK5294" t="s">
        <v>56</v>
      </c>
      <c r="AL5294">
        <v>0</v>
      </c>
      <c r="AM5294">
        <v>0</v>
      </c>
      <c r="AN5294">
        <v>0</v>
      </c>
      <c r="AO5294">
        <v>0</v>
      </c>
      <c r="AP5294">
        <v>0</v>
      </c>
      <c r="AQ5294">
        <v>0</v>
      </c>
      <c r="AR5294">
        <v>0</v>
      </c>
      <c r="AS5294">
        <v>0</v>
      </c>
      <c r="AT5294">
        <v>0</v>
      </c>
      <c r="AU5294">
        <v>0</v>
      </c>
      <c r="AV5294">
        <v>0</v>
      </c>
      <c r="AW5294">
        <v>0</v>
      </c>
      <c r="AX5294">
        <v>-2400</v>
      </c>
      <c r="AY5294">
        <v>35</v>
      </c>
      <c r="AZ5294">
        <v>73</v>
      </c>
      <c r="BA5294">
        <v>4445</v>
      </c>
    </row>
    <row r="5295" spans="1:53" x14ac:dyDescent="0.4">
      <c r="A5295">
        <v>5339</v>
      </c>
      <c r="B5295" s="1">
        <v>44858</v>
      </c>
      <c r="C5295">
        <v>3</v>
      </c>
      <c r="D5295" s="1">
        <v>44858.739583333336</v>
      </c>
      <c r="E5295" s="1">
        <v>44858.956944444442</v>
      </c>
      <c r="F5295">
        <v>22785</v>
      </c>
      <c r="G5295">
        <v>1320</v>
      </c>
      <c r="H5295">
        <v>0</v>
      </c>
      <c r="I5295">
        <v>0</v>
      </c>
      <c r="J5295">
        <v>0</v>
      </c>
      <c r="K5295">
        <v>0</v>
      </c>
      <c r="L5295">
        <v>0</v>
      </c>
      <c r="M5295">
        <v>2190</v>
      </c>
      <c r="N5295">
        <v>0</v>
      </c>
      <c r="O5295">
        <v>0</v>
      </c>
      <c r="P5295">
        <v>-7170</v>
      </c>
      <c r="Q5295">
        <v>0</v>
      </c>
      <c r="R5295">
        <v>16935</v>
      </c>
      <c r="S5295">
        <v>0</v>
      </c>
      <c r="T5295">
        <v>0</v>
      </c>
      <c r="U5295">
        <v>0</v>
      </c>
      <c r="V5295">
        <v>3</v>
      </c>
      <c r="W5295">
        <v>1</v>
      </c>
      <c r="X5295">
        <v>0</v>
      </c>
      <c r="Y5295">
        <v>60</v>
      </c>
      <c r="Z5295">
        <v>17</v>
      </c>
      <c r="AA5295">
        <v>46</v>
      </c>
      <c r="AB5295">
        <v>22</v>
      </c>
      <c r="AC5295">
        <v>136</v>
      </c>
      <c r="AD5295">
        <v>20</v>
      </c>
      <c r="AE5295">
        <v>74</v>
      </c>
      <c r="AF5295">
        <v>2596</v>
      </c>
      <c r="AG5295">
        <v>113330</v>
      </c>
      <c r="AH5295">
        <v>50000</v>
      </c>
      <c r="AI5295">
        <v>0</v>
      </c>
      <c r="AJ5295">
        <v>103</v>
      </c>
      <c r="AK5295" t="s">
        <v>7</v>
      </c>
      <c r="AL5295">
        <v>0</v>
      </c>
      <c r="AM5295">
        <v>0</v>
      </c>
      <c r="AN5295">
        <v>0</v>
      </c>
      <c r="AO5295">
        <v>0</v>
      </c>
      <c r="AP5295">
        <v>0</v>
      </c>
      <c r="AQ5295">
        <v>0</v>
      </c>
      <c r="AR5295">
        <v>0</v>
      </c>
      <c r="AS5295">
        <v>0</v>
      </c>
      <c r="AT5295">
        <v>0</v>
      </c>
      <c r="AU5295">
        <v>0</v>
      </c>
      <c r="AV5295">
        <v>0</v>
      </c>
      <c r="AW5295">
        <v>0</v>
      </c>
      <c r="AX5295">
        <v>0</v>
      </c>
      <c r="AY5295">
        <v>9</v>
      </c>
      <c r="AZ5295">
        <v>17</v>
      </c>
      <c r="BA5295">
        <v>2547</v>
      </c>
    </row>
    <row r="5296" spans="1:53" x14ac:dyDescent="0.4">
      <c r="A5296">
        <v>5340</v>
      </c>
      <c r="B5296" s="1">
        <v>44859</v>
      </c>
      <c r="C5296">
        <v>1</v>
      </c>
      <c r="D5296" s="1">
        <v>44859.291666666664</v>
      </c>
      <c r="E5296" s="1">
        <v>44859.441666666666</v>
      </c>
      <c r="F5296">
        <v>0</v>
      </c>
      <c r="G5296">
        <v>0</v>
      </c>
      <c r="H5296">
        <v>0</v>
      </c>
      <c r="I5296">
        <v>0</v>
      </c>
      <c r="J5296">
        <v>0</v>
      </c>
      <c r="K5296">
        <v>0</v>
      </c>
      <c r="L5296">
        <v>0</v>
      </c>
      <c r="M5296">
        <v>0</v>
      </c>
      <c r="N5296">
        <v>0</v>
      </c>
      <c r="O5296">
        <v>0</v>
      </c>
      <c r="P5296">
        <v>0</v>
      </c>
      <c r="Q5296">
        <v>0</v>
      </c>
      <c r="R5296">
        <v>0</v>
      </c>
      <c r="S5296">
        <v>0</v>
      </c>
      <c r="T5296">
        <v>0</v>
      </c>
      <c r="U5296">
        <v>0</v>
      </c>
      <c r="V5296">
        <v>0</v>
      </c>
      <c r="W5296">
        <v>1</v>
      </c>
      <c r="X5296">
        <v>0</v>
      </c>
      <c r="Y5296">
        <v>30</v>
      </c>
      <c r="Z5296">
        <v>16</v>
      </c>
      <c r="AA5296">
        <v>44</v>
      </c>
      <c r="AB5296">
        <v>22</v>
      </c>
      <c r="AC5296">
        <v>133</v>
      </c>
      <c r="AD5296">
        <v>20</v>
      </c>
      <c r="AE5296">
        <v>70</v>
      </c>
      <c r="AF5296">
        <v>0</v>
      </c>
      <c r="AG5296">
        <v>50000</v>
      </c>
      <c r="AH5296">
        <v>50000</v>
      </c>
      <c r="AI5296">
        <v>0</v>
      </c>
      <c r="AJ5296">
        <v>0</v>
      </c>
      <c r="AK5296" t="s">
        <v>6</v>
      </c>
      <c r="AL5296">
        <v>0</v>
      </c>
      <c r="AM5296">
        <v>0</v>
      </c>
      <c r="AN5296">
        <v>0</v>
      </c>
      <c r="AO5296">
        <v>0</v>
      </c>
      <c r="AP5296">
        <v>0</v>
      </c>
      <c r="AQ5296">
        <v>0</v>
      </c>
      <c r="AR5296">
        <v>0</v>
      </c>
      <c r="AS5296">
        <v>0</v>
      </c>
      <c r="AT5296">
        <v>0</v>
      </c>
      <c r="AU5296">
        <v>0</v>
      </c>
      <c r="AV5296">
        <v>0</v>
      </c>
      <c r="AW5296">
        <v>0</v>
      </c>
      <c r="AX5296">
        <v>0</v>
      </c>
      <c r="AY5296">
        <v>0</v>
      </c>
      <c r="AZ5296">
        <v>0</v>
      </c>
      <c r="BA5296">
        <v>0</v>
      </c>
    </row>
    <row r="5297" spans="1:53" x14ac:dyDescent="0.4">
      <c r="A5297">
        <v>5341</v>
      </c>
      <c r="B5297" s="1">
        <v>44859</v>
      </c>
      <c r="C5297">
        <v>2</v>
      </c>
      <c r="D5297" s="1">
        <v>44859.441666666666</v>
      </c>
      <c r="E5297" s="1">
        <v>44859.736805555556</v>
      </c>
      <c r="F5297">
        <v>15360</v>
      </c>
      <c r="G5297">
        <v>308</v>
      </c>
      <c r="H5297">
        <v>0</v>
      </c>
      <c r="I5297">
        <v>0</v>
      </c>
      <c r="J5297">
        <v>100</v>
      </c>
      <c r="K5297">
        <v>0</v>
      </c>
      <c r="L5297">
        <v>0</v>
      </c>
      <c r="M5297">
        <v>1414</v>
      </c>
      <c r="N5297">
        <v>0</v>
      </c>
      <c r="O5297">
        <v>0</v>
      </c>
      <c r="P5297">
        <v>13510</v>
      </c>
      <c r="Q5297">
        <v>0</v>
      </c>
      <c r="R5297">
        <v>29078</v>
      </c>
      <c r="S5297">
        <v>0</v>
      </c>
      <c r="T5297">
        <v>0</v>
      </c>
      <c r="U5297">
        <v>0</v>
      </c>
      <c r="V5297">
        <v>1</v>
      </c>
      <c r="W5297">
        <v>0</v>
      </c>
      <c r="X5297">
        <v>0</v>
      </c>
      <c r="Y5297">
        <v>53</v>
      </c>
      <c r="Z5297">
        <v>22</v>
      </c>
      <c r="AA5297">
        <v>22</v>
      </c>
      <c r="AB5297">
        <v>17</v>
      </c>
      <c r="AC5297">
        <v>133</v>
      </c>
      <c r="AD5297">
        <v>20</v>
      </c>
      <c r="AE5297">
        <v>68</v>
      </c>
      <c r="AF5297">
        <v>530</v>
      </c>
      <c r="AG5297">
        <v>79078</v>
      </c>
      <c r="AH5297">
        <v>50000</v>
      </c>
      <c r="AI5297">
        <v>0</v>
      </c>
      <c r="AJ5297">
        <v>116</v>
      </c>
      <c r="AK5297" t="s">
        <v>54</v>
      </c>
      <c r="AL5297">
        <v>0</v>
      </c>
      <c r="AM5297">
        <v>0</v>
      </c>
      <c r="AN5297">
        <v>0</v>
      </c>
      <c r="AO5297">
        <v>0</v>
      </c>
      <c r="AP5297">
        <v>0</v>
      </c>
      <c r="AQ5297">
        <v>0</v>
      </c>
      <c r="AR5297">
        <v>0</v>
      </c>
      <c r="AS5297">
        <v>0</v>
      </c>
      <c r="AT5297">
        <v>0</v>
      </c>
      <c r="AU5297">
        <v>0</v>
      </c>
      <c r="AV5297">
        <v>0</v>
      </c>
      <c r="AW5297">
        <v>0</v>
      </c>
      <c r="AX5297">
        <v>-6</v>
      </c>
      <c r="AY5297">
        <v>32</v>
      </c>
      <c r="AZ5297">
        <v>48</v>
      </c>
      <c r="BA5297">
        <v>4096</v>
      </c>
    </row>
    <row r="5298" spans="1:53" x14ac:dyDescent="0.4">
      <c r="A5298">
        <v>5342</v>
      </c>
      <c r="B5298" s="1">
        <v>44859</v>
      </c>
      <c r="C5298">
        <v>3</v>
      </c>
      <c r="D5298" s="1">
        <v>44859.736805555556</v>
      </c>
      <c r="E5298" s="1">
        <v>44859.938888888886</v>
      </c>
      <c r="F5298">
        <v>16310</v>
      </c>
      <c r="G5298">
        <v>2266</v>
      </c>
      <c r="H5298">
        <v>0</v>
      </c>
      <c r="I5298">
        <v>0</v>
      </c>
      <c r="J5298">
        <v>0</v>
      </c>
      <c r="K5298">
        <v>0</v>
      </c>
      <c r="L5298">
        <v>0</v>
      </c>
      <c r="M5298">
        <v>1687</v>
      </c>
      <c r="N5298">
        <v>0</v>
      </c>
      <c r="O5298">
        <v>0</v>
      </c>
      <c r="P5298">
        <v>-9910</v>
      </c>
      <c r="Q5298">
        <v>0</v>
      </c>
      <c r="R5298">
        <v>8666</v>
      </c>
      <c r="S5298">
        <v>0</v>
      </c>
      <c r="T5298">
        <v>0</v>
      </c>
      <c r="U5298">
        <v>0</v>
      </c>
      <c r="V5298">
        <v>2</v>
      </c>
      <c r="W5298">
        <v>0</v>
      </c>
      <c r="X5298">
        <v>0</v>
      </c>
      <c r="Y5298">
        <v>45</v>
      </c>
      <c r="Z5298">
        <v>25</v>
      </c>
      <c r="AA5298">
        <v>31</v>
      </c>
      <c r="AB5298">
        <v>15</v>
      </c>
      <c r="AC5298">
        <v>144</v>
      </c>
      <c r="AD5298">
        <v>18</v>
      </c>
      <c r="AE5298">
        <v>67</v>
      </c>
      <c r="AF5298">
        <v>4797</v>
      </c>
      <c r="AG5298">
        <v>87744</v>
      </c>
      <c r="AH5298">
        <v>50000</v>
      </c>
      <c r="AI5298">
        <v>0</v>
      </c>
      <c r="AJ5298">
        <v>108</v>
      </c>
      <c r="AK5298" t="s">
        <v>3</v>
      </c>
      <c r="AL5298">
        <v>0</v>
      </c>
      <c r="AM5298">
        <v>0</v>
      </c>
      <c r="AN5298">
        <v>0</v>
      </c>
      <c r="AO5298">
        <v>0</v>
      </c>
      <c r="AP5298">
        <v>0</v>
      </c>
      <c r="AQ5298">
        <v>0</v>
      </c>
      <c r="AR5298">
        <v>0</v>
      </c>
      <c r="AS5298">
        <v>0</v>
      </c>
      <c r="AT5298">
        <v>0</v>
      </c>
      <c r="AU5298">
        <v>0</v>
      </c>
      <c r="AV5298">
        <v>0</v>
      </c>
      <c r="AW5298">
        <v>0</v>
      </c>
      <c r="AX5298">
        <v>0</v>
      </c>
      <c r="AY5298">
        <v>4</v>
      </c>
      <c r="AZ5298">
        <v>7</v>
      </c>
      <c r="BA5298">
        <v>1521</v>
      </c>
    </row>
    <row r="5299" spans="1:53" x14ac:dyDescent="0.4">
      <c r="A5299">
        <v>5343</v>
      </c>
      <c r="B5299" s="1">
        <v>44860</v>
      </c>
      <c r="C5299">
        <v>1</v>
      </c>
      <c r="D5299" s="1">
        <v>44860.291666666664</v>
      </c>
      <c r="E5299" s="1">
        <v>44860.454861111109</v>
      </c>
      <c r="F5299">
        <v>0</v>
      </c>
      <c r="G5299">
        <v>0</v>
      </c>
      <c r="H5299">
        <v>0</v>
      </c>
      <c r="I5299">
        <v>0</v>
      </c>
      <c r="J5299">
        <v>0</v>
      </c>
      <c r="K5299">
        <v>0</v>
      </c>
      <c r="L5299">
        <v>0</v>
      </c>
      <c r="M5299">
        <v>0</v>
      </c>
      <c r="N5299">
        <v>0</v>
      </c>
      <c r="O5299">
        <v>0</v>
      </c>
      <c r="P5299">
        <v>0</v>
      </c>
      <c r="Q5299">
        <v>0</v>
      </c>
      <c r="R5299">
        <v>0</v>
      </c>
      <c r="S5299">
        <v>0</v>
      </c>
      <c r="T5299">
        <v>0</v>
      </c>
      <c r="U5299">
        <v>0</v>
      </c>
      <c r="V5299">
        <v>0</v>
      </c>
      <c r="W5299">
        <v>1</v>
      </c>
      <c r="X5299">
        <v>0</v>
      </c>
      <c r="Y5299">
        <v>33</v>
      </c>
      <c r="Z5299">
        <v>12</v>
      </c>
      <c r="AA5299">
        <v>40</v>
      </c>
      <c r="AB5299">
        <v>13</v>
      </c>
      <c r="AC5299">
        <v>120</v>
      </c>
      <c r="AD5299">
        <v>17</v>
      </c>
      <c r="AE5299">
        <v>65</v>
      </c>
      <c r="AF5299">
        <v>0</v>
      </c>
      <c r="AG5299">
        <v>50000</v>
      </c>
      <c r="AH5299">
        <v>50000</v>
      </c>
      <c r="AI5299">
        <v>0</v>
      </c>
      <c r="AJ5299">
        <v>0</v>
      </c>
      <c r="AK5299" t="s">
        <v>6</v>
      </c>
      <c r="AL5299">
        <v>0</v>
      </c>
      <c r="AM5299">
        <v>0</v>
      </c>
      <c r="AN5299">
        <v>0</v>
      </c>
      <c r="AO5299">
        <v>0</v>
      </c>
      <c r="AP5299">
        <v>0</v>
      </c>
      <c r="AQ5299">
        <v>0</v>
      </c>
      <c r="AR5299">
        <v>0</v>
      </c>
      <c r="AS5299">
        <v>0</v>
      </c>
      <c r="AT5299">
        <v>0</v>
      </c>
      <c r="AU5299">
        <v>0</v>
      </c>
      <c r="AV5299">
        <v>0</v>
      </c>
      <c r="AW5299">
        <v>0</v>
      </c>
      <c r="AX5299">
        <v>0</v>
      </c>
      <c r="AY5299">
        <v>0</v>
      </c>
      <c r="AZ5299">
        <v>0</v>
      </c>
      <c r="BA5299">
        <v>0</v>
      </c>
    </row>
    <row r="5300" spans="1:53" x14ac:dyDescent="0.4">
      <c r="A5300">
        <v>5344</v>
      </c>
      <c r="B5300" s="1">
        <v>44860</v>
      </c>
      <c r="C5300">
        <v>2</v>
      </c>
      <c r="D5300" s="1">
        <v>44860.454861111109</v>
      </c>
      <c r="E5300" s="1">
        <v>44860.75277777778</v>
      </c>
      <c r="F5300">
        <v>13080</v>
      </c>
      <c r="G5300">
        <v>902</v>
      </c>
      <c r="H5300">
        <v>0</v>
      </c>
      <c r="I5300">
        <v>0</v>
      </c>
      <c r="J5300">
        <v>100</v>
      </c>
      <c r="K5300">
        <v>0</v>
      </c>
      <c r="L5300">
        <v>0</v>
      </c>
      <c r="M5300">
        <v>1262</v>
      </c>
      <c r="N5300">
        <v>0</v>
      </c>
      <c r="O5300">
        <v>0</v>
      </c>
      <c r="P5300">
        <v>19170</v>
      </c>
      <c r="Q5300">
        <v>0</v>
      </c>
      <c r="R5300">
        <v>33052</v>
      </c>
      <c r="S5300">
        <v>0</v>
      </c>
      <c r="T5300">
        <v>0</v>
      </c>
      <c r="U5300">
        <v>0</v>
      </c>
      <c r="V5300">
        <v>0</v>
      </c>
      <c r="W5300">
        <v>3</v>
      </c>
      <c r="X5300">
        <v>0</v>
      </c>
      <c r="Y5300">
        <v>54</v>
      </c>
      <c r="Z5300">
        <v>16</v>
      </c>
      <c r="AA5300">
        <v>37</v>
      </c>
      <c r="AB5300">
        <v>16</v>
      </c>
      <c r="AC5300">
        <v>138</v>
      </c>
      <c r="AD5300">
        <v>21</v>
      </c>
      <c r="AE5300">
        <v>67</v>
      </c>
      <c r="AF5300">
        <v>0</v>
      </c>
      <c r="AG5300">
        <v>83052</v>
      </c>
      <c r="AH5300">
        <v>50000</v>
      </c>
      <c r="AI5300">
        <v>0</v>
      </c>
      <c r="AJ5300">
        <v>29</v>
      </c>
      <c r="AK5300" t="s">
        <v>62</v>
      </c>
      <c r="AL5300">
        <v>0</v>
      </c>
      <c r="AM5300">
        <v>0</v>
      </c>
      <c r="AN5300">
        <v>0</v>
      </c>
      <c r="AO5300">
        <v>0</v>
      </c>
      <c r="AP5300">
        <v>0</v>
      </c>
      <c r="AQ5300">
        <v>0</v>
      </c>
      <c r="AR5300">
        <v>0</v>
      </c>
      <c r="AS5300">
        <v>0</v>
      </c>
      <c r="AT5300">
        <v>0</v>
      </c>
      <c r="AU5300">
        <v>0</v>
      </c>
      <c r="AV5300">
        <v>0</v>
      </c>
      <c r="AW5300">
        <v>0</v>
      </c>
      <c r="AX5300">
        <v>-1060</v>
      </c>
      <c r="AY5300">
        <v>31</v>
      </c>
      <c r="AZ5300">
        <v>55</v>
      </c>
      <c r="BA5300">
        <v>3660</v>
      </c>
    </row>
    <row r="5301" spans="1:53" x14ac:dyDescent="0.4">
      <c r="A5301">
        <v>5345</v>
      </c>
      <c r="B5301" s="1">
        <v>44860</v>
      </c>
      <c r="C5301">
        <v>3</v>
      </c>
      <c r="D5301" s="1">
        <v>44860.75277777778</v>
      </c>
      <c r="E5301" s="1">
        <v>44861.000694444447</v>
      </c>
      <c r="F5301">
        <v>56580</v>
      </c>
      <c r="G5301">
        <v>2860</v>
      </c>
      <c r="H5301">
        <v>0</v>
      </c>
      <c r="I5301">
        <v>0</v>
      </c>
      <c r="J5301">
        <v>0</v>
      </c>
      <c r="K5301">
        <v>0</v>
      </c>
      <c r="L5301">
        <v>0</v>
      </c>
      <c r="M5301">
        <v>5401</v>
      </c>
      <c r="N5301">
        <v>0</v>
      </c>
      <c r="O5301">
        <v>0</v>
      </c>
      <c r="P5301">
        <v>-16530</v>
      </c>
      <c r="Q5301">
        <v>0</v>
      </c>
      <c r="R5301">
        <v>42910</v>
      </c>
      <c r="S5301">
        <v>0</v>
      </c>
      <c r="T5301">
        <v>0</v>
      </c>
      <c r="U5301">
        <v>0</v>
      </c>
      <c r="V5301">
        <v>1</v>
      </c>
      <c r="W5301">
        <v>3</v>
      </c>
      <c r="X5301">
        <v>0</v>
      </c>
      <c r="Y5301">
        <v>69</v>
      </c>
      <c r="Z5301">
        <v>16</v>
      </c>
      <c r="AA5301">
        <v>77</v>
      </c>
      <c r="AB5301">
        <v>14</v>
      </c>
      <c r="AC5301">
        <v>168</v>
      </c>
      <c r="AD5301">
        <v>21</v>
      </c>
      <c r="AE5301">
        <v>77</v>
      </c>
      <c r="AF5301">
        <v>13700</v>
      </c>
      <c r="AG5301">
        <v>125962</v>
      </c>
      <c r="AH5301">
        <v>50000</v>
      </c>
      <c r="AI5301">
        <v>0</v>
      </c>
      <c r="AJ5301">
        <v>108</v>
      </c>
      <c r="AK5301" t="s">
        <v>3</v>
      </c>
      <c r="AL5301">
        <v>0</v>
      </c>
      <c r="AM5301">
        <v>0</v>
      </c>
      <c r="AN5301">
        <v>0</v>
      </c>
      <c r="AO5301">
        <v>0</v>
      </c>
      <c r="AP5301">
        <v>0</v>
      </c>
      <c r="AQ5301">
        <v>0</v>
      </c>
      <c r="AR5301">
        <v>0</v>
      </c>
      <c r="AS5301">
        <v>0</v>
      </c>
      <c r="AT5301">
        <v>0</v>
      </c>
      <c r="AU5301">
        <v>0</v>
      </c>
      <c r="AV5301">
        <v>0</v>
      </c>
      <c r="AW5301">
        <v>0</v>
      </c>
      <c r="AX5301">
        <v>1705</v>
      </c>
      <c r="AY5301">
        <v>14</v>
      </c>
      <c r="AZ5301">
        <v>28</v>
      </c>
      <c r="BA5301">
        <v>2881</v>
      </c>
    </row>
    <row r="5302" spans="1:53" x14ac:dyDescent="0.4">
      <c r="A5302">
        <v>5346</v>
      </c>
      <c r="B5302" s="1">
        <v>44861</v>
      </c>
      <c r="C5302">
        <v>1</v>
      </c>
      <c r="D5302" s="1">
        <v>44861.291666666664</v>
      </c>
      <c r="E5302" s="1">
        <v>44861.447916666664</v>
      </c>
      <c r="F5302">
        <v>0</v>
      </c>
      <c r="G5302">
        <v>0</v>
      </c>
      <c r="H5302">
        <v>0</v>
      </c>
      <c r="I5302">
        <v>0</v>
      </c>
      <c r="J5302">
        <v>0</v>
      </c>
      <c r="K5302">
        <v>0</v>
      </c>
      <c r="L5302">
        <v>0</v>
      </c>
      <c r="M5302">
        <v>0</v>
      </c>
      <c r="N5302">
        <v>0</v>
      </c>
      <c r="O5302">
        <v>0</v>
      </c>
      <c r="P5302">
        <v>0</v>
      </c>
      <c r="Q5302">
        <v>0</v>
      </c>
      <c r="R5302">
        <v>0</v>
      </c>
      <c r="S5302">
        <v>0</v>
      </c>
      <c r="T5302">
        <v>0</v>
      </c>
      <c r="U5302">
        <v>0</v>
      </c>
      <c r="V5302">
        <v>0</v>
      </c>
      <c r="W5302">
        <v>1</v>
      </c>
      <c r="X5302">
        <v>0</v>
      </c>
      <c r="Y5302">
        <v>28</v>
      </c>
      <c r="Z5302">
        <v>12</v>
      </c>
      <c r="AA5302">
        <v>88</v>
      </c>
      <c r="AB5302">
        <v>15</v>
      </c>
      <c r="AC5302">
        <v>127</v>
      </c>
      <c r="AD5302">
        <v>20</v>
      </c>
      <c r="AE5302">
        <v>80</v>
      </c>
      <c r="AF5302">
        <v>0</v>
      </c>
      <c r="AG5302">
        <v>50000</v>
      </c>
      <c r="AH5302">
        <v>50000</v>
      </c>
      <c r="AI5302">
        <v>0</v>
      </c>
      <c r="AJ5302">
        <v>0</v>
      </c>
      <c r="AK5302" t="s">
        <v>6</v>
      </c>
      <c r="AL5302">
        <v>0</v>
      </c>
      <c r="AM5302">
        <v>0</v>
      </c>
      <c r="AN5302">
        <v>0</v>
      </c>
      <c r="AO5302">
        <v>0</v>
      </c>
      <c r="AP5302">
        <v>0</v>
      </c>
      <c r="AQ5302">
        <v>0</v>
      </c>
      <c r="AR5302">
        <v>0</v>
      </c>
      <c r="AS5302">
        <v>0</v>
      </c>
      <c r="AT5302">
        <v>0</v>
      </c>
      <c r="AU5302">
        <v>0</v>
      </c>
      <c r="AV5302">
        <v>0</v>
      </c>
      <c r="AW5302">
        <v>0</v>
      </c>
      <c r="AX5302">
        <v>0</v>
      </c>
      <c r="AY5302">
        <v>0</v>
      </c>
      <c r="AZ5302">
        <v>0</v>
      </c>
      <c r="BA5302">
        <v>0</v>
      </c>
    </row>
    <row r="5303" spans="1:53" x14ac:dyDescent="0.4">
      <c r="A5303">
        <v>5347</v>
      </c>
      <c r="B5303" s="1">
        <v>44861</v>
      </c>
      <c r="C5303">
        <v>2</v>
      </c>
      <c r="D5303" s="1">
        <v>44861.447916666664</v>
      </c>
      <c r="E5303" s="1">
        <v>44861.740277777775</v>
      </c>
      <c r="F5303">
        <v>13330</v>
      </c>
      <c r="G5303">
        <v>1056</v>
      </c>
      <c r="H5303">
        <v>0</v>
      </c>
      <c r="I5303">
        <v>0</v>
      </c>
      <c r="J5303">
        <v>0</v>
      </c>
      <c r="K5303">
        <v>0</v>
      </c>
      <c r="L5303">
        <v>0</v>
      </c>
      <c r="M5303">
        <v>1306</v>
      </c>
      <c r="N5303">
        <v>0</v>
      </c>
      <c r="O5303">
        <v>0</v>
      </c>
      <c r="P5303">
        <v>10150</v>
      </c>
      <c r="Q5303">
        <v>0</v>
      </c>
      <c r="R5303">
        <v>24536</v>
      </c>
      <c r="S5303">
        <v>0</v>
      </c>
      <c r="T5303">
        <v>0</v>
      </c>
      <c r="U5303">
        <v>0</v>
      </c>
      <c r="V5303">
        <v>1</v>
      </c>
      <c r="W5303">
        <v>0</v>
      </c>
      <c r="X5303">
        <v>0</v>
      </c>
      <c r="Y5303">
        <v>42</v>
      </c>
      <c r="Z5303">
        <v>17</v>
      </c>
      <c r="AA5303">
        <v>89</v>
      </c>
      <c r="AB5303">
        <v>15</v>
      </c>
      <c r="AC5303">
        <v>163</v>
      </c>
      <c r="AD5303">
        <v>22</v>
      </c>
      <c r="AE5303">
        <v>86</v>
      </c>
      <c r="AF5303">
        <v>2560</v>
      </c>
      <c r="AG5303">
        <v>74536</v>
      </c>
      <c r="AH5303">
        <v>50000</v>
      </c>
      <c r="AI5303">
        <v>0</v>
      </c>
      <c r="AJ5303">
        <v>119</v>
      </c>
      <c r="AK5303" t="s">
        <v>56</v>
      </c>
      <c r="AL5303">
        <v>0</v>
      </c>
      <c r="AM5303">
        <v>0</v>
      </c>
      <c r="AN5303">
        <v>0</v>
      </c>
      <c r="AO5303">
        <v>0</v>
      </c>
      <c r="AP5303">
        <v>0</v>
      </c>
      <c r="AQ5303">
        <v>0</v>
      </c>
      <c r="AR5303">
        <v>0</v>
      </c>
      <c r="AS5303">
        <v>0</v>
      </c>
      <c r="AT5303">
        <v>0</v>
      </c>
      <c r="AU5303">
        <v>0</v>
      </c>
      <c r="AV5303">
        <v>0</v>
      </c>
      <c r="AW5303">
        <v>0</v>
      </c>
      <c r="AX5303">
        <v>-1060</v>
      </c>
      <c r="AY5303">
        <v>28</v>
      </c>
      <c r="AZ5303">
        <v>40</v>
      </c>
      <c r="BA5303">
        <v>3187</v>
      </c>
    </row>
    <row r="5304" spans="1:53" x14ac:dyDescent="0.4">
      <c r="A5304">
        <v>5348</v>
      </c>
      <c r="B5304" s="1">
        <v>44861</v>
      </c>
      <c r="C5304">
        <v>3</v>
      </c>
      <c r="D5304" s="1">
        <v>44861.740277777775</v>
      </c>
      <c r="E5304" s="1">
        <v>44862.004166666666</v>
      </c>
      <c r="F5304">
        <v>25540</v>
      </c>
      <c r="G5304">
        <v>308</v>
      </c>
      <c r="H5304">
        <v>0</v>
      </c>
      <c r="I5304">
        <v>0</v>
      </c>
      <c r="J5304">
        <v>0</v>
      </c>
      <c r="K5304">
        <v>0</v>
      </c>
      <c r="L5304">
        <v>0</v>
      </c>
      <c r="M5304">
        <v>2350</v>
      </c>
      <c r="N5304">
        <v>0</v>
      </c>
      <c r="O5304">
        <v>0</v>
      </c>
      <c r="P5304">
        <v>1850</v>
      </c>
      <c r="Q5304">
        <v>0</v>
      </c>
      <c r="R5304">
        <v>27698</v>
      </c>
      <c r="S5304">
        <v>0</v>
      </c>
      <c r="T5304">
        <v>0</v>
      </c>
      <c r="U5304">
        <v>0</v>
      </c>
      <c r="V5304">
        <v>4</v>
      </c>
      <c r="W5304">
        <v>1</v>
      </c>
      <c r="X5304">
        <v>0</v>
      </c>
      <c r="Y5304">
        <v>33</v>
      </c>
      <c r="Z5304">
        <v>14</v>
      </c>
      <c r="AA5304">
        <v>108</v>
      </c>
      <c r="AB5304">
        <v>21</v>
      </c>
      <c r="AC5304">
        <v>163</v>
      </c>
      <c r="AD5304">
        <v>22</v>
      </c>
      <c r="AE5304">
        <v>94</v>
      </c>
      <c r="AF5304">
        <v>3550</v>
      </c>
      <c r="AG5304">
        <v>102234</v>
      </c>
      <c r="AH5304">
        <v>50000</v>
      </c>
      <c r="AI5304">
        <v>0</v>
      </c>
      <c r="AJ5304">
        <v>108</v>
      </c>
      <c r="AK5304" t="s">
        <v>3</v>
      </c>
      <c r="AL5304">
        <v>0</v>
      </c>
      <c r="AM5304">
        <v>0</v>
      </c>
      <c r="AN5304">
        <v>0</v>
      </c>
      <c r="AO5304">
        <v>0</v>
      </c>
      <c r="AP5304">
        <v>0</v>
      </c>
      <c r="AQ5304">
        <v>0</v>
      </c>
      <c r="AR5304">
        <v>0</v>
      </c>
      <c r="AS5304">
        <v>0</v>
      </c>
      <c r="AT5304">
        <v>0</v>
      </c>
      <c r="AU5304">
        <v>0</v>
      </c>
      <c r="AV5304">
        <v>0</v>
      </c>
      <c r="AW5304">
        <v>0</v>
      </c>
      <c r="AX5304">
        <v>0</v>
      </c>
      <c r="AY5304">
        <v>11</v>
      </c>
      <c r="AZ5304">
        <v>23</v>
      </c>
      <c r="BA5304">
        <v>2181</v>
      </c>
    </row>
    <row r="5305" spans="1:53" x14ac:dyDescent="0.4">
      <c r="A5305">
        <v>5349</v>
      </c>
      <c r="B5305" s="1">
        <v>44862</v>
      </c>
      <c r="C5305">
        <v>1</v>
      </c>
      <c r="D5305" s="1">
        <v>44862.291666666664</v>
      </c>
      <c r="E5305" s="1">
        <v>44862.443749999999</v>
      </c>
      <c r="F5305">
        <v>0</v>
      </c>
      <c r="G5305">
        <v>0</v>
      </c>
      <c r="H5305">
        <v>0</v>
      </c>
      <c r="I5305">
        <v>0</v>
      </c>
      <c r="J5305">
        <v>0</v>
      </c>
      <c r="K5305">
        <v>0</v>
      </c>
      <c r="L5305">
        <v>0</v>
      </c>
      <c r="M5305">
        <v>0</v>
      </c>
      <c r="N5305">
        <v>0</v>
      </c>
      <c r="O5305">
        <v>0</v>
      </c>
      <c r="P5305">
        <v>0</v>
      </c>
      <c r="Q5305">
        <v>0</v>
      </c>
      <c r="R5305">
        <v>0</v>
      </c>
      <c r="S5305">
        <v>0</v>
      </c>
      <c r="T5305">
        <v>0</v>
      </c>
      <c r="U5305">
        <v>0</v>
      </c>
      <c r="V5305">
        <v>0</v>
      </c>
      <c r="W5305">
        <v>1</v>
      </c>
      <c r="X5305">
        <v>0</v>
      </c>
      <c r="Y5305">
        <v>25</v>
      </c>
      <c r="Z5305">
        <v>11</v>
      </c>
      <c r="AA5305">
        <v>121</v>
      </c>
      <c r="AB5305">
        <v>20</v>
      </c>
      <c r="AC5305">
        <v>120</v>
      </c>
      <c r="AD5305">
        <v>22</v>
      </c>
      <c r="AE5305">
        <v>90</v>
      </c>
      <c r="AF5305">
        <v>0</v>
      </c>
      <c r="AG5305">
        <v>50000</v>
      </c>
      <c r="AH5305">
        <v>50000</v>
      </c>
      <c r="AI5305">
        <v>0</v>
      </c>
      <c r="AJ5305">
        <v>0</v>
      </c>
      <c r="AK5305" t="s">
        <v>6</v>
      </c>
      <c r="AL5305">
        <v>0</v>
      </c>
      <c r="AM5305">
        <v>0</v>
      </c>
      <c r="AN5305">
        <v>0</v>
      </c>
      <c r="AO5305">
        <v>0</v>
      </c>
      <c r="AP5305">
        <v>0</v>
      </c>
      <c r="AQ5305">
        <v>0</v>
      </c>
      <c r="AR5305">
        <v>0</v>
      </c>
      <c r="AS5305">
        <v>0</v>
      </c>
      <c r="AT5305">
        <v>0</v>
      </c>
      <c r="AU5305">
        <v>0</v>
      </c>
      <c r="AV5305">
        <v>0</v>
      </c>
      <c r="AW5305">
        <v>0</v>
      </c>
      <c r="AX5305">
        <v>0</v>
      </c>
      <c r="AY5305">
        <v>0</v>
      </c>
      <c r="AZ5305">
        <v>0</v>
      </c>
      <c r="BA5305">
        <v>0</v>
      </c>
    </row>
    <row r="5306" spans="1:53" x14ac:dyDescent="0.4">
      <c r="A5306">
        <v>5350</v>
      </c>
      <c r="B5306" s="1">
        <v>44862</v>
      </c>
      <c r="C5306">
        <v>2</v>
      </c>
      <c r="D5306" s="1">
        <v>44862.443749999999</v>
      </c>
      <c r="E5306" s="1">
        <v>44862.736111111109</v>
      </c>
      <c r="F5306">
        <v>13390</v>
      </c>
      <c r="G5306">
        <v>594</v>
      </c>
      <c r="H5306">
        <v>220</v>
      </c>
      <c r="I5306">
        <v>0</v>
      </c>
      <c r="J5306">
        <v>0</v>
      </c>
      <c r="K5306">
        <v>400</v>
      </c>
      <c r="L5306">
        <v>0</v>
      </c>
      <c r="M5306">
        <v>1326</v>
      </c>
      <c r="N5306">
        <v>0</v>
      </c>
      <c r="O5306">
        <v>0</v>
      </c>
      <c r="P5306">
        <v>20310</v>
      </c>
      <c r="Q5306">
        <v>0</v>
      </c>
      <c r="R5306">
        <v>34914</v>
      </c>
      <c r="S5306">
        <v>0</v>
      </c>
      <c r="T5306">
        <v>0</v>
      </c>
      <c r="U5306">
        <v>0</v>
      </c>
      <c r="V5306">
        <v>2</v>
      </c>
      <c r="W5306">
        <v>0</v>
      </c>
      <c r="X5306">
        <v>0</v>
      </c>
      <c r="Y5306">
        <v>43</v>
      </c>
      <c r="Z5306">
        <v>11</v>
      </c>
      <c r="AA5306">
        <v>136</v>
      </c>
      <c r="AB5306">
        <v>13</v>
      </c>
      <c r="AC5306">
        <v>136</v>
      </c>
      <c r="AD5306">
        <v>23</v>
      </c>
      <c r="AE5306">
        <v>89</v>
      </c>
      <c r="AF5306">
        <v>600</v>
      </c>
      <c r="AG5306">
        <v>84914</v>
      </c>
      <c r="AH5306">
        <v>50000</v>
      </c>
      <c r="AI5306">
        <v>0</v>
      </c>
      <c r="AJ5306">
        <v>116</v>
      </c>
      <c r="AK5306" t="s">
        <v>54</v>
      </c>
      <c r="AL5306">
        <v>0</v>
      </c>
      <c r="AM5306">
        <v>0</v>
      </c>
      <c r="AN5306">
        <v>0</v>
      </c>
      <c r="AO5306">
        <v>0</v>
      </c>
      <c r="AP5306">
        <v>0</v>
      </c>
      <c r="AQ5306">
        <v>0</v>
      </c>
      <c r="AR5306">
        <v>0</v>
      </c>
      <c r="AS5306">
        <v>0</v>
      </c>
      <c r="AT5306">
        <v>0</v>
      </c>
      <c r="AU5306">
        <v>0</v>
      </c>
      <c r="AV5306">
        <v>0</v>
      </c>
      <c r="AW5306">
        <v>0</v>
      </c>
      <c r="AX5306">
        <v>0</v>
      </c>
      <c r="AY5306">
        <v>35</v>
      </c>
      <c r="AZ5306">
        <v>55</v>
      </c>
      <c r="BA5306">
        <v>4506</v>
      </c>
    </row>
    <row r="5307" spans="1:53" x14ac:dyDescent="0.4">
      <c r="A5307">
        <v>5351</v>
      </c>
      <c r="B5307" s="1">
        <v>44862</v>
      </c>
      <c r="C5307">
        <v>3</v>
      </c>
      <c r="D5307" s="1">
        <v>44862.736111111109</v>
      </c>
      <c r="E5307" s="1">
        <v>44862.98333333333</v>
      </c>
      <c r="F5307">
        <v>80100</v>
      </c>
      <c r="G5307">
        <v>440</v>
      </c>
      <c r="H5307">
        <v>0</v>
      </c>
      <c r="I5307">
        <v>0</v>
      </c>
      <c r="J5307">
        <v>100</v>
      </c>
      <c r="K5307">
        <v>0</v>
      </c>
      <c r="L5307">
        <v>0</v>
      </c>
      <c r="M5307">
        <v>7309</v>
      </c>
      <c r="N5307">
        <v>0</v>
      </c>
      <c r="O5307">
        <v>0</v>
      </c>
      <c r="P5307">
        <v>-20310</v>
      </c>
      <c r="Q5307">
        <v>0</v>
      </c>
      <c r="R5307">
        <v>60130</v>
      </c>
      <c r="S5307">
        <v>0</v>
      </c>
      <c r="T5307">
        <v>0</v>
      </c>
      <c r="U5307">
        <v>0</v>
      </c>
      <c r="V5307">
        <v>6</v>
      </c>
      <c r="W5307">
        <v>0</v>
      </c>
      <c r="X5307">
        <v>0</v>
      </c>
      <c r="Y5307">
        <v>62</v>
      </c>
      <c r="Z5307">
        <v>5</v>
      </c>
      <c r="AA5307">
        <v>143</v>
      </c>
      <c r="AB5307">
        <v>15</v>
      </c>
      <c r="AC5307">
        <v>137</v>
      </c>
      <c r="AD5307">
        <v>23</v>
      </c>
      <c r="AE5307">
        <v>89</v>
      </c>
      <c r="AF5307">
        <v>3920</v>
      </c>
      <c r="AG5307">
        <v>145044</v>
      </c>
      <c r="AH5307">
        <v>50000</v>
      </c>
      <c r="AI5307">
        <v>0</v>
      </c>
      <c r="AJ5307">
        <v>119</v>
      </c>
      <c r="AK5307" t="s">
        <v>56</v>
      </c>
      <c r="AL5307">
        <v>0</v>
      </c>
      <c r="AM5307">
        <v>0</v>
      </c>
      <c r="AN5307">
        <v>0</v>
      </c>
      <c r="AO5307">
        <v>0</v>
      </c>
      <c r="AP5307">
        <v>0</v>
      </c>
      <c r="AQ5307">
        <v>0</v>
      </c>
      <c r="AR5307">
        <v>0</v>
      </c>
      <c r="AS5307">
        <v>0</v>
      </c>
      <c r="AT5307">
        <v>0</v>
      </c>
      <c r="AU5307">
        <v>0</v>
      </c>
      <c r="AV5307">
        <v>0</v>
      </c>
      <c r="AW5307">
        <v>0</v>
      </c>
      <c r="AX5307">
        <v>38088</v>
      </c>
      <c r="AY5307">
        <v>24</v>
      </c>
      <c r="AZ5307">
        <v>58</v>
      </c>
      <c r="BA5307">
        <v>3744</v>
      </c>
    </row>
    <row r="5308" spans="1:53" x14ac:dyDescent="0.4">
      <c r="A5308">
        <v>5352</v>
      </c>
      <c r="B5308" s="1">
        <v>44862</v>
      </c>
      <c r="C5308">
        <v>4</v>
      </c>
      <c r="D5308" s="1">
        <v>44862.98333333333</v>
      </c>
      <c r="E5308" s="1">
        <v>44863.044444444444</v>
      </c>
      <c r="F5308">
        <v>36140</v>
      </c>
      <c r="G5308">
        <v>220</v>
      </c>
      <c r="H5308">
        <v>0</v>
      </c>
      <c r="I5308">
        <v>0</v>
      </c>
      <c r="J5308">
        <v>0</v>
      </c>
      <c r="K5308">
        <v>0</v>
      </c>
      <c r="L5308">
        <v>0</v>
      </c>
      <c r="M5308">
        <v>3305</v>
      </c>
      <c r="N5308">
        <v>0</v>
      </c>
      <c r="O5308">
        <v>0</v>
      </c>
      <c r="P5308">
        <v>5400</v>
      </c>
      <c r="Q5308">
        <v>0</v>
      </c>
      <c r="R5308">
        <v>41760</v>
      </c>
      <c r="S5308">
        <v>0</v>
      </c>
      <c r="T5308">
        <v>0</v>
      </c>
      <c r="U5308">
        <v>0</v>
      </c>
      <c r="V5308">
        <v>8</v>
      </c>
      <c r="W5308">
        <v>1</v>
      </c>
      <c r="X5308">
        <v>0</v>
      </c>
      <c r="Y5308">
        <v>78</v>
      </c>
      <c r="Z5308">
        <v>4</v>
      </c>
      <c r="AA5308">
        <v>141</v>
      </c>
      <c r="AB5308">
        <v>13</v>
      </c>
      <c r="AC5308">
        <v>133</v>
      </c>
      <c r="AD5308">
        <v>23</v>
      </c>
      <c r="AE5308">
        <v>89</v>
      </c>
      <c r="AF5308">
        <v>5520</v>
      </c>
      <c r="AG5308">
        <v>186804</v>
      </c>
      <c r="AH5308">
        <v>50000</v>
      </c>
      <c r="AI5308">
        <v>0</v>
      </c>
      <c r="AJ5308">
        <v>119</v>
      </c>
      <c r="AK5308" t="s">
        <v>56</v>
      </c>
      <c r="AL5308">
        <v>0</v>
      </c>
      <c r="AM5308">
        <v>0</v>
      </c>
      <c r="AN5308">
        <v>0</v>
      </c>
      <c r="AO5308">
        <v>0</v>
      </c>
      <c r="AP5308">
        <v>0</v>
      </c>
      <c r="AQ5308">
        <v>0</v>
      </c>
      <c r="AR5308">
        <v>0</v>
      </c>
      <c r="AS5308">
        <v>0</v>
      </c>
      <c r="AT5308">
        <v>0</v>
      </c>
      <c r="AU5308">
        <v>0</v>
      </c>
      <c r="AV5308">
        <v>0</v>
      </c>
      <c r="AW5308">
        <v>0</v>
      </c>
      <c r="AX5308">
        <v>17226</v>
      </c>
      <c r="AY5308">
        <v>0</v>
      </c>
      <c r="AZ5308">
        <v>-3</v>
      </c>
      <c r="BA5308">
        <v>415</v>
      </c>
    </row>
    <row r="5309" spans="1:53" x14ac:dyDescent="0.4">
      <c r="A5309">
        <v>5353</v>
      </c>
      <c r="B5309" s="1">
        <v>44863</v>
      </c>
      <c r="C5309">
        <v>1</v>
      </c>
      <c r="D5309" s="1">
        <v>44863.291666666664</v>
      </c>
      <c r="E5309" s="1">
        <v>44863.536805555559</v>
      </c>
      <c r="F5309">
        <v>2120</v>
      </c>
      <c r="G5309">
        <v>0</v>
      </c>
      <c r="H5309">
        <v>0</v>
      </c>
      <c r="I5309">
        <v>0</v>
      </c>
      <c r="J5309">
        <v>0</v>
      </c>
      <c r="K5309">
        <v>0</v>
      </c>
      <c r="L5309">
        <v>0</v>
      </c>
      <c r="M5309">
        <v>192</v>
      </c>
      <c r="N5309">
        <v>0</v>
      </c>
      <c r="O5309">
        <v>0</v>
      </c>
      <c r="P5309">
        <v>29785</v>
      </c>
      <c r="Q5309">
        <v>0</v>
      </c>
      <c r="R5309">
        <v>31905</v>
      </c>
      <c r="S5309">
        <v>0</v>
      </c>
      <c r="T5309">
        <v>0</v>
      </c>
      <c r="U5309">
        <v>0</v>
      </c>
      <c r="V5309">
        <v>2</v>
      </c>
      <c r="W5309">
        <v>3</v>
      </c>
      <c r="X5309">
        <v>0</v>
      </c>
      <c r="Y5309">
        <v>26</v>
      </c>
      <c r="Z5309">
        <v>12</v>
      </c>
      <c r="AA5309">
        <v>116</v>
      </c>
      <c r="AB5309">
        <v>10</v>
      </c>
      <c r="AC5309">
        <v>120</v>
      </c>
      <c r="AD5309">
        <v>23</v>
      </c>
      <c r="AE5309">
        <v>90</v>
      </c>
      <c r="AF5309">
        <v>1400</v>
      </c>
      <c r="AG5309">
        <v>81905</v>
      </c>
      <c r="AH5309">
        <v>50000</v>
      </c>
      <c r="AI5309">
        <v>0</v>
      </c>
      <c r="AJ5309">
        <v>29</v>
      </c>
      <c r="AK5309" t="s">
        <v>62</v>
      </c>
      <c r="AL5309">
        <v>0</v>
      </c>
      <c r="AM5309">
        <v>0</v>
      </c>
      <c r="AN5309">
        <v>0</v>
      </c>
      <c r="AO5309">
        <v>0</v>
      </c>
      <c r="AP5309">
        <v>0</v>
      </c>
      <c r="AQ5309">
        <v>0</v>
      </c>
      <c r="AR5309">
        <v>0</v>
      </c>
      <c r="AS5309">
        <v>0</v>
      </c>
      <c r="AT5309">
        <v>0</v>
      </c>
      <c r="AU5309">
        <v>0</v>
      </c>
      <c r="AV5309">
        <v>0</v>
      </c>
      <c r="AW5309">
        <v>0</v>
      </c>
      <c r="AX5309">
        <v>328</v>
      </c>
      <c r="AY5309">
        <v>22</v>
      </c>
      <c r="AZ5309">
        <v>46</v>
      </c>
      <c r="BA5309">
        <v>2290</v>
      </c>
    </row>
    <row r="5310" spans="1:53" x14ac:dyDescent="0.4">
      <c r="A5310">
        <v>5354</v>
      </c>
      <c r="B5310" s="1">
        <v>44863</v>
      </c>
      <c r="C5310">
        <v>2</v>
      </c>
      <c r="D5310" s="1">
        <v>44863.536805555559</v>
      </c>
      <c r="E5310" s="1">
        <v>44863.74722222222</v>
      </c>
      <c r="F5310">
        <v>42475</v>
      </c>
      <c r="G5310">
        <v>3366</v>
      </c>
      <c r="H5310">
        <v>0</v>
      </c>
      <c r="I5310">
        <v>0</v>
      </c>
      <c r="J5310">
        <v>100</v>
      </c>
      <c r="K5310">
        <v>0</v>
      </c>
      <c r="L5310">
        <v>0</v>
      </c>
      <c r="M5310">
        <v>4158</v>
      </c>
      <c r="N5310">
        <v>0</v>
      </c>
      <c r="O5310">
        <v>0</v>
      </c>
      <c r="P5310">
        <v>-4195</v>
      </c>
      <c r="Q5310">
        <v>0</v>
      </c>
      <c r="R5310">
        <v>41546</v>
      </c>
      <c r="S5310">
        <v>0</v>
      </c>
      <c r="T5310">
        <v>0</v>
      </c>
      <c r="U5310">
        <v>0</v>
      </c>
      <c r="V5310">
        <v>3</v>
      </c>
      <c r="W5310">
        <v>6</v>
      </c>
      <c r="X5310">
        <v>0</v>
      </c>
      <c r="Y5310">
        <v>36</v>
      </c>
      <c r="Z5310">
        <v>15</v>
      </c>
      <c r="AA5310">
        <v>126</v>
      </c>
      <c r="AB5310">
        <v>12</v>
      </c>
      <c r="AC5310">
        <v>124</v>
      </c>
      <c r="AD5310">
        <v>25</v>
      </c>
      <c r="AE5310">
        <v>86</v>
      </c>
      <c r="AF5310">
        <v>5300</v>
      </c>
      <c r="AG5310">
        <v>123451</v>
      </c>
      <c r="AH5310">
        <v>50000</v>
      </c>
      <c r="AI5310">
        <v>0</v>
      </c>
      <c r="AJ5310">
        <v>29</v>
      </c>
      <c r="AK5310" t="s">
        <v>62</v>
      </c>
      <c r="AL5310">
        <v>0</v>
      </c>
      <c r="AM5310">
        <v>0</v>
      </c>
      <c r="AN5310">
        <v>0</v>
      </c>
      <c r="AO5310">
        <v>0</v>
      </c>
      <c r="AP5310">
        <v>0</v>
      </c>
      <c r="AQ5310">
        <v>0</v>
      </c>
      <c r="AR5310">
        <v>0</v>
      </c>
      <c r="AS5310">
        <v>0</v>
      </c>
      <c r="AT5310">
        <v>0</v>
      </c>
      <c r="AU5310">
        <v>0</v>
      </c>
      <c r="AV5310">
        <v>0</v>
      </c>
      <c r="AW5310">
        <v>0</v>
      </c>
      <c r="AX5310">
        <v>-4096</v>
      </c>
      <c r="AY5310">
        <v>29</v>
      </c>
      <c r="AZ5310">
        <v>65</v>
      </c>
      <c r="BA5310">
        <v>5547</v>
      </c>
    </row>
    <row r="5311" spans="1:53" x14ac:dyDescent="0.4">
      <c r="A5311">
        <v>5355</v>
      </c>
      <c r="B5311" s="1">
        <v>44864</v>
      </c>
      <c r="C5311">
        <v>1</v>
      </c>
      <c r="D5311" s="1">
        <v>44864.291666666664</v>
      </c>
      <c r="E5311" s="1">
        <v>44864.408333333333</v>
      </c>
      <c r="F5311">
        <v>0</v>
      </c>
      <c r="G5311">
        <v>0</v>
      </c>
      <c r="H5311">
        <v>0</v>
      </c>
      <c r="I5311">
        <v>0</v>
      </c>
      <c r="J5311">
        <v>0</v>
      </c>
      <c r="K5311">
        <v>0</v>
      </c>
      <c r="L5311">
        <v>0</v>
      </c>
      <c r="M5311">
        <v>0</v>
      </c>
      <c r="N5311">
        <v>0</v>
      </c>
      <c r="O5311">
        <v>0</v>
      </c>
      <c r="P5311">
        <v>0</v>
      </c>
      <c r="Q5311">
        <v>0</v>
      </c>
      <c r="R5311">
        <v>0</v>
      </c>
      <c r="S5311">
        <v>0</v>
      </c>
      <c r="T5311">
        <v>0</v>
      </c>
      <c r="U5311">
        <v>0</v>
      </c>
      <c r="V5311">
        <v>0</v>
      </c>
      <c r="W5311">
        <v>1</v>
      </c>
      <c r="X5311">
        <v>0</v>
      </c>
      <c r="Y5311">
        <v>26</v>
      </c>
      <c r="Z5311">
        <v>10</v>
      </c>
      <c r="AA5311">
        <v>121</v>
      </c>
      <c r="AB5311">
        <v>16</v>
      </c>
      <c r="AC5311">
        <v>90</v>
      </c>
      <c r="AD5311">
        <v>23</v>
      </c>
      <c r="AE5311">
        <v>85</v>
      </c>
      <c r="AF5311">
        <v>0</v>
      </c>
      <c r="AG5311">
        <v>50000</v>
      </c>
      <c r="AH5311">
        <v>50000</v>
      </c>
      <c r="AI5311">
        <v>0</v>
      </c>
      <c r="AJ5311">
        <v>0</v>
      </c>
      <c r="AK5311" t="s">
        <v>6</v>
      </c>
      <c r="AL5311">
        <v>0</v>
      </c>
      <c r="AM5311">
        <v>0</v>
      </c>
      <c r="AN5311">
        <v>0</v>
      </c>
      <c r="AO5311">
        <v>0</v>
      </c>
      <c r="AP5311">
        <v>0</v>
      </c>
      <c r="AQ5311">
        <v>0</v>
      </c>
      <c r="AR5311">
        <v>0</v>
      </c>
      <c r="AS5311">
        <v>0</v>
      </c>
      <c r="AT5311">
        <v>0</v>
      </c>
      <c r="AU5311">
        <v>0</v>
      </c>
      <c r="AV5311">
        <v>0</v>
      </c>
      <c r="AW5311">
        <v>0</v>
      </c>
      <c r="AX5311">
        <v>0</v>
      </c>
      <c r="AY5311">
        <v>0</v>
      </c>
      <c r="AZ5311">
        <v>0</v>
      </c>
      <c r="BA5311">
        <v>0</v>
      </c>
    </row>
    <row r="5312" spans="1:53" x14ac:dyDescent="0.4">
      <c r="A5312">
        <v>5356</v>
      </c>
      <c r="B5312" s="1">
        <v>44864</v>
      </c>
      <c r="C5312">
        <v>2</v>
      </c>
      <c r="D5312" s="1">
        <v>44864.408333333333</v>
      </c>
      <c r="E5312" s="1">
        <v>44864.747916666667</v>
      </c>
      <c r="F5312">
        <v>50820</v>
      </c>
      <c r="G5312">
        <v>1496</v>
      </c>
      <c r="H5312">
        <v>220</v>
      </c>
      <c r="I5312">
        <v>0</v>
      </c>
      <c r="J5312">
        <v>0</v>
      </c>
      <c r="K5312">
        <v>0</v>
      </c>
      <c r="L5312">
        <v>0</v>
      </c>
      <c r="M5312">
        <v>4770</v>
      </c>
      <c r="N5312">
        <v>0</v>
      </c>
      <c r="O5312">
        <v>0</v>
      </c>
      <c r="P5312">
        <v>21300</v>
      </c>
      <c r="Q5312">
        <v>0</v>
      </c>
      <c r="R5312">
        <v>73836</v>
      </c>
      <c r="S5312">
        <v>0</v>
      </c>
      <c r="T5312">
        <v>0</v>
      </c>
      <c r="U5312">
        <v>0</v>
      </c>
      <c r="V5312">
        <v>2</v>
      </c>
      <c r="W5312">
        <v>1</v>
      </c>
      <c r="X5312">
        <v>0</v>
      </c>
      <c r="Y5312">
        <v>61</v>
      </c>
      <c r="Z5312">
        <v>27</v>
      </c>
      <c r="AA5312">
        <v>183</v>
      </c>
      <c r="AB5312">
        <v>18</v>
      </c>
      <c r="AC5312">
        <v>110</v>
      </c>
      <c r="AD5312">
        <v>23</v>
      </c>
      <c r="AE5312">
        <v>81</v>
      </c>
      <c r="AF5312">
        <v>4060</v>
      </c>
      <c r="AG5312">
        <v>124056</v>
      </c>
      <c r="AH5312">
        <v>50000</v>
      </c>
      <c r="AI5312">
        <v>220</v>
      </c>
      <c r="AJ5312">
        <v>118</v>
      </c>
      <c r="AK5312" t="s">
        <v>59</v>
      </c>
      <c r="AL5312">
        <v>0</v>
      </c>
      <c r="AM5312">
        <v>0</v>
      </c>
      <c r="AN5312">
        <v>0</v>
      </c>
      <c r="AO5312">
        <v>0</v>
      </c>
      <c r="AP5312">
        <v>0</v>
      </c>
      <c r="AQ5312">
        <v>0</v>
      </c>
      <c r="AR5312">
        <v>0</v>
      </c>
      <c r="AS5312">
        <v>0</v>
      </c>
      <c r="AT5312">
        <v>0</v>
      </c>
      <c r="AU5312">
        <v>0</v>
      </c>
      <c r="AV5312">
        <v>0</v>
      </c>
      <c r="AW5312">
        <v>0</v>
      </c>
      <c r="AX5312">
        <v>-2400</v>
      </c>
      <c r="AY5312">
        <v>55</v>
      </c>
      <c r="AZ5312">
        <v>119</v>
      </c>
      <c r="BA5312">
        <v>7874</v>
      </c>
    </row>
    <row r="5313" spans="1:53" x14ac:dyDescent="0.4">
      <c r="A5313">
        <v>5357</v>
      </c>
      <c r="B5313" s="1">
        <v>44864</v>
      </c>
      <c r="C5313">
        <v>3</v>
      </c>
      <c r="D5313" s="1">
        <v>44864.747916666667</v>
      </c>
      <c r="E5313" s="1">
        <v>44864.95</v>
      </c>
      <c r="F5313">
        <v>34380</v>
      </c>
      <c r="G5313">
        <v>924</v>
      </c>
      <c r="H5313">
        <v>0</v>
      </c>
      <c r="I5313">
        <v>0</v>
      </c>
      <c r="J5313">
        <v>0</v>
      </c>
      <c r="K5313">
        <v>0</v>
      </c>
      <c r="L5313">
        <v>0</v>
      </c>
      <c r="M5313">
        <v>3206</v>
      </c>
      <c r="N5313">
        <v>0</v>
      </c>
      <c r="O5313">
        <v>0</v>
      </c>
      <c r="P5313">
        <v>-17310</v>
      </c>
      <c r="Q5313">
        <v>0</v>
      </c>
      <c r="R5313">
        <v>17994</v>
      </c>
      <c r="S5313">
        <v>0</v>
      </c>
      <c r="T5313">
        <v>0</v>
      </c>
      <c r="U5313">
        <v>0</v>
      </c>
      <c r="V5313">
        <v>3</v>
      </c>
      <c r="W5313">
        <v>1</v>
      </c>
      <c r="X5313">
        <v>0</v>
      </c>
      <c r="Y5313">
        <v>66</v>
      </c>
      <c r="Z5313">
        <v>29</v>
      </c>
      <c r="AA5313">
        <v>186</v>
      </c>
      <c r="AB5313">
        <v>20</v>
      </c>
      <c r="AC5313">
        <v>104</v>
      </c>
      <c r="AD5313">
        <v>24</v>
      </c>
      <c r="AE5313">
        <v>80</v>
      </c>
      <c r="AF5313">
        <v>5490</v>
      </c>
      <c r="AG5313">
        <v>141830</v>
      </c>
      <c r="AH5313">
        <v>50000</v>
      </c>
      <c r="AI5313">
        <v>0</v>
      </c>
      <c r="AJ5313">
        <v>108</v>
      </c>
      <c r="AK5313" t="s">
        <v>3</v>
      </c>
      <c r="AL5313">
        <v>0</v>
      </c>
      <c r="AM5313">
        <v>0</v>
      </c>
      <c r="AN5313">
        <v>0</v>
      </c>
      <c r="AO5313">
        <v>0</v>
      </c>
      <c r="AP5313">
        <v>0</v>
      </c>
      <c r="AQ5313">
        <v>0</v>
      </c>
      <c r="AR5313">
        <v>0</v>
      </c>
      <c r="AS5313">
        <v>0</v>
      </c>
      <c r="AT5313">
        <v>0</v>
      </c>
      <c r="AU5313">
        <v>0</v>
      </c>
      <c r="AV5313">
        <v>0</v>
      </c>
      <c r="AW5313">
        <v>0</v>
      </c>
      <c r="AX5313">
        <v>2640</v>
      </c>
      <c r="AY5313">
        <v>9</v>
      </c>
      <c r="AZ5313">
        <v>20</v>
      </c>
      <c r="BA5313">
        <v>2640</v>
      </c>
    </row>
    <row r="5314" spans="1:53" x14ac:dyDescent="0.4">
      <c r="A5314">
        <v>5358</v>
      </c>
      <c r="B5314" s="1">
        <v>44865</v>
      </c>
      <c r="C5314">
        <v>1</v>
      </c>
      <c r="D5314" s="1">
        <v>44865.291666666664</v>
      </c>
      <c r="E5314" s="1">
        <v>44865.447916666664</v>
      </c>
      <c r="F5314">
        <v>0</v>
      </c>
      <c r="G5314">
        <v>0</v>
      </c>
      <c r="H5314">
        <v>0</v>
      </c>
      <c r="I5314">
        <v>0</v>
      </c>
      <c r="J5314">
        <v>0</v>
      </c>
      <c r="K5314">
        <v>0</v>
      </c>
      <c r="L5314">
        <v>0</v>
      </c>
      <c r="M5314">
        <v>0</v>
      </c>
      <c r="N5314">
        <v>0</v>
      </c>
      <c r="O5314">
        <v>0</v>
      </c>
      <c r="P5314">
        <v>0</v>
      </c>
      <c r="Q5314">
        <v>0</v>
      </c>
      <c r="R5314">
        <v>0</v>
      </c>
      <c r="S5314">
        <v>0</v>
      </c>
      <c r="T5314">
        <v>0</v>
      </c>
      <c r="U5314">
        <v>0</v>
      </c>
      <c r="V5314">
        <v>0</v>
      </c>
      <c r="W5314">
        <v>1</v>
      </c>
      <c r="X5314">
        <v>0</v>
      </c>
      <c r="Y5314">
        <v>25</v>
      </c>
      <c r="Z5314">
        <v>10</v>
      </c>
      <c r="AA5314">
        <v>127</v>
      </c>
      <c r="AB5314">
        <v>21</v>
      </c>
      <c r="AC5314">
        <v>105</v>
      </c>
      <c r="AD5314">
        <v>25</v>
      </c>
      <c r="AE5314">
        <v>75</v>
      </c>
      <c r="AF5314">
        <v>0</v>
      </c>
      <c r="AG5314">
        <v>50000</v>
      </c>
      <c r="AH5314">
        <v>50000</v>
      </c>
      <c r="AI5314">
        <v>0</v>
      </c>
      <c r="AJ5314">
        <v>0</v>
      </c>
      <c r="AK5314" t="s">
        <v>6</v>
      </c>
      <c r="AL5314">
        <v>0</v>
      </c>
      <c r="AM5314">
        <v>0</v>
      </c>
      <c r="AN5314">
        <v>0</v>
      </c>
      <c r="AO5314">
        <v>0</v>
      </c>
      <c r="AP5314">
        <v>0</v>
      </c>
      <c r="AQ5314">
        <v>0</v>
      </c>
      <c r="AR5314">
        <v>0</v>
      </c>
      <c r="AS5314">
        <v>0</v>
      </c>
      <c r="AT5314">
        <v>0</v>
      </c>
      <c r="AU5314">
        <v>0</v>
      </c>
      <c r="AV5314">
        <v>0</v>
      </c>
      <c r="AW5314">
        <v>0</v>
      </c>
      <c r="AX5314">
        <v>0</v>
      </c>
      <c r="AY5314">
        <v>0</v>
      </c>
      <c r="AZ5314">
        <v>0</v>
      </c>
      <c r="BA5314">
        <v>0</v>
      </c>
    </row>
    <row r="5315" spans="1:53" x14ac:dyDescent="0.4">
      <c r="A5315">
        <v>5359</v>
      </c>
      <c r="B5315" s="1">
        <v>44865</v>
      </c>
      <c r="C5315">
        <v>2</v>
      </c>
      <c r="D5315" s="1">
        <v>44865.447916666664</v>
      </c>
      <c r="E5315" s="1">
        <v>44865.741666666669</v>
      </c>
      <c r="F5315">
        <v>23290</v>
      </c>
      <c r="G5315">
        <v>1804</v>
      </c>
      <c r="H5315">
        <v>0</v>
      </c>
      <c r="I5315">
        <v>0</v>
      </c>
      <c r="J5315">
        <v>100</v>
      </c>
      <c r="K5315">
        <v>0</v>
      </c>
      <c r="L5315">
        <v>0</v>
      </c>
      <c r="M5315">
        <v>2271</v>
      </c>
      <c r="N5315">
        <v>0</v>
      </c>
      <c r="O5315">
        <v>0</v>
      </c>
      <c r="P5315">
        <v>16460</v>
      </c>
      <c r="Q5315">
        <v>0</v>
      </c>
      <c r="R5315">
        <v>41454</v>
      </c>
      <c r="S5315">
        <v>0</v>
      </c>
      <c r="T5315">
        <v>0</v>
      </c>
      <c r="U5315">
        <v>0</v>
      </c>
      <c r="V5315">
        <v>1</v>
      </c>
      <c r="W5315">
        <v>0</v>
      </c>
      <c r="X5315">
        <v>0</v>
      </c>
      <c r="Y5315">
        <v>51</v>
      </c>
      <c r="Z5315">
        <v>25</v>
      </c>
      <c r="AA5315">
        <v>124</v>
      </c>
      <c r="AB5315">
        <v>16</v>
      </c>
      <c r="AC5315">
        <v>134</v>
      </c>
      <c r="AD5315">
        <v>24</v>
      </c>
      <c r="AE5315">
        <v>74</v>
      </c>
      <c r="AF5315">
        <v>3220</v>
      </c>
      <c r="AG5315">
        <v>91454</v>
      </c>
      <c r="AH5315">
        <v>50000</v>
      </c>
      <c r="AI5315">
        <v>0</v>
      </c>
      <c r="AJ5315">
        <v>116</v>
      </c>
      <c r="AK5315" t="s">
        <v>54</v>
      </c>
      <c r="AL5315">
        <v>0</v>
      </c>
      <c r="AM5315">
        <v>0</v>
      </c>
      <c r="AN5315">
        <v>0</v>
      </c>
      <c r="AO5315">
        <v>0</v>
      </c>
      <c r="AP5315">
        <v>0</v>
      </c>
      <c r="AQ5315">
        <v>0</v>
      </c>
      <c r="AR5315">
        <v>0</v>
      </c>
      <c r="AS5315">
        <v>0</v>
      </c>
      <c r="AT5315">
        <v>0</v>
      </c>
      <c r="AU5315">
        <v>0</v>
      </c>
      <c r="AV5315">
        <v>0</v>
      </c>
      <c r="AW5315">
        <v>0</v>
      </c>
      <c r="AX5315">
        <v>-1800</v>
      </c>
      <c r="AY5315">
        <v>40</v>
      </c>
      <c r="AZ5315">
        <v>69</v>
      </c>
      <c r="BA5315">
        <v>5017</v>
      </c>
    </row>
    <row r="5316" spans="1:53" x14ac:dyDescent="0.4">
      <c r="A5316">
        <v>5360</v>
      </c>
      <c r="B5316" s="1">
        <v>44866</v>
      </c>
      <c r="C5316">
        <v>1</v>
      </c>
      <c r="D5316" s="1">
        <v>44866.291666666664</v>
      </c>
      <c r="E5316" s="1">
        <v>44866.433333333334</v>
      </c>
      <c r="F5316">
        <v>0</v>
      </c>
      <c r="G5316">
        <v>0</v>
      </c>
      <c r="H5316">
        <v>0</v>
      </c>
      <c r="I5316">
        <v>0</v>
      </c>
      <c r="J5316">
        <v>0</v>
      </c>
      <c r="K5316">
        <v>0</v>
      </c>
      <c r="L5316">
        <v>0</v>
      </c>
      <c r="M5316">
        <v>0</v>
      </c>
      <c r="N5316">
        <v>0</v>
      </c>
      <c r="O5316">
        <v>0</v>
      </c>
      <c r="P5316">
        <v>0</v>
      </c>
      <c r="Q5316">
        <v>0</v>
      </c>
      <c r="R5316">
        <v>0</v>
      </c>
      <c r="S5316">
        <v>0</v>
      </c>
      <c r="T5316">
        <v>0</v>
      </c>
      <c r="U5316">
        <v>0</v>
      </c>
      <c r="V5316">
        <v>0</v>
      </c>
      <c r="W5316">
        <v>1</v>
      </c>
      <c r="X5316">
        <v>0</v>
      </c>
      <c r="Y5316">
        <v>24</v>
      </c>
      <c r="Z5316">
        <v>13</v>
      </c>
      <c r="AA5316">
        <v>122</v>
      </c>
      <c r="AB5316">
        <v>14</v>
      </c>
      <c r="AC5316">
        <v>142</v>
      </c>
      <c r="AD5316">
        <v>22</v>
      </c>
      <c r="AE5316">
        <v>70</v>
      </c>
      <c r="AF5316">
        <v>0</v>
      </c>
      <c r="AG5316">
        <v>50000</v>
      </c>
      <c r="AH5316">
        <v>50000</v>
      </c>
      <c r="AI5316">
        <v>0</v>
      </c>
      <c r="AJ5316">
        <v>0</v>
      </c>
      <c r="AK5316" t="s">
        <v>6</v>
      </c>
      <c r="AL5316">
        <v>0</v>
      </c>
      <c r="AM5316">
        <v>0</v>
      </c>
      <c r="AN5316">
        <v>0</v>
      </c>
      <c r="AO5316">
        <v>0</v>
      </c>
      <c r="AP5316">
        <v>0</v>
      </c>
      <c r="AQ5316">
        <v>0</v>
      </c>
      <c r="AR5316">
        <v>0</v>
      </c>
      <c r="AS5316">
        <v>0</v>
      </c>
      <c r="AT5316">
        <v>0</v>
      </c>
      <c r="AU5316">
        <v>0</v>
      </c>
      <c r="AV5316">
        <v>0</v>
      </c>
      <c r="AW5316">
        <v>0</v>
      </c>
      <c r="AX5316">
        <v>0</v>
      </c>
      <c r="AY5316">
        <v>0</v>
      </c>
      <c r="AZ5316">
        <v>0</v>
      </c>
      <c r="BA5316">
        <v>0</v>
      </c>
    </row>
    <row r="5317" spans="1:53" x14ac:dyDescent="0.4">
      <c r="A5317">
        <v>5361</v>
      </c>
      <c r="B5317" s="1">
        <v>44866</v>
      </c>
      <c r="C5317">
        <v>2</v>
      </c>
      <c r="D5317" s="1">
        <v>44866.433333333334</v>
      </c>
      <c r="E5317" s="1">
        <v>44866.73541666667</v>
      </c>
      <c r="F5317">
        <v>7820</v>
      </c>
      <c r="G5317">
        <v>462</v>
      </c>
      <c r="H5317">
        <v>0</v>
      </c>
      <c r="I5317">
        <v>0</v>
      </c>
      <c r="J5317">
        <v>50</v>
      </c>
      <c r="K5317">
        <v>0</v>
      </c>
      <c r="L5317">
        <v>0</v>
      </c>
      <c r="M5317">
        <v>750</v>
      </c>
      <c r="N5317">
        <v>0</v>
      </c>
      <c r="O5317">
        <v>0</v>
      </c>
      <c r="P5317">
        <v>12950</v>
      </c>
      <c r="Q5317">
        <v>0</v>
      </c>
      <c r="R5317">
        <v>21182</v>
      </c>
      <c r="S5317">
        <v>0</v>
      </c>
      <c r="T5317">
        <v>0</v>
      </c>
      <c r="U5317">
        <v>0</v>
      </c>
      <c r="V5317">
        <v>2</v>
      </c>
      <c r="W5317">
        <v>0</v>
      </c>
      <c r="X5317">
        <v>0</v>
      </c>
      <c r="Y5317">
        <v>30</v>
      </c>
      <c r="Z5317">
        <v>16</v>
      </c>
      <c r="AA5317">
        <v>103</v>
      </c>
      <c r="AB5317">
        <v>17</v>
      </c>
      <c r="AC5317">
        <v>132</v>
      </c>
      <c r="AD5317">
        <v>22</v>
      </c>
      <c r="AE5317">
        <v>72</v>
      </c>
      <c r="AF5317">
        <v>530</v>
      </c>
      <c r="AG5317">
        <v>71182</v>
      </c>
      <c r="AH5317">
        <v>50000</v>
      </c>
      <c r="AI5317">
        <v>0</v>
      </c>
      <c r="AJ5317">
        <v>116</v>
      </c>
      <c r="AK5317" t="s">
        <v>54</v>
      </c>
      <c r="AL5317">
        <v>0</v>
      </c>
      <c r="AM5317">
        <v>0</v>
      </c>
      <c r="AN5317">
        <v>0</v>
      </c>
      <c r="AO5317">
        <v>0</v>
      </c>
      <c r="AP5317">
        <v>0</v>
      </c>
      <c r="AQ5317">
        <v>0</v>
      </c>
      <c r="AR5317">
        <v>0</v>
      </c>
      <c r="AS5317">
        <v>0</v>
      </c>
      <c r="AT5317">
        <v>0</v>
      </c>
      <c r="AU5317">
        <v>0</v>
      </c>
      <c r="AV5317">
        <v>0</v>
      </c>
      <c r="AW5317">
        <v>0</v>
      </c>
      <c r="AX5317">
        <v>1188</v>
      </c>
      <c r="AY5317">
        <v>22</v>
      </c>
      <c r="AZ5317">
        <v>34</v>
      </c>
      <c r="BA5317">
        <v>2734</v>
      </c>
    </row>
    <row r="5318" spans="1:53" x14ac:dyDescent="0.4">
      <c r="A5318">
        <v>5362</v>
      </c>
      <c r="B5318" s="1">
        <v>44867</v>
      </c>
      <c r="C5318">
        <v>1</v>
      </c>
      <c r="D5318" s="1">
        <v>44867.291666666664</v>
      </c>
      <c r="E5318" s="1">
        <v>44867.451388888891</v>
      </c>
      <c r="F5318">
        <v>0</v>
      </c>
      <c r="G5318">
        <v>0</v>
      </c>
      <c r="H5318">
        <v>0</v>
      </c>
      <c r="I5318">
        <v>0</v>
      </c>
      <c r="J5318">
        <v>0</v>
      </c>
      <c r="K5318">
        <v>0</v>
      </c>
      <c r="L5318">
        <v>0</v>
      </c>
      <c r="M5318">
        <v>0</v>
      </c>
      <c r="N5318">
        <v>0</v>
      </c>
      <c r="O5318">
        <v>0</v>
      </c>
      <c r="P5318">
        <v>0</v>
      </c>
      <c r="Q5318">
        <v>0</v>
      </c>
      <c r="R5318">
        <v>0</v>
      </c>
      <c r="S5318">
        <v>0</v>
      </c>
      <c r="T5318">
        <v>0</v>
      </c>
      <c r="U5318">
        <v>0</v>
      </c>
      <c r="V5318">
        <v>0</v>
      </c>
      <c r="W5318">
        <v>1</v>
      </c>
      <c r="X5318">
        <v>0</v>
      </c>
      <c r="Y5318">
        <v>25</v>
      </c>
      <c r="Z5318">
        <v>13</v>
      </c>
      <c r="AA5318">
        <v>113</v>
      </c>
      <c r="AB5318">
        <v>20</v>
      </c>
      <c r="AC5318">
        <v>102</v>
      </c>
      <c r="AD5318">
        <v>21</v>
      </c>
      <c r="AE5318">
        <v>75</v>
      </c>
      <c r="AF5318">
        <v>0</v>
      </c>
      <c r="AG5318">
        <v>50000</v>
      </c>
      <c r="AH5318">
        <v>50000</v>
      </c>
      <c r="AI5318">
        <v>0</v>
      </c>
      <c r="AJ5318">
        <v>0</v>
      </c>
      <c r="AK5318" t="s">
        <v>6</v>
      </c>
      <c r="AL5318">
        <v>0</v>
      </c>
      <c r="AM5318">
        <v>0</v>
      </c>
      <c r="AN5318">
        <v>0</v>
      </c>
      <c r="AO5318">
        <v>0</v>
      </c>
      <c r="AP5318">
        <v>0</v>
      </c>
      <c r="AQ5318">
        <v>0</v>
      </c>
      <c r="AR5318">
        <v>0</v>
      </c>
      <c r="AS5318">
        <v>0</v>
      </c>
      <c r="AT5318">
        <v>0</v>
      </c>
      <c r="AU5318">
        <v>0</v>
      </c>
      <c r="AV5318">
        <v>0</v>
      </c>
      <c r="AW5318">
        <v>0</v>
      </c>
      <c r="AX5318">
        <v>0</v>
      </c>
      <c r="AY5318">
        <v>0</v>
      </c>
      <c r="AZ5318">
        <v>0</v>
      </c>
      <c r="BA5318">
        <v>0</v>
      </c>
    </row>
    <row r="5319" spans="1:53" x14ac:dyDescent="0.4">
      <c r="A5319">
        <v>5363</v>
      </c>
      <c r="B5319" s="1">
        <v>44867</v>
      </c>
      <c r="C5319">
        <v>2</v>
      </c>
      <c r="D5319" s="1">
        <v>44867.451388888891</v>
      </c>
      <c r="E5319" s="1">
        <v>44867.745833333334</v>
      </c>
      <c r="F5319">
        <v>17910</v>
      </c>
      <c r="G5319">
        <v>1914</v>
      </c>
      <c r="H5319">
        <v>0</v>
      </c>
      <c r="I5319">
        <v>0</v>
      </c>
      <c r="J5319">
        <v>100</v>
      </c>
      <c r="K5319">
        <v>0</v>
      </c>
      <c r="L5319">
        <v>0</v>
      </c>
      <c r="M5319">
        <v>1795</v>
      </c>
      <c r="N5319">
        <v>0</v>
      </c>
      <c r="O5319">
        <v>0</v>
      </c>
      <c r="P5319">
        <v>13180</v>
      </c>
      <c r="Q5319">
        <v>0</v>
      </c>
      <c r="R5319">
        <v>32904</v>
      </c>
      <c r="S5319">
        <v>0</v>
      </c>
      <c r="T5319">
        <v>0</v>
      </c>
      <c r="U5319">
        <v>0</v>
      </c>
      <c r="V5319">
        <v>2</v>
      </c>
      <c r="W5319">
        <v>0</v>
      </c>
      <c r="X5319">
        <v>0</v>
      </c>
      <c r="Y5319">
        <v>34</v>
      </c>
      <c r="Z5319">
        <v>21</v>
      </c>
      <c r="AA5319">
        <v>126</v>
      </c>
      <c r="AB5319">
        <v>22</v>
      </c>
      <c r="AC5319">
        <v>113</v>
      </c>
      <c r="AD5319">
        <v>23</v>
      </c>
      <c r="AE5319">
        <v>79</v>
      </c>
      <c r="AF5319">
        <v>3380</v>
      </c>
      <c r="AG5319">
        <v>82904</v>
      </c>
      <c r="AH5319">
        <v>50000</v>
      </c>
      <c r="AI5319">
        <v>0</v>
      </c>
      <c r="AJ5319">
        <v>29</v>
      </c>
      <c r="AK5319" t="s">
        <v>62</v>
      </c>
      <c r="AL5319">
        <v>0</v>
      </c>
      <c r="AM5319">
        <v>0</v>
      </c>
      <c r="AN5319">
        <v>0</v>
      </c>
      <c r="AO5319">
        <v>0</v>
      </c>
      <c r="AP5319">
        <v>0</v>
      </c>
      <c r="AQ5319">
        <v>0</v>
      </c>
      <c r="AR5319">
        <v>0</v>
      </c>
      <c r="AS5319">
        <v>0</v>
      </c>
      <c r="AT5319">
        <v>0</v>
      </c>
      <c r="AU5319">
        <v>0</v>
      </c>
      <c r="AV5319">
        <v>0</v>
      </c>
      <c r="AW5319">
        <v>0</v>
      </c>
      <c r="AX5319">
        <v>-556</v>
      </c>
      <c r="AY5319">
        <v>35</v>
      </c>
      <c r="AZ5319">
        <v>50</v>
      </c>
      <c r="BA5319">
        <v>5433</v>
      </c>
    </row>
    <row r="5320" spans="1:53" x14ac:dyDescent="0.4">
      <c r="A5320">
        <v>5364</v>
      </c>
      <c r="B5320" s="1">
        <v>44867</v>
      </c>
      <c r="C5320">
        <v>3</v>
      </c>
      <c r="D5320" s="1">
        <v>44867.745833333334</v>
      </c>
      <c r="E5320" s="1">
        <v>44867.970833333333</v>
      </c>
      <c r="F5320">
        <v>31880</v>
      </c>
      <c r="G5320">
        <v>1034</v>
      </c>
      <c r="H5320">
        <v>0</v>
      </c>
      <c r="I5320">
        <v>0</v>
      </c>
      <c r="J5320">
        <v>0</v>
      </c>
      <c r="K5320">
        <v>0</v>
      </c>
      <c r="L5320">
        <v>0</v>
      </c>
      <c r="M5320">
        <v>2994</v>
      </c>
      <c r="N5320">
        <v>0</v>
      </c>
      <c r="O5320">
        <v>0</v>
      </c>
      <c r="P5320">
        <v>-8380</v>
      </c>
      <c r="Q5320">
        <v>0</v>
      </c>
      <c r="R5320">
        <v>24534</v>
      </c>
      <c r="S5320">
        <v>0</v>
      </c>
      <c r="T5320">
        <v>0</v>
      </c>
      <c r="U5320">
        <v>0</v>
      </c>
      <c r="V5320">
        <v>4</v>
      </c>
      <c r="W5320">
        <v>2</v>
      </c>
      <c r="X5320">
        <v>0</v>
      </c>
      <c r="Y5320">
        <v>29</v>
      </c>
      <c r="Z5320">
        <v>23</v>
      </c>
      <c r="AA5320">
        <v>112</v>
      </c>
      <c r="AB5320">
        <v>24</v>
      </c>
      <c r="AC5320">
        <v>117</v>
      </c>
      <c r="AD5320">
        <v>22</v>
      </c>
      <c r="AE5320">
        <v>78</v>
      </c>
      <c r="AF5320">
        <v>3820</v>
      </c>
      <c r="AG5320">
        <v>108078</v>
      </c>
      <c r="AH5320">
        <v>50000</v>
      </c>
      <c r="AI5320">
        <v>640</v>
      </c>
      <c r="AJ5320">
        <v>74</v>
      </c>
      <c r="AK5320" t="s">
        <v>64</v>
      </c>
      <c r="AL5320">
        <v>0</v>
      </c>
      <c r="AM5320">
        <v>0</v>
      </c>
      <c r="AN5320">
        <v>0</v>
      </c>
      <c r="AO5320">
        <v>0</v>
      </c>
      <c r="AP5320">
        <v>0</v>
      </c>
      <c r="AQ5320">
        <v>0</v>
      </c>
      <c r="AR5320">
        <v>0</v>
      </c>
      <c r="AS5320">
        <v>0</v>
      </c>
      <c r="AT5320">
        <v>0</v>
      </c>
      <c r="AU5320">
        <v>0</v>
      </c>
      <c r="AV5320">
        <v>0</v>
      </c>
      <c r="AW5320">
        <v>0</v>
      </c>
      <c r="AX5320">
        <v>3657</v>
      </c>
      <c r="AY5320">
        <v>10</v>
      </c>
      <c r="AZ5320">
        <v>22</v>
      </c>
      <c r="BA5320">
        <v>1638</v>
      </c>
    </row>
    <row r="5321" spans="1:53" x14ac:dyDescent="0.4">
      <c r="A5321">
        <v>5365</v>
      </c>
      <c r="B5321" s="1">
        <v>44868</v>
      </c>
      <c r="C5321">
        <v>1</v>
      </c>
      <c r="D5321" s="1">
        <v>44868.291666666664</v>
      </c>
      <c r="E5321" s="1">
        <v>44868.397916666669</v>
      </c>
      <c r="F5321">
        <v>0</v>
      </c>
      <c r="G5321">
        <v>0</v>
      </c>
      <c r="H5321">
        <v>0</v>
      </c>
      <c r="I5321">
        <v>0</v>
      </c>
      <c r="J5321">
        <v>0</v>
      </c>
      <c r="K5321">
        <v>0</v>
      </c>
      <c r="L5321">
        <v>0</v>
      </c>
      <c r="M5321">
        <v>0</v>
      </c>
      <c r="N5321">
        <v>0</v>
      </c>
      <c r="O5321">
        <v>0</v>
      </c>
      <c r="P5321">
        <v>0</v>
      </c>
      <c r="Q5321">
        <v>0</v>
      </c>
      <c r="R5321">
        <v>0</v>
      </c>
      <c r="S5321">
        <v>0</v>
      </c>
      <c r="T5321">
        <v>0</v>
      </c>
      <c r="U5321">
        <v>0</v>
      </c>
      <c r="V5321">
        <v>0</v>
      </c>
      <c r="W5321">
        <v>0</v>
      </c>
      <c r="X5321">
        <v>0</v>
      </c>
      <c r="Y5321">
        <v>26</v>
      </c>
      <c r="Z5321">
        <v>21</v>
      </c>
      <c r="AA5321">
        <v>111</v>
      </c>
      <c r="AB5321">
        <v>23</v>
      </c>
      <c r="AC5321">
        <v>107</v>
      </c>
      <c r="AD5321">
        <v>21</v>
      </c>
      <c r="AE5321">
        <v>75</v>
      </c>
      <c r="AF5321">
        <v>0</v>
      </c>
      <c r="AG5321">
        <v>50000</v>
      </c>
      <c r="AH5321">
        <v>50000</v>
      </c>
      <c r="AI5321">
        <v>0</v>
      </c>
      <c r="AJ5321">
        <v>0</v>
      </c>
      <c r="AK5321" t="s">
        <v>6</v>
      </c>
      <c r="AL5321">
        <v>0</v>
      </c>
      <c r="AM5321">
        <v>0</v>
      </c>
      <c r="AN5321">
        <v>0</v>
      </c>
      <c r="AO5321">
        <v>0</v>
      </c>
      <c r="AP5321">
        <v>0</v>
      </c>
      <c r="AQ5321">
        <v>0</v>
      </c>
      <c r="AR5321">
        <v>0</v>
      </c>
      <c r="AS5321">
        <v>0</v>
      </c>
      <c r="AT5321">
        <v>0</v>
      </c>
      <c r="AU5321">
        <v>0</v>
      </c>
      <c r="AV5321">
        <v>0</v>
      </c>
      <c r="AW5321">
        <v>0</v>
      </c>
      <c r="AX5321">
        <v>0</v>
      </c>
      <c r="AY5321">
        <v>0</v>
      </c>
      <c r="AZ5321">
        <v>0</v>
      </c>
      <c r="BA5321">
        <v>0</v>
      </c>
    </row>
    <row r="5322" spans="1:53" x14ac:dyDescent="0.4">
      <c r="A5322">
        <v>5366</v>
      </c>
      <c r="B5322" s="1">
        <v>44868</v>
      </c>
      <c r="C5322">
        <v>2</v>
      </c>
      <c r="D5322" s="1">
        <v>44868.397916666669</v>
      </c>
      <c r="E5322" s="1">
        <v>44868.746527777781</v>
      </c>
      <c r="F5322">
        <v>48090</v>
      </c>
      <c r="G5322">
        <v>4802</v>
      </c>
      <c r="H5322">
        <v>0</v>
      </c>
      <c r="I5322">
        <v>0</v>
      </c>
      <c r="J5322">
        <v>170</v>
      </c>
      <c r="K5322">
        <v>0</v>
      </c>
      <c r="L5322">
        <v>0</v>
      </c>
      <c r="M5322">
        <v>4789</v>
      </c>
      <c r="N5322">
        <v>0</v>
      </c>
      <c r="O5322">
        <v>0</v>
      </c>
      <c r="P5322">
        <v>25360</v>
      </c>
      <c r="Q5322">
        <v>0</v>
      </c>
      <c r="R5322">
        <v>78082</v>
      </c>
      <c r="S5322">
        <v>0</v>
      </c>
      <c r="T5322">
        <v>0</v>
      </c>
      <c r="U5322">
        <v>0</v>
      </c>
      <c r="V5322">
        <v>1</v>
      </c>
      <c r="W5322">
        <v>4</v>
      </c>
      <c r="X5322">
        <v>0</v>
      </c>
      <c r="Y5322">
        <v>68</v>
      </c>
      <c r="Z5322">
        <v>32</v>
      </c>
      <c r="AA5322">
        <v>75</v>
      </c>
      <c r="AB5322">
        <v>22</v>
      </c>
      <c r="AC5322">
        <v>181</v>
      </c>
      <c r="AD5322">
        <v>21</v>
      </c>
      <c r="AE5322">
        <v>77</v>
      </c>
      <c r="AF5322">
        <v>3990</v>
      </c>
      <c r="AG5322">
        <v>128582</v>
      </c>
      <c r="AH5322">
        <v>50000</v>
      </c>
      <c r="AI5322">
        <v>500</v>
      </c>
      <c r="AJ5322">
        <v>118</v>
      </c>
      <c r="AK5322" t="s">
        <v>59</v>
      </c>
      <c r="AL5322">
        <v>0</v>
      </c>
      <c r="AM5322">
        <v>0</v>
      </c>
      <c r="AN5322">
        <v>0</v>
      </c>
      <c r="AO5322">
        <v>0</v>
      </c>
      <c r="AP5322">
        <v>0</v>
      </c>
      <c r="AQ5322">
        <v>0</v>
      </c>
      <c r="AR5322">
        <v>0</v>
      </c>
      <c r="AS5322">
        <v>0</v>
      </c>
      <c r="AT5322">
        <v>0</v>
      </c>
      <c r="AU5322">
        <v>0</v>
      </c>
      <c r="AV5322">
        <v>0</v>
      </c>
      <c r="AW5322">
        <v>0</v>
      </c>
      <c r="AX5322">
        <v>1910</v>
      </c>
      <c r="AY5322">
        <v>53</v>
      </c>
      <c r="AZ5322">
        <v>116</v>
      </c>
      <c r="BA5322">
        <v>8077</v>
      </c>
    </row>
    <row r="5323" spans="1:53" x14ac:dyDescent="0.4">
      <c r="A5323">
        <v>5367</v>
      </c>
      <c r="B5323" s="1">
        <v>44868</v>
      </c>
      <c r="C5323">
        <v>3</v>
      </c>
      <c r="D5323" s="1">
        <v>44868.746527777781</v>
      </c>
      <c r="E5323" s="1">
        <v>44868.95208333333</v>
      </c>
      <c r="F5323">
        <v>38830</v>
      </c>
      <c r="G5323">
        <v>2970</v>
      </c>
      <c r="H5323">
        <v>0</v>
      </c>
      <c r="I5323">
        <v>0</v>
      </c>
      <c r="J5323">
        <v>0</v>
      </c>
      <c r="K5323">
        <v>0</v>
      </c>
      <c r="L5323">
        <v>0</v>
      </c>
      <c r="M5323">
        <v>3799</v>
      </c>
      <c r="N5323">
        <v>0</v>
      </c>
      <c r="O5323">
        <v>0</v>
      </c>
      <c r="P5323">
        <v>12550</v>
      </c>
      <c r="Q5323">
        <v>0</v>
      </c>
      <c r="R5323">
        <v>54350</v>
      </c>
      <c r="S5323">
        <v>0</v>
      </c>
      <c r="T5323">
        <v>0</v>
      </c>
      <c r="U5323">
        <v>0</v>
      </c>
      <c r="V5323">
        <v>3</v>
      </c>
      <c r="W5323">
        <v>5</v>
      </c>
      <c r="X5323">
        <v>0</v>
      </c>
      <c r="Y5323">
        <v>92</v>
      </c>
      <c r="Z5323">
        <v>37</v>
      </c>
      <c r="AA5323">
        <v>86</v>
      </c>
      <c r="AB5323">
        <v>24</v>
      </c>
      <c r="AC5323">
        <v>130</v>
      </c>
      <c r="AD5323">
        <v>22</v>
      </c>
      <c r="AE5323">
        <v>82</v>
      </c>
      <c r="AF5323">
        <v>5640</v>
      </c>
      <c r="AG5323">
        <v>182432</v>
      </c>
      <c r="AH5323">
        <v>50000</v>
      </c>
      <c r="AI5323">
        <v>0</v>
      </c>
      <c r="AJ5323">
        <v>108</v>
      </c>
      <c r="AK5323" t="s">
        <v>3</v>
      </c>
      <c r="AL5323">
        <v>0</v>
      </c>
      <c r="AM5323">
        <v>0</v>
      </c>
      <c r="AN5323">
        <v>0</v>
      </c>
      <c r="AO5323">
        <v>0</v>
      </c>
      <c r="AP5323">
        <v>0</v>
      </c>
      <c r="AQ5323">
        <v>0</v>
      </c>
      <c r="AR5323">
        <v>0</v>
      </c>
      <c r="AS5323">
        <v>0</v>
      </c>
      <c r="AT5323">
        <v>0</v>
      </c>
      <c r="AU5323">
        <v>0</v>
      </c>
      <c r="AV5323">
        <v>0</v>
      </c>
      <c r="AW5323">
        <v>0</v>
      </c>
      <c r="AX5323">
        <v>480</v>
      </c>
      <c r="AY5323">
        <v>10</v>
      </c>
      <c r="AZ5323">
        <v>35</v>
      </c>
      <c r="BA5323">
        <v>2547</v>
      </c>
    </row>
    <row r="5324" spans="1:53" x14ac:dyDescent="0.4">
      <c r="A5324">
        <v>5368</v>
      </c>
      <c r="B5324" s="1">
        <v>44869</v>
      </c>
      <c r="C5324">
        <v>1</v>
      </c>
      <c r="D5324" s="1">
        <v>44869.291666666664</v>
      </c>
      <c r="E5324" s="1">
        <v>44869.45</v>
      </c>
      <c r="F5324">
        <v>0</v>
      </c>
      <c r="G5324">
        <v>0</v>
      </c>
      <c r="H5324">
        <v>0</v>
      </c>
      <c r="I5324">
        <v>0</v>
      </c>
      <c r="J5324">
        <v>0</v>
      </c>
      <c r="K5324">
        <v>0</v>
      </c>
      <c r="L5324">
        <v>0</v>
      </c>
      <c r="M5324">
        <v>0</v>
      </c>
      <c r="N5324">
        <v>0</v>
      </c>
      <c r="O5324">
        <v>0</v>
      </c>
      <c r="P5324">
        <v>0</v>
      </c>
      <c r="Q5324">
        <v>0</v>
      </c>
      <c r="R5324">
        <v>0</v>
      </c>
      <c r="S5324">
        <v>0</v>
      </c>
      <c r="T5324">
        <v>0</v>
      </c>
      <c r="U5324">
        <v>0</v>
      </c>
      <c r="V5324">
        <v>0</v>
      </c>
      <c r="W5324">
        <v>1</v>
      </c>
      <c r="X5324">
        <v>0</v>
      </c>
      <c r="Y5324">
        <v>25</v>
      </c>
      <c r="Z5324">
        <v>18</v>
      </c>
      <c r="AA5324">
        <v>86</v>
      </c>
      <c r="AB5324">
        <v>24</v>
      </c>
      <c r="AC5324">
        <v>102</v>
      </c>
      <c r="AD5324">
        <v>21</v>
      </c>
      <c r="AE5324">
        <v>75</v>
      </c>
      <c r="AF5324">
        <v>0</v>
      </c>
      <c r="AG5324">
        <v>50000</v>
      </c>
      <c r="AH5324">
        <v>50000</v>
      </c>
      <c r="AI5324">
        <v>0</v>
      </c>
      <c r="AJ5324">
        <v>0</v>
      </c>
      <c r="AK5324" t="s">
        <v>6</v>
      </c>
      <c r="AL5324">
        <v>0</v>
      </c>
      <c r="AM5324">
        <v>0</v>
      </c>
      <c r="AN5324">
        <v>0</v>
      </c>
      <c r="AO5324">
        <v>0</v>
      </c>
      <c r="AP5324">
        <v>0</v>
      </c>
      <c r="AQ5324">
        <v>0</v>
      </c>
      <c r="AR5324">
        <v>0</v>
      </c>
      <c r="AS5324">
        <v>0</v>
      </c>
      <c r="AT5324">
        <v>0</v>
      </c>
      <c r="AU5324">
        <v>0</v>
      </c>
      <c r="AV5324">
        <v>0</v>
      </c>
      <c r="AW5324">
        <v>0</v>
      </c>
      <c r="AX5324">
        <v>0</v>
      </c>
      <c r="AY5324">
        <v>0</v>
      </c>
      <c r="AZ5324">
        <v>0</v>
      </c>
      <c r="BA5324">
        <v>0</v>
      </c>
    </row>
    <row r="5325" spans="1:53" x14ac:dyDescent="0.4">
      <c r="A5325">
        <v>5369</v>
      </c>
      <c r="B5325" s="1">
        <v>44869</v>
      </c>
      <c r="C5325">
        <v>2</v>
      </c>
      <c r="D5325" s="1">
        <v>44869.45</v>
      </c>
      <c r="E5325" s="1">
        <v>44869.759027777778</v>
      </c>
      <c r="F5325">
        <v>24020</v>
      </c>
      <c r="G5325">
        <v>1056</v>
      </c>
      <c r="H5325">
        <v>0</v>
      </c>
      <c r="I5325">
        <v>0</v>
      </c>
      <c r="J5325">
        <v>0</v>
      </c>
      <c r="K5325">
        <v>0</v>
      </c>
      <c r="L5325">
        <v>0</v>
      </c>
      <c r="M5325">
        <v>2278</v>
      </c>
      <c r="N5325">
        <v>0</v>
      </c>
      <c r="O5325">
        <v>0</v>
      </c>
      <c r="P5325">
        <v>19560</v>
      </c>
      <c r="Q5325">
        <v>0</v>
      </c>
      <c r="R5325">
        <v>44636</v>
      </c>
      <c r="S5325">
        <v>0</v>
      </c>
      <c r="T5325">
        <v>0</v>
      </c>
      <c r="U5325">
        <v>0</v>
      </c>
      <c r="V5325">
        <v>1</v>
      </c>
      <c r="W5325">
        <v>3</v>
      </c>
      <c r="X5325">
        <v>0</v>
      </c>
      <c r="Y5325">
        <v>39</v>
      </c>
      <c r="Z5325">
        <v>27</v>
      </c>
      <c r="AA5325">
        <v>95</v>
      </c>
      <c r="AB5325">
        <v>26</v>
      </c>
      <c r="AC5325">
        <v>132</v>
      </c>
      <c r="AD5325">
        <v>24</v>
      </c>
      <c r="AE5325">
        <v>76</v>
      </c>
      <c r="AF5325">
        <v>4820</v>
      </c>
      <c r="AG5325">
        <v>94636</v>
      </c>
      <c r="AH5325">
        <v>50000</v>
      </c>
      <c r="AI5325">
        <v>0</v>
      </c>
      <c r="AJ5325">
        <v>115</v>
      </c>
      <c r="AK5325" t="s">
        <v>55</v>
      </c>
      <c r="AL5325">
        <v>0</v>
      </c>
      <c r="AM5325">
        <v>0</v>
      </c>
      <c r="AN5325">
        <v>0</v>
      </c>
      <c r="AO5325">
        <v>0</v>
      </c>
      <c r="AP5325">
        <v>0</v>
      </c>
      <c r="AQ5325">
        <v>0</v>
      </c>
      <c r="AR5325">
        <v>0</v>
      </c>
      <c r="AS5325">
        <v>0</v>
      </c>
      <c r="AT5325">
        <v>0</v>
      </c>
      <c r="AU5325">
        <v>0</v>
      </c>
      <c r="AV5325">
        <v>0</v>
      </c>
      <c r="AW5325">
        <v>0</v>
      </c>
      <c r="AX5325">
        <v>-620</v>
      </c>
      <c r="AY5325">
        <v>40</v>
      </c>
      <c r="AZ5325">
        <v>73</v>
      </c>
      <c r="BA5325">
        <v>5257</v>
      </c>
    </row>
    <row r="5326" spans="1:53" x14ac:dyDescent="0.4">
      <c r="A5326">
        <v>5370</v>
      </c>
      <c r="B5326" s="1">
        <v>44870</v>
      </c>
      <c r="C5326">
        <v>1</v>
      </c>
      <c r="D5326" s="1">
        <v>44870.291666666664</v>
      </c>
      <c r="E5326" s="1">
        <v>44870.396527777775</v>
      </c>
      <c r="F5326">
        <v>0</v>
      </c>
      <c r="G5326">
        <v>0</v>
      </c>
      <c r="H5326">
        <v>0</v>
      </c>
      <c r="I5326">
        <v>0</v>
      </c>
      <c r="J5326">
        <v>0</v>
      </c>
      <c r="K5326">
        <v>0</v>
      </c>
      <c r="L5326">
        <v>0</v>
      </c>
      <c r="M5326">
        <v>0</v>
      </c>
      <c r="N5326">
        <v>0</v>
      </c>
      <c r="O5326">
        <v>0</v>
      </c>
      <c r="P5326">
        <v>0</v>
      </c>
      <c r="Q5326">
        <v>0</v>
      </c>
      <c r="R5326">
        <v>0</v>
      </c>
      <c r="S5326">
        <v>0</v>
      </c>
      <c r="T5326">
        <v>0</v>
      </c>
      <c r="U5326">
        <v>0</v>
      </c>
      <c r="V5326">
        <v>0</v>
      </c>
      <c r="W5326">
        <v>1</v>
      </c>
      <c r="X5326">
        <v>0</v>
      </c>
      <c r="Y5326">
        <v>25</v>
      </c>
      <c r="Z5326">
        <v>15</v>
      </c>
      <c r="AA5326">
        <v>101</v>
      </c>
      <c r="AB5326">
        <v>24</v>
      </c>
      <c r="AC5326">
        <v>100</v>
      </c>
      <c r="AD5326">
        <v>25</v>
      </c>
      <c r="AE5326">
        <v>75</v>
      </c>
      <c r="AF5326">
        <v>0</v>
      </c>
      <c r="AG5326">
        <v>50000</v>
      </c>
      <c r="AH5326">
        <v>50000</v>
      </c>
      <c r="AI5326">
        <v>0</v>
      </c>
      <c r="AJ5326">
        <v>0</v>
      </c>
      <c r="AK5326" t="s">
        <v>6</v>
      </c>
      <c r="AL5326">
        <v>0</v>
      </c>
      <c r="AM5326">
        <v>0</v>
      </c>
      <c r="AN5326">
        <v>0</v>
      </c>
      <c r="AO5326">
        <v>0</v>
      </c>
      <c r="AP5326">
        <v>0</v>
      </c>
      <c r="AQ5326">
        <v>0</v>
      </c>
      <c r="AR5326">
        <v>0</v>
      </c>
      <c r="AS5326">
        <v>0</v>
      </c>
      <c r="AT5326">
        <v>0</v>
      </c>
      <c r="AU5326">
        <v>0</v>
      </c>
      <c r="AV5326">
        <v>0</v>
      </c>
      <c r="AW5326">
        <v>0</v>
      </c>
      <c r="AX5326">
        <v>0</v>
      </c>
      <c r="AY5326">
        <v>0</v>
      </c>
      <c r="AZ5326">
        <v>0</v>
      </c>
      <c r="BA5326">
        <v>0</v>
      </c>
    </row>
    <row r="5327" spans="1:53" x14ac:dyDescent="0.4">
      <c r="A5327">
        <v>5371</v>
      </c>
      <c r="B5327" s="1">
        <v>44870</v>
      </c>
      <c r="C5327">
        <v>2</v>
      </c>
      <c r="D5327" s="1">
        <v>44870.396527777775</v>
      </c>
      <c r="E5327" s="1">
        <v>44870.734027777777</v>
      </c>
      <c r="F5327">
        <v>36560</v>
      </c>
      <c r="G5327">
        <v>3124</v>
      </c>
      <c r="H5327">
        <v>0</v>
      </c>
      <c r="I5327">
        <v>0</v>
      </c>
      <c r="J5327">
        <v>0</v>
      </c>
      <c r="K5327">
        <v>0</v>
      </c>
      <c r="L5327">
        <v>0</v>
      </c>
      <c r="M5327">
        <v>3606</v>
      </c>
      <c r="N5327">
        <v>0</v>
      </c>
      <c r="O5327">
        <v>0</v>
      </c>
      <c r="P5327">
        <v>20380</v>
      </c>
      <c r="Q5327">
        <v>0</v>
      </c>
      <c r="R5327">
        <v>60064</v>
      </c>
      <c r="S5327">
        <v>0</v>
      </c>
      <c r="T5327">
        <v>0</v>
      </c>
      <c r="U5327">
        <v>0</v>
      </c>
      <c r="V5327">
        <v>2</v>
      </c>
      <c r="W5327">
        <v>3</v>
      </c>
      <c r="X5327">
        <v>0</v>
      </c>
      <c r="Y5327">
        <v>45</v>
      </c>
      <c r="Z5327">
        <v>26</v>
      </c>
      <c r="AA5327">
        <v>122</v>
      </c>
      <c r="AB5327">
        <v>23</v>
      </c>
      <c r="AC5327">
        <v>104</v>
      </c>
      <c r="AD5327">
        <v>24</v>
      </c>
      <c r="AE5327">
        <v>74</v>
      </c>
      <c r="AF5327">
        <v>2480</v>
      </c>
      <c r="AG5327">
        <v>110064</v>
      </c>
      <c r="AH5327">
        <v>50000</v>
      </c>
      <c r="AI5327">
        <v>0</v>
      </c>
      <c r="AJ5327">
        <v>115</v>
      </c>
      <c r="AK5327" t="s">
        <v>55</v>
      </c>
      <c r="AL5327">
        <v>0</v>
      </c>
      <c r="AM5327">
        <v>0</v>
      </c>
      <c r="AN5327">
        <v>0</v>
      </c>
      <c r="AO5327">
        <v>0</v>
      </c>
      <c r="AP5327">
        <v>0</v>
      </c>
      <c r="AQ5327">
        <v>0</v>
      </c>
      <c r="AR5327">
        <v>0</v>
      </c>
      <c r="AS5327">
        <v>0</v>
      </c>
      <c r="AT5327">
        <v>0</v>
      </c>
      <c r="AU5327">
        <v>0</v>
      </c>
      <c r="AV5327">
        <v>0</v>
      </c>
      <c r="AW5327">
        <v>0</v>
      </c>
      <c r="AX5327">
        <v>-696</v>
      </c>
      <c r="AY5327">
        <v>51</v>
      </c>
      <c r="AZ5327">
        <v>92</v>
      </c>
      <c r="BA5327">
        <v>7114</v>
      </c>
    </row>
    <row r="5328" spans="1:53" x14ac:dyDescent="0.4">
      <c r="A5328">
        <v>5372</v>
      </c>
      <c r="B5328" s="1">
        <v>44870</v>
      </c>
      <c r="C5328">
        <v>3</v>
      </c>
      <c r="D5328" s="1">
        <v>44870.734027777777</v>
      </c>
      <c r="E5328" s="1">
        <v>44871.022222222222</v>
      </c>
      <c r="F5328">
        <v>170180</v>
      </c>
      <c r="G5328">
        <v>4994</v>
      </c>
      <c r="H5328">
        <v>0</v>
      </c>
      <c r="I5328">
        <v>0</v>
      </c>
      <c r="J5328">
        <v>0</v>
      </c>
      <c r="K5328">
        <v>0</v>
      </c>
      <c r="L5328">
        <v>0</v>
      </c>
      <c r="M5328">
        <v>15924</v>
      </c>
      <c r="N5328">
        <v>0</v>
      </c>
      <c r="O5328">
        <v>0</v>
      </c>
      <c r="P5328">
        <v>6280</v>
      </c>
      <c r="Q5328">
        <v>0</v>
      </c>
      <c r="R5328">
        <v>181454</v>
      </c>
      <c r="S5328">
        <v>0</v>
      </c>
      <c r="T5328">
        <v>0</v>
      </c>
      <c r="U5328">
        <v>0</v>
      </c>
      <c r="V5328">
        <v>13</v>
      </c>
      <c r="W5328">
        <v>5</v>
      </c>
      <c r="X5328">
        <v>0</v>
      </c>
      <c r="Y5328">
        <v>78</v>
      </c>
      <c r="Z5328">
        <v>26</v>
      </c>
      <c r="AA5328">
        <v>129</v>
      </c>
      <c r="AB5328">
        <v>22</v>
      </c>
      <c r="AC5328">
        <v>104</v>
      </c>
      <c r="AD5328">
        <v>22</v>
      </c>
      <c r="AE5328">
        <v>78</v>
      </c>
      <c r="AF5328">
        <v>30290</v>
      </c>
      <c r="AG5328">
        <v>291518</v>
      </c>
      <c r="AH5328">
        <v>50000</v>
      </c>
      <c r="AI5328">
        <v>0</v>
      </c>
      <c r="AJ5328">
        <v>108</v>
      </c>
      <c r="AK5328" t="s">
        <v>3</v>
      </c>
      <c r="AL5328">
        <v>0</v>
      </c>
      <c r="AM5328">
        <v>0</v>
      </c>
      <c r="AN5328">
        <v>0</v>
      </c>
      <c r="AO5328">
        <v>0</v>
      </c>
      <c r="AP5328">
        <v>0</v>
      </c>
      <c r="AQ5328">
        <v>0</v>
      </c>
      <c r="AR5328">
        <v>0</v>
      </c>
      <c r="AS5328">
        <v>0</v>
      </c>
      <c r="AT5328">
        <v>0</v>
      </c>
      <c r="AU5328">
        <v>0</v>
      </c>
      <c r="AV5328">
        <v>0</v>
      </c>
      <c r="AW5328">
        <v>0</v>
      </c>
      <c r="AX5328">
        <v>6760</v>
      </c>
      <c r="AY5328">
        <v>26</v>
      </c>
      <c r="AZ5328">
        <v>93</v>
      </c>
      <c r="BA5328">
        <v>4742</v>
      </c>
    </row>
    <row r="5329" spans="1:53" x14ac:dyDescent="0.4">
      <c r="A5329">
        <v>5373</v>
      </c>
      <c r="B5329" s="1">
        <v>44871</v>
      </c>
      <c r="C5329">
        <v>1</v>
      </c>
      <c r="D5329" s="1">
        <v>44871.291666666664</v>
      </c>
      <c r="E5329" s="1">
        <v>44871.408333333333</v>
      </c>
      <c r="F5329">
        <v>0</v>
      </c>
      <c r="G5329">
        <v>0</v>
      </c>
      <c r="H5329">
        <v>0</v>
      </c>
      <c r="I5329">
        <v>0</v>
      </c>
      <c r="J5329">
        <v>0</v>
      </c>
      <c r="K5329">
        <v>0</v>
      </c>
      <c r="L5329">
        <v>0</v>
      </c>
      <c r="M5329">
        <v>0</v>
      </c>
      <c r="N5329">
        <v>0</v>
      </c>
      <c r="O5329">
        <v>0</v>
      </c>
      <c r="P5329">
        <v>0</v>
      </c>
      <c r="Q5329">
        <v>0</v>
      </c>
      <c r="R5329">
        <v>0</v>
      </c>
      <c r="S5329">
        <v>0</v>
      </c>
      <c r="T5329">
        <v>0</v>
      </c>
      <c r="U5329">
        <v>0</v>
      </c>
      <c r="V5329">
        <v>0</v>
      </c>
      <c r="W5329">
        <v>1</v>
      </c>
      <c r="X5329">
        <v>0</v>
      </c>
      <c r="Y5329">
        <v>25</v>
      </c>
      <c r="Z5329">
        <v>10</v>
      </c>
      <c r="AA5329">
        <v>127</v>
      </c>
      <c r="AB5329">
        <v>22</v>
      </c>
      <c r="AC5329">
        <v>103</v>
      </c>
      <c r="AD5329">
        <v>19</v>
      </c>
      <c r="AE5329">
        <v>75</v>
      </c>
      <c r="AF5329">
        <v>0</v>
      </c>
      <c r="AG5329">
        <v>50000</v>
      </c>
      <c r="AH5329">
        <v>50000</v>
      </c>
      <c r="AI5329">
        <v>0</v>
      </c>
      <c r="AJ5329">
        <v>0</v>
      </c>
      <c r="AK5329" t="s">
        <v>6</v>
      </c>
      <c r="AL5329">
        <v>0</v>
      </c>
      <c r="AM5329">
        <v>0</v>
      </c>
      <c r="AN5329">
        <v>0</v>
      </c>
      <c r="AO5329">
        <v>0</v>
      </c>
      <c r="AP5329">
        <v>0</v>
      </c>
      <c r="AQ5329">
        <v>0</v>
      </c>
      <c r="AR5329">
        <v>0</v>
      </c>
      <c r="AS5329">
        <v>0</v>
      </c>
      <c r="AT5329">
        <v>0</v>
      </c>
      <c r="AU5329">
        <v>0</v>
      </c>
      <c r="AV5329">
        <v>0</v>
      </c>
      <c r="AW5329">
        <v>0</v>
      </c>
      <c r="AX5329">
        <v>0</v>
      </c>
      <c r="AY5329">
        <v>0</v>
      </c>
      <c r="AZ5329">
        <v>0</v>
      </c>
      <c r="BA5329">
        <v>0</v>
      </c>
    </row>
    <row r="5330" spans="1:53" x14ac:dyDescent="0.4">
      <c r="A5330">
        <v>5374</v>
      </c>
      <c r="B5330" s="1">
        <v>44871</v>
      </c>
      <c r="C5330">
        <v>2</v>
      </c>
      <c r="D5330" s="1">
        <v>44871.408333333333</v>
      </c>
      <c r="E5330" s="1">
        <v>44871.740972222222</v>
      </c>
      <c r="F5330">
        <v>35490</v>
      </c>
      <c r="G5330">
        <v>1826</v>
      </c>
      <c r="H5330">
        <v>0</v>
      </c>
      <c r="I5330">
        <v>0</v>
      </c>
      <c r="J5330">
        <v>100</v>
      </c>
      <c r="K5330">
        <v>0</v>
      </c>
      <c r="L5330">
        <v>0</v>
      </c>
      <c r="M5330">
        <v>3381</v>
      </c>
      <c r="N5330">
        <v>0</v>
      </c>
      <c r="O5330">
        <v>0</v>
      </c>
      <c r="P5330">
        <v>28040</v>
      </c>
      <c r="Q5330">
        <v>0</v>
      </c>
      <c r="R5330">
        <v>65256</v>
      </c>
      <c r="S5330">
        <v>0</v>
      </c>
      <c r="T5330">
        <v>0</v>
      </c>
      <c r="U5330">
        <v>0</v>
      </c>
      <c r="V5330">
        <v>3</v>
      </c>
      <c r="W5330">
        <v>1</v>
      </c>
      <c r="X5330">
        <v>0</v>
      </c>
      <c r="Y5330">
        <v>52</v>
      </c>
      <c r="Z5330">
        <v>16</v>
      </c>
      <c r="AA5330">
        <v>92</v>
      </c>
      <c r="AB5330">
        <v>34</v>
      </c>
      <c r="AC5330">
        <v>134</v>
      </c>
      <c r="AD5330">
        <v>25</v>
      </c>
      <c r="AE5330">
        <v>77</v>
      </c>
      <c r="AF5330">
        <v>7914</v>
      </c>
      <c r="AG5330">
        <v>115356</v>
      </c>
      <c r="AH5330">
        <v>50000</v>
      </c>
      <c r="AI5330">
        <v>100</v>
      </c>
      <c r="AJ5330">
        <v>115</v>
      </c>
      <c r="AK5330" t="s">
        <v>55</v>
      </c>
      <c r="AL5330">
        <v>0</v>
      </c>
      <c r="AM5330">
        <v>0</v>
      </c>
      <c r="AN5330">
        <v>0</v>
      </c>
      <c r="AO5330">
        <v>0</v>
      </c>
      <c r="AP5330">
        <v>0</v>
      </c>
      <c r="AQ5330">
        <v>0</v>
      </c>
      <c r="AR5330">
        <v>0</v>
      </c>
      <c r="AS5330">
        <v>0</v>
      </c>
      <c r="AT5330">
        <v>0</v>
      </c>
      <c r="AU5330">
        <v>0</v>
      </c>
      <c r="AV5330">
        <v>0</v>
      </c>
      <c r="AW5330">
        <v>0</v>
      </c>
      <c r="AX5330">
        <v>-1328</v>
      </c>
      <c r="AY5330">
        <v>49</v>
      </c>
      <c r="AZ5330">
        <v>105</v>
      </c>
      <c r="BA5330">
        <v>6740</v>
      </c>
    </row>
    <row r="5331" spans="1:53" x14ac:dyDescent="0.4">
      <c r="A5331">
        <v>5375</v>
      </c>
      <c r="B5331" s="1">
        <v>44871</v>
      </c>
      <c r="C5331">
        <v>3</v>
      </c>
      <c r="D5331" s="1">
        <v>44871.740972222222</v>
      </c>
      <c r="E5331" s="1">
        <v>44871.984722222223</v>
      </c>
      <c r="F5331">
        <v>52770</v>
      </c>
      <c r="G5331">
        <v>792</v>
      </c>
      <c r="H5331">
        <v>0</v>
      </c>
      <c r="I5331">
        <v>0</v>
      </c>
      <c r="J5331">
        <v>0</v>
      </c>
      <c r="K5331">
        <v>0</v>
      </c>
      <c r="L5331">
        <v>0</v>
      </c>
      <c r="M5331">
        <v>4867</v>
      </c>
      <c r="N5331">
        <v>0</v>
      </c>
      <c r="O5331">
        <v>0</v>
      </c>
      <c r="P5331">
        <v>-25400</v>
      </c>
      <c r="Q5331">
        <v>0</v>
      </c>
      <c r="R5331">
        <v>28162</v>
      </c>
      <c r="S5331">
        <v>0</v>
      </c>
      <c r="T5331">
        <v>0</v>
      </c>
      <c r="U5331">
        <v>0</v>
      </c>
      <c r="V5331">
        <v>7</v>
      </c>
      <c r="W5331">
        <v>0</v>
      </c>
      <c r="X5331">
        <v>0</v>
      </c>
      <c r="Y5331">
        <v>43</v>
      </c>
      <c r="Z5331">
        <v>19</v>
      </c>
      <c r="AA5331">
        <v>75</v>
      </c>
      <c r="AB5331">
        <v>37</v>
      </c>
      <c r="AC5331">
        <v>147</v>
      </c>
      <c r="AD5331">
        <v>25</v>
      </c>
      <c r="AE5331">
        <v>79</v>
      </c>
      <c r="AF5331">
        <v>9894</v>
      </c>
      <c r="AG5331">
        <v>143418</v>
      </c>
      <c r="AH5331">
        <v>50000</v>
      </c>
      <c r="AI5331">
        <v>0</v>
      </c>
      <c r="AJ5331">
        <v>108</v>
      </c>
      <c r="AK5331" t="s">
        <v>3</v>
      </c>
      <c r="AL5331">
        <v>0</v>
      </c>
      <c r="AM5331">
        <v>0</v>
      </c>
      <c r="AN5331">
        <v>0</v>
      </c>
      <c r="AO5331">
        <v>0</v>
      </c>
      <c r="AP5331">
        <v>0</v>
      </c>
      <c r="AQ5331">
        <v>0</v>
      </c>
      <c r="AR5331">
        <v>0</v>
      </c>
      <c r="AS5331">
        <v>0</v>
      </c>
      <c r="AT5331">
        <v>0</v>
      </c>
      <c r="AU5331">
        <v>0</v>
      </c>
      <c r="AV5331">
        <v>0</v>
      </c>
      <c r="AW5331">
        <v>0</v>
      </c>
      <c r="AX5331">
        <v>1980</v>
      </c>
      <c r="AY5331">
        <v>13</v>
      </c>
      <c r="AZ5331">
        <v>27</v>
      </c>
      <c r="BA5331">
        <v>2896</v>
      </c>
    </row>
    <row r="5332" spans="1:53" x14ac:dyDescent="0.4">
      <c r="A5332">
        <v>5376</v>
      </c>
      <c r="B5332" s="1">
        <v>44871</v>
      </c>
      <c r="C5332">
        <v>4</v>
      </c>
      <c r="D5332" s="1">
        <v>44871.984722222223</v>
      </c>
      <c r="E5332" s="1">
        <v>44872.163194444445</v>
      </c>
      <c r="F5332">
        <v>5280</v>
      </c>
      <c r="G5332">
        <v>605</v>
      </c>
      <c r="H5332">
        <v>220</v>
      </c>
      <c r="I5332">
        <v>0</v>
      </c>
      <c r="J5332">
        <v>0</v>
      </c>
      <c r="K5332">
        <v>0</v>
      </c>
      <c r="L5332">
        <v>0</v>
      </c>
      <c r="M5332">
        <v>555</v>
      </c>
      <c r="N5332">
        <v>0</v>
      </c>
      <c r="O5332">
        <v>0</v>
      </c>
      <c r="P5332">
        <v>-2640</v>
      </c>
      <c r="Q5332">
        <v>0</v>
      </c>
      <c r="R5332">
        <v>3465</v>
      </c>
      <c r="S5332">
        <v>0</v>
      </c>
      <c r="T5332">
        <v>0</v>
      </c>
      <c r="U5332">
        <v>0</v>
      </c>
      <c r="V5332">
        <v>7</v>
      </c>
      <c r="W5332">
        <v>0</v>
      </c>
      <c r="X5332">
        <v>0</v>
      </c>
      <c r="Y5332">
        <v>44</v>
      </c>
      <c r="Z5332">
        <v>19</v>
      </c>
      <c r="AA5332">
        <v>74</v>
      </c>
      <c r="AB5332">
        <v>36</v>
      </c>
      <c r="AC5332">
        <v>145</v>
      </c>
      <c r="AD5332">
        <v>24</v>
      </c>
      <c r="AE5332">
        <v>79</v>
      </c>
      <c r="AF5332">
        <v>12534</v>
      </c>
      <c r="AG5332">
        <v>146883</v>
      </c>
      <c r="AH5332">
        <v>50000</v>
      </c>
      <c r="AI5332">
        <v>0</v>
      </c>
      <c r="AJ5332">
        <v>108</v>
      </c>
      <c r="AK5332" t="s">
        <v>3</v>
      </c>
      <c r="AL5332">
        <v>0</v>
      </c>
      <c r="AM5332">
        <v>0</v>
      </c>
      <c r="AN5332">
        <v>0</v>
      </c>
      <c r="AO5332">
        <v>0</v>
      </c>
      <c r="AP5332">
        <v>0</v>
      </c>
      <c r="AQ5332">
        <v>0</v>
      </c>
      <c r="AR5332">
        <v>0</v>
      </c>
      <c r="AS5332">
        <v>0</v>
      </c>
      <c r="AT5332">
        <v>0</v>
      </c>
      <c r="AU5332">
        <v>0</v>
      </c>
      <c r="AV5332">
        <v>0</v>
      </c>
      <c r="AW5332">
        <v>0</v>
      </c>
      <c r="AX5332">
        <v>0</v>
      </c>
      <c r="AY5332">
        <v>0</v>
      </c>
      <c r="AZ5332">
        <v>0</v>
      </c>
      <c r="BA5332">
        <v>292</v>
      </c>
    </row>
    <row r="5333" spans="1:53" x14ac:dyDescent="0.4">
      <c r="A5333">
        <v>5377</v>
      </c>
      <c r="B5333" s="1">
        <v>44872</v>
      </c>
      <c r="C5333">
        <v>1</v>
      </c>
      <c r="D5333" s="1">
        <v>44872.291666666664</v>
      </c>
      <c r="E5333" s="1">
        <v>44872.446527777778</v>
      </c>
      <c r="F5333">
        <v>0</v>
      </c>
      <c r="G5333">
        <v>0</v>
      </c>
      <c r="H5333">
        <v>0</v>
      </c>
      <c r="I5333">
        <v>0</v>
      </c>
      <c r="J5333">
        <v>0</v>
      </c>
      <c r="K5333">
        <v>0</v>
      </c>
      <c r="L5333">
        <v>0</v>
      </c>
      <c r="M5333">
        <v>0</v>
      </c>
      <c r="N5333">
        <v>0</v>
      </c>
      <c r="O5333">
        <v>0</v>
      </c>
      <c r="P5333">
        <v>0</v>
      </c>
      <c r="Q5333">
        <v>0</v>
      </c>
      <c r="R5333">
        <v>0</v>
      </c>
      <c r="S5333">
        <v>0</v>
      </c>
      <c r="T5333">
        <v>0</v>
      </c>
      <c r="U5333">
        <v>0</v>
      </c>
      <c r="V5333">
        <v>0</v>
      </c>
      <c r="W5333">
        <v>0</v>
      </c>
      <c r="X5333">
        <v>0</v>
      </c>
      <c r="Y5333">
        <v>30</v>
      </c>
      <c r="Z5333">
        <v>13</v>
      </c>
      <c r="AA5333">
        <v>104</v>
      </c>
      <c r="AB5333">
        <v>36</v>
      </c>
      <c r="AC5333">
        <v>111</v>
      </c>
      <c r="AD5333">
        <v>23</v>
      </c>
      <c r="AE5333">
        <v>75</v>
      </c>
      <c r="AF5333">
        <v>0</v>
      </c>
      <c r="AG5333">
        <v>50000</v>
      </c>
      <c r="AH5333">
        <v>50000</v>
      </c>
      <c r="AI5333">
        <v>0</v>
      </c>
      <c r="AJ5333">
        <v>0</v>
      </c>
      <c r="AK5333" t="s">
        <v>6</v>
      </c>
      <c r="AL5333">
        <v>0</v>
      </c>
      <c r="AM5333">
        <v>0</v>
      </c>
      <c r="AN5333">
        <v>0</v>
      </c>
      <c r="AO5333">
        <v>0</v>
      </c>
      <c r="AP5333">
        <v>0</v>
      </c>
      <c r="AQ5333">
        <v>0</v>
      </c>
      <c r="AR5333">
        <v>0</v>
      </c>
      <c r="AS5333">
        <v>0</v>
      </c>
      <c r="AT5333">
        <v>0</v>
      </c>
      <c r="AU5333">
        <v>0</v>
      </c>
      <c r="AV5333">
        <v>0</v>
      </c>
      <c r="AW5333">
        <v>0</v>
      </c>
      <c r="AX5333">
        <v>0</v>
      </c>
      <c r="AY5333">
        <v>0</v>
      </c>
      <c r="AZ5333">
        <v>0</v>
      </c>
      <c r="BA5333">
        <v>0</v>
      </c>
    </row>
    <row r="5334" spans="1:53" x14ac:dyDescent="0.4">
      <c r="A5334">
        <v>5378</v>
      </c>
      <c r="B5334" s="1">
        <v>44872</v>
      </c>
      <c r="C5334">
        <v>2</v>
      </c>
      <c r="D5334" s="1">
        <v>44872.446527777778</v>
      </c>
      <c r="E5334" s="1">
        <v>44872.738888888889</v>
      </c>
      <c r="F5334">
        <v>11450</v>
      </c>
      <c r="G5334">
        <v>462</v>
      </c>
      <c r="H5334">
        <v>0</v>
      </c>
      <c r="I5334">
        <v>0</v>
      </c>
      <c r="J5334">
        <v>100</v>
      </c>
      <c r="K5334">
        <v>0</v>
      </c>
      <c r="L5334">
        <v>0</v>
      </c>
      <c r="M5334">
        <v>1074</v>
      </c>
      <c r="N5334">
        <v>0</v>
      </c>
      <c r="O5334">
        <v>0</v>
      </c>
      <c r="P5334">
        <v>13820</v>
      </c>
      <c r="Q5334">
        <v>0</v>
      </c>
      <c r="R5334">
        <v>25632</v>
      </c>
      <c r="S5334">
        <v>0</v>
      </c>
      <c r="T5334">
        <v>0</v>
      </c>
      <c r="U5334">
        <v>0</v>
      </c>
      <c r="V5334">
        <v>2</v>
      </c>
      <c r="W5334">
        <v>0</v>
      </c>
      <c r="X5334">
        <v>0</v>
      </c>
      <c r="Y5334">
        <v>28</v>
      </c>
      <c r="Z5334">
        <v>21</v>
      </c>
      <c r="AA5334">
        <v>88</v>
      </c>
      <c r="AB5334">
        <v>36</v>
      </c>
      <c r="AC5334">
        <v>106</v>
      </c>
      <c r="AD5334">
        <v>22</v>
      </c>
      <c r="AE5334">
        <v>76</v>
      </c>
      <c r="AF5334">
        <v>5286</v>
      </c>
      <c r="AG5334">
        <v>75632</v>
      </c>
      <c r="AH5334">
        <v>50000</v>
      </c>
      <c r="AI5334">
        <v>0</v>
      </c>
      <c r="AJ5334">
        <v>119</v>
      </c>
      <c r="AK5334" t="s">
        <v>56</v>
      </c>
      <c r="AL5334">
        <v>0</v>
      </c>
      <c r="AM5334">
        <v>0</v>
      </c>
      <c r="AN5334">
        <v>0</v>
      </c>
      <c r="AO5334">
        <v>0</v>
      </c>
      <c r="AP5334">
        <v>0</v>
      </c>
      <c r="AQ5334">
        <v>0</v>
      </c>
      <c r="AR5334">
        <v>0</v>
      </c>
      <c r="AS5334">
        <v>0</v>
      </c>
      <c r="AT5334">
        <v>0</v>
      </c>
      <c r="AU5334">
        <v>0</v>
      </c>
      <c r="AV5334">
        <v>0</v>
      </c>
      <c r="AW5334">
        <v>0</v>
      </c>
      <c r="AX5334">
        <v>290</v>
      </c>
      <c r="AY5334">
        <v>29</v>
      </c>
      <c r="AZ5334">
        <v>39</v>
      </c>
      <c r="BA5334">
        <v>4202</v>
      </c>
    </row>
    <row r="5335" spans="1:53" x14ac:dyDescent="0.4">
      <c r="A5335">
        <v>5379</v>
      </c>
      <c r="B5335" s="1">
        <v>44873</v>
      </c>
      <c r="C5335">
        <v>1</v>
      </c>
      <c r="D5335" s="1">
        <v>44873.291666666664</v>
      </c>
      <c r="E5335" s="1">
        <v>44873.445833333331</v>
      </c>
      <c r="F5335">
        <v>0</v>
      </c>
      <c r="G5335">
        <v>0</v>
      </c>
      <c r="H5335">
        <v>0</v>
      </c>
      <c r="I5335">
        <v>0</v>
      </c>
      <c r="J5335">
        <v>0</v>
      </c>
      <c r="K5335">
        <v>0</v>
      </c>
      <c r="L5335">
        <v>0</v>
      </c>
      <c r="M5335">
        <v>0</v>
      </c>
      <c r="N5335">
        <v>0</v>
      </c>
      <c r="O5335">
        <v>0</v>
      </c>
      <c r="P5335">
        <v>0</v>
      </c>
      <c r="Q5335">
        <v>0</v>
      </c>
      <c r="R5335">
        <v>0</v>
      </c>
      <c r="S5335">
        <v>0</v>
      </c>
      <c r="T5335">
        <v>0</v>
      </c>
      <c r="U5335">
        <v>0</v>
      </c>
      <c r="V5335">
        <v>0</v>
      </c>
      <c r="W5335">
        <v>1</v>
      </c>
      <c r="X5335">
        <v>0</v>
      </c>
      <c r="Y5335">
        <v>24</v>
      </c>
      <c r="Z5335">
        <v>16</v>
      </c>
      <c r="AA5335">
        <v>102</v>
      </c>
      <c r="AB5335">
        <v>31</v>
      </c>
      <c r="AC5335">
        <v>107</v>
      </c>
      <c r="AD5335">
        <v>22</v>
      </c>
      <c r="AE5335">
        <v>70</v>
      </c>
      <c r="AF5335">
        <v>0</v>
      </c>
      <c r="AG5335">
        <v>50000</v>
      </c>
      <c r="AH5335">
        <v>0</v>
      </c>
      <c r="AI5335">
        <v>50000</v>
      </c>
      <c r="AJ5335">
        <v>0</v>
      </c>
      <c r="AK5335" t="s">
        <v>6</v>
      </c>
      <c r="AL5335">
        <v>0</v>
      </c>
      <c r="AM5335">
        <v>0</v>
      </c>
      <c r="AN5335">
        <v>0</v>
      </c>
      <c r="AO5335">
        <v>0</v>
      </c>
      <c r="AP5335">
        <v>0</v>
      </c>
      <c r="AQ5335">
        <v>0</v>
      </c>
      <c r="AR5335">
        <v>0</v>
      </c>
      <c r="AS5335">
        <v>0</v>
      </c>
      <c r="AT5335">
        <v>0</v>
      </c>
      <c r="AU5335">
        <v>0</v>
      </c>
      <c r="AV5335">
        <v>0</v>
      </c>
      <c r="AW5335">
        <v>0</v>
      </c>
      <c r="AX5335">
        <v>0</v>
      </c>
      <c r="AY5335">
        <v>0</v>
      </c>
      <c r="AZ5335">
        <v>0</v>
      </c>
      <c r="BA5335">
        <v>0</v>
      </c>
    </row>
    <row r="5336" spans="1:53" x14ac:dyDescent="0.4">
      <c r="A5336">
        <v>5380</v>
      </c>
      <c r="B5336" s="1">
        <v>44873</v>
      </c>
      <c r="C5336">
        <v>2</v>
      </c>
      <c r="D5336" s="1">
        <v>44873.445833333331</v>
      </c>
      <c r="E5336" s="1">
        <v>44873.456944444442</v>
      </c>
      <c r="F5336">
        <v>0</v>
      </c>
      <c r="G5336">
        <v>0</v>
      </c>
      <c r="H5336">
        <v>0</v>
      </c>
      <c r="I5336">
        <v>0</v>
      </c>
      <c r="J5336">
        <v>0</v>
      </c>
      <c r="K5336">
        <v>0</v>
      </c>
      <c r="L5336">
        <v>0</v>
      </c>
      <c r="M5336">
        <v>0</v>
      </c>
      <c r="N5336">
        <v>0</v>
      </c>
      <c r="O5336">
        <v>0</v>
      </c>
      <c r="P5336">
        <v>0</v>
      </c>
      <c r="Q5336">
        <v>0</v>
      </c>
      <c r="R5336">
        <v>0</v>
      </c>
      <c r="S5336">
        <v>0</v>
      </c>
      <c r="T5336">
        <v>0</v>
      </c>
      <c r="U5336">
        <v>0</v>
      </c>
      <c r="V5336">
        <v>0</v>
      </c>
      <c r="W5336">
        <v>1</v>
      </c>
      <c r="X5336">
        <v>0</v>
      </c>
      <c r="Y5336">
        <v>25</v>
      </c>
      <c r="Z5336">
        <v>16</v>
      </c>
      <c r="AA5336">
        <v>92</v>
      </c>
      <c r="AB5336">
        <v>31</v>
      </c>
      <c r="AC5336">
        <v>107</v>
      </c>
      <c r="AD5336">
        <v>22</v>
      </c>
      <c r="AE5336">
        <v>70</v>
      </c>
      <c r="AF5336">
        <v>0</v>
      </c>
      <c r="AG5336">
        <v>50000</v>
      </c>
      <c r="AH5336">
        <v>50000</v>
      </c>
      <c r="AI5336">
        <v>0</v>
      </c>
      <c r="AJ5336">
        <v>0</v>
      </c>
      <c r="AK5336" t="s">
        <v>6</v>
      </c>
      <c r="AL5336">
        <v>0</v>
      </c>
      <c r="AM5336">
        <v>0</v>
      </c>
      <c r="AN5336">
        <v>0</v>
      </c>
      <c r="AO5336">
        <v>0</v>
      </c>
      <c r="AP5336">
        <v>0</v>
      </c>
      <c r="AQ5336">
        <v>0</v>
      </c>
      <c r="AR5336">
        <v>0</v>
      </c>
      <c r="AS5336">
        <v>0</v>
      </c>
      <c r="AT5336">
        <v>0</v>
      </c>
      <c r="AU5336">
        <v>0</v>
      </c>
      <c r="AV5336">
        <v>0</v>
      </c>
      <c r="AW5336">
        <v>0</v>
      </c>
      <c r="AX5336">
        <v>0</v>
      </c>
      <c r="AY5336">
        <v>0</v>
      </c>
      <c r="AZ5336">
        <v>0</v>
      </c>
      <c r="BA5336">
        <v>0</v>
      </c>
    </row>
    <row r="5337" spans="1:53" x14ac:dyDescent="0.4">
      <c r="A5337">
        <v>5381</v>
      </c>
      <c r="B5337" s="1">
        <v>44873</v>
      </c>
      <c r="C5337">
        <v>3</v>
      </c>
      <c r="D5337" s="1">
        <v>44873.456944444442</v>
      </c>
      <c r="E5337" s="1">
        <v>44873.751388888886</v>
      </c>
      <c r="F5337">
        <v>10980</v>
      </c>
      <c r="G5337">
        <v>462</v>
      </c>
      <c r="H5337">
        <v>0</v>
      </c>
      <c r="I5337">
        <v>0</v>
      </c>
      <c r="J5337">
        <v>0</v>
      </c>
      <c r="K5337">
        <v>0</v>
      </c>
      <c r="L5337">
        <v>0</v>
      </c>
      <c r="M5337">
        <v>1042</v>
      </c>
      <c r="N5337">
        <v>0</v>
      </c>
      <c r="O5337">
        <v>0</v>
      </c>
      <c r="P5337">
        <v>14120</v>
      </c>
      <c r="Q5337">
        <v>0</v>
      </c>
      <c r="R5337">
        <v>25562</v>
      </c>
      <c r="S5337">
        <v>0</v>
      </c>
      <c r="T5337">
        <v>0</v>
      </c>
      <c r="U5337">
        <v>0</v>
      </c>
      <c r="V5337">
        <v>0</v>
      </c>
      <c r="W5337">
        <v>1</v>
      </c>
      <c r="X5337">
        <v>0</v>
      </c>
      <c r="Y5337">
        <v>47</v>
      </c>
      <c r="Z5337">
        <v>22</v>
      </c>
      <c r="AA5337">
        <v>66</v>
      </c>
      <c r="AB5337">
        <v>33</v>
      </c>
      <c r="AC5337">
        <v>113</v>
      </c>
      <c r="AD5337">
        <v>22</v>
      </c>
      <c r="AE5337">
        <v>72</v>
      </c>
      <c r="AF5337">
        <v>3000</v>
      </c>
      <c r="AG5337">
        <v>75562</v>
      </c>
      <c r="AH5337">
        <v>50000</v>
      </c>
      <c r="AI5337">
        <v>0</v>
      </c>
      <c r="AJ5337">
        <v>116</v>
      </c>
      <c r="AK5337" t="s">
        <v>54</v>
      </c>
      <c r="AL5337">
        <v>0</v>
      </c>
      <c r="AM5337">
        <v>0</v>
      </c>
      <c r="AN5337">
        <v>0</v>
      </c>
      <c r="AO5337">
        <v>0</v>
      </c>
      <c r="AP5337">
        <v>0</v>
      </c>
      <c r="AQ5337">
        <v>0</v>
      </c>
      <c r="AR5337">
        <v>0</v>
      </c>
      <c r="AS5337">
        <v>0</v>
      </c>
      <c r="AT5337">
        <v>0</v>
      </c>
      <c r="AU5337">
        <v>0</v>
      </c>
      <c r="AV5337">
        <v>0</v>
      </c>
      <c r="AW5337">
        <v>0</v>
      </c>
      <c r="AX5337">
        <v>0</v>
      </c>
      <c r="AY5337">
        <v>28</v>
      </c>
      <c r="AZ5337">
        <v>42</v>
      </c>
      <c r="BA5337">
        <v>3493</v>
      </c>
    </row>
    <row r="5338" spans="1:53" x14ac:dyDescent="0.4">
      <c r="A5338">
        <v>5382</v>
      </c>
      <c r="B5338" s="1">
        <v>44873</v>
      </c>
      <c r="C5338">
        <v>4</v>
      </c>
      <c r="D5338" s="1">
        <v>44873.751388888886</v>
      </c>
      <c r="E5338" s="1">
        <v>44873.954861111109</v>
      </c>
      <c r="F5338">
        <v>23270</v>
      </c>
      <c r="G5338">
        <v>0</v>
      </c>
      <c r="H5338">
        <v>440</v>
      </c>
      <c r="I5338">
        <v>0</v>
      </c>
      <c r="J5338">
        <v>0</v>
      </c>
      <c r="K5338">
        <v>660</v>
      </c>
      <c r="L5338">
        <v>0</v>
      </c>
      <c r="M5338">
        <v>2216</v>
      </c>
      <c r="N5338">
        <v>0</v>
      </c>
      <c r="O5338">
        <v>0</v>
      </c>
      <c r="P5338">
        <v>-14120</v>
      </c>
      <c r="Q5338">
        <v>0</v>
      </c>
      <c r="R5338">
        <v>10250</v>
      </c>
      <c r="S5338">
        <v>0</v>
      </c>
      <c r="T5338">
        <v>0</v>
      </c>
      <c r="U5338">
        <v>0</v>
      </c>
      <c r="V5338">
        <v>1</v>
      </c>
      <c r="W5338">
        <v>1</v>
      </c>
      <c r="X5338">
        <v>0</v>
      </c>
      <c r="Y5338">
        <v>45</v>
      </c>
      <c r="Z5338">
        <v>23</v>
      </c>
      <c r="AA5338">
        <v>82</v>
      </c>
      <c r="AB5338">
        <v>34</v>
      </c>
      <c r="AC5338">
        <v>122</v>
      </c>
      <c r="AD5338">
        <v>24</v>
      </c>
      <c r="AE5338">
        <v>72</v>
      </c>
      <c r="AF5338">
        <v>3000</v>
      </c>
      <c r="AG5338">
        <v>85812</v>
      </c>
      <c r="AH5338">
        <v>50000</v>
      </c>
      <c r="AI5338">
        <v>0</v>
      </c>
      <c r="AJ5338">
        <v>103</v>
      </c>
      <c r="AK5338" t="s">
        <v>7</v>
      </c>
      <c r="AL5338">
        <v>0</v>
      </c>
      <c r="AM5338">
        <v>0</v>
      </c>
      <c r="AN5338">
        <v>0</v>
      </c>
      <c r="AO5338">
        <v>0</v>
      </c>
      <c r="AP5338">
        <v>0</v>
      </c>
      <c r="AQ5338">
        <v>0</v>
      </c>
      <c r="AR5338">
        <v>0</v>
      </c>
      <c r="AS5338">
        <v>0</v>
      </c>
      <c r="AT5338">
        <v>0</v>
      </c>
      <c r="AU5338">
        <v>0</v>
      </c>
      <c r="AV5338">
        <v>0</v>
      </c>
      <c r="AW5338">
        <v>0</v>
      </c>
      <c r="AX5338">
        <v>10926</v>
      </c>
      <c r="AY5338">
        <v>8</v>
      </c>
      <c r="AZ5338">
        <v>14</v>
      </c>
      <c r="BA5338">
        <v>1987</v>
      </c>
    </row>
    <row r="5339" spans="1:53" x14ac:dyDescent="0.4">
      <c r="A5339">
        <v>5383</v>
      </c>
      <c r="B5339" s="1">
        <v>44873</v>
      </c>
      <c r="C5339">
        <v>5</v>
      </c>
      <c r="D5339" s="1">
        <v>44873.954861111109</v>
      </c>
      <c r="E5339" s="1">
        <v>44873.958333333336</v>
      </c>
      <c r="F5339">
        <v>5280</v>
      </c>
      <c r="G5339">
        <v>0</v>
      </c>
      <c r="H5339">
        <v>0</v>
      </c>
      <c r="I5339">
        <v>0</v>
      </c>
      <c r="J5339">
        <v>0</v>
      </c>
      <c r="K5339">
        <v>0</v>
      </c>
      <c r="L5339">
        <v>0</v>
      </c>
      <c r="M5339">
        <v>480</v>
      </c>
      <c r="N5339">
        <v>0</v>
      </c>
      <c r="O5339">
        <v>0</v>
      </c>
      <c r="P5339">
        <v>0</v>
      </c>
      <c r="Q5339">
        <v>0</v>
      </c>
      <c r="R5339">
        <v>5280</v>
      </c>
      <c r="S5339">
        <v>0</v>
      </c>
      <c r="T5339">
        <v>0</v>
      </c>
      <c r="U5339">
        <v>0</v>
      </c>
      <c r="V5339">
        <v>1</v>
      </c>
      <c r="W5339">
        <v>1</v>
      </c>
      <c r="X5339">
        <v>0</v>
      </c>
      <c r="Y5339">
        <v>45</v>
      </c>
      <c r="Z5339">
        <v>23</v>
      </c>
      <c r="AA5339">
        <v>82</v>
      </c>
      <c r="AB5339">
        <v>33</v>
      </c>
      <c r="AC5339">
        <v>122</v>
      </c>
      <c r="AD5339">
        <v>24</v>
      </c>
      <c r="AE5339">
        <v>72</v>
      </c>
      <c r="AF5339">
        <v>3000</v>
      </c>
      <c r="AG5339">
        <v>85762</v>
      </c>
      <c r="AH5339">
        <v>50000</v>
      </c>
      <c r="AI5339">
        <v>-5330</v>
      </c>
      <c r="AJ5339">
        <v>108</v>
      </c>
      <c r="AK5339" t="s">
        <v>3</v>
      </c>
      <c r="AL5339">
        <v>0</v>
      </c>
      <c r="AM5339">
        <v>0</v>
      </c>
      <c r="AN5339">
        <v>0</v>
      </c>
      <c r="AO5339">
        <v>0</v>
      </c>
      <c r="AP5339">
        <v>0</v>
      </c>
      <c r="AQ5339">
        <v>0</v>
      </c>
      <c r="AR5339">
        <v>0</v>
      </c>
      <c r="AS5339">
        <v>0</v>
      </c>
      <c r="AT5339">
        <v>0</v>
      </c>
      <c r="AU5339">
        <v>0</v>
      </c>
      <c r="AV5339">
        <v>0</v>
      </c>
      <c r="AW5339">
        <v>0</v>
      </c>
      <c r="AX5339">
        <v>5646</v>
      </c>
      <c r="AY5339">
        <v>0</v>
      </c>
      <c r="AZ5339">
        <v>0</v>
      </c>
      <c r="BA5339">
        <v>9</v>
      </c>
    </row>
    <row r="5340" spans="1:53" x14ac:dyDescent="0.4">
      <c r="A5340">
        <v>5384</v>
      </c>
      <c r="B5340" s="1">
        <v>44874</v>
      </c>
      <c r="C5340">
        <v>1</v>
      </c>
      <c r="D5340" s="1">
        <v>44874.291666666664</v>
      </c>
      <c r="E5340" s="1">
        <v>44874.448611111111</v>
      </c>
      <c r="F5340">
        <v>0</v>
      </c>
      <c r="G5340">
        <v>0</v>
      </c>
      <c r="H5340">
        <v>0</v>
      </c>
      <c r="I5340">
        <v>0</v>
      </c>
      <c r="J5340">
        <v>0</v>
      </c>
      <c r="K5340">
        <v>0</v>
      </c>
      <c r="L5340">
        <v>0</v>
      </c>
      <c r="M5340">
        <v>0</v>
      </c>
      <c r="N5340">
        <v>0</v>
      </c>
      <c r="O5340">
        <v>0</v>
      </c>
      <c r="P5340">
        <v>0</v>
      </c>
      <c r="Q5340">
        <v>0</v>
      </c>
      <c r="R5340">
        <v>0</v>
      </c>
      <c r="S5340">
        <v>0</v>
      </c>
      <c r="T5340">
        <v>0</v>
      </c>
      <c r="U5340">
        <v>0</v>
      </c>
      <c r="V5340">
        <v>0</v>
      </c>
      <c r="W5340">
        <v>1</v>
      </c>
      <c r="X5340">
        <v>0</v>
      </c>
      <c r="Y5340">
        <v>25</v>
      </c>
      <c r="Z5340">
        <v>18</v>
      </c>
      <c r="AA5340">
        <v>84</v>
      </c>
      <c r="AB5340">
        <v>25</v>
      </c>
      <c r="AC5340">
        <v>117</v>
      </c>
      <c r="AD5340">
        <v>23</v>
      </c>
      <c r="AE5340">
        <v>65</v>
      </c>
      <c r="AF5340">
        <v>0</v>
      </c>
      <c r="AG5340">
        <v>50000</v>
      </c>
      <c r="AH5340">
        <v>50000</v>
      </c>
      <c r="AI5340">
        <v>0</v>
      </c>
      <c r="AJ5340">
        <v>0</v>
      </c>
      <c r="AK5340" t="s">
        <v>6</v>
      </c>
      <c r="AL5340">
        <v>0</v>
      </c>
      <c r="AM5340">
        <v>0</v>
      </c>
      <c r="AN5340">
        <v>0</v>
      </c>
      <c r="AO5340">
        <v>0</v>
      </c>
      <c r="AP5340">
        <v>0</v>
      </c>
      <c r="AQ5340">
        <v>0</v>
      </c>
      <c r="AR5340">
        <v>0</v>
      </c>
      <c r="AS5340">
        <v>0</v>
      </c>
      <c r="AT5340">
        <v>0</v>
      </c>
      <c r="AU5340">
        <v>0</v>
      </c>
      <c r="AV5340">
        <v>0</v>
      </c>
      <c r="AW5340">
        <v>0</v>
      </c>
      <c r="AX5340">
        <v>0</v>
      </c>
      <c r="AY5340">
        <v>0</v>
      </c>
      <c r="AZ5340">
        <v>0</v>
      </c>
      <c r="BA5340">
        <v>0</v>
      </c>
    </row>
    <row r="5341" spans="1:53" x14ac:dyDescent="0.4">
      <c r="A5341">
        <v>5385</v>
      </c>
      <c r="B5341" s="1">
        <v>44874</v>
      </c>
      <c r="C5341">
        <v>2</v>
      </c>
      <c r="D5341" s="1">
        <v>44874.448611111111</v>
      </c>
      <c r="E5341" s="1">
        <v>44874.744444444441</v>
      </c>
      <c r="F5341">
        <v>17010</v>
      </c>
      <c r="G5341">
        <v>462</v>
      </c>
      <c r="H5341">
        <v>0</v>
      </c>
      <c r="I5341">
        <v>0</v>
      </c>
      <c r="J5341">
        <v>0</v>
      </c>
      <c r="K5341">
        <v>0</v>
      </c>
      <c r="L5341">
        <v>0</v>
      </c>
      <c r="M5341">
        <v>1589</v>
      </c>
      <c r="N5341">
        <v>0</v>
      </c>
      <c r="O5341">
        <v>0</v>
      </c>
      <c r="P5341">
        <v>7730</v>
      </c>
      <c r="Q5341">
        <v>0</v>
      </c>
      <c r="R5341">
        <v>25202</v>
      </c>
      <c r="S5341">
        <v>0</v>
      </c>
      <c r="T5341">
        <v>0</v>
      </c>
      <c r="U5341">
        <v>0</v>
      </c>
      <c r="V5341">
        <v>1</v>
      </c>
      <c r="W5341">
        <v>2</v>
      </c>
      <c r="X5341">
        <v>0</v>
      </c>
      <c r="Y5341">
        <v>32</v>
      </c>
      <c r="Z5341">
        <v>18</v>
      </c>
      <c r="AA5341">
        <v>77</v>
      </c>
      <c r="AB5341">
        <v>26</v>
      </c>
      <c r="AC5341">
        <v>114</v>
      </c>
      <c r="AD5341">
        <v>25</v>
      </c>
      <c r="AE5341">
        <v>67</v>
      </c>
      <c r="AF5341">
        <v>3870</v>
      </c>
      <c r="AG5341">
        <v>75202</v>
      </c>
      <c r="AH5341">
        <v>50000</v>
      </c>
      <c r="AI5341">
        <v>0</v>
      </c>
      <c r="AJ5341">
        <v>29</v>
      </c>
      <c r="AK5341" t="s">
        <v>62</v>
      </c>
      <c r="AL5341">
        <v>0</v>
      </c>
      <c r="AM5341">
        <v>0</v>
      </c>
      <c r="AN5341">
        <v>0</v>
      </c>
      <c r="AO5341">
        <v>0</v>
      </c>
      <c r="AP5341">
        <v>0</v>
      </c>
      <c r="AQ5341">
        <v>0</v>
      </c>
      <c r="AR5341">
        <v>0</v>
      </c>
      <c r="AS5341">
        <v>0</v>
      </c>
      <c r="AT5341">
        <v>0</v>
      </c>
      <c r="AU5341">
        <v>0</v>
      </c>
      <c r="AV5341">
        <v>0</v>
      </c>
      <c r="AW5341">
        <v>0</v>
      </c>
      <c r="AX5341">
        <v>-1200</v>
      </c>
      <c r="AY5341">
        <v>29</v>
      </c>
      <c r="AZ5341">
        <v>39</v>
      </c>
      <c r="BA5341">
        <v>4139</v>
      </c>
    </row>
    <row r="5342" spans="1:53" x14ac:dyDescent="0.4">
      <c r="A5342">
        <v>5386</v>
      </c>
      <c r="B5342" s="1">
        <v>44874</v>
      </c>
      <c r="C5342">
        <v>3</v>
      </c>
      <c r="D5342" s="1">
        <v>44874.744444444441</v>
      </c>
      <c r="E5342" s="1">
        <v>44874.949305555558</v>
      </c>
      <c r="F5342">
        <v>11630</v>
      </c>
      <c r="G5342">
        <v>0</v>
      </c>
      <c r="H5342">
        <v>0</v>
      </c>
      <c r="I5342">
        <v>0</v>
      </c>
      <c r="J5342">
        <v>0</v>
      </c>
      <c r="K5342">
        <v>0</v>
      </c>
      <c r="L5342">
        <v>0</v>
      </c>
      <c r="M5342">
        <v>1059</v>
      </c>
      <c r="N5342">
        <v>0</v>
      </c>
      <c r="O5342">
        <v>0</v>
      </c>
      <c r="P5342">
        <v>5770</v>
      </c>
      <c r="Q5342">
        <v>0</v>
      </c>
      <c r="R5342">
        <v>17400</v>
      </c>
      <c r="S5342">
        <v>0</v>
      </c>
      <c r="T5342">
        <v>0</v>
      </c>
      <c r="U5342">
        <v>0</v>
      </c>
      <c r="V5342">
        <v>2</v>
      </c>
      <c r="W5342">
        <v>2</v>
      </c>
      <c r="X5342">
        <v>0</v>
      </c>
      <c r="Y5342">
        <v>36</v>
      </c>
      <c r="Z5342">
        <v>17</v>
      </c>
      <c r="AA5342">
        <v>75</v>
      </c>
      <c r="AB5342">
        <v>28</v>
      </c>
      <c r="AC5342">
        <v>124</v>
      </c>
      <c r="AD5342">
        <v>25</v>
      </c>
      <c r="AE5342">
        <v>67</v>
      </c>
      <c r="AF5342">
        <v>7770</v>
      </c>
      <c r="AG5342">
        <v>92602</v>
      </c>
      <c r="AH5342">
        <v>50000</v>
      </c>
      <c r="AI5342">
        <v>0</v>
      </c>
      <c r="AJ5342">
        <v>102</v>
      </c>
      <c r="AK5342" t="s">
        <v>50</v>
      </c>
      <c r="AL5342">
        <v>0</v>
      </c>
      <c r="AM5342">
        <v>0</v>
      </c>
      <c r="AN5342">
        <v>0</v>
      </c>
      <c r="AO5342">
        <v>0</v>
      </c>
      <c r="AP5342">
        <v>0</v>
      </c>
      <c r="AQ5342">
        <v>0</v>
      </c>
      <c r="AR5342">
        <v>0</v>
      </c>
      <c r="AS5342">
        <v>0</v>
      </c>
      <c r="AT5342">
        <v>0</v>
      </c>
      <c r="AU5342">
        <v>0</v>
      </c>
      <c r="AV5342">
        <v>0</v>
      </c>
      <c r="AW5342">
        <v>0</v>
      </c>
      <c r="AX5342">
        <v>10194</v>
      </c>
      <c r="AY5342">
        <v>6</v>
      </c>
      <c r="AZ5342">
        <v>15</v>
      </c>
      <c r="BA5342">
        <v>1298</v>
      </c>
    </row>
    <row r="5343" spans="1:53" x14ac:dyDescent="0.4">
      <c r="A5343">
        <v>5387</v>
      </c>
      <c r="B5343" s="1">
        <v>44875</v>
      </c>
      <c r="C5343">
        <v>1</v>
      </c>
      <c r="D5343" s="1">
        <v>44875.291666666664</v>
      </c>
      <c r="E5343" s="1">
        <v>44875.448611111111</v>
      </c>
      <c r="F5343">
        <v>0</v>
      </c>
      <c r="G5343">
        <v>0</v>
      </c>
      <c r="H5343">
        <v>0</v>
      </c>
      <c r="I5343">
        <v>0</v>
      </c>
      <c r="J5343">
        <v>0</v>
      </c>
      <c r="K5343">
        <v>0</v>
      </c>
      <c r="L5343">
        <v>0</v>
      </c>
      <c r="M5343">
        <v>0</v>
      </c>
      <c r="N5343">
        <v>0</v>
      </c>
      <c r="O5343">
        <v>0</v>
      </c>
      <c r="P5343">
        <v>0</v>
      </c>
      <c r="Q5343">
        <v>0</v>
      </c>
      <c r="R5343">
        <v>0</v>
      </c>
      <c r="S5343">
        <v>0</v>
      </c>
      <c r="T5343">
        <v>0</v>
      </c>
      <c r="U5343">
        <v>0</v>
      </c>
      <c r="V5343">
        <v>0</v>
      </c>
      <c r="W5343">
        <v>0</v>
      </c>
      <c r="X5343">
        <v>0</v>
      </c>
      <c r="Y5343">
        <v>33</v>
      </c>
      <c r="Z5343">
        <v>15</v>
      </c>
      <c r="AA5343">
        <v>68</v>
      </c>
      <c r="AB5343">
        <v>27</v>
      </c>
      <c r="AC5343">
        <v>116</v>
      </c>
      <c r="AD5343">
        <v>25</v>
      </c>
      <c r="AE5343">
        <v>65</v>
      </c>
      <c r="AF5343">
        <v>0</v>
      </c>
      <c r="AG5343">
        <v>50000</v>
      </c>
      <c r="AH5343">
        <v>50000</v>
      </c>
      <c r="AI5343">
        <v>0</v>
      </c>
      <c r="AJ5343">
        <v>0</v>
      </c>
      <c r="AK5343" t="s">
        <v>6</v>
      </c>
      <c r="AL5343">
        <v>0</v>
      </c>
      <c r="AM5343">
        <v>0</v>
      </c>
      <c r="AN5343">
        <v>0</v>
      </c>
      <c r="AO5343">
        <v>0</v>
      </c>
      <c r="AP5343">
        <v>0</v>
      </c>
      <c r="AQ5343">
        <v>0</v>
      </c>
      <c r="AR5343">
        <v>0</v>
      </c>
      <c r="AS5343">
        <v>0</v>
      </c>
      <c r="AT5343">
        <v>0</v>
      </c>
      <c r="AU5343">
        <v>0</v>
      </c>
      <c r="AV5343">
        <v>0</v>
      </c>
      <c r="AW5343">
        <v>0</v>
      </c>
      <c r="AX5343">
        <v>0</v>
      </c>
      <c r="AY5343">
        <v>0</v>
      </c>
      <c r="AZ5343">
        <v>0</v>
      </c>
      <c r="BA5343">
        <v>0</v>
      </c>
    </row>
    <row r="5344" spans="1:53" x14ac:dyDescent="0.4">
      <c r="A5344">
        <v>5388</v>
      </c>
      <c r="B5344" s="1">
        <v>44875</v>
      </c>
      <c r="C5344">
        <v>2</v>
      </c>
      <c r="D5344" s="1">
        <v>44875.448611111111</v>
      </c>
      <c r="E5344" s="1">
        <v>44875.747916666667</v>
      </c>
      <c r="F5344">
        <v>9260</v>
      </c>
      <c r="G5344">
        <v>770</v>
      </c>
      <c r="H5344">
        <v>0</v>
      </c>
      <c r="I5344">
        <v>0</v>
      </c>
      <c r="J5344">
        <v>0</v>
      </c>
      <c r="K5344">
        <v>0</v>
      </c>
      <c r="L5344">
        <v>0</v>
      </c>
      <c r="M5344">
        <v>912</v>
      </c>
      <c r="N5344">
        <v>0</v>
      </c>
      <c r="O5344">
        <v>0</v>
      </c>
      <c r="P5344">
        <v>21000</v>
      </c>
      <c r="Q5344">
        <v>0</v>
      </c>
      <c r="R5344">
        <v>31030</v>
      </c>
      <c r="S5344">
        <v>0</v>
      </c>
      <c r="T5344">
        <v>0</v>
      </c>
      <c r="U5344">
        <v>0</v>
      </c>
      <c r="V5344">
        <v>0</v>
      </c>
      <c r="W5344">
        <v>0</v>
      </c>
      <c r="X5344">
        <v>0</v>
      </c>
      <c r="Y5344">
        <v>59</v>
      </c>
      <c r="Z5344">
        <v>19</v>
      </c>
      <c r="AA5344">
        <v>70</v>
      </c>
      <c r="AB5344">
        <v>20</v>
      </c>
      <c r="AC5344">
        <v>101</v>
      </c>
      <c r="AD5344">
        <v>26</v>
      </c>
      <c r="AE5344">
        <v>70</v>
      </c>
      <c r="AF5344">
        <v>3320</v>
      </c>
      <c r="AG5344">
        <v>81030</v>
      </c>
      <c r="AH5344">
        <v>50000</v>
      </c>
      <c r="AI5344">
        <v>0</v>
      </c>
      <c r="AJ5344">
        <v>119</v>
      </c>
      <c r="AK5344" t="s">
        <v>56</v>
      </c>
      <c r="AL5344">
        <v>0</v>
      </c>
      <c r="AM5344">
        <v>0</v>
      </c>
      <c r="AN5344">
        <v>0</v>
      </c>
      <c r="AO5344">
        <v>0</v>
      </c>
      <c r="AP5344">
        <v>0</v>
      </c>
      <c r="AQ5344">
        <v>0</v>
      </c>
      <c r="AR5344">
        <v>0</v>
      </c>
      <c r="AS5344">
        <v>0</v>
      </c>
      <c r="AT5344">
        <v>0</v>
      </c>
      <c r="AU5344">
        <v>0</v>
      </c>
      <c r="AV5344">
        <v>0</v>
      </c>
      <c r="AW5344">
        <v>0</v>
      </c>
      <c r="AX5344">
        <v>1020</v>
      </c>
      <c r="AY5344">
        <v>30</v>
      </c>
      <c r="AZ5344">
        <v>50</v>
      </c>
      <c r="BA5344">
        <v>3661</v>
      </c>
    </row>
    <row r="5345" spans="1:53" x14ac:dyDescent="0.4">
      <c r="A5345">
        <v>5389</v>
      </c>
      <c r="B5345" s="1">
        <v>44875</v>
      </c>
      <c r="C5345">
        <v>3</v>
      </c>
      <c r="D5345" s="1">
        <v>44875.747916666667</v>
      </c>
      <c r="E5345" s="1">
        <v>44875.95</v>
      </c>
      <c r="F5345">
        <v>28130</v>
      </c>
      <c r="G5345">
        <v>880</v>
      </c>
      <c r="H5345">
        <v>0</v>
      </c>
      <c r="I5345">
        <v>0</v>
      </c>
      <c r="J5345">
        <v>0</v>
      </c>
      <c r="K5345">
        <v>0</v>
      </c>
      <c r="L5345">
        <v>0</v>
      </c>
      <c r="M5345">
        <v>2635</v>
      </c>
      <c r="N5345">
        <v>0</v>
      </c>
      <c r="O5345">
        <v>0</v>
      </c>
      <c r="P5345">
        <v>-18500</v>
      </c>
      <c r="Q5345">
        <v>0</v>
      </c>
      <c r="R5345">
        <v>10510</v>
      </c>
      <c r="S5345">
        <v>0</v>
      </c>
      <c r="T5345">
        <v>0</v>
      </c>
      <c r="U5345">
        <v>0</v>
      </c>
      <c r="V5345">
        <v>0</v>
      </c>
      <c r="W5345">
        <v>1</v>
      </c>
      <c r="X5345">
        <v>0</v>
      </c>
      <c r="Y5345">
        <v>64</v>
      </c>
      <c r="Z5345">
        <v>17</v>
      </c>
      <c r="AA5345">
        <v>79</v>
      </c>
      <c r="AB5345">
        <v>21</v>
      </c>
      <c r="AC5345">
        <v>113</v>
      </c>
      <c r="AD5345">
        <v>26</v>
      </c>
      <c r="AE5345">
        <v>70</v>
      </c>
      <c r="AF5345">
        <v>3760</v>
      </c>
      <c r="AG5345">
        <v>91540</v>
      </c>
      <c r="AH5345">
        <v>50000</v>
      </c>
      <c r="AI5345">
        <v>0</v>
      </c>
      <c r="AJ5345">
        <v>108</v>
      </c>
      <c r="AK5345" t="s">
        <v>3</v>
      </c>
      <c r="AL5345">
        <v>0</v>
      </c>
      <c r="AM5345">
        <v>0</v>
      </c>
      <c r="AN5345">
        <v>0</v>
      </c>
      <c r="AO5345">
        <v>0</v>
      </c>
      <c r="AP5345">
        <v>0</v>
      </c>
      <c r="AQ5345">
        <v>0</v>
      </c>
      <c r="AR5345">
        <v>0</v>
      </c>
      <c r="AS5345">
        <v>0</v>
      </c>
      <c r="AT5345">
        <v>0</v>
      </c>
      <c r="AU5345">
        <v>0</v>
      </c>
      <c r="AV5345">
        <v>0</v>
      </c>
      <c r="AW5345">
        <v>0</v>
      </c>
      <c r="AX5345">
        <v>5900</v>
      </c>
      <c r="AY5345">
        <v>6</v>
      </c>
      <c r="AZ5345">
        <v>14</v>
      </c>
      <c r="BA5345">
        <v>1902</v>
      </c>
    </row>
    <row r="5346" spans="1:53" x14ac:dyDescent="0.4">
      <c r="A5346">
        <v>5390</v>
      </c>
      <c r="B5346" s="1">
        <v>44876</v>
      </c>
      <c r="C5346">
        <v>1</v>
      </c>
      <c r="D5346" s="1">
        <v>44876.291666666664</v>
      </c>
      <c r="E5346" s="1">
        <v>44876.443749999999</v>
      </c>
      <c r="F5346">
        <v>0</v>
      </c>
      <c r="G5346">
        <v>0</v>
      </c>
      <c r="H5346">
        <v>0</v>
      </c>
      <c r="I5346">
        <v>0</v>
      </c>
      <c r="J5346">
        <v>0</v>
      </c>
      <c r="K5346">
        <v>0</v>
      </c>
      <c r="L5346">
        <v>0</v>
      </c>
      <c r="M5346">
        <v>0</v>
      </c>
      <c r="N5346">
        <v>0</v>
      </c>
      <c r="O5346">
        <v>0</v>
      </c>
      <c r="P5346">
        <v>0</v>
      </c>
      <c r="Q5346">
        <v>0</v>
      </c>
      <c r="R5346">
        <v>0</v>
      </c>
      <c r="S5346">
        <v>0</v>
      </c>
      <c r="T5346">
        <v>0</v>
      </c>
      <c r="U5346">
        <v>0</v>
      </c>
      <c r="V5346">
        <v>0</v>
      </c>
      <c r="W5346">
        <v>0</v>
      </c>
      <c r="X5346">
        <v>0</v>
      </c>
      <c r="Y5346">
        <v>32</v>
      </c>
      <c r="Z5346">
        <v>16</v>
      </c>
      <c r="AA5346">
        <v>77</v>
      </c>
      <c r="AB5346">
        <v>20</v>
      </c>
      <c r="AC5346">
        <v>112</v>
      </c>
      <c r="AD5346">
        <v>22</v>
      </c>
      <c r="AE5346">
        <v>70</v>
      </c>
      <c r="AF5346">
        <v>0</v>
      </c>
      <c r="AG5346">
        <v>50000</v>
      </c>
      <c r="AH5346">
        <v>50000</v>
      </c>
      <c r="AI5346">
        <v>0</v>
      </c>
      <c r="AJ5346">
        <v>0</v>
      </c>
      <c r="AK5346" t="s">
        <v>6</v>
      </c>
      <c r="AL5346">
        <v>0</v>
      </c>
      <c r="AM5346">
        <v>0</v>
      </c>
      <c r="AN5346">
        <v>0</v>
      </c>
      <c r="AO5346">
        <v>0</v>
      </c>
      <c r="AP5346">
        <v>0</v>
      </c>
      <c r="AQ5346">
        <v>0</v>
      </c>
      <c r="AR5346">
        <v>0</v>
      </c>
      <c r="AS5346">
        <v>0</v>
      </c>
      <c r="AT5346">
        <v>0</v>
      </c>
      <c r="AU5346">
        <v>0</v>
      </c>
      <c r="AV5346">
        <v>0</v>
      </c>
      <c r="AW5346">
        <v>0</v>
      </c>
      <c r="AX5346">
        <v>0</v>
      </c>
      <c r="AY5346">
        <v>0</v>
      </c>
      <c r="AZ5346">
        <v>0</v>
      </c>
      <c r="BA5346">
        <v>0</v>
      </c>
    </row>
    <row r="5347" spans="1:53" x14ac:dyDescent="0.4">
      <c r="A5347">
        <v>5391</v>
      </c>
      <c r="B5347" s="1">
        <v>44876</v>
      </c>
      <c r="C5347">
        <v>2</v>
      </c>
      <c r="D5347" s="1">
        <v>44876.443749999999</v>
      </c>
      <c r="E5347" s="1">
        <v>44876.740972222222</v>
      </c>
      <c r="F5347">
        <v>19940</v>
      </c>
      <c r="G5347">
        <v>462</v>
      </c>
      <c r="H5347">
        <v>0</v>
      </c>
      <c r="I5347">
        <v>0</v>
      </c>
      <c r="J5347">
        <v>0</v>
      </c>
      <c r="K5347">
        <v>0</v>
      </c>
      <c r="L5347">
        <v>0</v>
      </c>
      <c r="M5347">
        <v>1854</v>
      </c>
      <c r="N5347">
        <v>0</v>
      </c>
      <c r="O5347">
        <v>0</v>
      </c>
      <c r="P5347">
        <v>21470</v>
      </c>
      <c r="Q5347">
        <v>0</v>
      </c>
      <c r="R5347">
        <v>41872</v>
      </c>
      <c r="S5347">
        <v>0</v>
      </c>
      <c r="T5347">
        <v>0</v>
      </c>
      <c r="U5347">
        <v>0</v>
      </c>
      <c r="V5347">
        <v>4</v>
      </c>
      <c r="W5347">
        <v>0</v>
      </c>
      <c r="X5347">
        <v>0</v>
      </c>
      <c r="Y5347">
        <v>32</v>
      </c>
      <c r="Z5347">
        <v>16</v>
      </c>
      <c r="AA5347">
        <v>81</v>
      </c>
      <c r="AB5347">
        <v>21</v>
      </c>
      <c r="AC5347">
        <v>140</v>
      </c>
      <c r="AD5347">
        <v>24</v>
      </c>
      <c r="AE5347">
        <v>72</v>
      </c>
      <c r="AF5347">
        <v>1130</v>
      </c>
      <c r="AG5347">
        <v>91872</v>
      </c>
      <c r="AH5347">
        <v>50000</v>
      </c>
      <c r="AI5347">
        <v>0</v>
      </c>
      <c r="AJ5347">
        <v>116</v>
      </c>
      <c r="AK5347" t="s">
        <v>54</v>
      </c>
      <c r="AL5347">
        <v>0</v>
      </c>
      <c r="AM5347">
        <v>0</v>
      </c>
      <c r="AN5347">
        <v>0</v>
      </c>
      <c r="AO5347">
        <v>0</v>
      </c>
      <c r="AP5347">
        <v>0</v>
      </c>
      <c r="AQ5347">
        <v>0</v>
      </c>
      <c r="AR5347">
        <v>0</v>
      </c>
      <c r="AS5347">
        <v>0</v>
      </c>
      <c r="AT5347">
        <v>0</v>
      </c>
      <c r="AU5347">
        <v>0</v>
      </c>
      <c r="AV5347">
        <v>0</v>
      </c>
      <c r="AW5347">
        <v>0</v>
      </c>
      <c r="AX5347">
        <v>-2278</v>
      </c>
      <c r="AY5347">
        <v>36</v>
      </c>
      <c r="AZ5347">
        <v>69</v>
      </c>
      <c r="BA5347">
        <v>4143</v>
      </c>
    </row>
    <row r="5348" spans="1:53" x14ac:dyDescent="0.4">
      <c r="A5348">
        <v>5392</v>
      </c>
      <c r="B5348" s="1">
        <v>44876</v>
      </c>
      <c r="C5348">
        <v>3</v>
      </c>
      <c r="D5348" s="1">
        <v>44876.740972222222</v>
      </c>
      <c r="E5348" s="1">
        <v>44877.002083333333</v>
      </c>
      <c r="F5348">
        <v>93550</v>
      </c>
      <c r="G5348">
        <v>5456</v>
      </c>
      <c r="H5348">
        <v>0</v>
      </c>
      <c r="I5348">
        <v>0</v>
      </c>
      <c r="J5348">
        <v>0</v>
      </c>
      <c r="K5348">
        <v>0</v>
      </c>
      <c r="L5348">
        <v>0</v>
      </c>
      <c r="M5348">
        <v>8999</v>
      </c>
      <c r="N5348">
        <v>0</v>
      </c>
      <c r="O5348">
        <v>0</v>
      </c>
      <c r="P5348">
        <v>-12590</v>
      </c>
      <c r="Q5348">
        <v>0</v>
      </c>
      <c r="R5348">
        <v>86416</v>
      </c>
      <c r="S5348">
        <v>0</v>
      </c>
      <c r="T5348">
        <v>0</v>
      </c>
      <c r="U5348">
        <v>0</v>
      </c>
      <c r="V5348">
        <v>5</v>
      </c>
      <c r="W5348">
        <v>2</v>
      </c>
      <c r="X5348">
        <v>0</v>
      </c>
      <c r="Y5348">
        <v>67</v>
      </c>
      <c r="Z5348">
        <v>20</v>
      </c>
      <c r="AA5348">
        <v>83</v>
      </c>
      <c r="AB5348">
        <v>17</v>
      </c>
      <c r="AC5348">
        <v>136</v>
      </c>
      <c r="AD5348">
        <v>23</v>
      </c>
      <c r="AE5348">
        <v>74</v>
      </c>
      <c r="AF5348">
        <v>30589</v>
      </c>
      <c r="AG5348">
        <v>178288</v>
      </c>
      <c r="AH5348">
        <v>50000</v>
      </c>
      <c r="AI5348">
        <v>0</v>
      </c>
      <c r="AJ5348">
        <v>119</v>
      </c>
      <c r="AK5348" t="s">
        <v>56</v>
      </c>
      <c r="AL5348">
        <v>0</v>
      </c>
      <c r="AM5348">
        <v>0</v>
      </c>
      <c r="AN5348">
        <v>0</v>
      </c>
      <c r="AO5348">
        <v>0</v>
      </c>
      <c r="AP5348">
        <v>0</v>
      </c>
      <c r="AQ5348">
        <v>0</v>
      </c>
      <c r="AR5348">
        <v>0</v>
      </c>
      <c r="AS5348">
        <v>0</v>
      </c>
      <c r="AT5348">
        <v>0</v>
      </c>
      <c r="AU5348">
        <v>0</v>
      </c>
      <c r="AV5348">
        <v>0</v>
      </c>
      <c r="AW5348">
        <v>0</v>
      </c>
      <c r="AX5348">
        <v>48740</v>
      </c>
      <c r="AY5348">
        <v>28</v>
      </c>
      <c r="AZ5348">
        <v>67</v>
      </c>
      <c r="BA5348">
        <v>4397</v>
      </c>
    </row>
    <row r="5349" spans="1:53" x14ac:dyDescent="0.4">
      <c r="A5349">
        <v>5393</v>
      </c>
      <c r="B5349" s="1">
        <v>44877</v>
      </c>
      <c r="C5349">
        <v>1</v>
      </c>
      <c r="D5349" s="1">
        <v>44877.291666666664</v>
      </c>
      <c r="E5349" s="1">
        <v>44877.404861111114</v>
      </c>
      <c r="F5349">
        <v>0</v>
      </c>
      <c r="G5349">
        <v>0</v>
      </c>
      <c r="H5349">
        <v>0</v>
      </c>
      <c r="I5349">
        <v>0</v>
      </c>
      <c r="J5349">
        <v>0</v>
      </c>
      <c r="K5349">
        <v>0</v>
      </c>
      <c r="L5349">
        <v>0</v>
      </c>
      <c r="M5349">
        <v>0</v>
      </c>
      <c r="N5349">
        <v>0</v>
      </c>
      <c r="O5349">
        <v>0</v>
      </c>
      <c r="P5349">
        <v>0</v>
      </c>
      <c r="Q5349">
        <v>0</v>
      </c>
      <c r="R5349">
        <v>0</v>
      </c>
      <c r="S5349">
        <v>0</v>
      </c>
      <c r="T5349">
        <v>0</v>
      </c>
      <c r="U5349">
        <v>0</v>
      </c>
      <c r="V5349">
        <v>0</v>
      </c>
      <c r="W5349">
        <v>1</v>
      </c>
      <c r="X5349">
        <v>0</v>
      </c>
      <c r="Y5349">
        <v>26</v>
      </c>
      <c r="Z5349">
        <v>17</v>
      </c>
      <c r="AA5349">
        <v>83</v>
      </c>
      <c r="AB5349">
        <v>20</v>
      </c>
      <c r="AC5349">
        <v>103</v>
      </c>
      <c r="AD5349">
        <v>21</v>
      </c>
      <c r="AE5349">
        <v>65</v>
      </c>
      <c r="AF5349">
        <v>0</v>
      </c>
      <c r="AG5349">
        <v>50000</v>
      </c>
      <c r="AH5349">
        <v>50000</v>
      </c>
      <c r="AI5349">
        <v>0</v>
      </c>
      <c r="AJ5349">
        <v>0</v>
      </c>
      <c r="AK5349" t="s">
        <v>6</v>
      </c>
      <c r="AL5349">
        <v>0</v>
      </c>
      <c r="AM5349">
        <v>0</v>
      </c>
      <c r="AN5349">
        <v>0</v>
      </c>
      <c r="AO5349">
        <v>0</v>
      </c>
      <c r="AP5349">
        <v>0</v>
      </c>
      <c r="AQ5349">
        <v>0</v>
      </c>
      <c r="AR5349">
        <v>0</v>
      </c>
      <c r="AS5349">
        <v>0</v>
      </c>
      <c r="AT5349">
        <v>0</v>
      </c>
      <c r="AU5349">
        <v>0</v>
      </c>
      <c r="AV5349">
        <v>0</v>
      </c>
      <c r="AW5349">
        <v>0</v>
      </c>
      <c r="AX5349">
        <v>0</v>
      </c>
      <c r="AY5349">
        <v>0</v>
      </c>
      <c r="AZ5349">
        <v>0</v>
      </c>
      <c r="BA5349">
        <v>0</v>
      </c>
    </row>
    <row r="5350" spans="1:53" x14ac:dyDescent="0.4">
      <c r="A5350">
        <v>5394</v>
      </c>
      <c r="B5350" s="1">
        <v>44877</v>
      </c>
      <c r="C5350">
        <v>2</v>
      </c>
      <c r="D5350" s="1">
        <v>44877.404861111114</v>
      </c>
      <c r="E5350" s="1">
        <v>44877.744444444441</v>
      </c>
      <c r="F5350">
        <v>38770</v>
      </c>
      <c r="G5350">
        <v>2838</v>
      </c>
      <c r="H5350">
        <v>0</v>
      </c>
      <c r="I5350">
        <v>0</v>
      </c>
      <c r="J5350">
        <v>0</v>
      </c>
      <c r="K5350">
        <v>0</v>
      </c>
      <c r="L5350">
        <v>0</v>
      </c>
      <c r="M5350">
        <v>3780</v>
      </c>
      <c r="N5350">
        <v>0</v>
      </c>
      <c r="O5350">
        <v>0</v>
      </c>
      <c r="P5350">
        <v>18850</v>
      </c>
      <c r="Q5350">
        <v>0</v>
      </c>
      <c r="R5350">
        <v>60458</v>
      </c>
      <c r="S5350">
        <v>0</v>
      </c>
      <c r="T5350">
        <v>0</v>
      </c>
      <c r="U5350">
        <v>0</v>
      </c>
      <c r="V5350">
        <v>2</v>
      </c>
      <c r="W5350">
        <v>3</v>
      </c>
      <c r="X5350">
        <v>0</v>
      </c>
      <c r="Y5350">
        <v>52</v>
      </c>
      <c r="Z5350">
        <v>20</v>
      </c>
      <c r="AA5350">
        <v>73</v>
      </c>
      <c r="AB5350">
        <v>24</v>
      </c>
      <c r="AC5350">
        <v>110</v>
      </c>
      <c r="AD5350">
        <v>23</v>
      </c>
      <c r="AE5350">
        <v>70</v>
      </c>
      <c r="AF5350">
        <v>3673</v>
      </c>
      <c r="AG5350">
        <v>110458</v>
      </c>
      <c r="AH5350">
        <v>50000</v>
      </c>
      <c r="AI5350">
        <v>0</v>
      </c>
      <c r="AJ5350">
        <v>118</v>
      </c>
      <c r="AK5350" t="s">
        <v>59</v>
      </c>
      <c r="AL5350">
        <v>0</v>
      </c>
      <c r="AM5350">
        <v>0</v>
      </c>
      <c r="AN5350">
        <v>0</v>
      </c>
      <c r="AO5350">
        <v>0</v>
      </c>
      <c r="AP5350">
        <v>0</v>
      </c>
      <c r="AQ5350">
        <v>0</v>
      </c>
      <c r="AR5350">
        <v>0</v>
      </c>
      <c r="AS5350">
        <v>0</v>
      </c>
      <c r="AT5350">
        <v>0</v>
      </c>
      <c r="AU5350">
        <v>0</v>
      </c>
      <c r="AV5350">
        <v>0</v>
      </c>
      <c r="AW5350">
        <v>0</v>
      </c>
      <c r="AX5350">
        <v>-1060</v>
      </c>
      <c r="AY5350">
        <v>47</v>
      </c>
      <c r="AZ5350">
        <v>92</v>
      </c>
      <c r="BA5350">
        <v>7273</v>
      </c>
    </row>
    <row r="5351" spans="1:53" x14ac:dyDescent="0.4">
      <c r="A5351">
        <v>5395</v>
      </c>
      <c r="B5351" s="1">
        <v>44877</v>
      </c>
      <c r="C5351">
        <v>3</v>
      </c>
      <c r="D5351" s="1">
        <v>44877.744444444441</v>
      </c>
      <c r="E5351" s="1">
        <v>44878.145833333336</v>
      </c>
      <c r="F5351">
        <v>187570</v>
      </c>
      <c r="G5351">
        <v>10263</v>
      </c>
      <c r="H5351">
        <v>0</v>
      </c>
      <c r="I5351">
        <v>0</v>
      </c>
      <c r="J5351">
        <v>0</v>
      </c>
      <c r="K5351">
        <v>400</v>
      </c>
      <c r="L5351">
        <v>0</v>
      </c>
      <c r="M5351">
        <v>18022</v>
      </c>
      <c r="N5351">
        <v>0</v>
      </c>
      <c r="O5351">
        <v>0</v>
      </c>
      <c r="P5351">
        <v>44010</v>
      </c>
      <c r="Q5351">
        <v>0</v>
      </c>
      <c r="R5351">
        <v>242243</v>
      </c>
      <c r="S5351">
        <v>0</v>
      </c>
      <c r="T5351">
        <v>0</v>
      </c>
      <c r="U5351">
        <v>0</v>
      </c>
      <c r="V5351">
        <v>19</v>
      </c>
      <c r="W5351">
        <v>5</v>
      </c>
      <c r="X5351">
        <v>0</v>
      </c>
      <c r="Y5351">
        <v>77</v>
      </c>
      <c r="Z5351">
        <v>13</v>
      </c>
      <c r="AA5351">
        <v>66</v>
      </c>
      <c r="AB5351">
        <v>22</v>
      </c>
      <c r="AC5351">
        <v>66</v>
      </c>
      <c r="AD5351">
        <v>22</v>
      </c>
      <c r="AE5351">
        <v>72</v>
      </c>
      <c r="AF5351">
        <v>48659</v>
      </c>
      <c r="AG5351">
        <v>355701</v>
      </c>
      <c r="AH5351">
        <v>50000</v>
      </c>
      <c r="AI5351">
        <v>3000</v>
      </c>
      <c r="AJ5351">
        <v>108</v>
      </c>
      <c r="AK5351" t="s">
        <v>3</v>
      </c>
      <c r="AL5351">
        <v>0</v>
      </c>
      <c r="AM5351">
        <v>0</v>
      </c>
      <c r="AN5351">
        <v>0</v>
      </c>
      <c r="AO5351">
        <v>0</v>
      </c>
      <c r="AP5351">
        <v>0</v>
      </c>
      <c r="AQ5351">
        <v>0</v>
      </c>
      <c r="AR5351">
        <v>0</v>
      </c>
      <c r="AS5351">
        <v>0</v>
      </c>
      <c r="AT5351">
        <v>0</v>
      </c>
      <c r="AU5351">
        <v>0</v>
      </c>
      <c r="AV5351">
        <v>0</v>
      </c>
      <c r="AW5351">
        <v>0</v>
      </c>
      <c r="AX5351">
        <v>-859</v>
      </c>
      <c r="AY5351">
        <v>43</v>
      </c>
      <c r="AZ5351">
        <v>122</v>
      </c>
      <c r="BA5351">
        <v>6370</v>
      </c>
    </row>
    <row r="5352" spans="1:53" x14ac:dyDescent="0.4">
      <c r="A5352">
        <v>5396</v>
      </c>
      <c r="B5352" s="1">
        <v>44878</v>
      </c>
      <c r="C5352">
        <v>1</v>
      </c>
      <c r="D5352" s="1">
        <v>44878.291666666664</v>
      </c>
      <c r="E5352" s="1">
        <v>44878.396527777775</v>
      </c>
      <c r="F5352">
        <v>0</v>
      </c>
      <c r="G5352">
        <v>0</v>
      </c>
      <c r="H5352">
        <v>0</v>
      </c>
      <c r="I5352">
        <v>0</v>
      </c>
      <c r="J5352">
        <v>0</v>
      </c>
      <c r="K5352">
        <v>0</v>
      </c>
      <c r="L5352">
        <v>0</v>
      </c>
      <c r="M5352">
        <v>0</v>
      </c>
      <c r="N5352">
        <v>0</v>
      </c>
      <c r="O5352">
        <v>0</v>
      </c>
      <c r="P5352">
        <v>0</v>
      </c>
      <c r="Q5352">
        <v>0</v>
      </c>
      <c r="R5352">
        <v>0</v>
      </c>
      <c r="S5352">
        <v>0</v>
      </c>
      <c r="T5352">
        <v>0</v>
      </c>
      <c r="U5352">
        <v>0</v>
      </c>
      <c r="V5352">
        <v>0</v>
      </c>
      <c r="W5352">
        <v>1</v>
      </c>
      <c r="X5352">
        <v>0</v>
      </c>
      <c r="Y5352">
        <v>30</v>
      </c>
      <c r="Z5352">
        <v>12</v>
      </c>
      <c r="AA5352">
        <v>70</v>
      </c>
      <c r="AB5352">
        <v>20</v>
      </c>
      <c r="AC5352">
        <v>83</v>
      </c>
      <c r="AD5352">
        <v>20</v>
      </c>
      <c r="AE5352">
        <v>70</v>
      </c>
      <c r="AF5352">
        <v>0</v>
      </c>
      <c r="AG5352">
        <v>50000</v>
      </c>
      <c r="AH5352">
        <v>50000</v>
      </c>
      <c r="AI5352">
        <v>0</v>
      </c>
      <c r="AJ5352">
        <v>0</v>
      </c>
      <c r="AK5352" t="s">
        <v>6</v>
      </c>
      <c r="AL5352">
        <v>0</v>
      </c>
      <c r="AM5352">
        <v>0</v>
      </c>
      <c r="AN5352">
        <v>0</v>
      </c>
      <c r="AO5352">
        <v>0</v>
      </c>
      <c r="AP5352">
        <v>0</v>
      </c>
      <c r="AQ5352">
        <v>0</v>
      </c>
      <c r="AR5352">
        <v>0</v>
      </c>
      <c r="AS5352">
        <v>0</v>
      </c>
      <c r="AT5352">
        <v>0</v>
      </c>
      <c r="AU5352">
        <v>0</v>
      </c>
      <c r="AV5352">
        <v>0</v>
      </c>
      <c r="AW5352">
        <v>0</v>
      </c>
      <c r="AX5352">
        <v>0</v>
      </c>
      <c r="AY5352">
        <v>0</v>
      </c>
      <c r="AZ5352">
        <v>0</v>
      </c>
      <c r="BA5352">
        <v>0</v>
      </c>
    </row>
    <row r="5353" spans="1:53" x14ac:dyDescent="0.4">
      <c r="A5353">
        <v>5397</v>
      </c>
      <c r="B5353" s="1">
        <v>44878</v>
      </c>
      <c r="C5353">
        <v>2</v>
      </c>
      <c r="D5353" s="1">
        <v>44878.396527777775</v>
      </c>
      <c r="E5353" s="1">
        <v>44878.746527777781</v>
      </c>
      <c r="F5353">
        <v>45190</v>
      </c>
      <c r="G5353">
        <v>0</v>
      </c>
      <c r="H5353">
        <v>0</v>
      </c>
      <c r="I5353">
        <v>0</v>
      </c>
      <c r="J5353">
        <v>100</v>
      </c>
      <c r="K5353">
        <v>0</v>
      </c>
      <c r="L5353">
        <v>0</v>
      </c>
      <c r="M5353">
        <v>4094</v>
      </c>
      <c r="N5353">
        <v>0</v>
      </c>
      <c r="O5353">
        <v>0</v>
      </c>
      <c r="P5353">
        <v>12180</v>
      </c>
      <c r="Q5353">
        <v>0</v>
      </c>
      <c r="R5353">
        <v>57270</v>
      </c>
      <c r="S5353">
        <v>0</v>
      </c>
      <c r="T5353">
        <v>0</v>
      </c>
      <c r="U5353">
        <v>0</v>
      </c>
      <c r="V5353">
        <v>2</v>
      </c>
      <c r="W5353">
        <v>2</v>
      </c>
      <c r="X5353">
        <v>0</v>
      </c>
      <c r="Y5353">
        <v>53</v>
      </c>
      <c r="Z5353">
        <v>28</v>
      </c>
      <c r="AA5353">
        <v>60</v>
      </c>
      <c r="AB5353">
        <v>26</v>
      </c>
      <c r="AC5353">
        <v>99</v>
      </c>
      <c r="AD5353">
        <v>20</v>
      </c>
      <c r="AE5353">
        <v>70</v>
      </c>
      <c r="AF5353">
        <v>1810</v>
      </c>
      <c r="AG5353">
        <v>107270</v>
      </c>
      <c r="AH5353">
        <v>50000</v>
      </c>
      <c r="AI5353">
        <v>0</v>
      </c>
      <c r="AJ5353">
        <v>115</v>
      </c>
      <c r="AK5353" t="s">
        <v>55</v>
      </c>
      <c r="AL5353">
        <v>0</v>
      </c>
      <c r="AM5353">
        <v>0</v>
      </c>
      <c r="AN5353">
        <v>0</v>
      </c>
      <c r="AO5353">
        <v>0</v>
      </c>
      <c r="AP5353">
        <v>0</v>
      </c>
      <c r="AQ5353">
        <v>0</v>
      </c>
      <c r="AR5353">
        <v>0</v>
      </c>
      <c r="AS5353">
        <v>0</v>
      </c>
      <c r="AT5353">
        <v>0</v>
      </c>
      <c r="AU5353">
        <v>0</v>
      </c>
      <c r="AV5353">
        <v>0</v>
      </c>
      <c r="AW5353">
        <v>0</v>
      </c>
      <c r="AX5353">
        <v>-620</v>
      </c>
      <c r="AY5353">
        <v>50</v>
      </c>
      <c r="AZ5353">
        <v>94</v>
      </c>
      <c r="BA5353">
        <v>7600</v>
      </c>
    </row>
    <row r="5354" spans="1:53" x14ac:dyDescent="0.4">
      <c r="A5354">
        <v>5398</v>
      </c>
      <c r="B5354" s="1">
        <v>44878</v>
      </c>
      <c r="C5354">
        <v>3</v>
      </c>
      <c r="D5354" s="1">
        <v>44878.746527777781</v>
      </c>
      <c r="E5354" s="1">
        <v>44878.947916666664</v>
      </c>
      <c r="F5354">
        <v>22030</v>
      </c>
      <c r="G5354">
        <v>1243</v>
      </c>
      <c r="H5354">
        <v>0</v>
      </c>
      <c r="I5354">
        <v>0</v>
      </c>
      <c r="J5354">
        <v>0</v>
      </c>
      <c r="K5354">
        <v>0</v>
      </c>
      <c r="L5354">
        <v>0</v>
      </c>
      <c r="M5354">
        <v>2113</v>
      </c>
      <c r="N5354">
        <v>0</v>
      </c>
      <c r="O5354">
        <v>0</v>
      </c>
      <c r="P5354">
        <v>-4530</v>
      </c>
      <c r="Q5354">
        <v>0</v>
      </c>
      <c r="R5354">
        <v>18743</v>
      </c>
      <c r="S5354">
        <v>0</v>
      </c>
      <c r="T5354">
        <v>0</v>
      </c>
      <c r="U5354">
        <v>0</v>
      </c>
      <c r="V5354">
        <v>2</v>
      </c>
      <c r="W5354">
        <v>4</v>
      </c>
      <c r="X5354">
        <v>0</v>
      </c>
      <c r="Y5354">
        <v>59</v>
      </c>
      <c r="Z5354">
        <v>31</v>
      </c>
      <c r="AA5354">
        <v>71</v>
      </c>
      <c r="AB5354">
        <v>28</v>
      </c>
      <c r="AC5354">
        <v>103</v>
      </c>
      <c r="AD5354">
        <v>20</v>
      </c>
      <c r="AE5354">
        <v>73</v>
      </c>
      <c r="AF5354">
        <v>1810</v>
      </c>
      <c r="AG5354">
        <v>126013</v>
      </c>
      <c r="AH5354">
        <v>50000</v>
      </c>
      <c r="AI5354">
        <v>0</v>
      </c>
      <c r="AJ5354">
        <v>108</v>
      </c>
      <c r="AK5354" t="s">
        <v>3</v>
      </c>
      <c r="AL5354">
        <v>0</v>
      </c>
      <c r="AM5354">
        <v>0</v>
      </c>
      <c r="AN5354">
        <v>0</v>
      </c>
      <c r="AO5354">
        <v>0</v>
      </c>
      <c r="AP5354">
        <v>0</v>
      </c>
      <c r="AQ5354">
        <v>0</v>
      </c>
      <c r="AR5354">
        <v>0</v>
      </c>
      <c r="AS5354">
        <v>0</v>
      </c>
      <c r="AT5354">
        <v>0</v>
      </c>
      <c r="AU5354">
        <v>0</v>
      </c>
      <c r="AV5354">
        <v>0</v>
      </c>
      <c r="AW5354">
        <v>0</v>
      </c>
      <c r="AX5354">
        <v>693</v>
      </c>
      <c r="AY5354">
        <v>5</v>
      </c>
      <c r="AZ5354">
        <v>11</v>
      </c>
      <c r="BA5354">
        <v>1403</v>
      </c>
    </row>
    <row r="5355" spans="1:53" x14ac:dyDescent="0.4">
      <c r="A5355">
        <v>5399</v>
      </c>
      <c r="B5355" s="1">
        <v>44879</v>
      </c>
      <c r="C5355">
        <v>1</v>
      </c>
      <c r="D5355" s="1">
        <v>44879.291666666664</v>
      </c>
      <c r="E5355" s="1">
        <v>44879.447916666664</v>
      </c>
      <c r="F5355">
        <v>0</v>
      </c>
      <c r="G5355">
        <v>0</v>
      </c>
      <c r="H5355">
        <v>0</v>
      </c>
      <c r="I5355">
        <v>0</v>
      </c>
      <c r="J5355">
        <v>0</v>
      </c>
      <c r="K5355">
        <v>0</v>
      </c>
      <c r="L5355">
        <v>0</v>
      </c>
      <c r="M5355">
        <v>0</v>
      </c>
      <c r="N5355">
        <v>0</v>
      </c>
      <c r="O5355">
        <v>0</v>
      </c>
      <c r="P5355">
        <v>0</v>
      </c>
      <c r="Q5355">
        <v>0</v>
      </c>
      <c r="R5355">
        <v>0</v>
      </c>
      <c r="S5355">
        <v>0</v>
      </c>
      <c r="T5355">
        <v>0</v>
      </c>
      <c r="U5355">
        <v>0</v>
      </c>
      <c r="V5355">
        <v>0</v>
      </c>
      <c r="W5355">
        <v>1</v>
      </c>
      <c r="X5355">
        <v>0</v>
      </c>
      <c r="Y5355">
        <v>25</v>
      </c>
      <c r="Z5355">
        <v>15</v>
      </c>
      <c r="AA5355">
        <v>104</v>
      </c>
      <c r="AB5355">
        <v>20</v>
      </c>
      <c r="AC5355">
        <v>93</v>
      </c>
      <c r="AD5355">
        <v>19</v>
      </c>
      <c r="AE5355">
        <v>75</v>
      </c>
      <c r="AF5355">
        <v>0</v>
      </c>
      <c r="AG5355">
        <v>50000</v>
      </c>
      <c r="AH5355">
        <v>50000</v>
      </c>
      <c r="AI5355">
        <v>0</v>
      </c>
      <c r="AJ5355">
        <v>0</v>
      </c>
      <c r="AK5355" t="s">
        <v>6</v>
      </c>
      <c r="AL5355">
        <v>0</v>
      </c>
      <c r="AM5355">
        <v>0</v>
      </c>
      <c r="AN5355">
        <v>0</v>
      </c>
      <c r="AO5355">
        <v>0</v>
      </c>
      <c r="AP5355">
        <v>0</v>
      </c>
      <c r="AQ5355">
        <v>0</v>
      </c>
      <c r="AR5355">
        <v>0</v>
      </c>
      <c r="AS5355">
        <v>0</v>
      </c>
      <c r="AT5355">
        <v>0</v>
      </c>
      <c r="AU5355">
        <v>0</v>
      </c>
      <c r="AV5355">
        <v>0</v>
      </c>
      <c r="AW5355">
        <v>0</v>
      </c>
      <c r="AX5355">
        <v>0</v>
      </c>
      <c r="AY5355">
        <v>0</v>
      </c>
      <c r="AZ5355">
        <v>0</v>
      </c>
      <c r="BA5355">
        <v>0</v>
      </c>
    </row>
    <row r="5356" spans="1:53" x14ac:dyDescent="0.4">
      <c r="A5356">
        <v>5400</v>
      </c>
      <c r="B5356" s="1">
        <v>44879</v>
      </c>
      <c r="C5356">
        <v>2</v>
      </c>
      <c r="D5356" s="1">
        <v>44879.447916666664</v>
      </c>
      <c r="E5356" s="1">
        <v>44879.740277777775</v>
      </c>
      <c r="F5356">
        <v>11880</v>
      </c>
      <c r="G5356">
        <v>462</v>
      </c>
      <c r="H5356">
        <v>60</v>
      </c>
      <c r="I5356">
        <v>0</v>
      </c>
      <c r="J5356">
        <v>100</v>
      </c>
      <c r="K5356">
        <v>0</v>
      </c>
      <c r="L5356">
        <v>0</v>
      </c>
      <c r="M5356">
        <v>1120</v>
      </c>
      <c r="N5356">
        <v>0</v>
      </c>
      <c r="O5356">
        <v>0</v>
      </c>
      <c r="P5356">
        <v>16420</v>
      </c>
      <c r="Q5356">
        <v>0</v>
      </c>
      <c r="R5356">
        <v>28722</v>
      </c>
      <c r="S5356">
        <v>0</v>
      </c>
      <c r="T5356">
        <v>0</v>
      </c>
      <c r="U5356">
        <v>0</v>
      </c>
      <c r="V5356">
        <v>0</v>
      </c>
      <c r="W5356">
        <v>3</v>
      </c>
      <c r="X5356">
        <v>0</v>
      </c>
      <c r="Y5356">
        <v>42</v>
      </c>
      <c r="Z5356">
        <v>15</v>
      </c>
      <c r="AA5356">
        <v>97</v>
      </c>
      <c r="AB5356">
        <v>19</v>
      </c>
      <c r="AC5356">
        <v>118</v>
      </c>
      <c r="AD5356">
        <v>24</v>
      </c>
      <c r="AE5356">
        <v>82</v>
      </c>
      <c r="AF5356">
        <v>2190</v>
      </c>
      <c r="AG5356">
        <v>78722</v>
      </c>
      <c r="AH5356">
        <v>50000</v>
      </c>
      <c r="AI5356">
        <v>0</v>
      </c>
      <c r="AJ5356">
        <v>119</v>
      </c>
      <c r="AK5356" t="s">
        <v>56</v>
      </c>
      <c r="AL5356">
        <v>0</v>
      </c>
      <c r="AM5356">
        <v>0</v>
      </c>
      <c r="AN5356">
        <v>0</v>
      </c>
      <c r="AO5356">
        <v>0</v>
      </c>
      <c r="AP5356">
        <v>0</v>
      </c>
      <c r="AQ5356">
        <v>0</v>
      </c>
      <c r="AR5356">
        <v>0</v>
      </c>
      <c r="AS5356">
        <v>0</v>
      </c>
      <c r="AT5356">
        <v>0</v>
      </c>
      <c r="AU5356">
        <v>0</v>
      </c>
      <c r="AV5356">
        <v>0</v>
      </c>
      <c r="AW5356">
        <v>0</v>
      </c>
      <c r="AX5356">
        <v>-292</v>
      </c>
      <c r="AY5356">
        <v>33</v>
      </c>
      <c r="AZ5356">
        <v>48</v>
      </c>
      <c r="BA5356">
        <v>3679</v>
      </c>
    </row>
    <row r="5357" spans="1:53" x14ac:dyDescent="0.4">
      <c r="A5357">
        <v>5401</v>
      </c>
      <c r="B5357" s="1">
        <v>44879</v>
      </c>
      <c r="C5357">
        <v>3</v>
      </c>
      <c r="D5357" s="1">
        <v>44879.740277777775</v>
      </c>
      <c r="E5357" s="1">
        <v>44879.95</v>
      </c>
      <c r="F5357">
        <v>20690</v>
      </c>
      <c r="G5357">
        <v>0</v>
      </c>
      <c r="H5357">
        <v>220</v>
      </c>
      <c r="I5357">
        <v>0</v>
      </c>
      <c r="J5357">
        <v>0</v>
      </c>
      <c r="K5357">
        <v>0</v>
      </c>
      <c r="L5357">
        <v>0</v>
      </c>
      <c r="M5357">
        <v>1899</v>
      </c>
      <c r="N5357">
        <v>0</v>
      </c>
      <c r="O5357">
        <v>0</v>
      </c>
      <c r="P5357">
        <v>-16420</v>
      </c>
      <c r="Q5357">
        <v>0</v>
      </c>
      <c r="R5357">
        <v>4490</v>
      </c>
      <c r="S5357">
        <v>0</v>
      </c>
      <c r="T5357">
        <v>0</v>
      </c>
      <c r="U5357">
        <v>0</v>
      </c>
      <c r="V5357">
        <v>0</v>
      </c>
      <c r="W5357">
        <v>4</v>
      </c>
      <c r="X5357">
        <v>0</v>
      </c>
      <c r="Y5357">
        <v>40</v>
      </c>
      <c r="Z5357">
        <v>17</v>
      </c>
      <c r="AA5357">
        <v>100</v>
      </c>
      <c r="AB5357">
        <v>21</v>
      </c>
      <c r="AC5357">
        <v>127</v>
      </c>
      <c r="AD5357">
        <v>24</v>
      </c>
      <c r="AE5357">
        <v>82</v>
      </c>
      <c r="AF5357">
        <v>2190</v>
      </c>
      <c r="AG5357">
        <v>83212</v>
      </c>
      <c r="AH5357">
        <v>50000</v>
      </c>
      <c r="AI5357">
        <v>0</v>
      </c>
      <c r="AJ5357">
        <v>103</v>
      </c>
      <c r="AK5357" t="s">
        <v>7</v>
      </c>
      <c r="AL5357">
        <v>0</v>
      </c>
      <c r="AM5357">
        <v>0</v>
      </c>
      <c r="AN5357">
        <v>0</v>
      </c>
      <c r="AO5357">
        <v>0</v>
      </c>
      <c r="AP5357">
        <v>0</v>
      </c>
      <c r="AQ5357">
        <v>0</v>
      </c>
      <c r="AR5357">
        <v>0</v>
      </c>
      <c r="AS5357">
        <v>0</v>
      </c>
      <c r="AT5357">
        <v>0</v>
      </c>
      <c r="AU5357">
        <v>0</v>
      </c>
      <c r="AV5357">
        <v>0</v>
      </c>
      <c r="AW5357">
        <v>0</v>
      </c>
      <c r="AX5357">
        <v>2983</v>
      </c>
      <c r="AY5357">
        <v>4</v>
      </c>
      <c r="AZ5357">
        <v>6</v>
      </c>
      <c r="BA5357">
        <v>1669</v>
      </c>
    </row>
    <row r="5358" spans="1:53" x14ac:dyDescent="0.4">
      <c r="A5358">
        <v>5402</v>
      </c>
      <c r="B5358" s="1">
        <v>44880</v>
      </c>
      <c r="C5358">
        <v>1</v>
      </c>
      <c r="D5358" s="1">
        <v>44880.291666666664</v>
      </c>
      <c r="E5358" s="1">
        <v>44880.438888888886</v>
      </c>
      <c r="F5358">
        <v>0</v>
      </c>
      <c r="G5358">
        <v>0</v>
      </c>
      <c r="H5358">
        <v>0</v>
      </c>
      <c r="I5358">
        <v>0</v>
      </c>
      <c r="J5358">
        <v>0</v>
      </c>
      <c r="K5358">
        <v>0</v>
      </c>
      <c r="L5358">
        <v>0</v>
      </c>
      <c r="M5358">
        <v>0</v>
      </c>
      <c r="N5358">
        <v>0</v>
      </c>
      <c r="O5358">
        <v>0</v>
      </c>
      <c r="P5358">
        <v>0</v>
      </c>
      <c r="Q5358">
        <v>0</v>
      </c>
      <c r="R5358">
        <v>0</v>
      </c>
      <c r="S5358">
        <v>0</v>
      </c>
      <c r="T5358">
        <v>0</v>
      </c>
      <c r="U5358">
        <v>0</v>
      </c>
      <c r="V5358">
        <v>0</v>
      </c>
      <c r="W5358">
        <v>1</v>
      </c>
      <c r="X5358">
        <v>0</v>
      </c>
      <c r="Y5358">
        <v>26</v>
      </c>
      <c r="Z5358">
        <v>15</v>
      </c>
      <c r="AA5358">
        <v>90</v>
      </c>
      <c r="AB5358">
        <v>21</v>
      </c>
      <c r="AC5358">
        <v>125</v>
      </c>
      <c r="AD5358">
        <v>24</v>
      </c>
      <c r="AE5358">
        <v>80</v>
      </c>
      <c r="AF5358">
        <v>0</v>
      </c>
      <c r="AG5358">
        <v>50000</v>
      </c>
      <c r="AH5358">
        <v>50000</v>
      </c>
      <c r="AI5358">
        <v>0</v>
      </c>
      <c r="AJ5358">
        <v>0</v>
      </c>
      <c r="AK5358" t="s">
        <v>6</v>
      </c>
      <c r="AL5358">
        <v>0</v>
      </c>
      <c r="AM5358">
        <v>0</v>
      </c>
      <c r="AN5358">
        <v>0</v>
      </c>
      <c r="AO5358">
        <v>0</v>
      </c>
      <c r="AP5358">
        <v>0</v>
      </c>
      <c r="AQ5358">
        <v>0</v>
      </c>
      <c r="AR5358">
        <v>0</v>
      </c>
      <c r="AS5358">
        <v>0</v>
      </c>
      <c r="AT5358">
        <v>0</v>
      </c>
      <c r="AU5358">
        <v>0</v>
      </c>
      <c r="AV5358">
        <v>0</v>
      </c>
      <c r="AW5358">
        <v>0</v>
      </c>
      <c r="AX5358">
        <v>0</v>
      </c>
      <c r="AY5358">
        <v>0</v>
      </c>
      <c r="AZ5358">
        <v>0</v>
      </c>
      <c r="BA5358">
        <v>0</v>
      </c>
    </row>
    <row r="5359" spans="1:53" x14ac:dyDescent="0.4">
      <c r="A5359">
        <v>5403</v>
      </c>
      <c r="B5359" s="1">
        <v>44880</v>
      </c>
      <c r="C5359">
        <v>2</v>
      </c>
      <c r="D5359" s="1">
        <v>44880.438888888886</v>
      </c>
      <c r="E5359" s="1">
        <v>44880.741666666669</v>
      </c>
      <c r="F5359">
        <v>6790</v>
      </c>
      <c r="G5359">
        <v>0</v>
      </c>
      <c r="H5359">
        <v>0</v>
      </c>
      <c r="I5359">
        <v>0</v>
      </c>
      <c r="J5359">
        <v>0</v>
      </c>
      <c r="K5359">
        <v>0</v>
      </c>
      <c r="L5359">
        <v>0</v>
      </c>
      <c r="M5359">
        <v>617</v>
      </c>
      <c r="N5359">
        <v>0</v>
      </c>
      <c r="O5359">
        <v>0</v>
      </c>
      <c r="P5359">
        <v>9070</v>
      </c>
      <c r="Q5359">
        <v>0</v>
      </c>
      <c r="R5359">
        <v>15860</v>
      </c>
      <c r="S5359">
        <v>0</v>
      </c>
      <c r="T5359">
        <v>0</v>
      </c>
      <c r="U5359">
        <v>0</v>
      </c>
      <c r="V5359">
        <v>0</v>
      </c>
      <c r="W5359">
        <v>1</v>
      </c>
      <c r="X5359">
        <v>0</v>
      </c>
      <c r="Y5359">
        <v>37</v>
      </c>
      <c r="Z5359">
        <v>21</v>
      </c>
      <c r="AA5359">
        <v>88</v>
      </c>
      <c r="AB5359">
        <v>21</v>
      </c>
      <c r="AC5359">
        <v>141</v>
      </c>
      <c r="AD5359">
        <v>24</v>
      </c>
      <c r="AE5359">
        <v>80</v>
      </c>
      <c r="AF5359">
        <v>1900</v>
      </c>
      <c r="AG5359">
        <v>65860</v>
      </c>
      <c r="AH5359">
        <v>50000</v>
      </c>
      <c r="AI5359">
        <v>0</v>
      </c>
      <c r="AJ5359">
        <v>116</v>
      </c>
      <c r="AK5359" t="s">
        <v>54</v>
      </c>
      <c r="AL5359">
        <v>0</v>
      </c>
      <c r="AM5359">
        <v>0</v>
      </c>
      <c r="AN5359">
        <v>0</v>
      </c>
      <c r="AO5359">
        <v>0</v>
      </c>
      <c r="AP5359">
        <v>0</v>
      </c>
      <c r="AQ5359">
        <v>0</v>
      </c>
      <c r="AR5359">
        <v>0</v>
      </c>
      <c r="AS5359">
        <v>0</v>
      </c>
      <c r="AT5359">
        <v>0</v>
      </c>
      <c r="AU5359">
        <v>0</v>
      </c>
      <c r="AV5359">
        <v>0</v>
      </c>
      <c r="AW5359">
        <v>0</v>
      </c>
      <c r="AX5359">
        <v>-1060</v>
      </c>
      <c r="AY5359">
        <v>20</v>
      </c>
      <c r="AZ5359">
        <v>27</v>
      </c>
      <c r="BA5359">
        <v>2412</v>
      </c>
    </row>
    <row r="5360" spans="1:53" x14ac:dyDescent="0.4">
      <c r="A5360">
        <v>5404</v>
      </c>
      <c r="B5360" s="1">
        <v>44880</v>
      </c>
      <c r="C5360">
        <v>3</v>
      </c>
      <c r="D5360" s="1">
        <v>44880.741666666669</v>
      </c>
      <c r="E5360" s="1">
        <v>44880.935416666667</v>
      </c>
      <c r="F5360">
        <v>12970</v>
      </c>
      <c r="G5360">
        <v>1716</v>
      </c>
      <c r="H5360">
        <v>0</v>
      </c>
      <c r="I5360">
        <v>0</v>
      </c>
      <c r="J5360">
        <v>0</v>
      </c>
      <c r="K5360">
        <v>0</v>
      </c>
      <c r="L5360">
        <v>0</v>
      </c>
      <c r="M5360">
        <v>1335</v>
      </c>
      <c r="N5360">
        <v>0</v>
      </c>
      <c r="O5360">
        <v>0</v>
      </c>
      <c r="P5360">
        <v>-9070</v>
      </c>
      <c r="Q5360">
        <v>0</v>
      </c>
      <c r="R5360">
        <v>5616</v>
      </c>
      <c r="S5360">
        <v>0</v>
      </c>
      <c r="T5360">
        <v>0</v>
      </c>
      <c r="U5360">
        <v>0</v>
      </c>
      <c r="V5360">
        <v>0</v>
      </c>
      <c r="W5360">
        <v>2</v>
      </c>
      <c r="X5360">
        <v>0</v>
      </c>
      <c r="Y5360">
        <v>39</v>
      </c>
      <c r="Z5360">
        <v>20</v>
      </c>
      <c r="AA5360">
        <v>80</v>
      </c>
      <c r="AB5360">
        <v>21</v>
      </c>
      <c r="AC5360">
        <v>133</v>
      </c>
      <c r="AD5360">
        <v>24</v>
      </c>
      <c r="AE5360">
        <v>76</v>
      </c>
      <c r="AF5360">
        <v>1900</v>
      </c>
      <c r="AG5360">
        <v>71476</v>
      </c>
      <c r="AH5360">
        <v>50000</v>
      </c>
      <c r="AI5360">
        <v>0</v>
      </c>
      <c r="AJ5360">
        <v>74</v>
      </c>
      <c r="AK5360" t="s">
        <v>64</v>
      </c>
      <c r="AL5360">
        <v>0</v>
      </c>
      <c r="AM5360">
        <v>0</v>
      </c>
      <c r="AN5360">
        <v>0</v>
      </c>
      <c r="AO5360">
        <v>0</v>
      </c>
      <c r="AP5360">
        <v>0</v>
      </c>
      <c r="AQ5360">
        <v>0</v>
      </c>
      <c r="AR5360">
        <v>0</v>
      </c>
      <c r="AS5360">
        <v>0</v>
      </c>
      <c r="AT5360">
        <v>0</v>
      </c>
      <c r="AU5360">
        <v>0</v>
      </c>
      <c r="AV5360">
        <v>0</v>
      </c>
      <c r="AW5360">
        <v>0</v>
      </c>
      <c r="AX5360">
        <v>3080</v>
      </c>
      <c r="AY5360">
        <v>5</v>
      </c>
      <c r="AZ5360">
        <v>7</v>
      </c>
      <c r="BA5360">
        <v>1197</v>
      </c>
    </row>
    <row r="5361" spans="1:53" x14ac:dyDescent="0.4">
      <c r="A5361">
        <v>5405</v>
      </c>
      <c r="B5361" s="1">
        <v>44881</v>
      </c>
      <c r="C5361">
        <v>1</v>
      </c>
      <c r="D5361" s="1">
        <v>44881.291666666664</v>
      </c>
      <c r="E5361" s="1">
        <v>44881.452777777777</v>
      </c>
      <c r="F5361">
        <v>0</v>
      </c>
      <c r="G5361">
        <v>0</v>
      </c>
      <c r="H5361">
        <v>0</v>
      </c>
      <c r="I5361">
        <v>0</v>
      </c>
      <c r="J5361">
        <v>0</v>
      </c>
      <c r="K5361">
        <v>0</v>
      </c>
      <c r="L5361">
        <v>0</v>
      </c>
      <c r="M5361">
        <v>0</v>
      </c>
      <c r="N5361">
        <v>0</v>
      </c>
      <c r="O5361">
        <v>0</v>
      </c>
      <c r="P5361">
        <v>0</v>
      </c>
      <c r="Q5361">
        <v>0</v>
      </c>
      <c r="R5361">
        <v>0</v>
      </c>
      <c r="S5361">
        <v>0</v>
      </c>
      <c r="T5361">
        <v>0</v>
      </c>
      <c r="U5361">
        <v>0</v>
      </c>
      <c r="V5361">
        <v>0</v>
      </c>
      <c r="W5361">
        <v>0</v>
      </c>
      <c r="X5361">
        <v>0</v>
      </c>
      <c r="Y5361">
        <v>30</v>
      </c>
      <c r="Z5361">
        <v>19</v>
      </c>
      <c r="AA5361">
        <v>80</v>
      </c>
      <c r="AB5361">
        <v>20</v>
      </c>
      <c r="AC5361">
        <v>131</v>
      </c>
      <c r="AD5361">
        <v>23</v>
      </c>
      <c r="AE5361">
        <v>75</v>
      </c>
      <c r="AF5361">
        <v>0</v>
      </c>
      <c r="AG5361">
        <v>50000</v>
      </c>
      <c r="AH5361">
        <v>50000</v>
      </c>
      <c r="AI5361">
        <v>0</v>
      </c>
      <c r="AJ5361">
        <v>0</v>
      </c>
      <c r="AK5361" t="s">
        <v>6</v>
      </c>
      <c r="AL5361">
        <v>0</v>
      </c>
      <c r="AM5361">
        <v>0</v>
      </c>
      <c r="AN5361">
        <v>0</v>
      </c>
      <c r="AO5361">
        <v>0</v>
      </c>
      <c r="AP5361">
        <v>0</v>
      </c>
      <c r="AQ5361">
        <v>0</v>
      </c>
      <c r="AR5361">
        <v>0</v>
      </c>
      <c r="AS5361">
        <v>0</v>
      </c>
      <c r="AT5361">
        <v>0</v>
      </c>
      <c r="AU5361">
        <v>0</v>
      </c>
      <c r="AV5361">
        <v>0</v>
      </c>
      <c r="AW5361">
        <v>0</v>
      </c>
      <c r="AX5361">
        <v>0</v>
      </c>
      <c r="AY5361">
        <v>0</v>
      </c>
      <c r="AZ5361">
        <v>0</v>
      </c>
      <c r="BA5361">
        <v>0</v>
      </c>
    </row>
    <row r="5362" spans="1:53" x14ac:dyDescent="0.4">
      <c r="A5362">
        <v>5406</v>
      </c>
      <c r="B5362" s="1">
        <v>44881</v>
      </c>
      <c r="C5362">
        <v>2</v>
      </c>
      <c r="D5362" s="1">
        <v>44881.452777777777</v>
      </c>
      <c r="E5362" s="1">
        <v>44881.738888888889</v>
      </c>
      <c r="F5362">
        <v>10760</v>
      </c>
      <c r="G5362">
        <v>462</v>
      </c>
      <c r="H5362">
        <v>0</v>
      </c>
      <c r="I5362">
        <v>0</v>
      </c>
      <c r="J5362">
        <v>0</v>
      </c>
      <c r="K5362">
        <v>0</v>
      </c>
      <c r="L5362">
        <v>0</v>
      </c>
      <c r="M5362">
        <v>1020</v>
      </c>
      <c r="N5362">
        <v>0</v>
      </c>
      <c r="O5362">
        <v>0</v>
      </c>
      <c r="P5362">
        <v>10880</v>
      </c>
      <c r="Q5362">
        <v>0</v>
      </c>
      <c r="R5362">
        <v>22102</v>
      </c>
      <c r="S5362">
        <v>0</v>
      </c>
      <c r="T5362">
        <v>0</v>
      </c>
      <c r="U5362">
        <v>0</v>
      </c>
      <c r="V5362">
        <v>1</v>
      </c>
      <c r="W5362">
        <v>0</v>
      </c>
      <c r="X5362">
        <v>0</v>
      </c>
      <c r="Y5362">
        <v>33</v>
      </c>
      <c r="Z5362">
        <v>30</v>
      </c>
      <c r="AA5362">
        <v>77</v>
      </c>
      <c r="AB5362">
        <v>25</v>
      </c>
      <c r="AC5362">
        <v>193</v>
      </c>
      <c r="AD5362">
        <v>23</v>
      </c>
      <c r="AE5362">
        <v>77</v>
      </c>
      <c r="AF5362">
        <v>3030</v>
      </c>
      <c r="AG5362">
        <v>72102</v>
      </c>
      <c r="AH5362">
        <v>50000</v>
      </c>
      <c r="AI5362">
        <v>0</v>
      </c>
      <c r="AJ5362">
        <v>29</v>
      </c>
      <c r="AK5362" t="s">
        <v>62</v>
      </c>
      <c r="AL5362">
        <v>0</v>
      </c>
      <c r="AM5362">
        <v>0</v>
      </c>
      <c r="AN5362">
        <v>0</v>
      </c>
      <c r="AO5362">
        <v>0</v>
      </c>
      <c r="AP5362">
        <v>0</v>
      </c>
      <c r="AQ5362">
        <v>0</v>
      </c>
      <c r="AR5362">
        <v>0</v>
      </c>
      <c r="AS5362">
        <v>0</v>
      </c>
      <c r="AT5362">
        <v>0</v>
      </c>
      <c r="AU5362">
        <v>0</v>
      </c>
      <c r="AV5362">
        <v>0</v>
      </c>
      <c r="AW5362">
        <v>0</v>
      </c>
      <c r="AX5362">
        <v>-1200</v>
      </c>
      <c r="AY5362">
        <v>25</v>
      </c>
      <c r="AZ5362">
        <v>36</v>
      </c>
      <c r="BA5362">
        <v>3386</v>
      </c>
    </row>
    <row r="5363" spans="1:53" x14ac:dyDescent="0.4">
      <c r="A5363">
        <v>5407</v>
      </c>
      <c r="B5363" s="1">
        <v>44881</v>
      </c>
      <c r="C5363">
        <v>3</v>
      </c>
      <c r="D5363" s="1">
        <v>44881.738888888889</v>
      </c>
      <c r="E5363" s="1">
        <v>44881.936111111114</v>
      </c>
      <c r="F5363">
        <v>14200</v>
      </c>
      <c r="G5363">
        <v>594</v>
      </c>
      <c r="H5363">
        <v>0</v>
      </c>
      <c r="I5363">
        <v>0</v>
      </c>
      <c r="J5363">
        <v>0</v>
      </c>
      <c r="K5363">
        <v>0</v>
      </c>
      <c r="L5363">
        <v>0</v>
      </c>
      <c r="M5363">
        <v>1342</v>
      </c>
      <c r="N5363">
        <v>0</v>
      </c>
      <c r="O5363">
        <v>0</v>
      </c>
      <c r="P5363">
        <v>-10880</v>
      </c>
      <c r="Q5363">
        <v>0</v>
      </c>
      <c r="R5363">
        <v>3914</v>
      </c>
      <c r="S5363">
        <v>0</v>
      </c>
      <c r="T5363">
        <v>0</v>
      </c>
      <c r="U5363">
        <v>0</v>
      </c>
      <c r="V5363">
        <v>1</v>
      </c>
      <c r="W5363">
        <v>1</v>
      </c>
      <c r="X5363">
        <v>0</v>
      </c>
      <c r="Y5363">
        <v>30</v>
      </c>
      <c r="Z5363">
        <v>31</v>
      </c>
      <c r="AA5363">
        <v>91</v>
      </c>
      <c r="AB5363">
        <v>25</v>
      </c>
      <c r="AC5363">
        <v>193</v>
      </c>
      <c r="AD5363">
        <v>25</v>
      </c>
      <c r="AE5363">
        <v>81</v>
      </c>
      <c r="AF5363">
        <v>3030</v>
      </c>
      <c r="AG5363">
        <v>76016</v>
      </c>
      <c r="AH5363">
        <v>50000</v>
      </c>
      <c r="AI5363">
        <v>0</v>
      </c>
      <c r="AJ5363">
        <v>104</v>
      </c>
      <c r="AK5363" t="s">
        <v>60</v>
      </c>
      <c r="AL5363">
        <v>0</v>
      </c>
      <c r="AM5363">
        <v>0</v>
      </c>
      <c r="AN5363">
        <v>0</v>
      </c>
      <c r="AO5363">
        <v>0</v>
      </c>
      <c r="AP5363">
        <v>0</v>
      </c>
      <c r="AQ5363">
        <v>0</v>
      </c>
      <c r="AR5363">
        <v>0</v>
      </c>
      <c r="AS5363">
        <v>0</v>
      </c>
      <c r="AT5363">
        <v>0</v>
      </c>
      <c r="AU5363">
        <v>0</v>
      </c>
      <c r="AV5363">
        <v>0</v>
      </c>
      <c r="AW5363">
        <v>0</v>
      </c>
      <c r="AX5363">
        <v>0</v>
      </c>
      <c r="AY5363">
        <v>3</v>
      </c>
      <c r="AZ5363">
        <v>6</v>
      </c>
      <c r="BA5363">
        <v>1118</v>
      </c>
    </row>
    <row r="5364" spans="1:53" x14ac:dyDescent="0.4">
      <c r="A5364">
        <v>5408</v>
      </c>
      <c r="B5364" s="1">
        <v>44882</v>
      </c>
      <c r="C5364">
        <v>1</v>
      </c>
      <c r="D5364" s="1">
        <v>44882.291666666664</v>
      </c>
      <c r="E5364" s="1">
        <v>44882.443749999999</v>
      </c>
      <c r="F5364">
        <v>0</v>
      </c>
      <c r="G5364">
        <v>0</v>
      </c>
      <c r="H5364">
        <v>0</v>
      </c>
      <c r="I5364">
        <v>0</v>
      </c>
      <c r="J5364">
        <v>0</v>
      </c>
      <c r="K5364">
        <v>0</v>
      </c>
      <c r="L5364">
        <v>0</v>
      </c>
      <c r="M5364">
        <v>0</v>
      </c>
      <c r="N5364">
        <v>0</v>
      </c>
      <c r="O5364">
        <v>0</v>
      </c>
      <c r="P5364">
        <v>0</v>
      </c>
      <c r="Q5364">
        <v>0</v>
      </c>
      <c r="R5364">
        <v>0</v>
      </c>
      <c r="S5364">
        <v>0</v>
      </c>
      <c r="T5364">
        <v>0</v>
      </c>
      <c r="U5364">
        <v>0</v>
      </c>
      <c r="V5364">
        <v>0</v>
      </c>
      <c r="W5364">
        <v>1</v>
      </c>
      <c r="X5364">
        <v>0</v>
      </c>
      <c r="Y5364">
        <v>25</v>
      </c>
      <c r="Z5364">
        <v>15</v>
      </c>
      <c r="AA5364">
        <v>100</v>
      </c>
      <c r="AB5364">
        <v>24</v>
      </c>
      <c r="AC5364">
        <v>110</v>
      </c>
      <c r="AD5364">
        <v>24</v>
      </c>
      <c r="AE5364">
        <v>80</v>
      </c>
      <c r="AF5364">
        <v>0</v>
      </c>
      <c r="AG5364">
        <v>50000</v>
      </c>
      <c r="AH5364">
        <v>50000</v>
      </c>
      <c r="AI5364">
        <v>0</v>
      </c>
      <c r="AJ5364">
        <v>0</v>
      </c>
      <c r="AK5364" t="s">
        <v>6</v>
      </c>
      <c r="AL5364">
        <v>0</v>
      </c>
      <c r="AM5364">
        <v>0</v>
      </c>
      <c r="AN5364">
        <v>0</v>
      </c>
      <c r="AO5364">
        <v>0</v>
      </c>
      <c r="AP5364">
        <v>0</v>
      </c>
      <c r="AQ5364">
        <v>0</v>
      </c>
      <c r="AR5364">
        <v>0</v>
      </c>
      <c r="AS5364">
        <v>0</v>
      </c>
      <c r="AT5364">
        <v>0</v>
      </c>
      <c r="AU5364">
        <v>0</v>
      </c>
      <c r="AV5364">
        <v>0</v>
      </c>
      <c r="AW5364">
        <v>0</v>
      </c>
      <c r="AX5364">
        <v>0</v>
      </c>
      <c r="AY5364">
        <v>0</v>
      </c>
      <c r="AZ5364">
        <v>0</v>
      </c>
      <c r="BA5364">
        <v>0</v>
      </c>
    </row>
    <row r="5365" spans="1:53" x14ac:dyDescent="0.4">
      <c r="A5365">
        <v>5409</v>
      </c>
      <c r="B5365" s="1">
        <v>44882</v>
      </c>
      <c r="C5365">
        <v>2</v>
      </c>
      <c r="D5365" s="1">
        <v>44882.443749999999</v>
      </c>
      <c r="E5365" s="1">
        <v>44882.740277777775</v>
      </c>
      <c r="F5365">
        <v>11460</v>
      </c>
      <c r="G5365">
        <v>0</v>
      </c>
      <c r="H5365">
        <v>0</v>
      </c>
      <c r="I5365">
        <v>0</v>
      </c>
      <c r="J5365">
        <v>0</v>
      </c>
      <c r="K5365">
        <v>0</v>
      </c>
      <c r="L5365">
        <v>0</v>
      </c>
      <c r="M5365">
        <v>1043</v>
      </c>
      <c r="N5365">
        <v>0</v>
      </c>
      <c r="O5365">
        <v>0</v>
      </c>
      <c r="P5365">
        <v>12350</v>
      </c>
      <c r="Q5365">
        <v>0</v>
      </c>
      <c r="R5365">
        <v>23810</v>
      </c>
      <c r="S5365">
        <v>0</v>
      </c>
      <c r="T5365">
        <v>0</v>
      </c>
      <c r="U5365">
        <v>0</v>
      </c>
      <c r="V5365">
        <v>0</v>
      </c>
      <c r="W5365">
        <v>2</v>
      </c>
      <c r="X5365">
        <v>0</v>
      </c>
      <c r="Y5365">
        <v>39</v>
      </c>
      <c r="Z5365">
        <v>23</v>
      </c>
      <c r="AA5365">
        <v>98</v>
      </c>
      <c r="AB5365">
        <v>20</v>
      </c>
      <c r="AC5365">
        <v>117</v>
      </c>
      <c r="AD5365">
        <v>26</v>
      </c>
      <c r="AE5365">
        <v>80</v>
      </c>
      <c r="AF5365">
        <v>1130</v>
      </c>
      <c r="AG5365">
        <v>73810</v>
      </c>
      <c r="AH5365">
        <v>50000</v>
      </c>
      <c r="AI5365">
        <v>0</v>
      </c>
      <c r="AJ5365">
        <v>119</v>
      </c>
      <c r="AK5365" t="s">
        <v>56</v>
      </c>
      <c r="AL5365">
        <v>0</v>
      </c>
      <c r="AM5365">
        <v>0</v>
      </c>
      <c r="AN5365">
        <v>0</v>
      </c>
      <c r="AO5365">
        <v>0</v>
      </c>
      <c r="AP5365">
        <v>0</v>
      </c>
      <c r="AQ5365">
        <v>0</v>
      </c>
      <c r="AR5365">
        <v>0</v>
      </c>
      <c r="AS5365">
        <v>0</v>
      </c>
      <c r="AT5365">
        <v>0</v>
      </c>
      <c r="AU5365">
        <v>0</v>
      </c>
      <c r="AV5365">
        <v>0</v>
      </c>
      <c r="AW5365">
        <v>0</v>
      </c>
      <c r="AX5365">
        <v>2258</v>
      </c>
      <c r="AY5365">
        <v>26</v>
      </c>
      <c r="AZ5365">
        <v>39</v>
      </c>
      <c r="BA5365">
        <v>3442</v>
      </c>
    </row>
    <row r="5366" spans="1:53" x14ac:dyDescent="0.4">
      <c r="A5366">
        <v>5410</v>
      </c>
      <c r="B5366" s="1">
        <v>44882</v>
      </c>
      <c r="C5366">
        <v>3</v>
      </c>
      <c r="D5366" s="1">
        <v>44882.740277777775</v>
      </c>
      <c r="E5366" s="1">
        <v>44882.942361111112</v>
      </c>
      <c r="F5366">
        <v>20490</v>
      </c>
      <c r="G5366">
        <v>4038</v>
      </c>
      <c r="H5366">
        <v>0</v>
      </c>
      <c r="I5366">
        <v>0</v>
      </c>
      <c r="J5366">
        <v>0</v>
      </c>
      <c r="K5366">
        <v>0</v>
      </c>
      <c r="L5366">
        <v>0</v>
      </c>
      <c r="M5366">
        <v>2228</v>
      </c>
      <c r="N5366">
        <v>0</v>
      </c>
      <c r="O5366">
        <v>0</v>
      </c>
      <c r="P5366">
        <v>-12350</v>
      </c>
      <c r="Q5366">
        <v>0</v>
      </c>
      <c r="R5366">
        <v>12178</v>
      </c>
      <c r="S5366">
        <v>0</v>
      </c>
      <c r="T5366">
        <v>0</v>
      </c>
      <c r="U5366">
        <v>0</v>
      </c>
      <c r="V5366">
        <v>1</v>
      </c>
      <c r="W5366">
        <v>0</v>
      </c>
      <c r="X5366">
        <v>0</v>
      </c>
      <c r="Y5366">
        <v>41</v>
      </c>
      <c r="Z5366">
        <v>22</v>
      </c>
      <c r="AA5366">
        <v>114</v>
      </c>
      <c r="AB5366">
        <v>23</v>
      </c>
      <c r="AC5366">
        <v>126</v>
      </c>
      <c r="AD5366">
        <v>28</v>
      </c>
      <c r="AE5366">
        <v>86</v>
      </c>
      <c r="AF5366">
        <v>9952</v>
      </c>
      <c r="AG5366">
        <v>85988</v>
      </c>
      <c r="AH5366">
        <v>50000</v>
      </c>
      <c r="AI5366">
        <v>0</v>
      </c>
      <c r="AJ5366">
        <v>74</v>
      </c>
      <c r="AK5366" t="s">
        <v>64</v>
      </c>
      <c r="AL5366">
        <v>0</v>
      </c>
      <c r="AM5366">
        <v>0</v>
      </c>
      <c r="AN5366">
        <v>0</v>
      </c>
      <c r="AO5366">
        <v>0</v>
      </c>
      <c r="AP5366">
        <v>0</v>
      </c>
      <c r="AQ5366">
        <v>0</v>
      </c>
      <c r="AR5366">
        <v>0</v>
      </c>
      <c r="AS5366">
        <v>0</v>
      </c>
      <c r="AT5366">
        <v>0</v>
      </c>
      <c r="AU5366">
        <v>0</v>
      </c>
      <c r="AV5366">
        <v>0</v>
      </c>
      <c r="AW5366">
        <v>0</v>
      </c>
      <c r="AX5366">
        <v>6050</v>
      </c>
      <c r="AY5366">
        <v>8</v>
      </c>
      <c r="AZ5366">
        <v>15</v>
      </c>
      <c r="BA5366">
        <v>1556</v>
      </c>
    </row>
    <row r="5367" spans="1:53" x14ac:dyDescent="0.4">
      <c r="A5367">
        <v>5411</v>
      </c>
      <c r="B5367" s="1">
        <v>44883</v>
      </c>
      <c r="C5367">
        <v>1</v>
      </c>
      <c r="D5367" s="1">
        <v>44883.291666666664</v>
      </c>
      <c r="E5367" s="1">
        <v>44883.439583333333</v>
      </c>
      <c r="F5367">
        <v>0</v>
      </c>
      <c r="G5367">
        <v>0</v>
      </c>
      <c r="H5367">
        <v>0</v>
      </c>
      <c r="I5367">
        <v>0</v>
      </c>
      <c r="J5367">
        <v>0</v>
      </c>
      <c r="K5367">
        <v>0</v>
      </c>
      <c r="L5367">
        <v>0</v>
      </c>
      <c r="M5367">
        <v>0</v>
      </c>
      <c r="N5367">
        <v>0</v>
      </c>
      <c r="O5367">
        <v>0</v>
      </c>
      <c r="P5367">
        <v>0</v>
      </c>
      <c r="Q5367">
        <v>0</v>
      </c>
      <c r="R5367">
        <v>0</v>
      </c>
      <c r="S5367">
        <v>0</v>
      </c>
      <c r="T5367">
        <v>0</v>
      </c>
      <c r="U5367">
        <v>0</v>
      </c>
      <c r="V5367">
        <v>0</v>
      </c>
      <c r="W5367">
        <v>0</v>
      </c>
      <c r="X5367">
        <v>0</v>
      </c>
      <c r="Y5367">
        <v>31</v>
      </c>
      <c r="Z5367">
        <v>12</v>
      </c>
      <c r="AA5367">
        <v>105</v>
      </c>
      <c r="AB5367">
        <v>21</v>
      </c>
      <c r="AC5367">
        <v>122</v>
      </c>
      <c r="AD5367">
        <v>29</v>
      </c>
      <c r="AE5367">
        <v>85</v>
      </c>
      <c r="AF5367">
        <v>0</v>
      </c>
      <c r="AG5367">
        <v>50000</v>
      </c>
      <c r="AH5367">
        <v>50000</v>
      </c>
      <c r="AI5367">
        <v>0</v>
      </c>
      <c r="AJ5367">
        <v>0</v>
      </c>
      <c r="AK5367" t="s">
        <v>6</v>
      </c>
      <c r="AL5367">
        <v>0</v>
      </c>
      <c r="AM5367">
        <v>0</v>
      </c>
      <c r="AN5367">
        <v>0</v>
      </c>
      <c r="AO5367">
        <v>0</v>
      </c>
      <c r="AP5367">
        <v>0</v>
      </c>
      <c r="AQ5367">
        <v>0</v>
      </c>
      <c r="AR5367">
        <v>0</v>
      </c>
      <c r="AS5367">
        <v>0</v>
      </c>
      <c r="AT5367">
        <v>0</v>
      </c>
      <c r="AU5367">
        <v>0</v>
      </c>
      <c r="AV5367">
        <v>0</v>
      </c>
      <c r="AW5367">
        <v>0</v>
      </c>
      <c r="AX5367">
        <v>0</v>
      </c>
      <c r="AY5367">
        <v>0</v>
      </c>
      <c r="AZ5367">
        <v>0</v>
      </c>
      <c r="BA5367">
        <v>0</v>
      </c>
    </row>
    <row r="5368" spans="1:53" x14ac:dyDescent="0.4">
      <c r="A5368">
        <v>5412</v>
      </c>
      <c r="B5368" s="1">
        <v>44883</v>
      </c>
      <c r="C5368">
        <v>2</v>
      </c>
      <c r="D5368" s="1">
        <v>44883.439583333333</v>
      </c>
      <c r="E5368" s="1">
        <v>44883.745833333334</v>
      </c>
      <c r="F5368">
        <v>23620</v>
      </c>
      <c r="G5368">
        <v>3300</v>
      </c>
      <c r="H5368">
        <v>0</v>
      </c>
      <c r="I5368">
        <v>0</v>
      </c>
      <c r="J5368">
        <v>0</v>
      </c>
      <c r="K5368">
        <v>0</v>
      </c>
      <c r="L5368">
        <v>0</v>
      </c>
      <c r="M5368">
        <v>2449</v>
      </c>
      <c r="N5368">
        <v>0</v>
      </c>
      <c r="O5368">
        <v>0</v>
      </c>
      <c r="P5368">
        <v>25090</v>
      </c>
      <c r="Q5368">
        <v>0</v>
      </c>
      <c r="R5368">
        <v>52010</v>
      </c>
      <c r="S5368">
        <v>0</v>
      </c>
      <c r="T5368">
        <v>0</v>
      </c>
      <c r="U5368">
        <v>0</v>
      </c>
      <c r="V5368">
        <v>1</v>
      </c>
      <c r="W5368">
        <v>0</v>
      </c>
      <c r="X5368">
        <v>0</v>
      </c>
      <c r="Y5368">
        <v>59</v>
      </c>
      <c r="Z5368">
        <v>31</v>
      </c>
      <c r="AA5368">
        <v>119</v>
      </c>
      <c r="AB5368">
        <v>14</v>
      </c>
      <c r="AC5368">
        <v>141</v>
      </c>
      <c r="AD5368">
        <v>27</v>
      </c>
      <c r="AE5368">
        <v>85</v>
      </c>
      <c r="AF5368">
        <v>3180</v>
      </c>
      <c r="AG5368">
        <v>101910</v>
      </c>
      <c r="AH5368">
        <v>50000</v>
      </c>
      <c r="AI5368">
        <v>-100</v>
      </c>
      <c r="AJ5368">
        <v>116</v>
      </c>
      <c r="AK5368" t="s">
        <v>54</v>
      </c>
      <c r="AL5368">
        <v>0</v>
      </c>
      <c r="AM5368">
        <v>0</v>
      </c>
      <c r="AN5368">
        <v>0</v>
      </c>
      <c r="AO5368">
        <v>0</v>
      </c>
      <c r="AP5368">
        <v>0</v>
      </c>
      <c r="AQ5368">
        <v>0</v>
      </c>
      <c r="AR5368">
        <v>0</v>
      </c>
      <c r="AS5368">
        <v>0</v>
      </c>
      <c r="AT5368">
        <v>0</v>
      </c>
      <c r="AU5368">
        <v>0</v>
      </c>
      <c r="AV5368">
        <v>0</v>
      </c>
      <c r="AW5368">
        <v>0</v>
      </c>
      <c r="AX5368">
        <v>2640</v>
      </c>
      <c r="AY5368">
        <v>38</v>
      </c>
      <c r="AZ5368">
        <v>83</v>
      </c>
      <c r="BA5368">
        <v>5339</v>
      </c>
    </row>
    <row r="5369" spans="1:53" x14ac:dyDescent="0.4">
      <c r="A5369">
        <v>5413</v>
      </c>
      <c r="B5369" s="1">
        <v>44883</v>
      </c>
      <c r="C5369">
        <v>3</v>
      </c>
      <c r="D5369" s="1">
        <v>44883.745833333334</v>
      </c>
      <c r="E5369" s="1">
        <v>44884.074999999997</v>
      </c>
      <c r="F5369">
        <v>88530</v>
      </c>
      <c r="G5369">
        <v>7579</v>
      </c>
      <c r="H5369">
        <v>0</v>
      </c>
      <c r="I5369">
        <v>0</v>
      </c>
      <c r="J5369">
        <v>100</v>
      </c>
      <c r="K5369">
        <v>0</v>
      </c>
      <c r="L5369">
        <v>0</v>
      </c>
      <c r="M5369">
        <v>8727</v>
      </c>
      <c r="N5369">
        <v>0</v>
      </c>
      <c r="O5369">
        <v>0</v>
      </c>
      <c r="P5369">
        <v>4710</v>
      </c>
      <c r="Q5369">
        <v>0</v>
      </c>
      <c r="R5369">
        <v>100719</v>
      </c>
      <c r="S5369">
        <v>0</v>
      </c>
      <c r="T5369">
        <v>0</v>
      </c>
      <c r="U5369">
        <v>0</v>
      </c>
      <c r="V5369">
        <v>7</v>
      </c>
      <c r="W5369">
        <v>0</v>
      </c>
      <c r="X5369">
        <v>0</v>
      </c>
      <c r="Y5369">
        <v>76</v>
      </c>
      <c r="Z5369">
        <v>23</v>
      </c>
      <c r="AA5369">
        <v>123</v>
      </c>
      <c r="AB5369">
        <v>12</v>
      </c>
      <c r="AC5369">
        <v>151</v>
      </c>
      <c r="AD5369">
        <v>25</v>
      </c>
      <c r="AE5369">
        <v>85</v>
      </c>
      <c r="AF5369">
        <v>30609</v>
      </c>
      <c r="AG5369">
        <v>202729</v>
      </c>
      <c r="AH5369">
        <v>50000</v>
      </c>
      <c r="AI5369">
        <v>0</v>
      </c>
      <c r="AJ5369">
        <v>119</v>
      </c>
      <c r="AK5369" t="s">
        <v>56</v>
      </c>
      <c r="AL5369">
        <v>0</v>
      </c>
      <c r="AM5369">
        <v>0</v>
      </c>
      <c r="AN5369">
        <v>0</v>
      </c>
      <c r="AO5369">
        <v>0</v>
      </c>
      <c r="AP5369">
        <v>0</v>
      </c>
      <c r="AQ5369">
        <v>0</v>
      </c>
      <c r="AR5369">
        <v>0</v>
      </c>
      <c r="AS5369">
        <v>0</v>
      </c>
      <c r="AT5369">
        <v>0</v>
      </c>
      <c r="AU5369">
        <v>0</v>
      </c>
      <c r="AV5369">
        <v>0</v>
      </c>
      <c r="AW5369">
        <v>0</v>
      </c>
      <c r="AX5369">
        <v>1188</v>
      </c>
      <c r="AY5369">
        <v>22</v>
      </c>
      <c r="AZ5369">
        <v>50</v>
      </c>
      <c r="BA5369">
        <v>3208</v>
      </c>
    </row>
    <row r="5370" spans="1:53" x14ac:dyDescent="0.4">
      <c r="A5370">
        <v>5414</v>
      </c>
      <c r="B5370" s="1">
        <v>44884</v>
      </c>
      <c r="C5370">
        <v>1</v>
      </c>
      <c r="D5370" s="1">
        <v>44884.291666666664</v>
      </c>
      <c r="E5370" s="1">
        <v>44884.40625</v>
      </c>
      <c r="F5370">
        <v>0</v>
      </c>
      <c r="G5370">
        <v>0</v>
      </c>
      <c r="H5370">
        <v>0</v>
      </c>
      <c r="I5370">
        <v>0</v>
      </c>
      <c r="J5370">
        <v>0</v>
      </c>
      <c r="K5370">
        <v>0</v>
      </c>
      <c r="L5370">
        <v>0</v>
      </c>
      <c r="M5370">
        <v>0</v>
      </c>
      <c r="N5370">
        <v>0</v>
      </c>
      <c r="O5370">
        <v>0</v>
      </c>
      <c r="P5370">
        <v>0</v>
      </c>
      <c r="Q5370">
        <v>0</v>
      </c>
      <c r="R5370">
        <v>0</v>
      </c>
      <c r="S5370">
        <v>0</v>
      </c>
      <c r="T5370">
        <v>0</v>
      </c>
      <c r="U5370">
        <v>0</v>
      </c>
      <c r="V5370">
        <v>0</v>
      </c>
      <c r="W5370">
        <v>1</v>
      </c>
      <c r="X5370">
        <v>0</v>
      </c>
      <c r="Y5370">
        <v>25</v>
      </c>
      <c r="Z5370">
        <v>11</v>
      </c>
      <c r="AA5370">
        <v>127</v>
      </c>
      <c r="AB5370">
        <v>12</v>
      </c>
      <c r="AC5370">
        <v>100</v>
      </c>
      <c r="AD5370">
        <v>23</v>
      </c>
      <c r="AE5370">
        <v>85</v>
      </c>
      <c r="AF5370">
        <v>0</v>
      </c>
      <c r="AG5370">
        <v>50000</v>
      </c>
      <c r="AH5370">
        <v>50000</v>
      </c>
      <c r="AI5370">
        <v>0</v>
      </c>
      <c r="AJ5370">
        <v>0</v>
      </c>
      <c r="AK5370" t="s">
        <v>6</v>
      </c>
      <c r="AL5370">
        <v>0</v>
      </c>
      <c r="AM5370">
        <v>0</v>
      </c>
      <c r="AN5370">
        <v>0</v>
      </c>
      <c r="AO5370">
        <v>0</v>
      </c>
      <c r="AP5370">
        <v>0</v>
      </c>
      <c r="AQ5370">
        <v>0</v>
      </c>
      <c r="AR5370">
        <v>0</v>
      </c>
      <c r="AS5370">
        <v>0</v>
      </c>
      <c r="AT5370">
        <v>0</v>
      </c>
      <c r="AU5370">
        <v>0</v>
      </c>
      <c r="AV5370">
        <v>0</v>
      </c>
      <c r="AW5370">
        <v>0</v>
      </c>
      <c r="AX5370">
        <v>0</v>
      </c>
      <c r="AY5370">
        <v>0</v>
      </c>
      <c r="AZ5370">
        <v>0</v>
      </c>
      <c r="BA5370">
        <v>0</v>
      </c>
    </row>
    <row r="5371" spans="1:53" x14ac:dyDescent="0.4">
      <c r="A5371">
        <v>5415</v>
      </c>
      <c r="B5371" s="1">
        <v>44884</v>
      </c>
      <c r="C5371">
        <v>2</v>
      </c>
      <c r="D5371" s="1">
        <v>44884.40625</v>
      </c>
      <c r="E5371" s="1">
        <v>44884.73541666667</v>
      </c>
      <c r="F5371">
        <v>46815</v>
      </c>
      <c r="G5371">
        <v>6478</v>
      </c>
      <c r="H5371">
        <v>0</v>
      </c>
      <c r="I5371">
        <v>0</v>
      </c>
      <c r="J5371">
        <v>0</v>
      </c>
      <c r="K5371">
        <v>0</v>
      </c>
      <c r="L5371">
        <v>0</v>
      </c>
      <c r="M5371">
        <v>4842</v>
      </c>
      <c r="N5371">
        <v>0</v>
      </c>
      <c r="O5371">
        <v>0</v>
      </c>
      <c r="P5371">
        <v>26368</v>
      </c>
      <c r="Q5371">
        <v>0</v>
      </c>
      <c r="R5371">
        <v>79661</v>
      </c>
      <c r="S5371">
        <v>0</v>
      </c>
      <c r="T5371">
        <v>0</v>
      </c>
      <c r="U5371">
        <v>0</v>
      </c>
      <c r="V5371">
        <v>2</v>
      </c>
      <c r="W5371">
        <v>2</v>
      </c>
      <c r="X5371">
        <v>0</v>
      </c>
      <c r="Y5371">
        <v>69</v>
      </c>
      <c r="Z5371">
        <v>23</v>
      </c>
      <c r="AA5371">
        <v>145</v>
      </c>
      <c r="AB5371">
        <v>19</v>
      </c>
      <c r="AC5371">
        <v>129</v>
      </c>
      <c r="AD5371">
        <v>26</v>
      </c>
      <c r="AE5371">
        <v>96</v>
      </c>
      <c r="AF5371">
        <v>2625</v>
      </c>
      <c r="AG5371">
        <v>130091</v>
      </c>
      <c r="AH5371">
        <v>50000</v>
      </c>
      <c r="AI5371">
        <v>430</v>
      </c>
      <c r="AJ5371">
        <v>115</v>
      </c>
      <c r="AK5371" t="s">
        <v>55</v>
      </c>
      <c r="AL5371">
        <v>0</v>
      </c>
      <c r="AM5371">
        <v>0</v>
      </c>
      <c r="AN5371">
        <v>0</v>
      </c>
      <c r="AO5371">
        <v>0</v>
      </c>
      <c r="AP5371">
        <v>0</v>
      </c>
      <c r="AQ5371">
        <v>0</v>
      </c>
      <c r="AR5371">
        <v>0</v>
      </c>
      <c r="AS5371">
        <v>0</v>
      </c>
      <c r="AT5371">
        <v>0</v>
      </c>
      <c r="AU5371">
        <v>0</v>
      </c>
      <c r="AV5371">
        <v>0</v>
      </c>
      <c r="AW5371">
        <v>0</v>
      </c>
      <c r="AX5371">
        <v>2253</v>
      </c>
      <c r="AY5371">
        <v>50</v>
      </c>
      <c r="AZ5371">
        <v>117</v>
      </c>
      <c r="BA5371">
        <v>7506</v>
      </c>
    </row>
    <row r="5372" spans="1:53" x14ac:dyDescent="0.4">
      <c r="A5372">
        <v>5416</v>
      </c>
      <c r="B5372" s="1">
        <v>44885</v>
      </c>
      <c r="C5372">
        <v>1</v>
      </c>
      <c r="D5372" s="1">
        <v>44885.291666666664</v>
      </c>
      <c r="E5372" s="1">
        <v>44885.40625</v>
      </c>
      <c r="F5372">
        <v>0</v>
      </c>
      <c r="G5372">
        <v>0</v>
      </c>
      <c r="H5372">
        <v>0</v>
      </c>
      <c r="I5372">
        <v>0</v>
      </c>
      <c r="J5372">
        <v>0</v>
      </c>
      <c r="K5372">
        <v>0</v>
      </c>
      <c r="L5372">
        <v>0</v>
      </c>
      <c r="M5372">
        <v>0</v>
      </c>
      <c r="N5372">
        <v>0</v>
      </c>
      <c r="O5372">
        <v>0</v>
      </c>
      <c r="P5372">
        <v>0</v>
      </c>
      <c r="Q5372">
        <v>0</v>
      </c>
      <c r="R5372">
        <v>0</v>
      </c>
      <c r="S5372">
        <v>0</v>
      </c>
      <c r="T5372">
        <v>0</v>
      </c>
      <c r="U5372">
        <v>0</v>
      </c>
      <c r="V5372">
        <v>0</v>
      </c>
      <c r="W5372">
        <v>1</v>
      </c>
      <c r="X5372">
        <v>0</v>
      </c>
      <c r="Y5372">
        <v>25</v>
      </c>
      <c r="Z5372">
        <v>10</v>
      </c>
      <c r="AA5372">
        <v>125</v>
      </c>
      <c r="AB5372">
        <v>21</v>
      </c>
      <c r="AC5372">
        <v>124</v>
      </c>
      <c r="AD5372">
        <v>24</v>
      </c>
      <c r="AE5372">
        <v>90</v>
      </c>
      <c r="AF5372">
        <v>0</v>
      </c>
      <c r="AG5372">
        <v>50000</v>
      </c>
      <c r="AH5372">
        <v>50000</v>
      </c>
      <c r="AI5372">
        <v>0</v>
      </c>
      <c r="AJ5372">
        <v>0</v>
      </c>
      <c r="AK5372" t="s">
        <v>6</v>
      </c>
      <c r="AL5372">
        <v>0</v>
      </c>
      <c r="AM5372">
        <v>0</v>
      </c>
      <c r="AN5372">
        <v>0</v>
      </c>
      <c r="AO5372">
        <v>0</v>
      </c>
      <c r="AP5372">
        <v>0</v>
      </c>
      <c r="AQ5372">
        <v>0</v>
      </c>
      <c r="AR5372">
        <v>0</v>
      </c>
      <c r="AS5372">
        <v>0</v>
      </c>
      <c r="AT5372">
        <v>0</v>
      </c>
      <c r="AU5372">
        <v>0</v>
      </c>
      <c r="AV5372">
        <v>0</v>
      </c>
      <c r="AW5372">
        <v>0</v>
      </c>
      <c r="AX5372">
        <v>0</v>
      </c>
      <c r="AY5372">
        <v>0</v>
      </c>
      <c r="AZ5372">
        <v>0</v>
      </c>
      <c r="BA5372">
        <v>0</v>
      </c>
    </row>
    <row r="5373" spans="1:53" x14ac:dyDescent="0.4">
      <c r="A5373">
        <v>5417</v>
      </c>
      <c r="B5373" s="1">
        <v>44885</v>
      </c>
      <c r="C5373">
        <v>2</v>
      </c>
      <c r="D5373" s="1">
        <v>44885.40625</v>
      </c>
      <c r="E5373" s="1">
        <v>44885.738888888889</v>
      </c>
      <c r="F5373">
        <v>39165</v>
      </c>
      <c r="G5373">
        <v>1496</v>
      </c>
      <c r="H5373">
        <v>0</v>
      </c>
      <c r="I5373">
        <v>0</v>
      </c>
      <c r="J5373">
        <v>0</v>
      </c>
      <c r="K5373">
        <v>0</v>
      </c>
      <c r="L5373">
        <v>0</v>
      </c>
      <c r="M5373">
        <v>3695</v>
      </c>
      <c r="N5373">
        <v>0</v>
      </c>
      <c r="O5373">
        <v>0</v>
      </c>
      <c r="P5373">
        <v>21330</v>
      </c>
      <c r="Q5373">
        <v>0</v>
      </c>
      <c r="R5373">
        <v>61991</v>
      </c>
      <c r="S5373">
        <v>0</v>
      </c>
      <c r="T5373">
        <v>0</v>
      </c>
      <c r="U5373">
        <v>0</v>
      </c>
      <c r="V5373">
        <v>1</v>
      </c>
      <c r="W5373">
        <v>1</v>
      </c>
      <c r="X5373">
        <v>0</v>
      </c>
      <c r="Y5373">
        <v>65</v>
      </c>
      <c r="Z5373">
        <v>23</v>
      </c>
      <c r="AA5373">
        <v>160</v>
      </c>
      <c r="AB5373">
        <v>30</v>
      </c>
      <c r="AC5373">
        <v>163</v>
      </c>
      <c r="AD5373">
        <v>25</v>
      </c>
      <c r="AE5373">
        <v>106</v>
      </c>
      <c r="AF5373">
        <v>1130</v>
      </c>
      <c r="AG5373">
        <v>111991</v>
      </c>
      <c r="AH5373">
        <v>50000</v>
      </c>
      <c r="AI5373">
        <v>0</v>
      </c>
      <c r="AJ5373">
        <v>118</v>
      </c>
      <c r="AK5373" t="s">
        <v>59</v>
      </c>
      <c r="AL5373">
        <v>0</v>
      </c>
      <c r="AM5373">
        <v>0</v>
      </c>
      <c r="AN5373">
        <v>0</v>
      </c>
      <c r="AO5373">
        <v>0</v>
      </c>
      <c r="AP5373">
        <v>0</v>
      </c>
      <c r="AQ5373">
        <v>0</v>
      </c>
      <c r="AR5373">
        <v>0</v>
      </c>
      <c r="AS5373">
        <v>0</v>
      </c>
      <c r="AT5373">
        <v>0</v>
      </c>
      <c r="AU5373">
        <v>0</v>
      </c>
      <c r="AV5373">
        <v>0</v>
      </c>
      <c r="AW5373">
        <v>0</v>
      </c>
      <c r="AX5373">
        <v>2354</v>
      </c>
      <c r="AY5373">
        <v>48</v>
      </c>
      <c r="AZ5373">
        <v>97</v>
      </c>
      <c r="BA5373">
        <v>7493</v>
      </c>
    </row>
    <row r="5374" spans="1:53" x14ac:dyDescent="0.4">
      <c r="A5374">
        <v>5418</v>
      </c>
      <c r="B5374" s="1">
        <v>44885</v>
      </c>
      <c r="C5374">
        <v>3</v>
      </c>
      <c r="D5374" s="1">
        <v>44885.738888888889</v>
      </c>
      <c r="E5374" s="1">
        <v>44885.950694444444</v>
      </c>
      <c r="F5374">
        <v>43420</v>
      </c>
      <c r="G5374">
        <v>2964</v>
      </c>
      <c r="H5374">
        <v>0</v>
      </c>
      <c r="I5374">
        <v>0</v>
      </c>
      <c r="J5374">
        <v>0</v>
      </c>
      <c r="K5374">
        <v>0</v>
      </c>
      <c r="L5374">
        <v>0</v>
      </c>
      <c r="M5374">
        <v>4215</v>
      </c>
      <c r="N5374">
        <v>0</v>
      </c>
      <c r="O5374">
        <v>0</v>
      </c>
      <c r="P5374">
        <v>-8580</v>
      </c>
      <c r="Q5374">
        <v>0</v>
      </c>
      <c r="R5374">
        <v>37804</v>
      </c>
      <c r="S5374">
        <v>0</v>
      </c>
      <c r="T5374">
        <v>0</v>
      </c>
      <c r="U5374">
        <v>0</v>
      </c>
      <c r="V5374">
        <v>3</v>
      </c>
      <c r="W5374">
        <v>1</v>
      </c>
      <c r="X5374">
        <v>0</v>
      </c>
      <c r="Y5374">
        <v>54</v>
      </c>
      <c r="Z5374">
        <v>22</v>
      </c>
      <c r="AA5374">
        <v>174</v>
      </c>
      <c r="AB5374">
        <v>31</v>
      </c>
      <c r="AC5374">
        <v>164</v>
      </c>
      <c r="AD5374">
        <v>24</v>
      </c>
      <c r="AE5374">
        <v>105</v>
      </c>
      <c r="AF5374">
        <v>28980</v>
      </c>
      <c r="AG5374">
        <v>149795</v>
      </c>
      <c r="AH5374">
        <v>50000</v>
      </c>
      <c r="AI5374">
        <v>0</v>
      </c>
      <c r="AJ5374">
        <v>103</v>
      </c>
      <c r="AK5374" t="s">
        <v>7</v>
      </c>
      <c r="AL5374">
        <v>0</v>
      </c>
      <c r="AM5374">
        <v>0</v>
      </c>
      <c r="AN5374">
        <v>0</v>
      </c>
      <c r="AO5374">
        <v>0</v>
      </c>
      <c r="AP5374">
        <v>0</v>
      </c>
      <c r="AQ5374">
        <v>0</v>
      </c>
      <c r="AR5374">
        <v>0</v>
      </c>
      <c r="AS5374">
        <v>0</v>
      </c>
      <c r="AT5374">
        <v>0</v>
      </c>
      <c r="AU5374">
        <v>0</v>
      </c>
      <c r="AV5374">
        <v>0</v>
      </c>
      <c r="AW5374">
        <v>0</v>
      </c>
      <c r="AX5374">
        <v>8055</v>
      </c>
      <c r="AY5374">
        <v>11</v>
      </c>
      <c r="AZ5374">
        <v>27</v>
      </c>
      <c r="BA5374">
        <v>1991</v>
      </c>
    </row>
    <row r="5375" spans="1:53" x14ac:dyDescent="0.4">
      <c r="A5375">
        <v>5419</v>
      </c>
      <c r="B5375" s="1">
        <v>44886</v>
      </c>
      <c r="C5375">
        <v>1</v>
      </c>
      <c r="D5375" s="1">
        <v>44886.291666666664</v>
      </c>
      <c r="E5375" s="1">
        <v>44886.445833333331</v>
      </c>
      <c r="F5375">
        <v>0</v>
      </c>
      <c r="G5375">
        <v>0</v>
      </c>
      <c r="H5375">
        <v>0</v>
      </c>
      <c r="I5375">
        <v>0</v>
      </c>
      <c r="J5375">
        <v>0</v>
      </c>
      <c r="K5375">
        <v>0</v>
      </c>
      <c r="L5375">
        <v>0</v>
      </c>
      <c r="M5375">
        <v>0</v>
      </c>
      <c r="N5375">
        <v>0</v>
      </c>
      <c r="O5375">
        <v>0</v>
      </c>
      <c r="P5375">
        <v>0</v>
      </c>
      <c r="Q5375">
        <v>0</v>
      </c>
      <c r="R5375">
        <v>0</v>
      </c>
      <c r="S5375">
        <v>0</v>
      </c>
      <c r="T5375">
        <v>0</v>
      </c>
      <c r="U5375">
        <v>0</v>
      </c>
      <c r="V5375">
        <v>0</v>
      </c>
      <c r="W5375">
        <v>1</v>
      </c>
      <c r="X5375">
        <v>0</v>
      </c>
      <c r="Y5375">
        <v>25</v>
      </c>
      <c r="Z5375">
        <v>11</v>
      </c>
      <c r="AA5375">
        <v>117</v>
      </c>
      <c r="AB5375">
        <v>30</v>
      </c>
      <c r="AC5375">
        <v>110</v>
      </c>
      <c r="AD5375">
        <v>20</v>
      </c>
      <c r="AE5375">
        <v>100</v>
      </c>
      <c r="AF5375">
        <v>0</v>
      </c>
      <c r="AG5375">
        <v>50000</v>
      </c>
      <c r="AH5375">
        <v>50000</v>
      </c>
      <c r="AI5375">
        <v>0</v>
      </c>
      <c r="AJ5375">
        <v>0</v>
      </c>
      <c r="AK5375" t="s">
        <v>6</v>
      </c>
      <c r="AL5375">
        <v>0</v>
      </c>
      <c r="AM5375">
        <v>0</v>
      </c>
      <c r="AN5375">
        <v>0</v>
      </c>
      <c r="AO5375">
        <v>0</v>
      </c>
      <c r="AP5375">
        <v>0</v>
      </c>
      <c r="AQ5375">
        <v>0</v>
      </c>
      <c r="AR5375">
        <v>0</v>
      </c>
      <c r="AS5375">
        <v>0</v>
      </c>
      <c r="AT5375">
        <v>0</v>
      </c>
      <c r="AU5375">
        <v>0</v>
      </c>
      <c r="AV5375">
        <v>0</v>
      </c>
      <c r="AW5375">
        <v>0</v>
      </c>
      <c r="AX5375">
        <v>0</v>
      </c>
      <c r="AY5375">
        <v>0</v>
      </c>
      <c r="AZ5375">
        <v>0</v>
      </c>
      <c r="BA5375">
        <v>0</v>
      </c>
    </row>
    <row r="5376" spans="1:53" x14ac:dyDescent="0.4">
      <c r="A5376">
        <v>5420</v>
      </c>
      <c r="B5376" s="1">
        <v>44886</v>
      </c>
      <c r="C5376">
        <v>2</v>
      </c>
      <c r="D5376" s="1">
        <v>44886.445833333331</v>
      </c>
      <c r="E5376" s="1">
        <v>44886.74722222222</v>
      </c>
      <c r="F5376">
        <v>16570</v>
      </c>
      <c r="G5376">
        <v>770</v>
      </c>
      <c r="H5376">
        <v>0</v>
      </c>
      <c r="I5376">
        <v>0</v>
      </c>
      <c r="J5376">
        <v>0</v>
      </c>
      <c r="K5376">
        <v>0</v>
      </c>
      <c r="L5376">
        <v>0</v>
      </c>
      <c r="M5376">
        <v>1576</v>
      </c>
      <c r="N5376">
        <v>0</v>
      </c>
      <c r="O5376">
        <v>0</v>
      </c>
      <c r="P5376">
        <v>5510</v>
      </c>
      <c r="Q5376">
        <v>0</v>
      </c>
      <c r="R5376">
        <v>22850</v>
      </c>
      <c r="S5376">
        <v>0</v>
      </c>
      <c r="T5376">
        <v>0</v>
      </c>
      <c r="U5376">
        <v>0</v>
      </c>
      <c r="V5376">
        <v>1</v>
      </c>
      <c r="W5376">
        <v>0</v>
      </c>
      <c r="X5376">
        <v>0</v>
      </c>
      <c r="Y5376">
        <v>34</v>
      </c>
      <c r="Z5376">
        <v>20</v>
      </c>
      <c r="AA5376">
        <v>136</v>
      </c>
      <c r="AB5376">
        <v>31</v>
      </c>
      <c r="AC5376">
        <v>131</v>
      </c>
      <c r="AD5376">
        <v>20</v>
      </c>
      <c r="AE5376">
        <v>100</v>
      </c>
      <c r="AF5376">
        <v>1660</v>
      </c>
      <c r="AG5376">
        <v>72320</v>
      </c>
      <c r="AH5376">
        <v>50000</v>
      </c>
      <c r="AI5376">
        <v>-530</v>
      </c>
      <c r="AJ5376">
        <v>119</v>
      </c>
      <c r="AK5376" t="s">
        <v>56</v>
      </c>
      <c r="AL5376">
        <v>0</v>
      </c>
      <c r="AM5376">
        <v>0</v>
      </c>
      <c r="AN5376">
        <v>0</v>
      </c>
      <c r="AO5376">
        <v>0</v>
      </c>
      <c r="AP5376">
        <v>0</v>
      </c>
      <c r="AQ5376">
        <v>0</v>
      </c>
      <c r="AR5376">
        <v>0</v>
      </c>
      <c r="AS5376">
        <v>0</v>
      </c>
      <c r="AT5376">
        <v>0</v>
      </c>
      <c r="AU5376">
        <v>0</v>
      </c>
      <c r="AV5376">
        <v>0</v>
      </c>
      <c r="AW5376">
        <v>0</v>
      </c>
      <c r="AX5376">
        <v>-466</v>
      </c>
      <c r="AY5376">
        <v>26</v>
      </c>
      <c r="AZ5376">
        <v>39</v>
      </c>
      <c r="BA5376">
        <v>3576</v>
      </c>
    </row>
    <row r="5377" spans="1:53" x14ac:dyDescent="0.4">
      <c r="A5377">
        <v>5421</v>
      </c>
      <c r="B5377" s="1">
        <v>44886</v>
      </c>
      <c r="C5377">
        <v>3</v>
      </c>
      <c r="D5377" s="1">
        <v>44886.74722222222</v>
      </c>
      <c r="E5377" s="1">
        <v>44886.948611111111</v>
      </c>
      <c r="F5377">
        <v>15150</v>
      </c>
      <c r="G5377">
        <v>902</v>
      </c>
      <c r="H5377">
        <v>0</v>
      </c>
      <c r="I5377">
        <v>0</v>
      </c>
      <c r="J5377">
        <v>100</v>
      </c>
      <c r="K5377">
        <v>0</v>
      </c>
      <c r="L5377">
        <v>0</v>
      </c>
      <c r="M5377">
        <v>1448</v>
      </c>
      <c r="N5377">
        <v>0</v>
      </c>
      <c r="O5377">
        <v>0</v>
      </c>
      <c r="P5377">
        <v>-3010</v>
      </c>
      <c r="Q5377">
        <v>0</v>
      </c>
      <c r="R5377">
        <v>12942</v>
      </c>
      <c r="S5377">
        <v>0</v>
      </c>
      <c r="T5377">
        <v>0</v>
      </c>
      <c r="U5377">
        <v>0</v>
      </c>
      <c r="V5377">
        <v>1</v>
      </c>
      <c r="W5377">
        <v>1</v>
      </c>
      <c r="X5377">
        <v>0</v>
      </c>
      <c r="Y5377">
        <v>40</v>
      </c>
      <c r="Z5377">
        <v>24</v>
      </c>
      <c r="AA5377">
        <v>128</v>
      </c>
      <c r="AB5377">
        <v>33</v>
      </c>
      <c r="AC5377">
        <v>122</v>
      </c>
      <c r="AD5377">
        <v>19</v>
      </c>
      <c r="AE5377">
        <v>109</v>
      </c>
      <c r="AF5377">
        <v>2398</v>
      </c>
      <c r="AG5377">
        <v>85272</v>
      </c>
      <c r="AH5377">
        <v>50000</v>
      </c>
      <c r="AI5377">
        <v>-520</v>
      </c>
      <c r="AJ5377">
        <v>95</v>
      </c>
      <c r="AK5377" t="s">
        <v>21</v>
      </c>
      <c r="AL5377">
        <v>0</v>
      </c>
      <c r="AM5377">
        <v>0</v>
      </c>
      <c r="AN5377">
        <v>0</v>
      </c>
      <c r="AO5377">
        <v>0</v>
      </c>
      <c r="AP5377">
        <v>0</v>
      </c>
      <c r="AQ5377">
        <v>0</v>
      </c>
      <c r="AR5377">
        <v>0</v>
      </c>
      <c r="AS5377">
        <v>0</v>
      </c>
      <c r="AT5377">
        <v>0</v>
      </c>
      <c r="AU5377">
        <v>0</v>
      </c>
      <c r="AV5377">
        <v>0</v>
      </c>
      <c r="AW5377">
        <v>0</v>
      </c>
      <c r="AX5377">
        <v>3300</v>
      </c>
      <c r="AY5377">
        <v>11</v>
      </c>
      <c r="AZ5377">
        <v>19</v>
      </c>
      <c r="BA5377">
        <v>1327</v>
      </c>
    </row>
    <row r="5378" spans="1:53" x14ac:dyDescent="0.4">
      <c r="A5378">
        <v>5422</v>
      </c>
      <c r="B5378" s="1">
        <v>44887</v>
      </c>
      <c r="C5378">
        <v>1</v>
      </c>
      <c r="D5378" s="1">
        <v>44887.291666666664</v>
      </c>
      <c r="E5378" s="1">
        <v>44887.440972222219</v>
      </c>
      <c r="F5378">
        <v>0</v>
      </c>
      <c r="G5378">
        <v>0</v>
      </c>
      <c r="H5378">
        <v>0</v>
      </c>
      <c r="I5378">
        <v>0</v>
      </c>
      <c r="J5378">
        <v>0</v>
      </c>
      <c r="K5378">
        <v>0</v>
      </c>
      <c r="L5378">
        <v>0</v>
      </c>
      <c r="M5378">
        <v>0</v>
      </c>
      <c r="N5378">
        <v>0</v>
      </c>
      <c r="O5378">
        <v>0</v>
      </c>
      <c r="P5378">
        <v>0</v>
      </c>
      <c r="Q5378">
        <v>0</v>
      </c>
      <c r="R5378">
        <v>0</v>
      </c>
      <c r="S5378">
        <v>0</v>
      </c>
      <c r="T5378">
        <v>0</v>
      </c>
      <c r="U5378">
        <v>0</v>
      </c>
      <c r="V5378">
        <v>0</v>
      </c>
      <c r="W5378">
        <v>1</v>
      </c>
      <c r="X5378">
        <v>0</v>
      </c>
      <c r="Y5378">
        <v>24</v>
      </c>
      <c r="Z5378">
        <v>14</v>
      </c>
      <c r="AA5378">
        <v>111</v>
      </c>
      <c r="AB5378">
        <v>32</v>
      </c>
      <c r="AC5378">
        <v>111</v>
      </c>
      <c r="AD5378">
        <v>19</v>
      </c>
      <c r="AE5378">
        <v>95</v>
      </c>
      <c r="AF5378">
        <v>0</v>
      </c>
      <c r="AG5378">
        <v>50000</v>
      </c>
      <c r="AH5378">
        <v>50000</v>
      </c>
      <c r="AI5378">
        <v>0</v>
      </c>
      <c r="AJ5378">
        <v>0</v>
      </c>
      <c r="AK5378" t="s">
        <v>6</v>
      </c>
      <c r="AL5378">
        <v>0</v>
      </c>
      <c r="AM5378">
        <v>0</v>
      </c>
      <c r="AN5378">
        <v>0</v>
      </c>
      <c r="AO5378">
        <v>0</v>
      </c>
      <c r="AP5378">
        <v>0</v>
      </c>
      <c r="AQ5378">
        <v>0</v>
      </c>
      <c r="AR5378">
        <v>0</v>
      </c>
      <c r="AS5378">
        <v>0</v>
      </c>
      <c r="AT5378">
        <v>0</v>
      </c>
      <c r="AU5378">
        <v>0</v>
      </c>
      <c r="AV5378">
        <v>0</v>
      </c>
      <c r="AW5378">
        <v>0</v>
      </c>
      <c r="AX5378">
        <v>0</v>
      </c>
      <c r="AY5378">
        <v>0</v>
      </c>
      <c r="AZ5378">
        <v>0</v>
      </c>
      <c r="BA5378">
        <v>0</v>
      </c>
    </row>
    <row r="5379" spans="1:53" x14ac:dyDescent="0.4">
      <c r="A5379">
        <v>5423</v>
      </c>
      <c r="B5379" s="1">
        <v>44887</v>
      </c>
      <c r="C5379">
        <v>2</v>
      </c>
      <c r="D5379" s="1">
        <v>44887.440972222219</v>
      </c>
      <c r="E5379" s="1">
        <v>44887.743750000001</v>
      </c>
      <c r="F5379">
        <v>21590</v>
      </c>
      <c r="G5379">
        <v>770</v>
      </c>
      <c r="H5379">
        <v>0</v>
      </c>
      <c r="I5379">
        <v>0</v>
      </c>
      <c r="J5379">
        <v>100</v>
      </c>
      <c r="K5379">
        <v>0</v>
      </c>
      <c r="L5379">
        <v>0</v>
      </c>
      <c r="M5379">
        <v>2024</v>
      </c>
      <c r="N5379">
        <v>0</v>
      </c>
      <c r="O5379">
        <v>0</v>
      </c>
      <c r="P5379">
        <v>8680</v>
      </c>
      <c r="Q5379">
        <v>0</v>
      </c>
      <c r="R5379">
        <v>30940</v>
      </c>
      <c r="S5379">
        <v>0</v>
      </c>
      <c r="T5379">
        <v>0</v>
      </c>
      <c r="U5379">
        <v>0</v>
      </c>
      <c r="V5379">
        <v>0</v>
      </c>
      <c r="W5379">
        <v>2</v>
      </c>
      <c r="X5379">
        <v>0</v>
      </c>
      <c r="Y5379">
        <v>49</v>
      </c>
      <c r="Z5379">
        <v>20</v>
      </c>
      <c r="AA5379">
        <v>90</v>
      </c>
      <c r="AB5379">
        <v>31</v>
      </c>
      <c r="AC5379">
        <v>120</v>
      </c>
      <c r="AD5379">
        <v>19</v>
      </c>
      <c r="AE5379">
        <v>95</v>
      </c>
      <c r="AF5379">
        <v>0</v>
      </c>
      <c r="AG5379">
        <v>80940</v>
      </c>
      <c r="AH5379">
        <v>50000</v>
      </c>
      <c r="AI5379">
        <v>0</v>
      </c>
      <c r="AJ5379">
        <v>116</v>
      </c>
      <c r="AK5379" t="s">
        <v>54</v>
      </c>
      <c r="AL5379">
        <v>0</v>
      </c>
      <c r="AM5379">
        <v>0</v>
      </c>
      <c r="AN5379">
        <v>0</v>
      </c>
      <c r="AO5379">
        <v>0</v>
      </c>
      <c r="AP5379">
        <v>0</v>
      </c>
      <c r="AQ5379">
        <v>0</v>
      </c>
      <c r="AR5379">
        <v>0</v>
      </c>
      <c r="AS5379">
        <v>0</v>
      </c>
      <c r="AT5379">
        <v>0</v>
      </c>
      <c r="AU5379">
        <v>0</v>
      </c>
      <c r="AV5379">
        <v>0</v>
      </c>
      <c r="AW5379">
        <v>0</v>
      </c>
      <c r="AX5379">
        <v>-1060</v>
      </c>
      <c r="AY5379">
        <v>33</v>
      </c>
      <c r="AZ5379">
        <v>51</v>
      </c>
      <c r="BA5379">
        <v>4441</v>
      </c>
    </row>
    <row r="5380" spans="1:53" x14ac:dyDescent="0.4">
      <c r="A5380">
        <v>5424</v>
      </c>
      <c r="B5380" s="1">
        <v>44887</v>
      </c>
      <c r="C5380">
        <v>3</v>
      </c>
      <c r="D5380" s="1">
        <v>44887.743750000001</v>
      </c>
      <c r="E5380" s="1">
        <v>44887.958333333336</v>
      </c>
      <c r="F5380">
        <v>26680</v>
      </c>
      <c r="G5380">
        <v>1012</v>
      </c>
      <c r="H5380">
        <v>0</v>
      </c>
      <c r="I5380">
        <v>0</v>
      </c>
      <c r="J5380">
        <v>100</v>
      </c>
      <c r="K5380">
        <v>0</v>
      </c>
      <c r="L5380">
        <v>0</v>
      </c>
      <c r="M5380">
        <v>2506</v>
      </c>
      <c r="N5380">
        <v>0</v>
      </c>
      <c r="O5380">
        <v>0</v>
      </c>
      <c r="P5380">
        <v>29610</v>
      </c>
      <c r="Q5380">
        <v>0</v>
      </c>
      <c r="R5380">
        <v>57202</v>
      </c>
      <c r="S5380">
        <v>0</v>
      </c>
      <c r="T5380">
        <v>0</v>
      </c>
      <c r="U5380">
        <v>0</v>
      </c>
      <c r="V5380">
        <v>5</v>
      </c>
      <c r="W5380">
        <v>1</v>
      </c>
      <c r="X5380">
        <v>0</v>
      </c>
      <c r="Y5380">
        <v>49</v>
      </c>
      <c r="Z5380">
        <v>22</v>
      </c>
      <c r="AA5380">
        <v>74</v>
      </c>
      <c r="AB5380">
        <v>27</v>
      </c>
      <c r="AC5380">
        <v>126</v>
      </c>
      <c r="AD5380">
        <v>19</v>
      </c>
      <c r="AE5380">
        <v>97</v>
      </c>
      <c r="AF5380">
        <v>12940</v>
      </c>
      <c r="AG5380">
        <v>138142</v>
      </c>
      <c r="AH5380">
        <v>50000</v>
      </c>
      <c r="AI5380">
        <v>0</v>
      </c>
      <c r="AJ5380">
        <v>30</v>
      </c>
      <c r="AK5380" t="s">
        <v>63</v>
      </c>
      <c r="AL5380">
        <v>0</v>
      </c>
      <c r="AM5380">
        <v>0</v>
      </c>
      <c r="AN5380">
        <v>0</v>
      </c>
      <c r="AO5380">
        <v>0</v>
      </c>
      <c r="AP5380">
        <v>0</v>
      </c>
      <c r="AQ5380">
        <v>0</v>
      </c>
      <c r="AR5380">
        <v>0</v>
      </c>
      <c r="AS5380">
        <v>0</v>
      </c>
      <c r="AT5380">
        <v>0</v>
      </c>
      <c r="AU5380">
        <v>0</v>
      </c>
      <c r="AV5380">
        <v>0</v>
      </c>
      <c r="AW5380">
        <v>0</v>
      </c>
      <c r="AX5380">
        <v>1980</v>
      </c>
      <c r="AY5380">
        <v>14</v>
      </c>
      <c r="AZ5380">
        <v>37</v>
      </c>
      <c r="BA5380">
        <v>1852</v>
      </c>
    </row>
    <row r="5381" spans="1:53" x14ac:dyDescent="0.4">
      <c r="A5381">
        <v>5425</v>
      </c>
      <c r="B5381" s="1">
        <v>44888</v>
      </c>
      <c r="C5381">
        <v>1</v>
      </c>
      <c r="D5381" s="1">
        <v>44888.291666666664</v>
      </c>
      <c r="E5381" s="1">
        <v>44888.406944444447</v>
      </c>
      <c r="F5381">
        <v>0</v>
      </c>
      <c r="G5381">
        <v>0</v>
      </c>
      <c r="H5381">
        <v>0</v>
      </c>
      <c r="I5381">
        <v>0</v>
      </c>
      <c r="J5381">
        <v>0</v>
      </c>
      <c r="K5381">
        <v>0</v>
      </c>
      <c r="L5381">
        <v>0</v>
      </c>
      <c r="M5381">
        <v>0</v>
      </c>
      <c r="N5381">
        <v>0</v>
      </c>
      <c r="O5381">
        <v>0</v>
      </c>
      <c r="P5381">
        <v>0</v>
      </c>
      <c r="Q5381">
        <v>0</v>
      </c>
      <c r="R5381">
        <v>0</v>
      </c>
      <c r="S5381">
        <v>0</v>
      </c>
      <c r="T5381">
        <v>0</v>
      </c>
      <c r="U5381">
        <v>0</v>
      </c>
      <c r="V5381">
        <v>0</v>
      </c>
      <c r="W5381">
        <v>1</v>
      </c>
      <c r="X5381">
        <v>0</v>
      </c>
      <c r="Y5381">
        <v>30</v>
      </c>
      <c r="Z5381">
        <v>10</v>
      </c>
      <c r="AA5381">
        <v>78</v>
      </c>
      <c r="AB5381">
        <v>21</v>
      </c>
      <c r="AC5381">
        <v>95</v>
      </c>
      <c r="AD5381">
        <v>21</v>
      </c>
      <c r="AE5381">
        <v>95</v>
      </c>
      <c r="AF5381">
        <v>0</v>
      </c>
      <c r="AG5381">
        <v>50000</v>
      </c>
      <c r="AH5381">
        <v>50000</v>
      </c>
      <c r="AI5381">
        <v>0</v>
      </c>
      <c r="AJ5381">
        <v>0</v>
      </c>
      <c r="AK5381" t="s">
        <v>6</v>
      </c>
      <c r="AL5381">
        <v>0</v>
      </c>
      <c r="AM5381">
        <v>0</v>
      </c>
      <c r="AN5381">
        <v>0</v>
      </c>
      <c r="AO5381">
        <v>0</v>
      </c>
      <c r="AP5381">
        <v>0</v>
      </c>
      <c r="AQ5381">
        <v>0</v>
      </c>
      <c r="AR5381">
        <v>0</v>
      </c>
      <c r="AS5381">
        <v>0</v>
      </c>
      <c r="AT5381">
        <v>0</v>
      </c>
      <c r="AU5381">
        <v>0</v>
      </c>
      <c r="AV5381">
        <v>0</v>
      </c>
      <c r="AW5381">
        <v>0</v>
      </c>
      <c r="AX5381">
        <v>0</v>
      </c>
      <c r="AY5381">
        <v>0</v>
      </c>
      <c r="AZ5381">
        <v>0</v>
      </c>
      <c r="BA5381">
        <v>0</v>
      </c>
    </row>
    <row r="5382" spans="1:53" x14ac:dyDescent="0.4">
      <c r="A5382">
        <v>5426</v>
      </c>
      <c r="B5382" s="1">
        <v>44888</v>
      </c>
      <c r="C5382">
        <v>2</v>
      </c>
      <c r="D5382" s="1">
        <v>44888.406944444447</v>
      </c>
      <c r="E5382" s="1">
        <v>44888.748611111114</v>
      </c>
      <c r="F5382">
        <v>54690</v>
      </c>
      <c r="G5382">
        <v>1892</v>
      </c>
      <c r="H5382">
        <v>0</v>
      </c>
      <c r="I5382">
        <v>0</v>
      </c>
      <c r="J5382">
        <v>0</v>
      </c>
      <c r="K5382">
        <v>0</v>
      </c>
      <c r="L5382">
        <v>0</v>
      </c>
      <c r="M5382">
        <v>5143</v>
      </c>
      <c r="N5382">
        <v>0</v>
      </c>
      <c r="O5382">
        <v>0</v>
      </c>
      <c r="P5382">
        <v>15380</v>
      </c>
      <c r="Q5382">
        <v>0</v>
      </c>
      <c r="R5382">
        <v>71962</v>
      </c>
      <c r="S5382">
        <v>0</v>
      </c>
      <c r="T5382">
        <v>0</v>
      </c>
      <c r="U5382">
        <v>0</v>
      </c>
      <c r="V5382">
        <v>0</v>
      </c>
      <c r="W5382">
        <v>2</v>
      </c>
      <c r="X5382">
        <v>0</v>
      </c>
      <c r="Y5382">
        <v>85</v>
      </c>
      <c r="Z5382">
        <v>26</v>
      </c>
      <c r="AA5382">
        <v>83</v>
      </c>
      <c r="AB5382">
        <v>16</v>
      </c>
      <c r="AC5382">
        <v>112</v>
      </c>
      <c r="AD5382">
        <v>24</v>
      </c>
      <c r="AE5382">
        <v>92</v>
      </c>
      <c r="AF5382">
        <v>3530</v>
      </c>
      <c r="AG5382">
        <v>121962</v>
      </c>
      <c r="AH5382">
        <v>50000</v>
      </c>
      <c r="AI5382">
        <v>0</v>
      </c>
      <c r="AJ5382">
        <v>29</v>
      </c>
      <c r="AK5382" t="s">
        <v>62</v>
      </c>
      <c r="AL5382">
        <v>0</v>
      </c>
      <c r="AM5382">
        <v>0</v>
      </c>
      <c r="AN5382">
        <v>0</v>
      </c>
      <c r="AO5382">
        <v>0</v>
      </c>
      <c r="AP5382">
        <v>0</v>
      </c>
      <c r="AQ5382">
        <v>0</v>
      </c>
      <c r="AR5382">
        <v>0</v>
      </c>
      <c r="AS5382">
        <v>0</v>
      </c>
      <c r="AT5382">
        <v>0</v>
      </c>
      <c r="AU5382">
        <v>0</v>
      </c>
      <c r="AV5382">
        <v>0</v>
      </c>
      <c r="AW5382">
        <v>0</v>
      </c>
      <c r="AX5382">
        <v>580</v>
      </c>
      <c r="AY5382">
        <v>48</v>
      </c>
      <c r="AZ5382">
        <v>120</v>
      </c>
      <c r="BA5382">
        <v>7601</v>
      </c>
    </row>
    <row r="5383" spans="1:53" x14ac:dyDescent="0.4">
      <c r="A5383">
        <v>5427</v>
      </c>
      <c r="B5383" s="1">
        <v>44888</v>
      </c>
      <c r="C5383">
        <v>3</v>
      </c>
      <c r="D5383" s="1">
        <v>44888.748611111114</v>
      </c>
      <c r="E5383" s="1">
        <v>44888.96597222222</v>
      </c>
      <c r="F5383">
        <v>23430</v>
      </c>
      <c r="G5383">
        <v>1034</v>
      </c>
      <c r="H5383">
        <v>0</v>
      </c>
      <c r="I5383">
        <v>0</v>
      </c>
      <c r="J5383">
        <v>350</v>
      </c>
      <c r="K5383">
        <v>0</v>
      </c>
      <c r="L5383">
        <v>0</v>
      </c>
      <c r="M5383">
        <v>2190</v>
      </c>
      <c r="N5383">
        <v>0</v>
      </c>
      <c r="O5383">
        <v>0</v>
      </c>
      <c r="P5383">
        <v>-10100</v>
      </c>
      <c r="Q5383">
        <v>0</v>
      </c>
      <c r="R5383">
        <v>14014</v>
      </c>
      <c r="S5383">
        <v>0</v>
      </c>
      <c r="T5383">
        <v>0</v>
      </c>
      <c r="U5383">
        <v>0</v>
      </c>
      <c r="V5383">
        <v>1</v>
      </c>
      <c r="W5383">
        <v>2</v>
      </c>
      <c r="X5383">
        <v>0</v>
      </c>
      <c r="Y5383">
        <v>87</v>
      </c>
      <c r="Z5383">
        <v>27</v>
      </c>
      <c r="AA5383">
        <v>98</v>
      </c>
      <c r="AB5383">
        <v>15</v>
      </c>
      <c r="AC5383">
        <v>118</v>
      </c>
      <c r="AD5383">
        <v>24</v>
      </c>
      <c r="AE5383">
        <v>96</v>
      </c>
      <c r="AF5383">
        <v>3530</v>
      </c>
      <c r="AG5383">
        <v>135976</v>
      </c>
      <c r="AH5383">
        <v>50000</v>
      </c>
      <c r="AI5383">
        <v>0</v>
      </c>
      <c r="AJ5383">
        <v>108</v>
      </c>
      <c r="AK5383" t="s">
        <v>3</v>
      </c>
      <c r="AL5383">
        <v>0</v>
      </c>
      <c r="AM5383">
        <v>0</v>
      </c>
      <c r="AN5383">
        <v>0</v>
      </c>
      <c r="AO5383">
        <v>0</v>
      </c>
      <c r="AP5383">
        <v>0</v>
      </c>
      <c r="AQ5383">
        <v>0</v>
      </c>
      <c r="AR5383">
        <v>0</v>
      </c>
      <c r="AS5383">
        <v>0</v>
      </c>
      <c r="AT5383">
        <v>0</v>
      </c>
      <c r="AU5383">
        <v>0</v>
      </c>
      <c r="AV5383">
        <v>0</v>
      </c>
      <c r="AW5383">
        <v>0</v>
      </c>
      <c r="AX5383">
        <v>0</v>
      </c>
      <c r="AY5383">
        <v>7</v>
      </c>
      <c r="AZ5383">
        <v>12</v>
      </c>
      <c r="BA5383">
        <v>1467</v>
      </c>
    </row>
    <row r="5384" spans="1:53" x14ac:dyDescent="0.4">
      <c r="A5384">
        <v>5428</v>
      </c>
      <c r="B5384" s="1">
        <v>44889</v>
      </c>
      <c r="C5384">
        <v>1</v>
      </c>
      <c r="D5384" s="1">
        <v>44889.291666666664</v>
      </c>
      <c r="E5384" s="1">
        <v>44889.445138888892</v>
      </c>
      <c r="F5384">
        <v>0</v>
      </c>
      <c r="G5384">
        <v>0</v>
      </c>
      <c r="H5384">
        <v>0</v>
      </c>
      <c r="I5384">
        <v>0</v>
      </c>
      <c r="J5384">
        <v>0</v>
      </c>
      <c r="K5384">
        <v>0</v>
      </c>
      <c r="L5384">
        <v>0</v>
      </c>
      <c r="M5384">
        <v>0</v>
      </c>
      <c r="N5384">
        <v>0</v>
      </c>
      <c r="O5384">
        <v>0</v>
      </c>
      <c r="P5384">
        <v>0</v>
      </c>
      <c r="Q5384">
        <v>0</v>
      </c>
      <c r="R5384">
        <v>0</v>
      </c>
      <c r="S5384">
        <v>0</v>
      </c>
      <c r="T5384">
        <v>0</v>
      </c>
      <c r="U5384">
        <v>0</v>
      </c>
      <c r="V5384">
        <v>0</v>
      </c>
      <c r="W5384">
        <v>1</v>
      </c>
      <c r="X5384">
        <v>0</v>
      </c>
      <c r="Y5384">
        <v>27</v>
      </c>
      <c r="Z5384">
        <v>13</v>
      </c>
      <c r="AA5384">
        <v>97</v>
      </c>
      <c r="AB5384">
        <v>14</v>
      </c>
      <c r="AC5384">
        <v>91</v>
      </c>
      <c r="AD5384">
        <v>23</v>
      </c>
      <c r="AE5384">
        <v>75</v>
      </c>
      <c r="AF5384">
        <v>0</v>
      </c>
      <c r="AG5384">
        <v>50000</v>
      </c>
      <c r="AH5384">
        <v>50000</v>
      </c>
      <c r="AI5384">
        <v>0</v>
      </c>
      <c r="AJ5384">
        <v>0</v>
      </c>
      <c r="AK5384" t="s">
        <v>6</v>
      </c>
      <c r="AL5384">
        <v>0</v>
      </c>
      <c r="AM5384">
        <v>0</v>
      </c>
      <c r="AN5384">
        <v>0</v>
      </c>
      <c r="AO5384">
        <v>0</v>
      </c>
      <c r="AP5384">
        <v>0</v>
      </c>
      <c r="AQ5384">
        <v>0</v>
      </c>
      <c r="AR5384">
        <v>0</v>
      </c>
      <c r="AS5384">
        <v>0</v>
      </c>
      <c r="AT5384">
        <v>0</v>
      </c>
      <c r="AU5384">
        <v>0</v>
      </c>
      <c r="AV5384">
        <v>0</v>
      </c>
      <c r="AW5384">
        <v>0</v>
      </c>
      <c r="AX5384">
        <v>0</v>
      </c>
      <c r="AY5384">
        <v>0</v>
      </c>
      <c r="AZ5384">
        <v>0</v>
      </c>
      <c r="BA5384">
        <v>0</v>
      </c>
    </row>
    <row r="5385" spans="1:53" x14ac:dyDescent="0.4">
      <c r="A5385">
        <v>5429</v>
      </c>
      <c r="B5385" s="1">
        <v>44889</v>
      </c>
      <c r="C5385">
        <v>2</v>
      </c>
      <c r="D5385" s="1">
        <v>44889.445138888892</v>
      </c>
      <c r="E5385" s="1">
        <v>44889.740277777775</v>
      </c>
      <c r="F5385">
        <v>9460</v>
      </c>
      <c r="G5385">
        <v>462</v>
      </c>
      <c r="H5385">
        <v>0</v>
      </c>
      <c r="I5385">
        <v>0</v>
      </c>
      <c r="J5385">
        <v>0</v>
      </c>
      <c r="K5385">
        <v>0</v>
      </c>
      <c r="L5385">
        <v>0</v>
      </c>
      <c r="M5385">
        <v>902</v>
      </c>
      <c r="N5385">
        <v>0</v>
      </c>
      <c r="O5385">
        <v>0</v>
      </c>
      <c r="P5385">
        <v>9570</v>
      </c>
      <c r="Q5385">
        <v>0</v>
      </c>
      <c r="R5385">
        <v>19492</v>
      </c>
      <c r="S5385">
        <v>0</v>
      </c>
      <c r="T5385">
        <v>0</v>
      </c>
      <c r="U5385">
        <v>0</v>
      </c>
      <c r="V5385">
        <v>0</v>
      </c>
      <c r="W5385">
        <v>1</v>
      </c>
      <c r="X5385">
        <v>0</v>
      </c>
      <c r="Y5385">
        <v>48</v>
      </c>
      <c r="Z5385">
        <v>15</v>
      </c>
      <c r="AA5385">
        <v>61</v>
      </c>
      <c r="AB5385">
        <v>10</v>
      </c>
      <c r="AC5385">
        <v>106</v>
      </c>
      <c r="AD5385">
        <v>25</v>
      </c>
      <c r="AE5385">
        <v>77</v>
      </c>
      <c r="AF5385">
        <v>1130</v>
      </c>
      <c r="AG5385">
        <v>69492</v>
      </c>
      <c r="AH5385">
        <v>50000</v>
      </c>
      <c r="AI5385">
        <v>0</v>
      </c>
      <c r="AJ5385">
        <v>119</v>
      </c>
      <c r="AK5385" t="s">
        <v>56</v>
      </c>
      <c r="AL5385">
        <v>0</v>
      </c>
      <c r="AM5385">
        <v>0</v>
      </c>
      <c r="AN5385">
        <v>0</v>
      </c>
      <c r="AO5385">
        <v>0</v>
      </c>
      <c r="AP5385">
        <v>0</v>
      </c>
      <c r="AQ5385">
        <v>0</v>
      </c>
      <c r="AR5385">
        <v>0</v>
      </c>
      <c r="AS5385">
        <v>0</v>
      </c>
      <c r="AT5385">
        <v>0</v>
      </c>
      <c r="AU5385">
        <v>0</v>
      </c>
      <c r="AV5385">
        <v>0</v>
      </c>
      <c r="AW5385">
        <v>0</v>
      </c>
      <c r="AX5385">
        <v>-1150</v>
      </c>
      <c r="AY5385">
        <v>23</v>
      </c>
      <c r="AZ5385">
        <v>30</v>
      </c>
      <c r="BA5385">
        <v>3390</v>
      </c>
    </row>
    <row r="5386" spans="1:53" x14ac:dyDescent="0.4">
      <c r="A5386">
        <v>5430</v>
      </c>
      <c r="B5386" s="1">
        <v>44889</v>
      </c>
      <c r="C5386">
        <v>3</v>
      </c>
      <c r="D5386" s="1">
        <v>44889.740277777775</v>
      </c>
      <c r="E5386" s="1">
        <v>44889.950694444444</v>
      </c>
      <c r="F5386">
        <v>18040</v>
      </c>
      <c r="G5386">
        <v>1474</v>
      </c>
      <c r="H5386">
        <v>220</v>
      </c>
      <c r="I5386">
        <v>0</v>
      </c>
      <c r="J5386">
        <v>0</v>
      </c>
      <c r="K5386">
        <v>0</v>
      </c>
      <c r="L5386">
        <v>0</v>
      </c>
      <c r="M5386">
        <v>1793</v>
      </c>
      <c r="N5386">
        <v>0</v>
      </c>
      <c r="O5386">
        <v>0</v>
      </c>
      <c r="P5386">
        <v>1430</v>
      </c>
      <c r="Q5386">
        <v>0</v>
      </c>
      <c r="R5386">
        <v>21164</v>
      </c>
      <c r="S5386">
        <v>0</v>
      </c>
      <c r="T5386">
        <v>0</v>
      </c>
      <c r="U5386">
        <v>0</v>
      </c>
      <c r="V5386">
        <v>0</v>
      </c>
      <c r="W5386">
        <v>4</v>
      </c>
      <c r="X5386">
        <v>0</v>
      </c>
      <c r="Y5386">
        <v>49</v>
      </c>
      <c r="Z5386">
        <v>18</v>
      </c>
      <c r="AA5386">
        <v>59</v>
      </c>
      <c r="AB5386">
        <v>9</v>
      </c>
      <c r="AC5386">
        <v>121</v>
      </c>
      <c r="AD5386">
        <v>24</v>
      </c>
      <c r="AE5386">
        <v>75</v>
      </c>
      <c r="AF5386">
        <v>5121</v>
      </c>
      <c r="AG5386">
        <v>90876</v>
      </c>
      <c r="AH5386">
        <v>50000</v>
      </c>
      <c r="AI5386">
        <v>220</v>
      </c>
      <c r="AJ5386">
        <v>30</v>
      </c>
      <c r="AK5386" t="s">
        <v>63</v>
      </c>
      <c r="AL5386">
        <v>0</v>
      </c>
      <c r="AM5386">
        <v>0</v>
      </c>
      <c r="AN5386">
        <v>0</v>
      </c>
      <c r="AO5386">
        <v>0</v>
      </c>
      <c r="AP5386">
        <v>0</v>
      </c>
      <c r="AQ5386">
        <v>0</v>
      </c>
      <c r="AR5386">
        <v>0</v>
      </c>
      <c r="AS5386">
        <v>0</v>
      </c>
      <c r="AT5386">
        <v>0</v>
      </c>
      <c r="AU5386">
        <v>0</v>
      </c>
      <c r="AV5386">
        <v>0</v>
      </c>
      <c r="AW5386">
        <v>0</v>
      </c>
      <c r="AX5386">
        <v>0</v>
      </c>
      <c r="AY5386">
        <v>5</v>
      </c>
      <c r="AZ5386">
        <v>12</v>
      </c>
      <c r="BA5386">
        <v>1556</v>
      </c>
    </row>
    <row r="5387" spans="1:53" x14ac:dyDescent="0.4">
      <c r="A5387">
        <v>5431</v>
      </c>
      <c r="B5387" s="1">
        <v>44890</v>
      </c>
      <c r="C5387">
        <v>1</v>
      </c>
      <c r="D5387" s="1">
        <v>44890.291666666664</v>
      </c>
      <c r="E5387" s="1">
        <v>44890.449305555558</v>
      </c>
      <c r="F5387">
        <v>0</v>
      </c>
      <c r="G5387">
        <v>0</v>
      </c>
      <c r="H5387">
        <v>0</v>
      </c>
      <c r="I5387">
        <v>0</v>
      </c>
      <c r="J5387">
        <v>0</v>
      </c>
      <c r="K5387">
        <v>0</v>
      </c>
      <c r="L5387">
        <v>0</v>
      </c>
      <c r="M5387">
        <v>0</v>
      </c>
      <c r="N5387">
        <v>0</v>
      </c>
      <c r="O5387">
        <v>0</v>
      </c>
      <c r="P5387">
        <v>0</v>
      </c>
      <c r="Q5387">
        <v>0</v>
      </c>
      <c r="R5387">
        <v>0</v>
      </c>
      <c r="S5387">
        <v>0</v>
      </c>
      <c r="T5387">
        <v>0</v>
      </c>
      <c r="U5387">
        <v>0</v>
      </c>
      <c r="V5387">
        <v>0</v>
      </c>
      <c r="W5387">
        <v>1</v>
      </c>
      <c r="X5387">
        <v>0</v>
      </c>
      <c r="Y5387">
        <v>30</v>
      </c>
      <c r="Z5387">
        <v>11</v>
      </c>
      <c r="AA5387">
        <v>74</v>
      </c>
      <c r="AB5387">
        <v>15</v>
      </c>
      <c r="AC5387">
        <v>113</v>
      </c>
      <c r="AD5387">
        <v>26</v>
      </c>
      <c r="AE5387">
        <v>90</v>
      </c>
      <c r="AF5387">
        <v>0</v>
      </c>
      <c r="AG5387">
        <v>50000</v>
      </c>
      <c r="AH5387">
        <v>50000</v>
      </c>
      <c r="AI5387">
        <v>0</v>
      </c>
      <c r="AJ5387">
        <v>0</v>
      </c>
      <c r="AK5387" t="s">
        <v>6</v>
      </c>
      <c r="AL5387">
        <v>0</v>
      </c>
      <c r="AM5387">
        <v>0</v>
      </c>
      <c r="AN5387">
        <v>0</v>
      </c>
      <c r="AO5387">
        <v>0</v>
      </c>
      <c r="AP5387">
        <v>0</v>
      </c>
      <c r="AQ5387">
        <v>0</v>
      </c>
      <c r="AR5387">
        <v>0</v>
      </c>
      <c r="AS5387">
        <v>0</v>
      </c>
      <c r="AT5387">
        <v>0</v>
      </c>
      <c r="AU5387">
        <v>0</v>
      </c>
      <c r="AV5387">
        <v>0</v>
      </c>
      <c r="AW5387">
        <v>0</v>
      </c>
      <c r="AX5387">
        <v>0</v>
      </c>
      <c r="AY5387">
        <v>0</v>
      </c>
      <c r="AZ5387">
        <v>0</v>
      </c>
      <c r="BA5387">
        <v>0</v>
      </c>
    </row>
    <row r="5388" spans="1:53" x14ac:dyDescent="0.4">
      <c r="A5388">
        <v>5432</v>
      </c>
      <c r="B5388" s="1">
        <v>44890</v>
      </c>
      <c r="C5388">
        <v>2</v>
      </c>
      <c r="D5388" s="1">
        <v>44890.449305555558</v>
      </c>
      <c r="E5388" s="1">
        <v>44890.738888888889</v>
      </c>
      <c r="F5388">
        <v>25860</v>
      </c>
      <c r="G5388">
        <v>902</v>
      </c>
      <c r="H5388">
        <v>0</v>
      </c>
      <c r="I5388">
        <v>0</v>
      </c>
      <c r="J5388">
        <v>0</v>
      </c>
      <c r="K5388">
        <v>0</v>
      </c>
      <c r="L5388">
        <v>0</v>
      </c>
      <c r="M5388">
        <v>2431</v>
      </c>
      <c r="N5388">
        <v>0</v>
      </c>
      <c r="O5388">
        <v>0</v>
      </c>
      <c r="P5388">
        <v>14630</v>
      </c>
      <c r="Q5388">
        <v>0</v>
      </c>
      <c r="R5388">
        <v>41392</v>
      </c>
      <c r="S5388">
        <v>0</v>
      </c>
      <c r="T5388">
        <v>0</v>
      </c>
      <c r="U5388">
        <v>0</v>
      </c>
      <c r="V5388">
        <v>0</v>
      </c>
      <c r="W5388">
        <v>4</v>
      </c>
      <c r="X5388">
        <v>0</v>
      </c>
      <c r="Y5388">
        <v>50</v>
      </c>
      <c r="Z5388">
        <v>24</v>
      </c>
      <c r="AA5388">
        <v>59</v>
      </c>
      <c r="AB5388">
        <v>22</v>
      </c>
      <c r="AC5388">
        <v>111</v>
      </c>
      <c r="AD5388">
        <v>26</v>
      </c>
      <c r="AE5388">
        <v>92</v>
      </c>
      <c r="AF5388">
        <v>1060</v>
      </c>
      <c r="AG5388">
        <v>91392</v>
      </c>
      <c r="AH5388">
        <v>50000</v>
      </c>
      <c r="AI5388">
        <v>0</v>
      </c>
      <c r="AJ5388">
        <v>103</v>
      </c>
      <c r="AK5388" t="s">
        <v>7</v>
      </c>
      <c r="AL5388">
        <v>0</v>
      </c>
      <c r="AM5388">
        <v>0</v>
      </c>
      <c r="AN5388">
        <v>0</v>
      </c>
      <c r="AO5388">
        <v>0</v>
      </c>
      <c r="AP5388">
        <v>0</v>
      </c>
      <c r="AQ5388">
        <v>0</v>
      </c>
      <c r="AR5388">
        <v>0</v>
      </c>
      <c r="AS5388">
        <v>0</v>
      </c>
      <c r="AT5388">
        <v>0</v>
      </c>
      <c r="AU5388">
        <v>0</v>
      </c>
      <c r="AV5388">
        <v>0</v>
      </c>
      <c r="AW5388">
        <v>0</v>
      </c>
      <c r="AX5388">
        <v>966</v>
      </c>
      <c r="AY5388">
        <v>41</v>
      </c>
      <c r="AZ5388">
        <v>66</v>
      </c>
      <c r="BA5388">
        <v>5812</v>
      </c>
    </row>
    <row r="5389" spans="1:53" x14ac:dyDescent="0.4">
      <c r="A5389">
        <v>5433</v>
      </c>
      <c r="B5389" s="1">
        <v>44891</v>
      </c>
      <c r="C5389">
        <v>1</v>
      </c>
      <c r="D5389" s="1">
        <v>44891.291666666664</v>
      </c>
      <c r="E5389" s="1">
        <v>44891.407638888886</v>
      </c>
      <c r="F5389">
        <v>0</v>
      </c>
      <c r="G5389">
        <v>0</v>
      </c>
      <c r="H5389">
        <v>0</v>
      </c>
      <c r="I5389">
        <v>0</v>
      </c>
      <c r="J5389">
        <v>0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0</v>
      </c>
      <c r="R5389">
        <v>0</v>
      </c>
      <c r="S5389">
        <v>0</v>
      </c>
      <c r="T5389">
        <v>0</v>
      </c>
      <c r="U5389">
        <v>0</v>
      </c>
      <c r="V5389">
        <v>0</v>
      </c>
      <c r="W5389">
        <v>1</v>
      </c>
      <c r="X5389">
        <v>0</v>
      </c>
      <c r="Y5389">
        <v>25</v>
      </c>
      <c r="Z5389">
        <v>15</v>
      </c>
      <c r="AA5389">
        <v>103</v>
      </c>
      <c r="AB5389">
        <v>21</v>
      </c>
      <c r="AC5389">
        <v>94</v>
      </c>
      <c r="AD5389">
        <v>22</v>
      </c>
      <c r="AE5389">
        <v>100</v>
      </c>
      <c r="AF5389">
        <v>0</v>
      </c>
      <c r="AG5389">
        <v>50000</v>
      </c>
      <c r="AH5389">
        <v>50000</v>
      </c>
      <c r="AI5389">
        <v>0</v>
      </c>
      <c r="AJ5389">
        <v>0</v>
      </c>
      <c r="AK5389" t="s">
        <v>6</v>
      </c>
      <c r="AL5389">
        <v>0</v>
      </c>
      <c r="AM5389">
        <v>0</v>
      </c>
      <c r="AN5389">
        <v>0</v>
      </c>
      <c r="AO5389">
        <v>0</v>
      </c>
      <c r="AP5389">
        <v>0</v>
      </c>
      <c r="AQ5389">
        <v>0</v>
      </c>
      <c r="AR5389">
        <v>0</v>
      </c>
      <c r="AS5389">
        <v>0</v>
      </c>
      <c r="AT5389">
        <v>0</v>
      </c>
      <c r="AU5389">
        <v>0</v>
      </c>
      <c r="AV5389">
        <v>0</v>
      </c>
      <c r="AW5389">
        <v>0</v>
      </c>
      <c r="AX5389">
        <v>0</v>
      </c>
      <c r="AY5389">
        <v>0</v>
      </c>
      <c r="AZ5389">
        <v>0</v>
      </c>
      <c r="BA5389">
        <v>0</v>
      </c>
    </row>
    <row r="5390" spans="1:53" x14ac:dyDescent="0.4">
      <c r="A5390">
        <v>5434</v>
      </c>
      <c r="B5390" s="1">
        <v>44891</v>
      </c>
      <c r="C5390">
        <v>2</v>
      </c>
      <c r="D5390" s="1">
        <v>44891.407638888886</v>
      </c>
      <c r="E5390" s="1">
        <v>44891.737500000003</v>
      </c>
      <c r="F5390">
        <v>41630</v>
      </c>
      <c r="G5390">
        <v>1496</v>
      </c>
      <c r="H5390">
        <v>0</v>
      </c>
      <c r="I5390">
        <v>0</v>
      </c>
      <c r="J5390">
        <v>0</v>
      </c>
      <c r="K5390">
        <v>0</v>
      </c>
      <c r="L5390">
        <v>0</v>
      </c>
      <c r="M5390">
        <v>3919</v>
      </c>
      <c r="N5390">
        <v>0</v>
      </c>
      <c r="O5390">
        <v>0</v>
      </c>
      <c r="P5390">
        <v>17620</v>
      </c>
      <c r="Q5390">
        <v>0</v>
      </c>
      <c r="R5390">
        <v>60746</v>
      </c>
      <c r="S5390">
        <v>0</v>
      </c>
      <c r="T5390">
        <v>0</v>
      </c>
      <c r="U5390">
        <v>0</v>
      </c>
      <c r="V5390">
        <v>1</v>
      </c>
      <c r="W5390">
        <v>1</v>
      </c>
      <c r="X5390">
        <v>0</v>
      </c>
      <c r="Y5390">
        <v>62</v>
      </c>
      <c r="Z5390">
        <v>37</v>
      </c>
      <c r="AA5390">
        <v>76</v>
      </c>
      <c r="AB5390">
        <v>22</v>
      </c>
      <c r="AC5390">
        <v>104</v>
      </c>
      <c r="AD5390">
        <v>21</v>
      </c>
      <c r="AE5390">
        <v>101</v>
      </c>
      <c r="AF5390">
        <v>5300</v>
      </c>
      <c r="AG5390">
        <v>110746</v>
      </c>
      <c r="AH5390">
        <v>50000</v>
      </c>
      <c r="AI5390">
        <v>0</v>
      </c>
      <c r="AJ5390">
        <v>39</v>
      </c>
      <c r="AL5390">
        <v>0</v>
      </c>
      <c r="AM5390">
        <v>0</v>
      </c>
      <c r="AN5390">
        <v>0</v>
      </c>
      <c r="AO5390">
        <v>0</v>
      </c>
      <c r="AP5390">
        <v>0</v>
      </c>
      <c r="AQ5390">
        <v>0</v>
      </c>
      <c r="AR5390">
        <v>0</v>
      </c>
      <c r="AS5390">
        <v>0</v>
      </c>
      <c r="AT5390">
        <v>0</v>
      </c>
      <c r="AU5390">
        <v>0</v>
      </c>
      <c r="AV5390">
        <v>0</v>
      </c>
      <c r="AW5390">
        <v>0</v>
      </c>
      <c r="AX5390">
        <v>1782</v>
      </c>
      <c r="AY5390">
        <v>49</v>
      </c>
      <c r="AZ5390">
        <v>96</v>
      </c>
      <c r="BA5390">
        <v>7021</v>
      </c>
    </row>
    <row r="5391" spans="1:53" x14ac:dyDescent="0.4">
      <c r="A5391">
        <v>5435</v>
      </c>
      <c r="B5391" s="1">
        <v>44891</v>
      </c>
      <c r="C5391">
        <v>3</v>
      </c>
      <c r="D5391" s="1">
        <v>44891.737500000003</v>
      </c>
      <c r="E5391" s="1">
        <v>44892.07916666667</v>
      </c>
      <c r="F5391">
        <v>156470</v>
      </c>
      <c r="G5391">
        <v>7524</v>
      </c>
      <c r="H5391">
        <v>0</v>
      </c>
      <c r="I5391">
        <v>0</v>
      </c>
      <c r="J5391">
        <v>0</v>
      </c>
      <c r="K5391">
        <v>5850</v>
      </c>
      <c r="L5391">
        <v>0</v>
      </c>
      <c r="M5391">
        <v>15441</v>
      </c>
      <c r="N5391">
        <v>0</v>
      </c>
      <c r="O5391">
        <v>0</v>
      </c>
      <c r="P5391">
        <v>5980</v>
      </c>
      <c r="Q5391">
        <v>0</v>
      </c>
      <c r="R5391">
        <v>175824</v>
      </c>
      <c r="S5391">
        <v>0</v>
      </c>
      <c r="T5391">
        <v>0</v>
      </c>
      <c r="U5391">
        <v>0</v>
      </c>
      <c r="V5391">
        <v>8</v>
      </c>
      <c r="W5391">
        <v>5</v>
      </c>
      <c r="X5391">
        <v>0</v>
      </c>
      <c r="Y5391">
        <v>95</v>
      </c>
      <c r="Z5391">
        <v>42</v>
      </c>
      <c r="AA5391">
        <v>71</v>
      </c>
      <c r="AB5391">
        <v>22</v>
      </c>
      <c r="AC5391">
        <v>91</v>
      </c>
      <c r="AD5391">
        <v>19</v>
      </c>
      <c r="AE5391">
        <v>115</v>
      </c>
      <c r="AF5391">
        <v>56250</v>
      </c>
      <c r="AG5391">
        <v>286570</v>
      </c>
      <c r="AH5391">
        <v>50000</v>
      </c>
      <c r="AI5391">
        <v>0</v>
      </c>
      <c r="AJ5391">
        <v>103</v>
      </c>
      <c r="AK5391" t="s">
        <v>7</v>
      </c>
      <c r="AL5391">
        <v>0</v>
      </c>
      <c r="AM5391">
        <v>0</v>
      </c>
      <c r="AN5391">
        <v>0</v>
      </c>
      <c r="AO5391">
        <v>0</v>
      </c>
      <c r="AP5391">
        <v>0</v>
      </c>
      <c r="AQ5391">
        <v>0</v>
      </c>
      <c r="AR5391">
        <v>0</v>
      </c>
      <c r="AS5391">
        <v>0</v>
      </c>
      <c r="AT5391">
        <v>0</v>
      </c>
      <c r="AU5391">
        <v>0</v>
      </c>
      <c r="AV5391">
        <v>0</v>
      </c>
      <c r="AW5391">
        <v>0</v>
      </c>
      <c r="AX5391">
        <v>1562</v>
      </c>
      <c r="AY5391">
        <v>26</v>
      </c>
      <c r="AZ5391">
        <v>82</v>
      </c>
      <c r="BA5391">
        <v>4196</v>
      </c>
    </row>
    <row r="5392" spans="1:53" x14ac:dyDescent="0.4">
      <c r="A5392">
        <v>5436</v>
      </c>
      <c r="B5392" s="1">
        <v>44892</v>
      </c>
      <c r="C5392">
        <v>1</v>
      </c>
      <c r="D5392" s="1">
        <v>44892.291666666664</v>
      </c>
      <c r="E5392" s="1">
        <v>44892.406944444447</v>
      </c>
      <c r="F5392">
        <v>0</v>
      </c>
      <c r="G5392">
        <v>0</v>
      </c>
      <c r="H5392">
        <v>0</v>
      </c>
      <c r="I5392">
        <v>0</v>
      </c>
      <c r="J5392">
        <v>0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0</v>
      </c>
      <c r="R5392">
        <v>0</v>
      </c>
      <c r="S5392">
        <v>0</v>
      </c>
      <c r="T5392">
        <v>0</v>
      </c>
      <c r="U5392">
        <v>0</v>
      </c>
      <c r="V5392">
        <v>0</v>
      </c>
      <c r="W5392">
        <v>1</v>
      </c>
      <c r="X5392">
        <v>0</v>
      </c>
      <c r="Y5392">
        <v>30</v>
      </c>
      <c r="Z5392">
        <v>14</v>
      </c>
      <c r="AA5392">
        <v>58</v>
      </c>
      <c r="AB5392">
        <v>21</v>
      </c>
      <c r="AC5392">
        <v>95</v>
      </c>
      <c r="AD5392">
        <v>18</v>
      </c>
      <c r="AE5392">
        <v>110</v>
      </c>
      <c r="AF5392">
        <v>0</v>
      </c>
      <c r="AG5392">
        <v>50000</v>
      </c>
      <c r="AH5392">
        <v>50000</v>
      </c>
      <c r="AI5392">
        <v>0</v>
      </c>
      <c r="AJ5392">
        <v>0</v>
      </c>
      <c r="AK5392" t="s">
        <v>6</v>
      </c>
      <c r="AL5392">
        <v>0</v>
      </c>
      <c r="AM5392">
        <v>0</v>
      </c>
      <c r="AN5392">
        <v>0</v>
      </c>
      <c r="AO5392">
        <v>0</v>
      </c>
      <c r="AP5392">
        <v>0</v>
      </c>
      <c r="AQ5392">
        <v>0</v>
      </c>
      <c r="AR5392">
        <v>0</v>
      </c>
      <c r="AS5392">
        <v>0</v>
      </c>
      <c r="AT5392">
        <v>0</v>
      </c>
      <c r="AU5392">
        <v>0</v>
      </c>
      <c r="AV5392">
        <v>0</v>
      </c>
      <c r="AW5392">
        <v>0</v>
      </c>
      <c r="AX5392">
        <v>0</v>
      </c>
      <c r="AY5392">
        <v>0</v>
      </c>
      <c r="AZ5392">
        <v>0</v>
      </c>
      <c r="BA5392">
        <v>0</v>
      </c>
    </row>
    <row r="5393" spans="1:53" x14ac:dyDescent="0.4">
      <c r="A5393">
        <v>5437</v>
      </c>
      <c r="B5393" s="1">
        <v>44892</v>
      </c>
      <c r="C5393">
        <v>2</v>
      </c>
      <c r="D5393" s="1">
        <v>44892.406944444447</v>
      </c>
      <c r="E5393" s="1">
        <v>44892.734722222223</v>
      </c>
      <c r="F5393">
        <v>53170</v>
      </c>
      <c r="G5393">
        <v>5390</v>
      </c>
      <c r="H5393">
        <v>0</v>
      </c>
      <c r="I5393">
        <v>0</v>
      </c>
      <c r="J5393">
        <v>0</v>
      </c>
      <c r="K5393">
        <v>0</v>
      </c>
      <c r="L5393">
        <v>0</v>
      </c>
      <c r="M5393">
        <v>5326</v>
      </c>
      <c r="N5393">
        <v>0</v>
      </c>
      <c r="O5393">
        <v>0</v>
      </c>
      <c r="P5393">
        <v>13120</v>
      </c>
      <c r="Q5393">
        <v>0</v>
      </c>
      <c r="R5393">
        <v>71680</v>
      </c>
      <c r="S5393">
        <v>0</v>
      </c>
      <c r="T5393">
        <v>0</v>
      </c>
      <c r="U5393">
        <v>0</v>
      </c>
      <c r="V5393">
        <v>2</v>
      </c>
      <c r="W5393">
        <v>2</v>
      </c>
      <c r="X5393">
        <v>0</v>
      </c>
      <c r="Y5393">
        <v>66</v>
      </c>
      <c r="Z5393">
        <v>31</v>
      </c>
      <c r="AA5393">
        <v>58</v>
      </c>
      <c r="AB5393">
        <v>24</v>
      </c>
      <c r="AC5393">
        <v>133</v>
      </c>
      <c r="AD5393">
        <v>21</v>
      </c>
      <c r="AE5393">
        <v>115</v>
      </c>
      <c r="AF5393">
        <v>1730</v>
      </c>
      <c r="AG5393">
        <v>121780</v>
      </c>
      <c r="AH5393">
        <v>50000</v>
      </c>
      <c r="AI5393">
        <v>100</v>
      </c>
      <c r="AJ5393">
        <v>115</v>
      </c>
      <c r="AK5393" t="s">
        <v>55</v>
      </c>
      <c r="AL5393">
        <v>0</v>
      </c>
      <c r="AM5393">
        <v>0</v>
      </c>
      <c r="AN5393">
        <v>0</v>
      </c>
      <c r="AO5393">
        <v>0</v>
      </c>
      <c r="AP5393">
        <v>0</v>
      </c>
      <c r="AQ5393">
        <v>0</v>
      </c>
      <c r="AR5393">
        <v>0</v>
      </c>
      <c r="AS5393">
        <v>0</v>
      </c>
      <c r="AT5393">
        <v>0</v>
      </c>
      <c r="AU5393">
        <v>0</v>
      </c>
      <c r="AV5393">
        <v>0</v>
      </c>
      <c r="AW5393">
        <v>0</v>
      </c>
      <c r="AX5393">
        <v>-1590</v>
      </c>
      <c r="AY5393">
        <v>47</v>
      </c>
      <c r="AZ5393">
        <v>109</v>
      </c>
      <c r="BA5393">
        <v>7776</v>
      </c>
    </row>
    <row r="5394" spans="1:53" x14ac:dyDescent="0.4">
      <c r="A5394">
        <v>5438</v>
      </c>
      <c r="B5394" s="1">
        <v>44892</v>
      </c>
      <c r="C5394">
        <v>3</v>
      </c>
      <c r="D5394" s="1">
        <v>44892.734722222223</v>
      </c>
      <c r="E5394" s="1">
        <v>44892.956944444442</v>
      </c>
      <c r="F5394">
        <v>26820</v>
      </c>
      <c r="G5394">
        <v>0</v>
      </c>
      <c r="H5394">
        <v>0</v>
      </c>
      <c r="I5394">
        <v>0</v>
      </c>
      <c r="J5394">
        <v>100</v>
      </c>
      <c r="K5394">
        <v>0</v>
      </c>
      <c r="L5394">
        <v>0</v>
      </c>
      <c r="M5394">
        <v>2430</v>
      </c>
      <c r="N5394">
        <v>0</v>
      </c>
      <c r="O5394">
        <v>0</v>
      </c>
      <c r="P5394">
        <v>-13120</v>
      </c>
      <c r="Q5394">
        <v>0</v>
      </c>
      <c r="R5394">
        <v>13600</v>
      </c>
      <c r="S5394">
        <v>0</v>
      </c>
      <c r="T5394">
        <v>0</v>
      </c>
      <c r="U5394">
        <v>0</v>
      </c>
      <c r="V5394">
        <v>3</v>
      </c>
      <c r="W5394">
        <v>1</v>
      </c>
      <c r="X5394">
        <v>0</v>
      </c>
      <c r="Y5394">
        <v>73</v>
      </c>
      <c r="Z5394">
        <v>31</v>
      </c>
      <c r="AA5394">
        <v>73</v>
      </c>
      <c r="AB5394">
        <v>25</v>
      </c>
      <c r="AC5394">
        <v>128</v>
      </c>
      <c r="AD5394">
        <v>21</v>
      </c>
      <c r="AE5394">
        <v>115</v>
      </c>
      <c r="AF5394">
        <v>1730</v>
      </c>
      <c r="AG5394">
        <v>135280</v>
      </c>
      <c r="AH5394">
        <v>50000</v>
      </c>
      <c r="AI5394">
        <v>0</v>
      </c>
      <c r="AJ5394">
        <v>103</v>
      </c>
      <c r="AK5394" t="s">
        <v>7</v>
      </c>
      <c r="AL5394">
        <v>0</v>
      </c>
      <c r="AM5394">
        <v>0</v>
      </c>
      <c r="AN5394">
        <v>0</v>
      </c>
      <c r="AO5394">
        <v>0</v>
      </c>
      <c r="AP5394">
        <v>0</v>
      </c>
      <c r="AQ5394">
        <v>0</v>
      </c>
      <c r="AR5394">
        <v>0</v>
      </c>
      <c r="AS5394">
        <v>0</v>
      </c>
      <c r="AT5394">
        <v>0</v>
      </c>
      <c r="AU5394">
        <v>0</v>
      </c>
      <c r="AV5394">
        <v>0</v>
      </c>
      <c r="AW5394">
        <v>0</v>
      </c>
      <c r="AX5394">
        <v>0</v>
      </c>
      <c r="AY5394">
        <v>7</v>
      </c>
      <c r="AZ5394">
        <v>14</v>
      </c>
      <c r="BA5394">
        <v>1404</v>
      </c>
    </row>
    <row r="5395" spans="1:53" x14ac:dyDescent="0.4">
      <c r="A5395">
        <v>5439</v>
      </c>
      <c r="B5395" s="1">
        <v>44893</v>
      </c>
      <c r="C5395">
        <v>1</v>
      </c>
      <c r="D5395" s="1">
        <v>44893.291666666664</v>
      </c>
      <c r="E5395" s="1">
        <v>44893.442361111112</v>
      </c>
      <c r="F5395">
        <v>0</v>
      </c>
      <c r="G5395">
        <v>0</v>
      </c>
      <c r="H5395">
        <v>0</v>
      </c>
      <c r="I5395">
        <v>0</v>
      </c>
      <c r="J5395">
        <v>0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0</v>
      </c>
      <c r="R5395">
        <v>0</v>
      </c>
      <c r="S5395">
        <v>0</v>
      </c>
      <c r="T5395">
        <v>0</v>
      </c>
      <c r="U5395">
        <v>0</v>
      </c>
      <c r="V5395">
        <v>0</v>
      </c>
      <c r="W5395">
        <v>1</v>
      </c>
      <c r="X5395">
        <v>0</v>
      </c>
      <c r="Y5395">
        <v>28</v>
      </c>
      <c r="Z5395">
        <v>13</v>
      </c>
      <c r="AA5395">
        <v>82</v>
      </c>
      <c r="AB5395">
        <v>20</v>
      </c>
      <c r="AC5395">
        <v>108</v>
      </c>
      <c r="AD5395">
        <v>21</v>
      </c>
      <c r="AE5395">
        <v>115</v>
      </c>
      <c r="AF5395">
        <v>0</v>
      </c>
      <c r="AG5395">
        <v>50000</v>
      </c>
      <c r="AH5395">
        <v>50000</v>
      </c>
      <c r="AI5395">
        <v>0</v>
      </c>
      <c r="AJ5395">
        <v>0</v>
      </c>
      <c r="AK5395" t="s">
        <v>6</v>
      </c>
      <c r="AL5395">
        <v>0</v>
      </c>
      <c r="AM5395">
        <v>0</v>
      </c>
      <c r="AN5395">
        <v>0</v>
      </c>
      <c r="AO5395">
        <v>0</v>
      </c>
      <c r="AP5395">
        <v>0</v>
      </c>
      <c r="AQ5395">
        <v>0</v>
      </c>
      <c r="AR5395">
        <v>0</v>
      </c>
      <c r="AS5395">
        <v>0</v>
      </c>
      <c r="AT5395">
        <v>0</v>
      </c>
      <c r="AU5395">
        <v>0</v>
      </c>
      <c r="AV5395">
        <v>0</v>
      </c>
      <c r="AW5395">
        <v>0</v>
      </c>
      <c r="AX5395">
        <v>0</v>
      </c>
      <c r="AY5395">
        <v>0</v>
      </c>
      <c r="AZ5395">
        <v>0</v>
      </c>
      <c r="BA5395">
        <v>0</v>
      </c>
    </row>
    <row r="5396" spans="1:53" x14ac:dyDescent="0.4">
      <c r="A5396">
        <v>5440</v>
      </c>
      <c r="B5396" s="1">
        <v>44893</v>
      </c>
      <c r="C5396">
        <v>2</v>
      </c>
      <c r="D5396" s="1">
        <v>44893.442361111112</v>
      </c>
      <c r="E5396" s="1">
        <v>44893.738888888889</v>
      </c>
      <c r="F5396">
        <v>27970</v>
      </c>
      <c r="G5396">
        <v>1518</v>
      </c>
      <c r="H5396">
        <v>30</v>
      </c>
      <c r="I5396">
        <v>0</v>
      </c>
      <c r="J5396">
        <v>0</v>
      </c>
      <c r="K5396">
        <v>0</v>
      </c>
      <c r="L5396">
        <v>0</v>
      </c>
      <c r="M5396">
        <v>2684</v>
      </c>
      <c r="N5396">
        <v>0</v>
      </c>
      <c r="O5396">
        <v>0</v>
      </c>
      <c r="P5396">
        <v>13190</v>
      </c>
      <c r="Q5396">
        <v>0</v>
      </c>
      <c r="R5396">
        <v>42708</v>
      </c>
      <c r="S5396">
        <v>0</v>
      </c>
      <c r="T5396">
        <v>0</v>
      </c>
      <c r="U5396">
        <v>0</v>
      </c>
      <c r="V5396">
        <v>1</v>
      </c>
      <c r="W5396">
        <v>0</v>
      </c>
      <c r="X5396">
        <v>0</v>
      </c>
      <c r="Y5396">
        <v>63</v>
      </c>
      <c r="Z5396">
        <v>18</v>
      </c>
      <c r="AA5396">
        <v>64</v>
      </c>
      <c r="AB5396">
        <v>30</v>
      </c>
      <c r="AC5396">
        <v>145</v>
      </c>
      <c r="AD5396">
        <v>23</v>
      </c>
      <c r="AE5396">
        <v>113</v>
      </c>
      <c r="AF5396">
        <v>1130</v>
      </c>
      <c r="AG5396">
        <v>92708</v>
      </c>
      <c r="AH5396">
        <v>50000</v>
      </c>
      <c r="AI5396">
        <v>0</v>
      </c>
      <c r="AJ5396">
        <v>119</v>
      </c>
      <c r="AK5396" t="s">
        <v>56</v>
      </c>
      <c r="AL5396">
        <v>0</v>
      </c>
      <c r="AM5396">
        <v>0</v>
      </c>
      <c r="AN5396">
        <v>0</v>
      </c>
      <c r="AO5396">
        <v>0</v>
      </c>
      <c r="AP5396">
        <v>0</v>
      </c>
      <c r="AQ5396">
        <v>0</v>
      </c>
      <c r="AR5396">
        <v>0</v>
      </c>
      <c r="AS5396">
        <v>0</v>
      </c>
      <c r="AT5396">
        <v>0</v>
      </c>
      <c r="AU5396">
        <v>0</v>
      </c>
      <c r="AV5396">
        <v>0</v>
      </c>
      <c r="AW5396">
        <v>0</v>
      </c>
      <c r="AX5396">
        <v>0</v>
      </c>
      <c r="AY5396">
        <v>41</v>
      </c>
      <c r="AZ5396">
        <v>69</v>
      </c>
      <c r="BA5396">
        <v>5422</v>
      </c>
    </row>
    <row r="5397" spans="1:53" x14ac:dyDescent="0.4">
      <c r="A5397">
        <v>5441</v>
      </c>
      <c r="B5397" s="1">
        <v>44893</v>
      </c>
      <c r="C5397">
        <v>3</v>
      </c>
      <c r="D5397" s="1">
        <v>44893.738888888889</v>
      </c>
      <c r="E5397" s="1">
        <v>44893.919444444444</v>
      </c>
      <c r="F5397">
        <v>15930</v>
      </c>
      <c r="G5397">
        <v>1905</v>
      </c>
      <c r="H5397">
        <v>0</v>
      </c>
      <c r="I5397">
        <v>0</v>
      </c>
      <c r="J5397">
        <v>50</v>
      </c>
      <c r="K5397">
        <v>660</v>
      </c>
      <c r="L5397">
        <v>0</v>
      </c>
      <c r="M5397">
        <v>1676</v>
      </c>
      <c r="N5397">
        <v>0</v>
      </c>
      <c r="O5397">
        <v>0</v>
      </c>
      <c r="P5397">
        <v>-10690</v>
      </c>
      <c r="Q5397">
        <v>0</v>
      </c>
      <c r="R5397">
        <v>7755</v>
      </c>
      <c r="S5397">
        <v>0</v>
      </c>
      <c r="T5397">
        <v>0</v>
      </c>
      <c r="U5397">
        <v>0</v>
      </c>
      <c r="V5397">
        <v>1</v>
      </c>
      <c r="W5397">
        <v>1</v>
      </c>
      <c r="X5397">
        <v>0</v>
      </c>
      <c r="Y5397">
        <v>62</v>
      </c>
      <c r="Z5397">
        <v>19</v>
      </c>
      <c r="AA5397">
        <v>72</v>
      </c>
      <c r="AB5397">
        <v>30</v>
      </c>
      <c r="AC5397">
        <v>140</v>
      </c>
      <c r="AD5397">
        <v>24</v>
      </c>
      <c r="AE5397">
        <v>113</v>
      </c>
      <c r="AF5397">
        <v>3660</v>
      </c>
      <c r="AG5397">
        <v>100493</v>
      </c>
      <c r="AH5397">
        <v>50000</v>
      </c>
      <c r="AI5397">
        <v>30</v>
      </c>
      <c r="AJ5397">
        <v>95</v>
      </c>
      <c r="AK5397" t="s">
        <v>21</v>
      </c>
      <c r="AL5397">
        <v>0</v>
      </c>
      <c r="AM5397">
        <v>0</v>
      </c>
      <c r="AN5397">
        <v>0</v>
      </c>
      <c r="AO5397">
        <v>0</v>
      </c>
      <c r="AP5397">
        <v>0</v>
      </c>
      <c r="AQ5397">
        <v>0</v>
      </c>
      <c r="AR5397">
        <v>0</v>
      </c>
      <c r="AS5397">
        <v>0</v>
      </c>
      <c r="AT5397">
        <v>0</v>
      </c>
      <c r="AU5397">
        <v>0</v>
      </c>
      <c r="AV5397">
        <v>0</v>
      </c>
      <c r="AW5397">
        <v>0</v>
      </c>
      <c r="AX5397">
        <v>0</v>
      </c>
      <c r="AY5397">
        <v>4</v>
      </c>
      <c r="AZ5397">
        <v>7</v>
      </c>
      <c r="BA5397">
        <v>1415</v>
      </c>
    </row>
    <row r="5398" spans="1:53" x14ac:dyDescent="0.4">
      <c r="A5398">
        <v>5442</v>
      </c>
      <c r="B5398" s="1">
        <v>44894</v>
      </c>
      <c r="C5398">
        <v>1</v>
      </c>
      <c r="D5398" s="1">
        <v>44894.291666666664</v>
      </c>
      <c r="E5398" s="1">
        <v>44894.438888888886</v>
      </c>
      <c r="F5398">
        <v>0</v>
      </c>
      <c r="G5398">
        <v>0</v>
      </c>
      <c r="H5398">
        <v>0</v>
      </c>
      <c r="I5398">
        <v>0</v>
      </c>
      <c r="J5398">
        <v>0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0</v>
      </c>
      <c r="R5398">
        <v>0</v>
      </c>
      <c r="S5398">
        <v>0</v>
      </c>
      <c r="T5398">
        <v>0</v>
      </c>
      <c r="U5398">
        <v>0</v>
      </c>
      <c r="V5398">
        <v>0</v>
      </c>
      <c r="W5398">
        <v>1</v>
      </c>
      <c r="X5398">
        <v>0</v>
      </c>
      <c r="Y5398">
        <v>28</v>
      </c>
      <c r="Z5398">
        <v>15</v>
      </c>
      <c r="AA5398">
        <v>67</v>
      </c>
      <c r="AB5398">
        <v>30</v>
      </c>
      <c r="AC5398">
        <v>110</v>
      </c>
      <c r="AD5398">
        <v>18</v>
      </c>
      <c r="AE5398">
        <v>110</v>
      </c>
      <c r="AF5398">
        <v>0</v>
      </c>
      <c r="AG5398">
        <v>50000</v>
      </c>
      <c r="AH5398">
        <v>50000</v>
      </c>
      <c r="AI5398">
        <v>0</v>
      </c>
      <c r="AJ5398">
        <v>0</v>
      </c>
      <c r="AK5398" t="s">
        <v>6</v>
      </c>
      <c r="AL5398">
        <v>0</v>
      </c>
      <c r="AM5398">
        <v>0</v>
      </c>
      <c r="AN5398">
        <v>0</v>
      </c>
      <c r="AO5398">
        <v>0</v>
      </c>
      <c r="AP5398">
        <v>0</v>
      </c>
      <c r="AQ5398">
        <v>0</v>
      </c>
      <c r="AR5398">
        <v>0</v>
      </c>
      <c r="AS5398">
        <v>0</v>
      </c>
      <c r="AT5398">
        <v>0</v>
      </c>
      <c r="AU5398">
        <v>0</v>
      </c>
      <c r="AV5398">
        <v>0</v>
      </c>
      <c r="AW5398">
        <v>0</v>
      </c>
      <c r="AX5398">
        <v>0</v>
      </c>
      <c r="AY5398">
        <v>0</v>
      </c>
      <c r="AZ5398">
        <v>0</v>
      </c>
      <c r="BA5398">
        <v>0</v>
      </c>
    </row>
    <row r="5399" spans="1:53" x14ac:dyDescent="0.4">
      <c r="A5399">
        <v>5443</v>
      </c>
      <c r="B5399" s="1">
        <v>44894</v>
      </c>
      <c r="C5399">
        <v>2</v>
      </c>
      <c r="D5399" s="1">
        <v>44894.438888888886</v>
      </c>
      <c r="E5399" s="1">
        <v>44894.750694444447</v>
      </c>
      <c r="F5399">
        <v>21340</v>
      </c>
      <c r="G5399">
        <v>2090</v>
      </c>
      <c r="H5399">
        <v>0</v>
      </c>
      <c r="I5399">
        <v>0</v>
      </c>
      <c r="J5399">
        <v>50</v>
      </c>
      <c r="K5399">
        <v>400</v>
      </c>
      <c r="L5399">
        <v>0</v>
      </c>
      <c r="M5399">
        <v>2161</v>
      </c>
      <c r="N5399">
        <v>0</v>
      </c>
      <c r="O5399">
        <v>0</v>
      </c>
      <c r="P5399">
        <v>5480</v>
      </c>
      <c r="Q5399">
        <v>0</v>
      </c>
      <c r="R5399">
        <v>29260</v>
      </c>
      <c r="S5399">
        <v>0</v>
      </c>
      <c r="T5399">
        <v>0</v>
      </c>
      <c r="U5399">
        <v>0</v>
      </c>
      <c r="V5399">
        <v>0</v>
      </c>
      <c r="W5399">
        <v>4</v>
      </c>
      <c r="X5399">
        <v>0</v>
      </c>
      <c r="Y5399">
        <v>40</v>
      </c>
      <c r="Z5399">
        <v>19</v>
      </c>
      <c r="AA5399">
        <v>55</v>
      </c>
      <c r="AB5399">
        <v>26</v>
      </c>
      <c r="AC5399">
        <v>118</v>
      </c>
      <c r="AD5399">
        <v>17</v>
      </c>
      <c r="AE5399">
        <v>105</v>
      </c>
      <c r="AF5399">
        <v>1590</v>
      </c>
      <c r="AG5399">
        <v>79260</v>
      </c>
      <c r="AH5399">
        <v>50000</v>
      </c>
      <c r="AI5399">
        <v>0</v>
      </c>
      <c r="AJ5399">
        <v>116</v>
      </c>
      <c r="AK5399" t="s">
        <v>54</v>
      </c>
      <c r="AL5399">
        <v>0</v>
      </c>
      <c r="AM5399">
        <v>0</v>
      </c>
      <c r="AN5399">
        <v>0</v>
      </c>
      <c r="AO5399">
        <v>0</v>
      </c>
      <c r="AP5399">
        <v>0</v>
      </c>
      <c r="AQ5399">
        <v>0</v>
      </c>
      <c r="AR5399">
        <v>0</v>
      </c>
      <c r="AS5399">
        <v>0</v>
      </c>
      <c r="AT5399">
        <v>0</v>
      </c>
      <c r="AU5399">
        <v>0</v>
      </c>
      <c r="AV5399">
        <v>0</v>
      </c>
      <c r="AW5399">
        <v>0</v>
      </c>
      <c r="AX5399">
        <v>0</v>
      </c>
      <c r="AY5399">
        <v>26</v>
      </c>
      <c r="AZ5399">
        <v>41</v>
      </c>
      <c r="BA5399">
        <v>4531</v>
      </c>
    </row>
    <row r="5400" spans="1:53" x14ac:dyDescent="0.4">
      <c r="A5400">
        <v>5444</v>
      </c>
      <c r="B5400" s="1">
        <v>44894</v>
      </c>
      <c r="C5400">
        <v>3</v>
      </c>
      <c r="D5400" s="1">
        <v>44894.750694444447</v>
      </c>
      <c r="E5400" s="1">
        <v>44894.941666666666</v>
      </c>
      <c r="F5400">
        <v>13160</v>
      </c>
      <c r="G5400">
        <v>0</v>
      </c>
      <c r="H5400">
        <v>0</v>
      </c>
      <c r="I5400">
        <v>0</v>
      </c>
      <c r="J5400">
        <v>0</v>
      </c>
      <c r="K5400">
        <v>0</v>
      </c>
      <c r="L5400">
        <v>0</v>
      </c>
      <c r="M5400">
        <v>1196</v>
      </c>
      <c r="N5400">
        <v>0</v>
      </c>
      <c r="O5400">
        <v>0</v>
      </c>
      <c r="P5400">
        <v>-1880</v>
      </c>
      <c r="Q5400">
        <v>0</v>
      </c>
      <c r="R5400">
        <v>11280</v>
      </c>
      <c r="S5400">
        <v>0</v>
      </c>
      <c r="T5400">
        <v>0</v>
      </c>
      <c r="U5400">
        <v>0</v>
      </c>
      <c r="V5400">
        <v>1</v>
      </c>
      <c r="W5400">
        <v>4</v>
      </c>
      <c r="X5400">
        <v>0</v>
      </c>
      <c r="Y5400">
        <v>41</v>
      </c>
      <c r="Z5400">
        <v>19</v>
      </c>
      <c r="AA5400">
        <v>57</v>
      </c>
      <c r="AB5400">
        <v>27</v>
      </c>
      <c r="AC5400">
        <v>121</v>
      </c>
      <c r="AD5400">
        <v>17</v>
      </c>
      <c r="AE5400">
        <v>105</v>
      </c>
      <c r="AF5400">
        <v>1590</v>
      </c>
      <c r="AG5400">
        <v>90540</v>
      </c>
      <c r="AH5400">
        <v>50000</v>
      </c>
      <c r="AI5400">
        <v>0</v>
      </c>
      <c r="AJ5400">
        <v>74</v>
      </c>
      <c r="AK5400" t="s">
        <v>64</v>
      </c>
      <c r="AL5400">
        <v>0</v>
      </c>
      <c r="AM5400">
        <v>0</v>
      </c>
      <c r="AN5400">
        <v>0</v>
      </c>
      <c r="AO5400">
        <v>0</v>
      </c>
      <c r="AP5400">
        <v>0</v>
      </c>
      <c r="AQ5400">
        <v>0</v>
      </c>
      <c r="AR5400">
        <v>0</v>
      </c>
      <c r="AS5400">
        <v>0</v>
      </c>
      <c r="AT5400">
        <v>0</v>
      </c>
      <c r="AU5400">
        <v>0</v>
      </c>
      <c r="AV5400">
        <v>0</v>
      </c>
      <c r="AW5400">
        <v>0</v>
      </c>
      <c r="AX5400">
        <v>440</v>
      </c>
      <c r="AY5400">
        <v>6</v>
      </c>
      <c r="AZ5400">
        <v>11</v>
      </c>
      <c r="BA5400">
        <v>986</v>
      </c>
    </row>
    <row r="5401" spans="1:53" x14ac:dyDescent="0.4">
      <c r="A5401">
        <v>5445</v>
      </c>
      <c r="B5401" s="1">
        <v>44895</v>
      </c>
      <c r="C5401">
        <v>1</v>
      </c>
      <c r="D5401" s="1">
        <v>44895.291666666664</v>
      </c>
      <c r="E5401" s="1">
        <v>44895.451388888891</v>
      </c>
      <c r="F5401">
        <v>0</v>
      </c>
      <c r="G5401">
        <v>0</v>
      </c>
      <c r="H5401">
        <v>0</v>
      </c>
      <c r="I5401">
        <v>0</v>
      </c>
      <c r="J5401">
        <v>0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0</v>
      </c>
      <c r="R5401">
        <v>0</v>
      </c>
      <c r="S5401">
        <v>0</v>
      </c>
      <c r="T5401">
        <v>0</v>
      </c>
      <c r="U5401">
        <v>0</v>
      </c>
      <c r="V5401">
        <v>0</v>
      </c>
      <c r="W5401">
        <v>0</v>
      </c>
      <c r="X5401">
        <v>0</v>
      </c>
      <c r="Y5401">
        <v>32</v>
      </c>
      <c r="Z5401">
        <v>20</v>
      </c>
      <c r="AA5401">
        <v>54</v>
      </c>
      <c r="AB5401">
        <v>25</v>
      </c>
      <c r="AC5401">
        <v>116</v>
      </c>
      <c r="AD5401">
        <v>17</v>
      </c>
      <c r="AE5401">
        <v>105</v>
      </c>
      <c r="AF5401">
        <v>0</v>
      </c>
      <c r="AG5401">
        <v>50000</v>
      </c>
      <c r="AH5401">
        <v>50000</v>
      </c>
      <c r="AI5401">
        <v>0</v>
      </c>
      <c r="AJ5401">
        <v>0</v>
      </c>
      <c r="AK5401" t="s">
        <v>6</v>
      </c>
      <c r="AL5401">
        <v>0</v>
      </c>
      <c r="AM5401">
        <v>0</v>
      </c>
      <c r="AN5401">
        <v>0</v>
      </c>
      <c r="AO5401">
        <v>0</v>
      </c>
      <c r="AP5401">
        <v>0</v>
      </c>
      <c r="AQ5401">
        <v>0</v>
      </c>
      <c r="AR5401">
        <v>0</v>
      </c>
      <c r="AS5401">
        <v>0</v>
      </c>
      <c r="AT5401">
        <v>0</v>
      </c>
      <c r="AU5401">
        <v>0</v>
      </c>
      <c r="AV5401">
        <v>0</v>
      </c>
      <c r="AW5401">
        <v>0</v>
      </c>
      <c r="AX5401">
        <v>0</v>
      </c>
      <c r="AY5401">
        <v>0</v>
      </c>
      <c r="AZ5401">
        <v>0</v>
      </c>
      <c r="BA5401">
        <v>0</v>
      </c>
    </row>
    <row r="5402" spans="1:53" x14ac:dyDescent="0.4">
      <c r="A5402">
        <v>5446</v>
      </c>
      <c r="B5402" s="1">
        <v>44895</v>
      </c>
      <c r="C5402">
        <v>2</v>
      </c>
      <c r="D5402" s="1">
        <v>44895.451388888891</v>
      </c>
      <c r="E5402" s="1">
        <v>44895.747916666667</v>
      </c>
      <c r="F5402">
        <v>25450</v>
      </c>
      <c r="G5402">
        <v>770</v>
      </c>
      <c r="H5402">
        <v>0</v>
      </c>
      <c r="I5402">
        <v>0</v>
      </c>
      <c r="J5402">
        <v>0</v>
      </c>
      <c r="K5402">
        <v>800</v>
      </c>
      <c r="L5402">
        <v>0</v>
      </c>
      <c r="M5402">
        <v>2455</v>
      </c>
      <c r="N5402">
        <v>0</v>
      </c>
      <c r="O5402">
        <v>0</v>
      </c>
      <c r="P5402">
        <v>15610</v>
      </c>
      <c r="Q5402">
        <v>0</v>
      </c>
      <c r="R5402">
        <v>42630</v>
      </c>
      <c r="S5402">
        <v>0</v>
      </c>
      <c r="T5402">
        <v>0</v>
      </c>
      <c r="U5402">
        <v>0</v>
      </c>
      <c r="V5402">
        <v>2</v>
      </c>
      <c r="W5402">
        <v>1</v>
      </c>
      <c r="X5402">
        <v>0</v>
      </c>
      <c r="Y5402">
        <v>51</v>
      </c>
      <c r="Z5402">
        <v>13</v>
      </c>
      <c r="AA5402">
        <v>57</v>
      </c>
      <c r="AB5402">
        <v>32</v>
      </c>
      <c r="AC5402">
        <v>141</v>
      </c>
      <c r="AD5402">
        <v>22</v>
      </c>
      <c r="AE5402">
        <v>110</v>
      </c>
      <c r="AF5402">
        <v>1200</v>
      </c>
      <c r="AG5402">
        <v>92630</v>
      </c>
      <c r="AH5402">
        <v>50000</v>
      </c>
      <c r="AI5402">
        <v>0</v>
      </c>
      <c r="AJ5402">
        <v>29</v>
      </c>
      <c r="AK5402" t="s">
        <v>62</v>
      </c>
      <c r="AL5402">
        <v>0</v>
      </c>
      <c r="AM5402">
        <v>0</v>
      </c>
      <c r="AN5402">
        <v>0</v>
      </c>
      <c r="AO5402">
        <v>0</v>
      </c>
      <c r="AP5402">
        <v>0</v>
      </c>
      <c r="AQ5402">
        <v>0</v>
      </c>
      <c r="AR5402">
        <v>0</v>
      </c>
      <c r="AS5402">
        <v>0</v>
      </c>
      <c r="AT5402">
        <v>0</v>
      </c>
      <c r="AU5402">
        <v>0</v>
      </c>
      <c r="AV5402">
        <v>0</v>
      </c>
      <c r="AW5402">
        <v>0</v>
      </c>
      <c r="AX5402">
        <v>-530</v>
      </c>
      <c r="AY5402">
        <v>37</v>
      </c>
      <c r="AZ5402">
        <v>67</v>
      </c>
      <c r="BA5402">
        <v>5767</v>
      </c>
    </row>
    <row r="5403" spans="1:53" x14ac:dyDescent="0.4">
      <c r="A5403">
        <v>5447</v>
      </c>
      <c r="B5403" s="1">
        <v>44895</v>
      </c>
      <c r="C5403">
        <v>3</v>
      </c>
      <c r="D5403" s="1">
        <v>44895.747916666667</v>
      </c>
      <c r="E5403" s="1">
        <v>44895.979861111111</v>
      </c>
      <c r="F5403">
        <v>28740</v>
      </c>
      <c r="G5403">
        <v>858</v>
      </c>
      <c r="H5403">
        <v>0</v>
      </c>
      <c r="I5403">
        <v>0</v>
      </c>
      <c r="J5403">
        <v>0</v>
      </c>
      <c r="K5403">
        <v>660</v>
      </c>
      <c r="L5403">
        <v>0</v>
      </c>
      <c r="M5403">
        <v>2750</v>
      </c>
      <c r="N5403">
        <v>0</v>
      </c>
      <c r="O5403">
        <v>0</v>
      </c>
      <c r="P5403">
        <v>-15610</v>
      </c>
      <c r="Q5403">
        <v>0</v>
      </c>
      <c r="R5403">
        <v>14648</v>
      </c>
      <c r="S5403">
        <v>0</v>
      </c>
      <c r="T5403">
        <v>0</v>
      </c>
      <c r="U5403">
        <v>0</v>
      </c>
      <c r="V5403">
        <v>2</v>
      </c>
      <c r="W5403">
        <v>2</v>
      </c>
      <c r="X5403">
        <v>0</v>
      </c>
      <c r="Y5403">
        <v>59</v>
      </c>
      <c r="Z5403">
        <v>14</v>
      </c>
      <c r="AA5403">
        <v>49</v>
      </c>
      <c r="AB5403">
        <v>28</v>
      </c>
      <c r="AC5403">
        <v>136</v>
      </c>
      <c r="AD5403">
        <v>22</v>
      </c>
      <c r="AE5403">
        <v>108</v>
      </c>
      <c r="AF5403">
        <v>3400</v>
      </c>
      <c r="AG5403">
        <v>107278</v>
      </c>
      <c r="AH5403">
        <v>50000</v>
      </c>
      <c r="AI5403">
        <v>0</v>
      </c>
      <c r="AJ5403">
        <v>74</v>
      </c>
      <c r="AK5403" t="s">
        <v>64</v>
      </c>
      <c r="AL5403">
        <v>0</v>
      </c>
      <c r="AM5403">
        <v>0</v>
      </c>
      <c r="AN5403">
        <v>0</v>
      </c>
      <c r="AO5403">
        <v>0</v>
      </c>
      <c r="AP5403">
        <v>0</v>
      </c>
      <c r="AQ5403">
        <v>0</v>
      </c>
      <c r="AR5403">
        <v>0</v>
      </c>
      <c r="AS5403">
        <v>0</v>
      </c>
      <c r="AT5403">
        <v>0</v>
      </c>
      <c r="AU5403">
        <v>0</v>
      </c>
      <c r="AV5403">
        <v>0</v>
      </c>
      <c r="AW5403">
        <v>0</v>
      </c>
      <c r="AX5403">
        <v>6512</v>
      </c>
      <c r="AY5403">
        <v>8</v>
      </c>
      <c r="AZ5403">
        <v>14</v>
      </c>
      <c r="BA5403">
        <v>1683</v>
      </c>
    </row>
    <row r="5404" spans="1:53" x14ac:dyDescent="0.4">
      <c r="A5404">
        <v>5448</v>
      </c>
      <c r="B5404" s="1">
        <v>44896</v>
      </c>
      <c r="C5404">
        <v>1</v>
      </c>
      <c r="D5404" s="1">
        <v>44896.291666666664</v>
      </c>
      <c r="E5404" s="1">
        <v>44896.445138888892</v>
      </c>
      <c r="F5404">
        <v>0</v>
      </c>
      <c r="G5404">
        <v>0</v>
      </c>
      <c r="H5404">
        <v>0</v>
      </c>
      <c r="I5404">
        <v>0</v>
      </c>
      <c r="J5404">
        <v>0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0</v>
      </c>
      <c r="R5404">
        <v>0</v>
      </c>
      <c r="S5404">
        <v>0</v>
      </c>
      <c r="T5404">
        <v>0</v>
      </c>
      <c r="U5404">
        <v>0</v>
      </c>
      <c r="V5404">
        <v>0</v>
      </c>
      <c r="W5404">
        <v>1</v>
      </c>
      <c r="X5404">
        <v>0</v>
      </c>
      <c r="Y5404">
        <v>30</v>
      </c>
      <c r="Z5404">
        <v>13</v>
      </c>
      <c r="AA5404">
        <v>58</v>
      </c>
      <c r="AB5404">
        <v>27</v>
      </c>
      <c r="AC5404">
        <v>114</v>
      </c>
      <c r="AD5404">
        <v>21</v>
      </c>
      <c r="AE5404">
        <v>105</v>
      </c>
      <c r="AF5404">
        <v>0</v>
      </c>
      <c r="AG5404">
        <v>50000</v>
      </c>
      <c r="AH5404">
        <v>50000</v>
      </c>
      <c r="AI5404">
        <v>0</v>
      </c>
      <c r="AJ5404">
        <v>0</v>
      </c>
      <c r="AK5404" t="s">
        <v>6</v>
      </c>
      <c r="AL5404">
        <v>0</v>
      </c>
      <c r="AM5404">
        <v>0</v>
      </c>
      <c r="AN5404">
        <v>0</v>
      </c>
      <c r="AO5404">
        <v>0</v>
      </c>
      <c r="AP5404">
        <v>0</v>
      </c>
      <c r="AQ5404">
        <v>0</v>
      </c>
      <c r="AR5404">
        <v>0</v>
      </c>
      <c r="AS5404">
        <v>0</v>
      </c>
      <c r="AT5404">
        <v>0</v>
      </c>
      <c r="AU5404">
        <v>0</v>
      </c>
      <c r="AV5404">
        <v>0</v>
      </c>
      <c r="AW5404">
        <v>0</v>
      </c>
      <c r="AX5404">
        <v>0</v>
      </c>
      <c r="AY5404">
        <v>0</v>
      </c>
      <c r="AZ5404">
        <v>0</v>
      </c>
      <c r="BA5404">
        <v>0</v>
      </c>
    </row>
    <row r="5405" spans="1:53" x14ac:dyDescent="0.4">
      <c r="A5405">
        <v>5449</v>
      </c>
      <c r="B5405" s="1">
        <v>44896</v>
      </c>
      <c r="C5405">
        <v>2</v>
      </c>
      <c r="D5405" s="1">
        <v>44896.445138888892</v>
      </c>
      <c r="E5405" s="1">
        <v>44896.749305555553</v>
      </c>
      <c r="F5405">
        <v>26210</v>
      </c>
      <c r="G5405">
        <v>770</v>
      </c>
      <c r="H5405">
        <v>0</v>
      </c>
      <c r="I5405">
        <v>0</v>
      </c>
      <c r="J5405">
        <v>0</v>
      </c>
      <c r="K5405">
        <v>0</v>
      </c>
      <c r="L5405">
        <v>0</v>
      </c>
      <c r="M5405">
        <v>2451</v>
      </c>
      <c r="N5405">
        <v>0</v>
      </c>
      <c r="O5405">
        <v>0</v>
      </c>
      <c r="P5405">
        <v>22330</v>
      </c>
      <c r="Q5405">
        <v>0</v>
      </c>
      <c r="R5405">
        <v>49310</v>
      </c>
      <c r="S5405">
        <v>0</v>
      </c>
      <c r="T5405">
        <v>0</v>
      </c>
      <c r="U5405">
        <v>0</v>
      </c>
      <c r="V5405">
        <v>3</v>
      </c>
      <c r="W5405">
        <v>0</v>
      </c>
      <c r="X5405">
        <v>0</v>
      </c>
      <c r="Y5405">
        <v>35</v>
      </c>
      <c r="Z5405">
        <v>30</v>
      </c>
      <c r="AA5405">
        <v>128</v>
      </c>
      <c r="AB5405">
        <v>28</v>
      </c>
      <c r="AC5405">
        <v>145</v>
      </c>
      <c r="AD5405">
        <v>20</v>
      </c>
      <c r="AE5405">
        <v>102</v>
      </c>
      <c r="AF5405">
        <v>3458</v>
      </c>
      <c r="AG5405">
        <v>99310</v>
      </c>
      <c r="AH5405">
        <v>50000</v>
      </c>
      <c r="AI5405">
        <v>0</v>
      </c>
      <c r="AJ5405">
        <v>119</v>
      </c>
      <c r="AK5405" t="s">
        <v>56</v>
      </c>
      <c r="AL5405">
        <v>0</v>
      </c>
      <c r="AM5405">
        <v>0</v>
      </c>
      <c r="AN5405">
        <v>0</v>
      </c>
      <c r="AO5405">
        <v>0</v>
      </c>
      <c r="AP5405">
        <v>0</v>
      </c>
      <c r="AQ5405">
        <v>0</v>
      </c>
      <c r="AR5405">
        <v>0</v>
      </c>
      <c r="AS5405">
        <v>0</v>
      </c>
      <c r="AT5405">
        <v>0</v>
      </c>
      <c r="AU5405">
        <v>0</v>
      </c>
      <c r="AV5405">
        <v>0</v>
      </c>
      <c r="AW5405">
        <v>0</v>
      </c>
      <c r="AX5405">
        <v>-1282</v>
      </c>
      <c r="AY5405">
        <v>42</v>
      </c>
      <c r="AZ5405">
        <v>72</v>
      </c>
      <c r="BA5405">
        <v>6839</v>
      </c>
    </row>
    <row r="5406" spans="1:53" x14ac:dyDescent="0.4">
      <c r="A5406">
        <v>5450</v>
      </c>
      <c r="B5406" s="1">
        <v>44896</v>
      </c>
      <c r="C5406">
        <v>3</v>
      </c>
      <c r="D5406" s="1">
        <v>44896.749305555553</v>
      </c>
      <c r="E5406" s="1">
        <v>44896.950694444444</v>
      </c>
      <c r="F5406">
        <v>32840</v>
      </c>
      <c r="G5406">
        <v>2695</v>
      </c>
      <c r="H5406">
        <v>0</v>
      </c>
      <c r="I5406">
        <v>0</v>
      </c>
      <c r="J5406">
        <v>0</v>
      </c>
      <c r="K5406">
        <v>0</v>
      </c>
      <c r="L5406">
        <v>0</v>
      </c>
      <c r="M5406">
        <v>3228</v>
      </c>
      <c r="N5406">
        <v>0</v>
      </c>
      <c r="O5406">
        <v>0</v>
      </c>
      <c r="P5406">
        <v>-22330</v>
      </c>
      <c r="Q5406">
        <v>0</v>
      </c>
      <c r="R5406">
        <v>13205</v>
      </c>
      <c r="S5406">
        <v>0</v>
      </c>
      <c r="T5406">
        <v>0</v>
      </c>
      <c r="U5406">
        <v>0</v>
      </c>
      <c r="V5406">
        <v>4</v>
      </c>
      <c r="W5406">
        <v>0</v>
      </c>
      <c r="X5406">
        <v>0</v>
      </c>
      <c r="Y5406">
        <v>37</v>
      </c>
      <c r="Z5406">
        <v>31</v>
      </c>
      <c r="AA5406">
        <v>134</v>
      </c>
      <c r="AB5406">
        <v>25</v>
      </c>
      <c r="AC5406">
        <v>152</v>
      </c>
      <c r="AD5406">
        <v>18</v>
      </c>
      <c r="AE5406">
        <v>97</v>
      </c>
      <c r="AF5406">
        <v>3458</v>
      </c>
      <c r="AG5406">
        <v>112315</v>
      </c>
      <c r="AH5406">
        <v>50000</v>
      </c>
      <c r="AI5406">
        <v>-200</v>
      </c>
      <c r="AJ5406">
        <v>74</v>
      </c>
      <c r="AK5406" t="s">
        <v>64</v>
      </c>
      <c r="AL5406">
        <v>0</v>
      </c>
      <c r="AM5406">
        <v>0</v>
      </c>
      <c r="AN5406">
        <v>0</v>
      </c>
      <c r="AO5406">
        <v>0</v>
      </c>
      <c r="AP5406">
        <v>0</v>
      </c>
      <c r="AQ5406">
        <v>0</v>
      </c>
      <c r="AR5406">
        <v>0</v>
      </c>
      <c r="AS5406">
        <v>0</v>
      </c>
      <c r="AT5406">
        <v>0</v>
      </c>
      <c r="AU5406">
        <v>0</v>
      </c>
      <c r="AV5406">
        <v>0</v>
      </c>
      <c r="AW5406">
        <v>0</v>
      </c>
      <c r="AX5406">
        <v>0</v>
      </c>
      <c r="AY5406">
        <v>8</v>
      </c>
      <c r="AZ5406">
        <v>17</v>
      </c>
      <c r="BA5406">
        <v>2346</v>
      </c>
    </row>
    <row r="5407" spans="1:53" x14ac:dyDescent="0.4">
      <c r="A5407">
        <v>5451</v>
      </c>
      <c r="B5407" s="1">
        <v>44897</v>
      </c>
      <c r="C5407">
        <v>1</v>
      </c>
      <c r="D5407" s="1">
        <v>44897.291666666664</v>
      </c>
      <c r="E5407" s="1">
        <v>44897.438888888886</v>
      </c>
      <c r="F5407">
        <v>0</v>
      </c>
      <c r="G5407">
        <v>0</v>
      </c>
      <c r="H5407">
        <v>0</v>
      </c>
      <c r="I5407">
        <v>0</v>
      </c>
      <c r="J5407">
        <v>0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0</v>
      </c>
      <c r="R5407">
        <v>0</v>
      </c>
      <c r="S5407">
        <v>0</v>
      </c>
      <c r="T5407">
        <v>0</v>
      </c>
      <c r="U5407">
        <v>0</v>
      </c>
      <c r="V5407">
        <v>0</v>
      </c>
      <c r="W5407">
        <v>0</v>
      </c>
      <c r="X5407">
        <v>0</v>
      </c>
      <c r="Y5407">
        <v>30</v>
      </c>
      <c r="Z5407">
        <v>10</v>
      </c>
      <c r="AA5407">
        <v>125</v>
      </c>
      <c r="AB5407">
        <v>25</v>
      </c>
      <c r="AC5407">
        <v>107</v>
      </c>
      <c r="AD5407">
        <v>18</v>
      </c>
      <c r="AE5407">
        <v>90</v>
      </c>
      <c r="AF5407">
        <v>0</v>
      </c>
      <c r="AG5407">
        <v>50000</v>
      </c>
      <c r="AH5407">
        <v>50000</v>
      </c>
      <c r="AI5407">
        <v>0</v>
      </c>
      <c r="AJ5407">
        <v>0</v>
      </c>
      <c r="AK5407" t="s">
        <v>6</v>
      </c>
      <c r="AL5407">
        <v>0</v>
      </c>
      <c r="AM5407">
        <v>0</v>
      </c>
      <c r="AN5407">
        <v>0</v>
      </c>
      <c r="AO5407">
        <v>0</v>
      </c>
      <c r="AP5407">
        <v>0</v>
      </c>
      <c r="AQ5407">
        <v>0</v>
      </c>
      <c r="AR5407">
        <v>0</v>
      </c>
      <c r="AS5407">
        <v>0</v>
      </c>
      <c r="AT5407">
        <v>0</v>
      </c>
      <c r="AU5407">
        <v>0</v>
      </c>
      <c r="AV5407">
        <v>0</v>
      </c>
      <c r="AW5407">
        <v>0</v>
      </c>
      <c r="AX5407">
        <v>0</v>
      </c>
      <c r="AY5407">
        <v>0</v>
      </c>
      <c r="AZ5407">
        <v>0</v>
      </c>
      <c r="BA5407">
        <v>0</v>
      </c>
    </row>
    <row r="5408" spans="1:53" x14ac:dyDescent="0.4">
      <c r="A5408">
        <v>5452</v>
      </c>
      <c r="B5408" s="1">
        <v>44897</v>
      </c>
      <c r="C5408">
        <v>2</v>
      </c>
      <c r="D5408" s="1">
        <v>44897.438888888886</v>
      </c>
      <c r="E5408" s="1">
        <v>44897.765277777777</v>
      </c>
      <c r="F5408">
        <v>21660</v>
      </c>
      <c r="G5408">
        <v>462</v>
      </c>
      <c r="H5408">
        <v>0</v>
      </c>
      <c r="I5408">
        <v>0</v>
      </c>
      <c r="J5408">
        <v>0</v>
      </c>
      <c r="K5408">
        <v>0</v>
      </c>
      <c r="L5408">
        <v>0</v>
      </c>
      <c r="M5408">
        <v>2009</v>
      </c>
      <c r="N5408">
        <v>0</v>
      </c>
      <c r="O5408">
        <v>0</v>
      </c>
      <c r="P5408">
        <v>12880</v>
      </c>
      <c r="Q5408">
        <v>0</v>
      </c>
      <c r="R5408">
        <v>35002</v>
      </c>
      <c r="S5408">
        <v>0</v>
      </c>
      <c r="T5408">
        <v>0</v>
      </c>
      <c r="U5408">
        <v>0</v>
      </c>
      <c r="V5408">
        <v>0</v>
      </c>
      <c r="W5408">
        <v>3</v>
      </c>
      <c r="X5408">
        <v>0</v>
      </c>
      <c r="Y5408">
        <v>46</v>
      </c>
      <c r="Z5408">
        <v>14</v>
      </c>
      <c r="AA5408">
        <v>135</v>
      </c>
      <c r="AB5408">
        <v>28</v>
      </c>
      <c r="AC5408">
        <v>132</v>
      </c>
      <c r="AD5408">
        <v>18</v>
      </c>
      <c r="AE5408">
        <v>92</v>
      </c>
      <c r="AF5408">
        <v>0</v>
      </c>
      <c r="AG5408">
        <v>84402</v>
      </c>
      <c r="AH5408">
        <v>50000</v>
      </c>
      <c r="AI5408">
        <v>-600</v>
      </c>
      <c r="AJ5408">
        <v>35</v>
      </c>
      <c r="AL5408">
        <v>0</v>
      </c>
      <c r="AM5408">
        <v>0</v>
      </c>
      <c r="AN5408">
        <v>0</v>
      </c>
      <c r="AO5408">
        <v>0</v>
      </c>
      <c r="AP5408">
        <v>0</v>
      </c>
      <c r="AQ5408">
        <v>0</v>
      </c>
      <c r="AR5408">
        <v>0</v>
      </c>
      <c r="AS5408">
        <v>0</v>
      </c>
      <c r="AT5408">
        <v>0</v>
      </c>
      <c r="AU5408">
        <v>0</v>
      </c>
      <c r="AV5408">
        <v>0</v>
      </c>
      <c r="AW5408">
        <v>0</v>
      </c>
      <c r="AX5408">
        <v>440</v>
      </c>
      <c r="AY5408">
        <v>34</v>
      </c>
      <c r="AZ5408">
        <v>56</v>
      </c>
      <c r="BA5408">
        <v>5068</v>
      </c>
    </row>
    <row r="5409" spans="1:53" x14ac:dyDescent="0.4">
      <c r="A5409">
        <v>5453</v>
      </c>
      <c r="B5409" s="1">
        <v>44897</v>
      </c>
      <c r="C5409">
        <v>3</v>
      </c>
      <c r="D5409" s="1">
        <v>44897.765277777777</v>
      </c>
      <c r="E5409" s="1">
        <v>44897.771527777775</v>
      </c>
      <c r="F5409">
        <v>0</v>
      </c>
      <c r="G5409">
        <v>0</v>
      </c>
      <c r="H5409">
        <v>0</v>
      </c>
      <c r="I5409">
        <v>0</v>
      </c>
      <c r="J5409">
        <v>0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0</v>
      </c>
      <c r="R5409">
        <v>0</v>
      </c>
      <c r="S5409">
        <v>0</v>
      </c>
      <c r="T5409">
        <v>0</v>
      </c>
      <c r="U5409">
        <v>0</v>
      </c>
      <c r="V5409">
        <v>0</v>
      </c>
      <c r="W5409">
        <v>3</v>
      </c>
      <c r="X5409">
        <v>0</v>
      </c>
      <c r="Y5409">
        <v>46</v>
      </c>
      <c r="Z5409">
        <v>14</v>
      </c>
      <c r="AA5409">
        <v>135</v>
      </c>
      <c r="AB5409">
        <v>28</v>
      </c>
      <c r="AC5409">
        <v>132</v>
      </c>
      <c r="AD5409">
        <v>18</v>
      </c>
      <c r="AE5409">
        <v>92</v>
      </c>
      <c r="AF5409">
        <v>600</v>
      </c>
      <c r="AG5409">
        <v>85002</v>
      </c>
      <c r="AH5409">
        <v>50000</v>
      </c>
      <c r="AI5409">
        <v>0</v>
      </c>
      <c r="AJ5409">
        <v>35</v>
      </c>
      <c r="AL5409">
        <v>0</v>
      </c>
      <c r="AM5409">
        <v>0</v>
      </c>
      <c r="AN5409">
        <v>0</v>
      </c>
      <c r="AO5409">
        <v>0</v>
      </c>
      <c r="AP5409">
        <v>0</v>
      </c>
      <c r="AQ5409">
        <v>0</v>
      </c>
      <c r="AR5409">
        <v>0</v>
      </c>
      <c r="AS5409">
        <v>0</v>
      </c>
      <c r="AT5409">
        <v>0</v>
      </c>
      <c r="AU5409">
        <v>0</v>
      </c>
      <c r="AV5409">
        <v>0</v>
      </c>
      <c r="AW5409">
        <v>0</v>
      </c>
      <c r="AX5409">
        <v>440</v>
      </c>
      <c r="AY5409">
        <v>0</v>
      </c>
      <c r="AZ5409">
        <v>0</v>
      </c>
      <c r="BA5409">
        <v>117</v>
      </c>
    </row>
    <row r="5410" spans="1:53" x14ac:dyDescent="0.4">
      <c r="A5410">
        <v>5454</v>
      </c>
      <c r="B5410" s="1">
        <v>44897</v>
      </c>
      <c r="C5410">
        <v>4</v>
      </c>
      <c r="D5410" s="1">
        <v>44897.771527777775</v>
      </c>
      <c r="E5410" s="1">
        <v>44898.054166666669</v>
      </c>
      <c r="F5410">
        <v>131120</v>
      </c>
      <c r="G5410">
        <v>2607</v>
      </c>
      <c r="H5410">
        <v>0</v>
      </c>
      <c r="I5410">
        <v>0</v>
      </c>
      <c r="J5410">
        <v>0</v>
      </c>
      <c r="K5410">
        <v>0</v>
      </c>
      <c r="L5410">
        <v>0</v>
      </c>
      <c r="M5410">
        <v>12156</v>
      </c>
      <c r="N5410">
        <v>0</v>
      </c>
      <c r="O5410">
        <v>0</v>
      </c>
      <c r="P5410">
        <v>12918</v>
      </c>
      <c r="Q5410">
        <v>0</v>
      </c>
      <c r="R5410">
        <v>146645</v>
      </c>
      <c r="S5410">
        <v>0</v>
      </c>
      <c r="T5410">
        <v>0</v>
      </c>
      <c r="U5410">
        <v>0</v>
      </c>
      <c r="V5410">
        <v>12</v>
      </c>
      <c r="W5410">
        <v>1</v>
      </c>
      <c r="X5410">
        <v>0</v>
      </c>
      <c r="Y5410">
        <v>74</v>
      </c>
      <c r="Z5410">
        <v>9</v>
      </c>
      <c r="AA5410">
        <v>118</v>
      </c>
      <c r="AB5410">
        <v>24</v>
      </c>
      <c r="AC5410">
        <v>125</v>
      </c>
      <c r="AD5410">
        <v>17</v>
      </c>
      <c r="AE5410">
        <v>92</v>
      </c>
      <c r="AF5410">
        <v>13720</v>
      </c>
      <c r="AG5410">
        <v>231647</v>
      </c>
      <c r="AH5410">
        <v>50000</v>
      </c>
      <c r="AI5410">
        <v>0</v>
      </c>
      <c r="AJ5410">
        <v>108</v>
      </c>
      <c r="AK5410" t="s">
        <v>3</v>
      </c>
      <c r="AL5410">
        <v>0</v>
      </c>
      <c r="AM5410">
        <v>0</v>
      </c>
      <c r="AN5410">
        <v>0</v>
      </c>
      <c r="AO5410">
        <v>0</v>
      </c>
      <c r="AP5410">
        <v>0</v>
      </c>
      <c r="AQ5410">
        <v>0</v>
      </c>
      <c r="AR5410">
        <v>0</v>
      </c>
      <c r="AS5410">
        <v>0</v>
      </c>
      <c r="AT5410">
        <v>0</v>
      </c>
      <c r="AU5410">
        <v>0</v>
      </c>
      <c r="AV5410">
        <v>0</v>
      </c>
      <c r="AW5410">
        <v>0</v>
      </c>
      <c r="AX5410">
        <v>4060</v>
      </c>
      <c r="AY5410">
        <v>20</v>
      </c>
      <c r="AZ5410">
        <v>63</v>
      </c>
      <c r="BA5410">
        <v>3025</v>
      </c>
    </row>
    <row r="5411" spans="1:53" x14ac:dyDescent="0.4">
      <c r="A5411">
        <v>5455</v>
      </c>
      <c r="B5411" s="1">
        <v>44898</v>
      </c>
      <c r="C5411">
        <v>1</v>
      </c>
      <c r="D5411" s="1">
        <v>44898.291666666664</v>
      </c>
      <c r="E5411" s="1">
        <v>44898.405555555553</v>
      </c>
      <c r="F5411">
        <v>0</v>
      </c>
      <c r="G5411">
        <v>0</v>
      </c>
      <c r="H5411">
        <v>0</v>
      </c>
      <c r="I5411">
        <v>0</v>
      </c>
      <c r="J5411">
        <v>0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0</v>
      </c>
      <c r="R5411">
        <v>0</v>
      </c>
      <c r="S5411">
        <v>0</v>
      </c>
      <c r="T5411">
        <v>0</v>
      </c>
      <c r="U5411">
        <v>0</v>
      </c>
      <c r="V5411">
        <v>0</v>
      </c>
      <c r="W5411">
        <v>1</v>
      </c>
      <c r="X5411">
        <v>0</v>
      </c>
      <c r="Y5411">
        <v>26</v>
      </c>
      <c r="Z5411">
        <v>10</v>
      </c>
      <c r="AA5411">
        <v>115</v>
      </c>
      <c r="AB5411">
        <v>23</v>
      </c>
      <c r="AC5411">
        <v>118</v>
      </c>
      <c r="AD5411">
        <v>17</v>
      </c>
      <c r="AE5411">
        <v>85</v>
      </c>
      <c r="AF5411">
        <v>0</v>
      </c>
      <c r="AG5411">
        <v>50000</v>
      </c>
      <c r="AH5411">
        <v>50000</v>
      </c>
      <c r="AI5411">
        <v>0</v>
      </c>
      <c r="AJ5411">
        <v>0</v>
      </c>
      <c r="AK5411" t="s">
        <v>6</v>
      </c>
      <c r="AL5411">
        <v>0</v>
      </c>
      <c r="AM5411">
        <v>0</v>
      </c>
      <c r="AN5411">
        <v>0</v>
      </c>
      <c r="AO5411">
        <v>0</v>
      </c>
      <c r="AP5411">
        <v>0</v>
      </c>
      <c r="AQ5411">
        <v>0</v>
      </c>
      <c r="AR5411">
        <v>0</v>
      </c>
      <c r="AS5411">
        <v>0</v>
      </c>
      <c r="AT5411">
        <v>0</v>
      </c>
      <c r="AU5411">
        <v>0</v>
      </c>
      <c r="AV5411">
        <v>0</v>
      </c>
      <c r="AW5411">
        <v>0</v>
      </c>
      <c r="AX5411">
        <v>0</v>
      </c>
      <c r="AY5411">
        <v>0</v>
      </c>
      <c r="AZ5411">
        <v>0</v>
      </c>
      <c r="BA5411">
        <v>0</v>
      </c>
    </row>
    <row r="5412" spans="1:53" x14ac:dyDescent="0.4">
      <c r="A5412">
        <v>5456</v>
      </c>
      <c r="B5412" s="1">
        <v>44898</v>
      </c>
      <c r="C5412">
        <v>2</v>
      </c>
      <c r="D5412" s="1">
        <v>44898.405555555553</v>
      </c>
      <c r="E5412" s="1">
        <v>44898.726388888892</v>
      </c>
      <c r="F5412">
        <v>28230</v>
      </c>
      <c r="G5412">
        <v>1496</v>
      </c>
      <c r="H5412">
        <v>220</v>
      </c>
      <c r="I5412">
        <v>0</v>
      </c>
      <c r="J5412">
        <v>0</v>
      </c>
      <c r="K5412">
        <v>1600</v>
      </c>
      <c r="L5412">
        <v>0</v>
      </c>
      <c r="M5412">
        <v>2863</v>
      </c>
      <c r="N5412">
        <v>0</v>
      </c>
      <c r="O5412">
        <v>0</v>
      </c>
      <c r="P5412">
        <v>24220</v>
      </c>
      <c r="Q5412">
        <v>0</v>
      </c>
      <c r="R5412">
        <v>55766</v>
      </c>
      <c r="S5412">
        <v>0</v>
      </c>
      <c r="T5412">
        <v>0</v>
      </c>
      <c r="U5412">
        <v>0</v>
      </c>
      <c r="V5412">
        <v>2</v>
      </c>
      <c r="W5412">
        <v>1</v>
      </c>
      <c r="X5412">
        <v>0</v>
      </c>
      <c r="Y5412">
        <v>57</v>
      </c>
      <c r="Z5412">
        <v>8</v>
      </c>
      <c r="AA5412">
        <v>147</v>
      </c>
      <c r="AB5412">
        <v>25</v>
      </c>
      <c r="AC5412">
        <v>124</v>
      </c>
      <c r="AD5412">
        <v>17</v>
      </c>
      <c r="AE5412">
        <v>87</v>
      </c>
      <c r="AF5412">
        <v>2624</v>
      </c>
      <c r="AG5412">
        <v>105986</v>
      </c>
      <c r="AH5412">
        <v>50000</v>
      </c>
      <c r="AI5412">
        <v>220</v>
      </c>
      <c r="AJ5412">
        <v>115</v>
      </c>
      <c r="AK5412" t="s">
        <v>55</v>
      </c>
      <c r="AL5412">
        <v>0</v>
      </c>
      <c r="AM5412">
        <v>0</v>
      </c>
      <c r="AN5412">
        <v>0</v>
      </c>
      <c r="AO5412">
        <v>0</v>
      </c>
      <c r="AP5412">
        <v>0</v>
      </c>
      <c r="AQ5412">
        <v>0</v>
      </c>
      <c r="AR5412">
        <v>0</v>
      </c>
      <c r="AS5412">
        <v>0</v>
      </c>
      <c r="AT5412">
        <v>0</v>
      </c>
      <c r="AU5412">
        <v>0</v>
      </c>
      <c r="AV5412">
        <v>0</v>
      </c>
      <c r="AW5412">
        <v>0</v>
      </c>
      <c r="AX5412">
        <v>440</v>
      </c>
      <c r="AY5412">
        <v>42</v>
      </c>
      <c r="AZ5412">
        <v>81</v>
      </c>
      <c r="BA5412">
        <v>6435</v>
      </c>
    </row>
    <row r="5413" spans="1:53" x14ac:dyDescent="0.4">
      <c r="A5413">
        <v>5457</v>
      </c>
      <c r="B5413" s="1">
        <v>44898</v>
      </c>
      <c r="C5413">
        <v>3</v>
      </c>
      <c r="D5413" s="1">
        <v>44898.726388888892</v>
      </c>
      <c r="E5413" s="1">
        <v>44899.098611111112</v>
      </c>
      <c r="F5413">
        <v>173950</v>
      </c>
      <c r="G5413">
        <v>4532</v>
      </c>
      <c r="H5413">
        <v>0</v>
      </c>
      <c r="I5413">
        <v>0</v>
      </c>
      <c r="J5413">
        <v>200</v>
      </c>
      <c r="K5413">
        <v>0</v>
      </c>
      <c r="L5413">
        <v>0</v>
      </c>
      <c r="M5413">
        <v>16204</v>
      </c>
      <c r="N5413">
        <v>0</v>
      </c>
      <c r="O5413">
        <v>0</v>
      </c>
      <c r="P5413">
        <v>4680</v>
      </c>
      <c r="Q5413">
        <v>0</v>
      </c>
      <c r="R5413">
        <v>182962</v>
      </c>
      <c r="S5413">
        <v>0</v>
      </c>
      <c r="T5413">
        <v>0</v>
      </c>
      <c r="U5413">
        <v>0</v>
      </c>
      <c r="V5413">
        <v>16</v>
      </c>
      <c r="W5413">
        <v>4</v>
      </c>
      <c r="X5413">
        <v>0</v>
      </c>
      <c r="Y5413">
        <v>83</v>
      </c>
      <c r="Z5413">
        <v>7</v>
      </c>
      <c r="AA5413">
        <v>159</v>
      </c>
      <c r="AB5413">
        <v>28</v>
      </c>
      <c r="AC5413">
        <v>129</v>
      </c>
      <c r="AD5413">
        <v>18</v>
      </c>
      <c r="AE5413">
        <v>84</v>
      </c>
      <c r="AF5413">
        <v>3464</v>
      </c>
      <c r="AG5413">
        <v>288728</v>
      </c>
      <c r="AH5413">
        <v>50000</v>
      </c>
      <c r="AI5413">
        <v>0</v>
      </c>
      <c r="AJ5413">
        <v>108</v>
      </c>
      <c r="AK5413" t="s">
        <v>3</v>
      </c>
      <c r="AL5413">
        <v>0</v>
      </c>
      <c r="AM5413">
        <v>0</v>
      </c>
      <c r="AN5413">
        <v>0</v>
      </c>
      <c r="AO5413">
        <v>0</v>
      </c>
      <c r="AP5413">
        <v>0</v>
      </c>
      <c r="AQ5413">
        <v>0</v>
      </c>
      <c r="AR5413">
        <v>0</v>
      </c>
      <c r="AS5413">
        <v>0</v>
      </c>
      <c r="AT5413">
        <v>0</v>
      </c>
      <c r="AU5413">
        <v>0</v>
      </c>
      <c r="AV5413">
        <v>0</v>
      </c>
      <c r="AW5413">
        <v>0</v>
      </c>
      <c r="AX5413">
        <v>-3307</v>
      </c>
      <c r="AY5413">
        <v>32</v>
      </c>
      <c r="AZ5413">
        <v>92</v>
      </c>
      <c r="BA5413">
        <v>5139</v>
      </c>
    </row>
    <row r="5414" spans="1:53" x14ac:dyDescent="0.4">
      <c r="A5414">
        <v>5458</v>
      </c>
      <c r="B5414" s="1">
        <v>44899</v>
      </c>
      <c r="C5414">
        <v>1</v>
      </c>
      <c r="D5414" s="1">
        <v>44899.291666666664</v>
      </c>
      <c r="E5414" s="1">
        <v>44899.393055555556</v>
      </c>
      <c r="F5414">
        <v>0</v>
      </c>
      <c r="G5414">
        <v>0</v>
      </c>
      <c r="H5414">
        <v>0</v>
      </c>
      <c r="I5414">
        <v>0</v>
      </c>
      <c r="J5414">
        <v>0</v>
      </c>
      <c r="K5414">
        <v>0</v>
      </c>
      <c r="L5414">
        <v>0</v>
      </c>
      <c r="M5414">
        <v>0</v>
      </c>
      <c r="N5414">
        <v>0</v>
      </c>
      <c r="O5414">
        <v>0</v>
      </c>
      <c r="P5414">
        <v>0</v>
      </c>
      <c r="Q5414">
        <v>0</v>
      </c>
      <c r="R5414">
        <v>0</v>
      </c>
      <c r="S5414">
        <v>0</v>
      </c>
      <c r="T5414">
        <v>0</v>
      </c>
      <c r="U5414">
        <v>0</v>
      </c>
      <c r="V5414">
        <v>0</v>
      </c>
      <c r="W5414">
        <v>1</v>
      </c>
      <c r="X5414">
        <v>0</v>
      </c>
      <c r="Y5414">
        <v>25</v>
      </c>
      <c r="Z5414">
        <v>7</v>
      </c>
      <c r="AA5414">
        <v>136</v>
      </c>
      <c r="AB5414">
        <v>29</v>
      </c>
      <c r="AC5414">
        <v>127</v>
      </c>
      <c r="AD5414">
        <v>18</v>
      </c>
      <c r="AE5414">
        <v>90</v>
      </c>
      <c r="AF5414">
        <v>0</v>
      </c>
      <c r="AG5414">
        <v>50000</v>
      </c>
      <c r="AH5414">
        <v>50000</v>
      </c>
      <c r="AI5414">
        <v>0</v>
      </c>
      <c r="AJ5414">
        <v>0</v>
      </c>
      <c r="AK5414" t="s">
        <v>6</v>
      </c>
      <c r="AL5414">
        <v>0</v>
      </c>
      <c r="AM5414">
        <v>0</v>
      </c>
      <c r="AN5414">
        <v>0</v>
      </c>
      <c r="AO5414">
        <v>0</v>
      </c>
      <c r="AP5414">
        <v>0</v>
      </c>
      <c r="AQ5414">
        <v>0</v>
      </c>
      <c r="AR5414">
        <v>0</v>
      </c>
      <c r="AS5414">
        <v>0</v>
      </c>
      <c r="AT5414">
        <v>0</v>
      </c>
      <c r="AU5414">
        <v>0</v>
      </c>
      <c r="AV5414">
        <v>0</v>
      </c>
      <c r="AW5414">
        <v>0</v>
      </c>
      <c r="AX5414">
        <v>0</v>
      </c>
      <c r="AY5414">
        <v>0</v>
      </c>
      <c r="AZ5414">
        <v>0</v>
      </c>
      <c r="BA5414">
        <v>0</v>
      </c>
    </row>
    <row r="5415" spans="1:53" x14ac:dyDescent="0.4">
      <c r="A5415">
        <v>5459</v>
      </c>
      <c r="B5415" s="1">
        <v>44899</v>
      </c>
      <c r="C5415">
        <v>2</v>
      </c>
      <c r="D5415" s="1">
        <v>44899.393055555556</v>
      </c>
      <c r="E5415" s="1">
        <v>44899.750694444447</v>
      </c>
      <c r="F5415">
        <v>55100</v>
      </c>
      <c r="G5415">
        <v>5698</v>
      </c>
      <c r="H5415">
        <v>0</v>
      </c>
      <c r="I5415">
        <v>0</v>
      </c>
      <c r="J5415">
        <v>0</v>
      </c>
      <c r="K5415">
        <v>0</v>
      </c>
      <c r="L5415">
        <v>0</v>
      </c>
      <c r="M5415">
        <v>5525</v>
      </c>
      <c r="N5415">
        <v>0</v>
      </c>
      <c r="O5415">
        <v>0</v>
      </c>
      <c r="P5415">
        <v>24520</v>
      </c>
      <c r="Q5415">
        <v>0</v>
      </c>
      <c r="R5415">
        <v>85318</v>
      </c>
      <c r="S5415">
        <v>0</v>
      </c>
      <c r="T5415">
        <v>0</v>
      </c>
      <c r="U5415">
        <v>0</v>
      </c>
      <c r="V5415">
        <v>0</v>
      </c>
      <c r="W5415">
        <v>6</v>
      </c>
      <c r="X5415">
        <v>0</v>
      </c>
      <c r="Y5415">
        <v>63</v>
      </c>
      <c r="Z5415">
        <v>21</v>
      </c>
      <c r="AA5415">
        <v>159</v>
      </c>
      <c r="AB5415">
        <v>35</v>
      </c>
      <c r="AC5415">
        <v>156</v>
      </c>
      <c r="AD5415">
        <v>16</v>
      </c>
      <c r="AE5415">
        <v>78</v>
      </c>
      <c r="AF5415">
        <v>12450</v>
      </c>
      <c r="AG5415">
        <v>135318</v>
      </c>
      <c r="AH5415">
        <v>50000</v>
      </c>
      <c r="AI5415">
        <v>0</v>
      </c>
      <c r="AJ5415">
        <v>118</v>
      </c>
      <c r="AK5415" t="s">
        <v>59</v>
      </c>
      <c r="AL5415">
        <v>0</v>
      </c>
      <c r="AM5415">
        <v>0</v>
      </c>
      <c r="AN5415">
        <v>0</v>
      </c>
      <c r="AO5415">
        <v>0</v>
      </c>
      <c r="AP5415">
        <v>0</v>
      </c>
      <c r="AQ5415">
        <v>0</v>
      </c>
      <c r="AR5415">
        <v>0</v>
      </c>
      <c r="AS5415">
        <v>0</v>
      </c>
      <c r="AT5415">
        <v>0</v>
      </c>
      <c r="AU5415">
        <v>0</v>
      </c>
      <c r="AV5415">
        <v>0</v>
      </c>
      <c r="AW5415">
        <v>0</v>
      </c>
      <c r="AX5415">
        <v>2530</v>
      </c>
      <c r="AY5415">
        <v>55</v>
      </c>
      <c r="AZ5415">
        <v>128</v>
      </c>
      <c r="BA5415">
        <v>8457</v>
      </c>
    </row>
    <row r="5416" spans="1:53" x14ac:dyDescent="0.4">
      <c r="A5416">
        <v>5460</v>
      </c>
      <c r="B5416" s="1">
        <v>44899</v>
      </c>
      <c r="C5416">
        <v>3</v>
      </c>
      <c r="D5416" s="1">
        <v>44899.750694444447</v>
      </c>
      <c r="E5416" s="1">
        <v>44899.991666666669</v>
      </c>
      <c r="F5416">
        <v>54195</v>
      </c>
      <c r="G5416">
        <v>3124</v>
      </c>
      <c r="H5416">
        <v>0</v>
      </c>
      <c r="I5416">
        <v>0</v>
      </c>
      <c r="J5416">
        <v>0</v>
      </c>
      <c r="K5416">
        <v>1700</v>
      </c>
      <c r="L5416">
        <v>0</v>
      </c>
      <c r="M5416">
        <v>5364</v>
      </c>
      <c r="N5416">
        <v>0</v>
      </c>
      <c r="O5416">
        <v>0</v>
      </c>
      <c r="P5416">
        <v>-24520</v>
      </c>
      <c r="Q5416">
        <v>0</v>
      </c>
      <c r="R5416">
        <v>34499</v>
      </c>
      <c r="S5416">
        <v>0</v>
      </c>
      <c r="T5416">
        <v>0</v>
      </c>
      <c r="U5416">
        <v>0</v>
      </c>
      <c r="V5416">
        <v>2</v>
      </c>
      <c r="W5416">
        <v>6</v>
      </c>
      <c r="X5416">
        <v>0</v>
      </c>
      <c r="Y5416">
        <v>72</v>
      </c>
      <c r="Z5416">
        <v>22</v>
      </c>
      <c r="AA5416">
        <v>162</v>
      </c>
      <c r="AB5416">
        <v>36</v>
      </c>
      <c r="AC5416">
        <v>156</v>
      </c>
      <c r="AD5416">
        <v>17</v>
      </c>
      <c r="AE5416">
        <v>78</v>
      </c>
      <c r="AF5416">
        <v>17094</v>
      </c>
      <c r="AG5416">
        <v>169817</v>
      </c>
      <c r="AH5416">
        <v>50000</v>
      </c>
      <c r="AI5416">
        <v>0</v>
      </c>
      <c r="AJ5416">
        <v>35</v>
      </c>
      <c r="AL5416">
        <v>0</v>
      </c>
      <c r="AM5416">
        <v>0</v>
      </c>
      <c r="AN5416">
        <v>0</v>
      </c>
      <c r="AO5416">
        <v>0</v>
      </c>
      <c r="AP5416">
        <v>0</v>
      </c>
      <c r="AQ5416">
        <v>0</v>
      </c>
      <c r="AR5416">
        <v>0</v>
      </c>
      <c r="AS5416">
        <v>0</v>
      </c>
      <c r="AT5416">
        <v>0</v>
      </c>
      <c r="AU5416">
        <v>0</v>
      </c>
      <c r="AV5416">
        <v>0</v>
      </c>
      <c r="AW5416">
        <v>0</v>
      </c>
      <c r="AX5416">
        <v>0</v>
      </c>
      <c r="AY5416">
        <v>6</v>
      </c>
      <c r="AZ5416">
        <v>18</v>
      </c>
      <c r="BA5416">
        <v>1885</v>
      </c>
    </row>
    <row r="5417" spans="1:53" x14ac:dyDescent="0.4">
      <c r="A5417">
        <v>5461</v>
      </c>
      <c r="B5417" s="1">
        <v>44900</v>
      </c>
      <c r="C5417">
        <v>1</v>
      </c>
      <c r="D5417" s="1">
        <v>44900.291666666664</v>
      </c>
      <c r="E5417" s="1">
        <v>44900.45208333333</v>
      </c>
      <c r="F5417">
        <v>0</v>
      </c>
      <c r="G5417">
        <v>0</v>
      </c>
      <c r="H5417">
        <v>0</v>
      </c>
      <c r="I5417">
        <v>0</v>
      </c>
      <c r="J5417">
        <v>0</v>
      </c>
      <c r="K5417">
        <v>0</v>
      </c>
      <c r="L5417">
        <v>0</v>
      </c>
      <c r="M5417">
        <v>0</v>
      </c>
      <c r="N5417">
        <v>0</v>
      </c>
      <c r="O5417">
        <v>0</v>
      </c>
      <c r="P5417">
        <v>0</v>
      </c>
      <c r="Q5417">
        <v>0</v>
      </c>
      <c r="R5417">
        <v>0</v>
      </c>
      <c r="S5417">
        <v>0</v>
      </c>
      <c r="T5417">
        <v>0</v>
      </c>
      <c r="U5417">
        <v>0</v>
      </c>
      <c r="V5417">
        <v>0</v>
      </c>
      <c r="W5417">
        <v>1</v>
      </c>
      <c r="X5417">
        <v>0</v>
      </c>
      <c r="Y5417">
        <v>25</v>
      </c>
      <c r="Z5417">
        <v>10</v>
      </c>
      <c r="AA5417">
        <v>122</v>
      </c>
      <c r="AB5417">
        <v>31</v>
      </c>
      <c r="AC5417">
        <v>109</v>
      </c>
      <c r="AD5417">
        <v>17</v>
      </c>
      <c r="AE5417">
        <v>75</v>
      </c>
      <c r="AF5417">
        <v>0</v>
      </c>
      <c r="AG5417">
        <v>50000</v>
      </c>
      <c r="AH5417">
        <v>50000</v>
      </c>
      <c r="AI5417">
        <v>0</v>
      </c>
      <c r="AJ5417">
        <v>0</v>
      </c>
      <c r="AK5417" t="s">
        <v>6</v>
      </c>
      <c r="AL5417">
        <v>0</v>
      </c>
      <c r="AM5417">
        <v>0</v>
      </c>
      <c r="AN5417">
        <v>0</v>
      </c>
      <c r="AO5417">
        <v>0</v>
      </c>
      <c r="AP5417">
        <v>0</v>
      </c>
      <c r="AQ5417">
        <v>0</v>
      </c>
      <c r="AR5417">
        <v>0</v>
      </c>
      <c r="AS5417">
        <v>0</v>
      </c>
      <c r="AT5417">
        <v>0</v>
      </c>
      <c r="AU5417">
        <v>0</v>
      </c>
      <c r="AV5417">
        <v>0</v>
      </c>
      <c r="AW5417">
        <v>0</v>
      </c>
      <c r="AX5417">
        <v>0</v>
      </c>
      <c r="AY5417">
        <v>0</v>
      </c>
      <c r="AZ5417">
        <v>0</v>
      </c>
      <c r="BA5417">
        <v>0</v>
      </c>
    </row>
    <row r="5418" spans="1:53" x14ac:dyDescent="0.4">
      <c r="A5418">
        <v>5462</v>
      </c>
      <c r="B5418" s="1">
        <v>44900</v>
      </c>
      <c r="C5418">
        <v>2</v>
      </c>
      <c r="D5418" s="1">
        <v>44900.45208333333</v>
      </c>
      <c r="E5418" s="1">
        <v>44900.75</v>
      </c>
      <c r="F5418">
        <v>21395</v>
      </c>
      <c r="G5418">
        <v>2784</v>
      </c>
      <c r="H5418">
        <v>0</v>
      </c>
      <c r="I5418">
        <v>0</v>
      </c>
      <c r="J5418">
        <v>100</v>
      </c>
      <c r="K5418">
        <v>0</v>
      </c>
      <c r="L5418">
        <v>0</v>
      </c>
      <c r="M5418">
        <v>2187</v>
      </c>
      <c r="N5418">
        <v>0</v>
      </c>
      <c r="O5418">
        <v>0</v>
      </c>
      <c r="P5418">
        <v>15600</v>
      </c>
      <c r="Q5418">
        <v>0</v>
      </c>
      <c r="R5418">
        <v>39679</v>
      </c>
      <c r="S5418">
        <v>0</v>
      </c>
      <c r="T5418">
        <v>0</v>
      </c>
      <c r="U5418">
        <v>0</v>
      </c>
      <c r="V5418">
        <v>1</v>
      </c>
      <c r="W5418">
        <v>2</v>
      </c>
      <c r="X5418">
        <v>0</v>
      </c>
      <c r="Y5418">
        <v>40</v>
      </c>
      <c r="Z5418">
        <v>20</v>
      </c>
      <c r="AA5418">
        <v>103</v>
      </c>
      <c r="AB5418">
        <v>30</v>
      </c>
      <c r="AC5418">
        <v>108</v>
      </c>
      <c r="AD5418">
        <v>16</v>
      </c>
      <c r="AE5418">
        <v>75</v>
      </c>
      <c r="AF5418">
        <v>6644</v>
      </c>
      <c r="AG5418">
        <v>89679</v>
      </c>
      <c r="AH5418">
        <v>50000</v>
      </c>
      <c r="AI5418">
        <v>0</v>
      </c>
      <c r="AJ5418">
        <v>119</v>
      </c>
      <c r="AK5418" t="s">
        <v>56</v>
      </c>
      <c r="AL5418">
        <v>0</v>
      </c>
      <c r="AM5418">
        <v>0</v>
      </c>
      <c r="AN5418">
        <v>0</v>
      </c>
      <c r="AO5418">
        <v>0</v>
      </c>
      <c r="AP5418">
        <v>0</v>
      </c>
      <c r="AQ5418">
        <v>0</v>
      </c>
      <c r="AR5418">
        <v>0</v>
      </c>
      <c r="AS5418">
        <v>0</v>
      </c>
      <c r="AT5418">
        <v>0</v>
      </c>
      <c r="AU5418">
        <v>0</v>
      </c>
      <c r="AV5418">
        <v>0</v>
      </c>
      <c r="AW5418">
        <v>0</v>
      </c>
      <c r="AX5418">
        <v>-760</v>
      </c>
      <c r="AY5418">
        <v>36</v>
      </c>
      <c r="AZ5418">
        <v>63</v>
      </c>
      <c r="BA5418">
        <v>4475</v>
      </c>
    </row>
    <row r="5419" spans="1:53" x14ac:dyDescent="0.4">
      <c r="A5419">
        <v>5463</v>
      </c>
      <c r="B5419" s="1">
        <v>44900</v>
      </c>
      <c r="C5419">
        <v>3</v>
      </c>
      <c r="D5419" s="1">
        <v>44900.75</v>
      </c>
      <c r="E5419" s="1">
        <v>44900.954861111109</v>
      </c>
      <c r="F5419">
        <v>19940</v>
      </c>
      <c r="G5419">
        <v>1800</v>
      </c>
      <c r="H5419">
        <v>220</v>
      </c>
      <c r="I5419">
        <v>0</v>
      </c>
      <c r="J5419">
        <v>200</v>
      </c>
      <c r="K5419">
        <v>0</v>
      </c>
      <c r="L5419">
        <v>0</v>
      </c>
      <c r="M5419">
        <v>1977</v>
      </c>
      <c r="N5419">
        <v>0</v>
      </c>
      <c r="O5419">
        <v>0</v>
      </c>
      <c r="P5419">
        <v>-15600</v>
      </c>
      <c r="Q5419">
        <v>0</v>
      </c>
      <c r="R5419">
        <v>6160</v>
      </c>
      <c r="S5419">
        <v>0</v>
      </c>
      <c r="T5419">
        <v>0</v>
      </c>
      <c r="U5419">
        <v>0</v>
      </c>
      <c r="V5419">
        <v>1</v>
      </c>
      <c r="W5419">
        <v>2</v>
      </c>
      <c r="X5419">
        <v>0</v>
      </c>
      <c r="Y5419">
        <v>40</v>
      </c>
      <c r="Z5419">
        <v>20</v>
      </c>
      <c r="AA5419">
        <v>112</v>
      </c>
      <c r="AB5419">
        <v>35</v>
      </c>
      <c r="AC5419">
        <v>111</v>
      </c>
      <c r="AD5419">
        <v>17</v>
      </c>
      <c r="AE5419">
        <v>79</v>
      </c>
      <c r="AF5419">
        <v>11615</v>
      </c>
      <c r="AG5419">
        <v>95839</v>
      </c>
      <c r="AH5419">
        <v>50000</v>
      </c>
      <c r="AI5419">
        <v>0</v>
      </c>
      <c r="AJ5419">
        <v>30</v>
      </c>
      <c r="AK5419" t="s">
        <v>63</v>
      </c>
      <c r="AL5419">
        <v>0</v>
      </c>
      <c r="AM5419">
        <v>0</v>
      </c>
      <c r="AN5419">
        <v>0</v>
      </c>
      <c r="AO5419">
        <v>0</v>
      </c>
      <c r="AP5419">
        <v>0</v>
      </c>
      <c r="AQ5419">
        <v>0</v>
      </c>
      <c r="AR5419">
        <v>0</v>
      </c>
      <c r="AS5419">
        <v>0</v>
      </c>
      <c r="AT5419">
        <v>0</v>
      </c>
      <c r="AU5419">
        <v>0</v>
      </c>
      <c r="AV5419">
        <v>0</v>
      </c>
      <c r="AW5419">
        <v>0</v>
      </c>
      <c r="AX5419">
        <v>1300</v>
      </c>
      <c r="AY5419">
        <v>3</v>
      </c>
      <c r="AZ5419">
        <v>6</v>
      </c>
      <c r="BA5419">
        <v>1527</v>
      </c>
    </row>
    <row r="5420" spans="1:53" x14ac:dyDescent="0.4">
      <c r="A5420">
        <v>5464</v>
      </c>
      <c r="B5420" s="1">
        <v>44901</v>
      </c>
      <c r="C5420">
        <v>1</v>
      </c>
      <c r="D5420" s="1">
        <v>44901.291666666664</v>
      </c>
      <c r="E5420" s="1">
        <v>44901.428472222222</v>
      </c>
      <c r="F5420">
        <v>0</v>
      </c>
      <c r="G5420">
        <v>0</v>
      </c>
      <c r="H5420">
        <v>0</v>
      </c>
      <c r="I5420">
        <v>0</v>
      </c>
      <c r="J5420">
        <v>0</v>
      </c>
      <c r="K5420">
        <v>0</v>
      </c>
      <c r="L5420">
        <v>0</v>
      </c>
      <c r="M5420">
        <v>0</v>
      </c>
      <c r="N5420">
        <v>0</v>
      </c>
      <c r="O5420">
        <v>0</v>
      </c>
      <c r="P5420">
        <v>0</v>
      </c>
      <c r="Q5420">
        <v>0</v>
      </c>
      <c r="R5420">
        <v>0</v>
      </c>
      <c r="S5420">
        <v>0</v>
      </c>
      <c r="T5420">
        <v>0</v>
      </c>
      <c r="U5420">
        <v>0</v>
      </c>
      <c r="V5420">
        <v>0</v>
      </c>
      <c r="W5420">
        <v>1</v>
      </c>
      <c r="X5420">
        <v>0</v>
      </c>
      <c r="Y5420">
        <v>26</v>
      </c>
      <c r="Z5420">
        <v>13</v>
      </c>
      <c r="AA5420">
        <v>95</v>
      </c>
      <c r="AB5420">
        <v>35</v>
      </c>
      <c r="AC5420">
        <v>109</v>
      </c>
      <c r="AD5420">
        <v>17</v>
      </c>
      <c r="AE5420">
        <v>75</v>
      </c>
      <c r="AF5420">
        <v>0</v>
      </c>
      <c r="AG5420">
        <v>50000</v>
      </c>
      <c r="AH5420">
        <v>50000</v>
      </c>
      <c r="AI5420">
        <v>0</v>
      </c>
      <c r="AJ5420">
        <v>0</v>
      </c>
      <c r="AK5420" t="s">
        <v>6</v>
      </c>
      <c r="AL5420">
        <v>0</v>
      </c>
      <c r="AM5420">
        <v>0</v>
      </c>
      <c r="AN5420">
        <v>0</v>
      </c>
      <c r="AO5420">
        <v>0</v>
      </c>
      <c r="AP5420">
        <v>0</v>
      </c>
      <c r="AQ5420">
        <v>0</v>
      </c>
      <c r="AR5420">
        <v>0</v>
      </c>
      <c r="AS5420">
        <v>0</v>
      </c>
      <c r="AT5420">
        <v>0</v>
      </c>
      <c r="AU5420">
        <v>0</v>
      </c>
      <c r="AV5420">
        <v>0</v>
      </c>
      <c r="AW5420">
        <v>0</v>
      </c>
      <c r="AX5420">
        <v>0</v>
      </c>
      <c r="AY5420">
        <v>0</v>
      </c>
      <c r="AZ5420">
        <v>0</v>
      </c>
      <c r="BA5420">
        <v>0</v>
      </c>
    </row>
    <row r="5421" spans="1:53" x14ac:dyDescent="0.4">
      <c r="A5421">
        <v>5465</v>
      </c>
      <c r="B5421" s="1">
        <v>44901</v>
      </c>
      <c r="C5421">
        <v>2</v>
      </c>
      <c r="D5421" s="1">
        <v>44901.428472222222</v>
      </c>
      <c r="E5421" s="1">
        <v>44901.74722222222</v>
      </c>
      <c r="F5421">
        <v>11160</v>
      </c>
      <c r="G5421">
        <v>0</v>
      </c>
      <c r="H5421">
        <v>0</v>
      </c>
      <c r="I5421">
        <v>0</v>
      </c>
      <c r="J5421">
        <v>0</v>
      </c>
      <c r="K5421">
        <v>0</v>
      </c>
      <c r="L5421">
        <v>0</v>
      </c>
      <c r="M5421">
        <v>1014</v>
      </c>
      <c r="N5421">
        <v>0</v>
      </c>
      <c r="O5421">
        <v>0</v>
      </c>
      <c r="P5421">
        <v>13880</v>
      </c>
      <c r="Q5421">
        <v>0</v>
      </c>
      <c r="R5421">
        <v>25040</v>
      </c>
      <c r="S5421">
        <v>0</v>
      </c>
      <c r="T5421">
        <v>0</v>
      </c>
      <c r="U5421">
        <v>0</v>
      </c>
      <c r="V5421">
        <v>0</v>
      </c>
      <c r="W5421">
        <v>3</v>
      </c>
      <c r="X5421">
        <v>0</v>
      </c>
      <c r="Y5421">
        <v>38</v>
      </c>
      <c r="Z5421">
        <v>16</v>
      </c>
      <c r="AA5421">
        <v>80</v>
      </c>
      <c r="AB5421">
        <v>31</v>
      </c>
      <c r="AC5421">
        <v>101</v>
      </c>
      <c r="AD5421">
        <v>17</v>
      </c>
      <c r="AE5421">
        <v>75</v>
      </c>
      <c r="AF5421">
        <v>3320</v>
      </c>
      <c r="AG5421">
        <v>75040</v>
      </c>
      <c r="AH5421">
        <v>50000</v>
      </c>
      <c r="AI5421">
        <v>0</v>
      </c>
      <c r="AJ5421">
        <v>36</v>
      </c>
      <c r="AL5421">
        <v>0</v>
      </c>
      <c r="AM5421">
        <v>0</v>
      </c>
      <c r="AN5421">
        <v>0</v>
      </c>
      <c r="AO5421">
        <v>0</v>
      </c>
      <c r="AP5421">
        <v>0</v>
      </c>
      <c r="AQ5421">
        <v>0</v>
      </c>
      <c r="AR5421">
        <v>0</v>
      </c>
      <c r="AS5421">
        <v>0</v>
      </c>
      <c r="AT5421">
        <v>0</v>
      </c>
      <c r="AU5421">
        <v>0</v>
      </c>
      <c r="AV5421">
        <v>0</v>
      </c>
      <c r="AW5421">
        <v>0</v>
      </c>
      <c r="AX5421">
        <v>-320</v>
      </c>
      <c r="AY5421">
        <v>30</v>
      </c>
      <c r="AZ5421">
        <v>42</v>
      </c>
      <c r="BA5421">
        <v>3420</v>
      </c>
    </row>
    <row r="5422" spans="1:53" x14ac:dyDescent="0.4">
      <c r="A5422">
        <v>5466</v>
      </c>
      <c r="B5422" s="1">
        <v>44901</v>
      </c>
      <c r="C5422">
        <v>3</v>
      </c>
      <c r="D5422" s="1">
        <v>44901.74722222222</v>
      </c>
      <c r="E5422" s="1">
        <v>44901.948611111111</v>
      </c>
      <c r="F5422">
        <v>14650</v>
      </c>
      <c r="G5422">
        <v>880</v>
      </c>
      <c r="H5422">
        <v>0</v>
      </c>
      <c r="I5422">
        <v>0</v>
      </c>
      <c r="J5422">
        <v>0</v>
      </c>
      <c r="K5422">
        <v>0</v>
      </c>
      <c r="L5422">
        <v>0</v>
      </c>
      <c r="M5422">
        <v>1411</v>
      </c>
      <c r="N5422">
        <v>0</v>
      </c>
      <c r="O5422">
        <v>0</v>
      </c>
      <c r="P5422">
        <v>-2330</v>
      </c>
      <c r="Q5422">
        <v>0</v>
      </c>
      <c r="R5422">
        <v>13200</v>
      </c>
      <c r="S5422">
        <v>0</v>
      </c>
      <c r="T5422">
        <v>0</v>
      </c>
      <c r="U5422">
        <v>0</v>
      </c>
      <c r="V5422">
        <v>1</v>
      </c>
      <c r="W5422">
        <v>3</v>
      </c>
      <c r="X5422">
        <v>0</v>
      </c>
      <c r="Y5422">
        <v>40</v>
      </c>
      <c r="Z5422">
        <v>17</v>
      </c>
      <c r="AA5422">
        <v>81</v>
      </c>
      <c r="AB5422">
        <v>28</v>
      </c>
      <c r="AC5422">
        <v>101</v>
      </c>
      <c r="AD5422">
        <v>17</v>
      </c>
      <c r="AE5422">
        <v>72</v>
      </c>
      <c r="AF5422">
        <v>4073</v>
      </c>
      <c r="AG5422">
        <v>88240</v>
      </c>
      <c r="AH5422">
        <v>50000</v>
      </c>
      <c r="AI5422">
        <v>0</v>
      </c>
      <c r="AJ5422">
        <v>108</v>
      </c>
      <c r="AK5422" t="s">
        <v>3</v>
      </c>
      <c r="AL5422">
        <v>0</v>
      </c>
      <c r="AM5422">
        <v>0</v>
      </c>
      <c r="AN5422">
        <v>0</v>
      </c>
      <c r="AO5422">
        <v>0</v>
      </c>
      <c r="AP5422">
        <v>0</v>
      </c>
      <c r="AQ5422">
        <v>0</v>
      </c>
      <c r="AR5422">
        <v>0</v>
      </c>
      <c r="AS5422">
        <v>0</v>
      </c>
      <c r="AT5422">
        <v>0</v>
      </c>
      <c r="AU5422">
        <v>0</v>
      </c>
      <c r="AV5422">
        <v>0</v>
      </c>
      <c r="AW5422">
        <v>0</v>
      </c>
      <c r="AX5422">
        <v>2310</v>
      </c>
      <c r="AY5422">
        <v>5</v>
      </c>
      <c r="AZ5422">
        <v>12</v>
      </c>
      <c r="BA5422">
        <v>1428</v>
      </c>
    </row>
    <row r="5423" spans="1:53" x14ac:dyDescent="0.4">
      <c r="A5423">
        <v>5467</v>
      </c>
      <c r="B5423" s="1">
        <v>44902</v>
      </c>
      <c r="C5423">
        <v>1</v>
      </c>
      <c r="D5423" s="1">
        <v>44902.291666666664</v>
      </c>
      <c r="E5423" s="1">
        <v>44902.451388888891</v>
      </c>
      <c r="F5423">
        <v>0</v>
      </c>
      <c r="G5423">
        <v>0</v>
      </c>
      <c r="H5423">
        <v>0</v>
      </c>
      <c r="I5423">
        <v>0</v>
      </c>
      <c r="J5423">
        <v>0</v>
      </c>
      <c r="K5423">
        <v>0</v>
      </c>
      <c r="L5423">
        <v>0</v>
      </c>
      <c r="M5423">
        <v>0</v>
      </c>
      <c r="N5423">
        <v>0</v>
      </c>
      <c r="O5423">
        <v>0</v>
      </c>
      <c r="P5423">
        <v>0</v>
      </c>
      <c r="Q5423">
        <v>0</v>
      </c>
      <c r="R5423">
        <v>0</v>
      </c>
      <c r="S5423">
        <v>0</v>
      </c>
      <c r="T5423">
        <v>0</v>
      </c>
      <c r="U5423">
        <v>0</v>
      </c>
      <c r="V5423">
        <v>0</v>
      </c>
      <c r="W5423">
        <v>1</v>
      </c>
      <c r="X5423">
        <v>0</v>
      </c>
      <c r="Y5423">
        <v>28</v>
      </c>
      <c r="Z5423">
        <v>14</v>
      </c>
      <c r="AA5423">
        <v>77</v>
      </c>
      <c r="AB5423">
        <v>24</v>
      </c>
      <c r="AC5423">
        <v>94</v>
      </c>
      <c r="AD5423">
        <v>18</v>
      </c>
      <c r="AE5423">
        <v>70</v>
      </c>
      <c r="AF5423">
        <v>0</v>
      </c>
      <c r="AG5423">
        <v>50000</v>
      </c>
      <c r="AH5423">
        <v>50000</v>
      </c>
      <c r="AI5423">
        <v>0</v>
      </c>
      <c r="AJ5423">
        <v>0</v>
      </c>
      <c r="AK5423" t="s">
        <v>6</v>
      </c>
      <c r="AL5423">
        <v>0</v>
      </c>
      <c r="AM5423">
        <v>0</v>
      </c>
      <c r="AN5423">
        <v>0</v>
      </c>
      <c r="AO5423">
        <v>0</v>
      </c>
      <c r="AP5423">
        <v>0</v>
      </c>
      <c r="AQ5423">
        <v>0</v>
      </c>
      <c r="AR5423">
        <v>0</v>
      </c>
      <c r="AS5423">
        <v>0</v>
      </c>
      <c r="AT5423">
        <v>0</v>
      </c>
      <c r="AU5423">
        <v>0</v>
      </c>
      <c r="AV5423">
        <v>0</v>
      </c>
      <c r="AW5423">
        <v>0</v>
      </c>
      <c r="AX5423">
        <v>0</v>
      </c>
      <c r="AY5423">
        <v>0</v>
      </c>
      <c r="AZ5423">
        <v>0</v>
      </c>
      <c r="BA5423">
        <v>0</v>
      </c>
    </row>
    <row r="5424" spans="1:53" x14ac:dyDescent="0.4">
      <c r="A5424">
        <v>5468</v>
      </c>
      <c r="B5424" s="1">
        <v>44902</v>
      </c>
      <c r="C5424">
        <v>2</v>
      </c>
      <c r="D5424" s="1">
        <v>44902.451388888891</v>
      </c>
      <c r="E5424" s="1">
        <v>44902.746527777781</v>
      </c>
      <c r="F5424">
        <v>21480</v>
      </c>
      <c r="G5424">
        <v>440</v>
      </c>
      <c r="H5424">
        <v>0</v>
      </c>
      <c r="I5424">
        <v>0</v>
      </c>
      <c r="J5424">
        <v>0</v>
      </c>
      <c r="K5424">
        <v>600</v>
      </c>
      <c r="L5424">
        <v>0</v>
      </c>
      <c r="M5424">
        <v>2046</v>
      </c>
      <c r="N5424">
        <v>0</v>
      </c>
      <c r="O5424">
        <v>0</v>
      </c>
      <c r="P5424">
        <v>17420</v>
      </c>
      <c r="Q5424">
        <v>0</v>
      </c>
      <c r="R5424">
        <v>39940</v>
      </c>
      <c r="S5424">
        <v>0</v>
      </c>
      <c r="T5424">
        <v>0</v>
      </c>
      <c r="U5424">
        <v>0</v>
      </c>
      <c r="V5424">
        <v>3</v>
      </c>
      <c r="W5424">
        <v>2</v>
      </c>
      <c r="X5424">
        <v>0</v>
      </c>
      <c r="Y5424">
        <v>27</v>
      </c>
      <c r="Z5424">
        <v>28</v>
      </c>
      <c r="AA5424">
        <v>58</v>
      </c>
      <c r="AB5424">
        <v>26</v>
      </c>
      <c r="AC5424">
        <v>105</v>
      </c>
      <c r="AD5424">
        <v>22</v>
      </c>
      <c r="AE5424">
        <v>80</v>
      </c>
      <c r="AF5424">
        <v>600</v>
      </c>
      <c r="AG5424">
        <v>89940</v>
      </c>
      <c r="AH5424">
        <v>50000</v>
      </c>
      <c r="AI5424">
        <v>0</v>
      </c>
      <c r="AJ5424">
        <v>36</v>
      </c>
      <c r="AL5424">
        <v>0</v>
      </c>
      <c r="AM5424">
        <v>0</v>
      </c>
      <c r="AN5424">
        <v>0</v>
      </c>
      <c r="AO5424">
        <v>0</v>
      </c>
      <c r="AP5424">
        <v>0</v>
      </c>
      <c r="AQ5424">
        <v>0</v>
      </c>
      <c r="AR5424">
        <v>0</v>
      </c>
      <c r="AS5424">
        <v>0</v>
      </c>
      <c r="AT5424">
        <v>0</v>
      </c>
      <c r="AU5424">
        <v>0</v>
      </c>
      <c r="AV5424">
        <v>0</v>
      </c>
      <c r="AW5424">
        <v>0</v>
      </c>
      <c r="AX5424">
        <v>-1498</v>
      </c>
      <c r="AY5424">
        <v>37</v>
      </c>
      <c r="AZ5424">
        <v>64</v>
      </c>
      <c r="BA5424">
        <v>4773</v>
      </c>
    </row>
    <row r="5425" spans="1:53" x14ac:dyDescent="0.4">
      <c r="A5425">
        <v>5469</v>
      </c>
      <c r="B5425" s="1">
        <v>44902</v>
      </c>
      <c r="C5425">
        <v>3</v>
      </c>
      <c r="D5425" s="1">
        <v>44902.746527777781</v>
      </c>
      <c r="E5425" s="1">
        <v>44902.95208333333</v>
      </c>
      <c r="F5425">
        <v>22910</v>
      </c>
      <c r="G5425">
        <v>1496</v>
      </c>
      <c r="H5425">
        <v>0</v>
      </c>
      <c r="I5425">
        <v>0</v>
      </c>
      <c r="J5425">
        <v>0</v>
      </c>
      <c r="K5425">
        <v>0</v>
      </c>
      <c r="L5425">
        <v>0</v>
      </c>
      <c r="M5425">
        <v>2217</v>
      </c>
      <c r="N5425">
        <v>0</v>
      </c>
      <c r="O5425">
        <v>0</v>
      </c>
      <c r="P5425">
        <v>-14120</v>
      </c>
      <c r="Q5425">
        <v>0</v>
      </c>
      <c r="R5425">
        <v>10286</v>
      </c>
      <c r="S5425">
        <v>0</v>
      </c>
      <c r="T5425">
        <v>0</v>
      </c>
      <c r="U5425">
        <v>0</v>
      </c>
      <c r="V5425">
        <v>3</v>
      </c>
      <c r="W5425">
        <v>3</v>
      </c>
      <c r="X5425">
        <v>0</v>
      </c>
      <c r="Y5425">
        <v>29</v>
      </c>
      <c r="Z5425">
        <v>29</v>
      </c>
      <c r="AA5425">
        <v>56</v>
      </c>
      <c r="AB5425">
        <v>28</v>
      </c>
      <c r="AC5425">
        <v>110</v>
      </c>
      <c r="AD5425">
        <v>21</v>
      </c>
      <c r="AE5425">
        <v>81</v>
      </c>
      <c r="AF5425">
        <v>3440</v>
      </c>
      <c r="AG5425">
        <v>100226</v>
      </c>
      <c r="AH5425">
        <v>50000</v>
      </c>
      <c r="AI5425">
        <v>0</v>
      </c>
      <c r="AJ5425">
        <v>102</v>
      </c>
      <c r="AK5425" t="s">
        <v>50</v>
      </c>
      <c r="AL5425">
        <v>0</v>
      </c>
      <c r="AM5425">
        <v>0</v>
      </c>
      <c r="AN5425">
        <v>0</v>
      </c>
      <c r="AO5425">
        <v>0</v>
      </c>
      <c r="AP5425">
        <v>0</v>
      </c>
      <c r="AQ5425">
        <v>0</v>
      </c>
      <c r="AR5425">
        <v>0</v>
      </c>
      <c r="AS5425">
        <v>0</v>
      </c>
      <c r="AT5425">
        <v>0</v>
      </c>
      <c r="AU5425">
        <v>0</v>
      </c>
      <c r="AV5425">
        <v>0</v>
      </c>
      <c r="AW5425">
        <v>0</v>
      </c>
      <c r="AX5425">
        <v>10539</v>
      </c>
      <c r="AY5425">
        <v>7</v>
      </c>
      <c r="AZ5425">
        <v>19</v>
      </c>
      <c r="BA5425">
        <v>1922</v>
      </c>
    </row>
    <row r="5426" spans="1:53" x14ac:dyDescent="0.4">
      <c r="A5426">
        <v>5470</v>
      </c>
      <c r="B5426" s="1">
        <v>44903</v>
      </c>
      <c r="C5426">
        <v>1</v>
      </c>
      <c r="D5426" s="1">
        <v>44903.291666666664</v>
      </c>
      <c r="E5426" s="1">
        <v>44903.447222222225</v>
      </c>
      <c r="F5426">
        <v>0</v>
      </c>
      <c r="G5426">
        <v>0</v>
      </c>
      <c r="H5426">
        <v>0</v>
      </c>
      <c r="I5426">
        <v>0</v>
      </c>
      <c r="J5426">
        <v>0</v>
      </c>
      <c r="K5426">
        <v>0</v>
      </c>
      <c r="L5426">
        <v>0</v>
      </c>
      <c r="M5426">
        <v>0</v>
      </c>
      <c r="N5426">
        <v>0</v>
      </c>
      <c r="O5426">
        <v>0</v>
      </c>
      <c r="P5426">
        <v>0</v>
      </c>
      <c r="Q5426">
        <v>0</v>
      </c>
      <c r="R5426">
        <v>0</v>
      </c>
      <c r="S5426">
        <v>0</v>
      </c>
      <c r="T5426">
        <v>0</v>
      </c>
      <c r="U5426">
        <v>0</v>
      </c>
      <c r="V5426">
        <v>0</v>
      </c>
      <c r="W5426">
        <v>1</v>
      </c>
      <c r="X5426">
        <v>0</v>
      </c>
      <c r="Y5426">
        <v>26</v>
      </c>
      <c r="Z5426">
        <v>14</v>
      </c>
      <c r="AA5426">
        <v>94</v>
      </c>
      <c r="AB5426">
        <v>26</v>
      </c>
      <c r="AC5426">
        <v>112</v>
      </c>
      <c r="AD5426">
        <v>20</v>
      </c>
      <c r="AE5426">
        <v>80</v>
      </c>
      <c r="AF5426">
        <v>0</v>
      </c>
      <c r="AG5426">
        <v>50000</v>
      </c>
      <c r="AH5426">
        <v>50000</v>
      </c>
      <c r="AI5426">
        <v>0</v>
      </c>
      <c r="AJ5426">
        <v>0</v>
      </c>
      <c r="AK5426" t="s">
        <v>6</v>
      </c>
      <c r="AL5426">
        <v>0</v>
      </c>
      <c r="AM5426">
        <v>0</v>
      </c>
      <c r="AN5426">
        <v>0</v>
      </c>
      <c r="AO5426">
        <v>0</v>
      </c>
      <c r="AP5426">
        <v>0</v>
      </c>
      <c r="AQ5426">
        <v>0</v>
      </c>
      <c r="AR5426">
        <v>0</v>
      </c>
      <c r="AS5426">
        <v>0</v>
      </c>
      <c r="AT5426">
        <v>0</v>
      </c>
      <c r="AU5426">
        <v>0</v>
      </c>
      <c r="AV5426">
        <v>0</v>
      </c>
      <c r="AW5426">
        <v>0</v>
      </c>
      <c r="AX5426">
        <v>0</v>
      </c>
      <c r="AY5426">
        <v>0</v>
      </c>
      <c r="AZ5426">
        <v>0</v>
      </c>
      <c r="BA5426">
        <v>0</v>
      </c>
    </row>
    <row r="5427" spans="1:53" x14ac:dyDescent="0.4">
      <c r="A5427">
        <v>5471</v>
      </c>
      <c r="B5427" s="1">
        <v>44903</v>
      </c>
      <c r="C5427">
        <v>2</v>
      </c>
      <c r="D5427" s="1">
        <v>44903.447222222225</v>
      </c>
      <c r="E5427" s="1">
        <v>44903.75277777778</v>
      </c>
      <c r="F5427">
        <v>19060</v>
      </c>
      <c r="G5427">
        <v>0</v>
      </c>
      <c r="H5427">
        <v>0</v>
      </c>
      <c r="I5427">
        <v>0</v>
      </c>
      <c r="J5427">
        <v>0</v>
      </c>
      <c r="K5427">
        <v>0</v>
      </c>
      <c r="L5427">
        <v>0</v>
      </c>
      <c r="M5427">
        <v>1733</v>
      </c>
      <c r="N5427">
        <v>0</v>
      </c>
      <c r="O5427">
        <v>0</v>
      </c>
      <c r="P5427">
        <v>15034</v>
      </c>
      <c r="Q5427">
        <v>0</v>
      </c>
      <c r="R5427">
        <v>34094</v>
      </c>
      <c r="S5427">
        <v>0</v>
      </c>
      <c r="T5427">
        <v>0</v>
      </c>
      <c r="U5427">
        <v>0</v>
      </c>
      <c r="V5427">
        <v>2</v>
      </c>
      <c r="W5427">
        <v>2</v>
      </c>
      <c r="X5427">
        <v>0</v>
      </c>
      <c r="Y5427">
        <v>36</v>
      </c>
      <c r="Z5427">
        <v>14</v>
      </c>
      <c r="AA5427">
        <v>80</v>
      </c>
      <c r="AB5427">
        <v>24</v>
      </c>
      <c r="AC5427">
        <v>124</v>
      </c>
      <c r="AD5427">
        <v>21</v>
      </c>
      <c r="AE5427">
        <v>89</v>
      </c>
      <c r="AF5427">
        <v>530</v>
      </c>
      <c r="AG5427">
        <v>84164</v>
      </c>
      <c r="AH5427">
        <v>50000</v>
      </c>
      <c r="AI5427">
        <v>70</v>
      </c>
      <c r="AJ5427">
        <v>119</v>
      </c>
      <c r="AK5427" t="s">
        <v>56</v>
      </c>
      <c r="AL5427">
        <v>0</v>
      </c>
      <c r="AM5427">
        <v>0</v>
      </c>
      <c r="AN5427">
        <v>0</v>
      </c>
      <c r="AO5427">
        <v>0</v>
      </c>
      <c r="AP5427">
        <v>0</v>
      </c>
      <c r="AQ5427">
        <v>0</v>
      </c>
      <c r="AR5427">
        <v>0</v>
      </c>
      <c r="AS5427">
        <v>0</v>
      </c>
      <c r="AT5427">
        <v>0</v>
      </c>
      <c r="AU5427">
        <v>0</v>
      </c>
      <c r="AV5427">
        <v>0</v>
      </c>
      <c r="AW5427">
        <v>0</v>
      </c>
      <c r="AX5427">
        <v>1808</v>
      </c>
      <c r="AY5427">
        <v>36</v>
      </c>
      <c r="AZ5427">
        <v>55</v>
      </c>
      <c r="BA5427">
        <v>4845</v>
      </c>
    </row>
    <row r="5428" spans="1:53" x14ac:dyDescent="0.4">
      <c r="A5428">
        <v>5472</v>
      </c>
      <c r="B5428" s="1">
        <v>44903</v>
      </c>
      <c r="C5428">
        <v>3</v>
      </c>
      <c r="D5428" s="1">
        <v>44903.75277777778</v>
      </c>
      <c r="E5428" s="1">
        <v>44903.940972222219</v>
      </c>
      <c r="F5428">
        <v>20970</v>
      </c>
      <c r="G5428">
        <v>2332</v>
      </c>
      <c r="H5428">
        <v>0</v>
      </c>
      <c r="I5428">
        <v>0</v>
      </c>
      <c r="J5428">
        <v>0</v>
      </c>
      <c r="K5428">
        <v>0</v>
      </c>
      <c r="L5428">
        <v>0</v>
      </c>
      <c r="M5428">
        <v>2118</v>
      </c>
      <c r="N5428">
        <v>0</v>
      </c>
      <c r="O5428">
        <v>0</v>
      </c>
      <c r="P5428">
        <v>-15034</v>
      </c>
      <c r="Q5428">
        <v>0</v>
      </c>
      <c r="R5428">
        <v>8268</v>
      </c>
      <c r="S5428">
        <v>0</v>
      </c>
      <c r="T5428">
        <v>0</v>
      </c>
      <c r="U5428">
        <v>0</v>
      </c>
      <c r="V5428">
        <v>2</v>
      </c>
      <c r="W5428">
        <v>4</v>
      </c>
      <c r="X5428">
        <v>0</v>
      </c>
      <c r="Y5428">
        <v>33</v>
      </c>
      <c r="Z5428">
        <v>14</v>
      </c>
      <c r="AA5428">
        <v>94</v>
      </c>
      <c r="AB5428">
        <v>20</v>
      </c>
      <c r="AC5428">
        <v>124</v>
      </c>
      <c r="AD5428">
        <v>21</v>
      </c>
      <c r="AE5428">
        <v>87</v>
      </c>
      <c r="AF5428">
        <v>530</v>
      </c>
      <c r="AG5428">
        <v>92362</v>
      </c>
      <c r="AH5428">
        <v>50000</v>
      </c>
      <c r="AI5428">
        <v>0</v>
      </c>
      <c r="AJ5428">
        <v>74</v>
      </c>
      <c r="AK5428" t="s">
        <v>64</v>
      </c>
      <c r="AL5428">
        <v>0</v>
      </c>
      <c r="AM5428">
        <v>0</v>
      </c>
      <c r="AN5428">
        <v>0</v>
      </c>
      <c r="AO5428">
        <v>0</v>
      </c>
      <c r="AP5428">
        <v>0</v>
      </c>
      <c r="AQ5428">
        <v>0</v>
      </c>
      <c r="AR5428">
        <v>0</v>
      </c>
      <c r="AS5428">
        <v>0</v>
      </c>
      <c r="AT5428">
        <v>0</v>
      </c>
      <c r="AU5428">
        <v>0</v>
      </c>
      <c r="AV5428">
        <v>0</v>
      </c>
      <c r="AW5428">
        <v>0</v>
      </c>
      <c r="AX5428">
        <v>0</v>
      </c>
      <c r="AY5428">
        <v>2</v>
      </c>
      <c r="AZ5428">
        <v>4</v>
      </c>
      <c r="BA5428">
        <v>1224</v>
      </c>
    </row>
    <row r="5429" spans="1:53" x14ac:dyDescent="0.4">
      <c r="A5429">
        <v>5473</v>
      </c>
      <c r="B5429" s="1">
        <v>44904</v>
      </c>
      <c r="C5429">
        <v>1</v>
      </c>
      <c r="D5429" s="1">
        <v>44904.291666666664</v>
      </c>
      <c r="E5429" s="1">
        <v>44904.438194444447</v>
      </c>
      <c r="F5429">
        <v>0</v>
      </c>
      <c r="G5429">
        <v>0</v>
      </c>
      <c r="H5429">
        <v>0</v>
      </c>
      <c r="I5429">
        <v>0</v>
      </c>
      <c r="J5429">
        <v>0</v>
      </c>
      <c r="K5429">
        <v>0</v>
      </c>
      <c r="L5429">
        <v>0</v>
      </c>
      <c r="M5429">
        <v>0</v>
      </c>
      <c r="N5429">
        <v>0</v>
      </c>
      <c r="O5429">
        <v>0</v>
      </c>
      <c r="P5429">
        <v>0</v>
      </c>
      <c r="Q5429">
        <v>0</v>
      </c>
      <c r="R5429">
        <v>0</v>
      </c>
      <c r="S5429">
        <v>0</v>
      </c>
      <c r="T5429">
        <v>0</v>
      </c>
      <c r="U5429">
        <v>0</v>
      </c>
      <c r="V5429">
        <v>0</v>
      </c>
      <c r="W5429">
        <v>1</v>
      </c>
      <c r="X5429">
        <v>0</v>
      </c>
      <c r="Y5429">
        <v>26</v>
      </c>
      <c r="Z5429">
        <v>14</v>
      </c>
      <c r="AA5429">
        <v>97</v>
      </c>
      <c r="AB5429">
        <v>20</v>
      </c>
      <c r="AC5429">
        <v>111</v>
      </c>
      <c r="AD5429">
        <v>22</v>
      </c>
      <c r="AE5429">
        <v>80</v>
      </c>
      <c r="AF5429">
        <v>0</v>
      </c>
      <c r="AG5429">
        <v>50000</v>
      </c>
      <c r="AH5429">
        <v>50000</v>
      </c>
      <c r="AI5429">
        <v>0</v>
      </c>
      <c r="AJ5429">
        <v>0</v>
      </c>
      <c r="AK5429" t="s">
        <v>6</v>
      </c>
      <c r="AL5429">
        <v>0</v>
      </c>
      <c r="AM5429">
        <v>0</v>
      </c>
      <c r="AN5429">
        <v>0</v>
      </c>
      <c r="AO5429">
        <v>0</v>
      </c>
      <c r="AP5429">
        <v>0</v>
      </c>
      <c r="AQ5429">
        <v>0</v>
      </c>
      <c r="AR5429">
        <v>0</v>
      </c>
      <c r="AS5429">
        <v>0</v>
      </c>
      <c r="AT5429">
        <v>0</v>
      </c>
      <c r="AU5429">
        <v>0</v>
      </c>
      <c r="AV5429">
        <v>0</v>
      </c>
      <c r="AW5429">
        <v>0</v>
      </c>
      <c r="AX5429">
        <v>0</v>
      </c>
      <c r="AY5429">
        <v>0</v>
      </c>
      <c r="AZ5429">
        <v>0</v>
      </c>
      <c r="BA5429">
        <v>0</v>
      </c>
    </row>
    <row r="5430" spans="1:53" x14ac:dyDescent="0.4">
      <c r="A5430">
        <v>5474</v>
      </c>
      <c r="B5430" s="1">
        <v>44904</v>
      </c>
      <c r="C5430">
        <v>2</v>
      </c>
      <c r="D5430" s="1">
        <v>44904.438194444447</v>
      </c>
      <c r="E5430" s="1">
        <v>44904.73541666667</v>
      </c>
      <c r="F5430">
        <v>12710</v>
      </c>
      <c r="G5430">
        <v>1210</v>
      </c>
      <c r="H5430">
        <v>0</v>
      </c>
      <c r="I5430">
        <v>0</v>
      </c>
      <c r="J5430">
        <v>100</v>
      </c>
      <c r="K5430">
        <v>0</v>
      </c>
      <c r="L5430">
        <v>0</v>
      </c>
      <c r="M5430">
        <v>1257</v>
      </c>
      <c r="N5430">
        <v>0</v>
      </c>
      <c r="O5430">
        <v>0</v>
      </c>
      <c r="P5430">
        <v>16652</v>
      </c>
      <c r="Q5430">
        <v>0</v>
      </c>
      <c r="R5430">
        <v>30472</v>
      </c>
      <c r="S5430">
        <v>0</v>
      </c>
      <c r="T5430">
        <v>0</v>
      </c>
      <c r="U5430">
        <v>0</v>
      </c>
      <c r="V5430">
        <v>0</v>
      </c>
      <c r="W5430">
        <v>2</v>
      </c>
      <c r="X5430">
        <v>0</v>
      </c>
      <c r="Y5430">
        <v>44</v>
      </c>
      <c r="Z5430">
        <v>23</v>
      </c>
      <c r="AA5430">
        <v>106</v>
      </c>
      <c r="AB5430">
        <v>20</v>
      </c>
      <c r="AC5430">
        <v>123</v>
      </c>
      <c r="AD5430">
        <v>24</v>
      </c>
      <c r="AE5430">
        <v>80</v>
      </c>
      <c r="AF5430">
        <v>1942</v>
      </c>
      <c r="AG5430">
        <v>80472</v>
      </c>
      <c r="AH5430">
        <v>50000</v>
      </c>
      <c r="AI5430">
        <v>0</v>
      </c>
      <c r="AJ5430">
        <v>116</v>
      </c>
      <c r="AK5430" t="s">
        <v>54</v>
      </c>
      <c r="AL5430">
        <v>0</v>
      </c>
      <c r="AM5430">
        <v>0</v>
      </c>
      <c r="AN5430">
        <v>0</v>
      </c>
      <c r="AO5430">
        <v>0</v>
      </c>
      <c r="AP5430">
        <v>0</v>
      </c>
      <c r="AQ5430">
        <v>0</v>
      </c>
      <c r="AR5430">
        <v>0</v>
      </c>
      <c r="AS5430">
        <v>0</v>
      </c>
      <c r="AT5430">
        <v>0</v>
      </c>
      <c r="AU5430">
        <v>0</v>
      </c>
      <c r="AV5430">
        <v>0</v>
      </c>
      <c r="AW5430">
        <v>0</v>
      </c>
      <c r="AX5430">
        <v>-2120</v>
      </c>
      <c r="AY5430">
        <v>32</v>
      </c>
      <c r="AZ5430">
        <v>47</v>
      </c>
      <c r="BA5430">
        <v>4105</v>
      </c>
    </row>
    <row r="5431" spans="1:53" x14ac:dyDescent="0.4">
      <c r="A5431">
        <v>5475</v>
      </c>
      <c r="B5431" s="1">
        <v>44904</v>
      </c>
      <c r="C5431">
        <v>3</v>
      </c>
      <c r="D5431" s="1">
        <v>44904.73541666667</v>
      </c>
      <c r="E5431" s="1">
        <v>44904.98541666667</v>
      </c>
      <c r="F5431">
        <v>75403</v>
      </c>
      <c r="G5431">
        <v>5137</v>
      </c>
      <c r="H5431">
        <v>0</v>
      </c>
      <c r="I5431">
        <v>0</v>
      </c>
      <c r="J5431">
        <v>650</v>
      </c>
      <c r="K5431">
        <v>0</v>
      </c>
      <c r="L5431">
        <v>0</v>
      </c>
      <c r="M5431">
        <v>7260</v>
      </c>
      <c r="N5431">
        <v>0</v>
      </c>
      <c r="O5431">
        <v>0</v>
      </c>
      <c r="P5431">
        <v>53798</v>
      </c>
      <c r="Q5431">
        <v>0</v>
      </c>
      <c r="R5431">
        <v>133688</v>
      </c>
      <c r="S5431">
        <v>0</v>
      </c>
      <c r="T5431">
        <v>0</v>
      </c>
      <c r="U5431">
        <v>0</v>
      </c>
      <c r="V5431">
        <v>4</v>
      </c>
      <c r="W5431">
        <v>6</v>
      </c>
      <c r="X5431">
        <v>0</v>
      </c>
      <c r="Y5431">
        <v>67</v>
      </c>
      <c r="Z5431">
        <v>26</v>
      </c>
      <c r="AA5431">
        <v>94</v>
      </c>
      <c r="AB5431">
        <v>21</v>
      </c>
      <c r="AC5431">
        <v>119</v>
      </c>
      <c r="AD5431">
        <v>23</v>
      </c>
      <c r="AE5431">
        <v>82</v>
      </c>
      <c r="AF5431">
        <v>52511</v>
      </c>
      <c r="AG5431">
        <v>214348</v>
      </c>
      <c r="AH5431">
        <v>50000</v>
      </c>
      <c r="AI5431">
        <v>188</v>
      </c>
      <c r="AJ5431">
        <v>119</v>
      </c>
      <c r="AK5431" t="s">
        <v>56</v>
      </c>
      <c r="AL5431">
        <v>0</v>
      </c>
      <c r="AM5431">
        <v>0</v>
      </c>
      <c r="AN5431">
        <v>0</v>
      </c>
      <c r="AO5431">
        <v>0</v>
      </c>
      <c r="AP5431">
        <v>0</v>
      </c>
      <c r="AQ5431">
        <v>0</v>
      </c>
      <c r="AR5431">
        <v>0</v>
      </c>
      <c r="AS5431">
        <v>0</v>
      </c>
      <c r="AT5431">
        <v>0</v>
      </c>
      <c r="AU5431">
        <v>0</v>
      </c>
      <c r="AV5431">
        <v>0</v>
      </c>
      <c r="AW5431">
        <v>0</v>
      </c>
      <c r="AX5431">
        <v>88413</v>
      </c>
      <c r="AY5431">
        <v>20</v>
      </c>
      <c r="AZ5431">
        <v>81</v>
      </c>
      <c r="BA5431">
        <v>3255</v>
      </c>
    </row>
    <row r="5432" spans="1:53" x14ac:dyDescent="0.4">
      <c r="A5432">
        <v>5476</v>
      </c>
      <c r="B5432" s="1">
        <v>44905</v>
      </c>
      <c r="C5432">
        <v>1</v>
      </c>
      <c r="D5432" s="1">
        <v>44905.291666666664</v>
      </c>
      <c r="E5432" s="1">
        <v>44905.388888888891</v>
      </c>
      <c r="F5432">
        <v>0</v>
      </c>
      <c r="G5432">
        <v>0</v>
      </c>
      <c r="H5432">
        <v>0</v>
      </c>
      <c r="I5432">
        <v>0</v>
      </c>
      <c r="J5432">
        <v>0</v>
      </c>
      <c r="K5432">
        <v>0</v>
      </c>
      <c r="L5432">
        <v>0</v>
      </c>
      <c r="M5432">
        <v>0</v>
      </c>
      <c r="N5432">
        <v>0</v>
      </c>
      <c r="O5432">
        <v>0</v>
      </c>
      <c r="P5432">
        <v>0</v>
      </c>
      <c r="Q5432">
        <v>0</v>
      </c>
      <c r="R5432">
        <v>0</v>
      </c>
      <c r="S5432">
        <v>0</v>
      </c>
      <c r="T5432">
        <v>0</v>
      </c>
      <c r="U5432">
        <v>0</v>
      </c>
      <c r="V5432">
        <v>0</v>
      </c>
      <c r="W5432">
        <v>1</v>
      </c>
      <c r="X5432">
        <v>0</v>
      </c>
      <c r="Y5432">
        <v>25</v>
      </c>
      <c r="Z5432">
        <v>15</v>
      </c>
      <c r="AA5432">
        <v>102</v>
      </c>
      <c r="AB5432">
        <v>22</v>
      </c>
      <c r="AC5432">
        <v>102</v>
      </c>
      <c r="AD5432">
        <v>21</v>
      </c>
      <c r="AE5432">
        <v>75</v>
      </c>
      <c r="AF5432">
        <v>0</v>
      </c>
      <c r="AG5432">
        <v>50000</v>
      </c>
      <c r="AH5432">
        <v>50000</v>
      </c>
      <c r="AI5432">
        <v>0</v>
      </c>
      <c r="AJ5432">
        <v>0</v>
      </c>
      <c r="AK5432" t="s">
        <v>6</v>
      </c>
      <c r="AL5432">
        <v>0</v>
      </c>
      <c r="AM5432">
        <v>0</v>
      </c>
      <c r="AN5432">
        <v>0</v>
      </c>
      <c r="AO5432">
        <v>0</v>
      </c>
      <c r="AP5432">
        <v>0</v>
      </c>
      <c r="AQ5432">
        <v>0</v>
      </c>
      <c r="AR5432">
        <v>0</v>
      </c>
      <c r="AS5432">
        <v>0</v>
      </c>
      <c r="AT5432">
        <v>0</v>
      </c>
      <c r="AU5432">
        <v>0</v>
      </c>
      <c r="AV5432">
        <v>0</v>
      </c>
      <c r="AW5432">
        <v>0</v>
      </c>
      <c r="AX5432">
        <v>0</v>
      </c>
      <c r="AY5432">
        <v>0</v>
      </c>
      <c r="AZ5432">
        <v>0</v>
      </c>
      <c r="BA5432">
        <v>0</v>
      </c>
    </row>
    <row r="5433" spans="1:53" x14ac:dyDescent="0.4">
      <c r="A5433">
        <v>5477</v>
      </c>
      <c r="B5433" s="1">
        <v>44905</v>
      </c>
      <c r="C5433">
        <v>2</v>
      </c>
      <c r="D5433" s="1">
        <v>44905.388888888891</v>
      </c>
      <c r="E5433" s="1">
        <v>44905.741666666669</v>
      </c>
      <c r="F5433">
        <v>30150</v>
      </c>
      <c r="G5433">
        <v>924</v>
      </c>
      <c r="H5433">
        <v>220</v>
      </c>
      <c r="I5433">
        <v>0</v>
      </c>
      <c r="J5433">
        <v>0</v>
      </c>
      <c r="K5433">
        <v>0</v>
      </c>
      <c r="L5433">
        <v>0</v>
      </c>
      <c r="M5433">
        <v>2843</v>
      </c>
      <c r="N5433">
        <v>0</v>
      </c>
      <c r="O5433">
        <v>0</v>
      </c>
      <c r="P5433">
        <v>24800</v>
      </c>
      <c r="Q5433">
        <v>0</v>
      </c>
      <c r="R5433">
        <v>56094</v>
      </c>
      <c r="S5433">
        <v>0</v>
      </c>
      <c r="T5433">
        <v>0</v>
      </c>
      <c r="U5433">
        <v>0</v>
      </c>
      <c r="V5433">
        <v>4</v>
      </c>
      <c r="W5433">
        <v>0</v>
      </c>
      <c r="X5433">
        <v>0</v>
      </c>
      <c r="Y5433">
        <v>42</v>
      </c>
      <c r="Z5433">
        <v>23</v>
      </c>
      <c r="AA5433">
        <v>69</v>
      </c>
      <c r="AB5433">
        <v>22</v>
      </c>
      <c r="AC5433">
        <v>126</v>
      </c>
      <c r="AD5433">
        <v>20</v>
      </c>
      <c r="AE5433">
        <v>74</v>
      </c>
      <c r="AF5433">
        <v>3160</v>
      </c>
      <c r="AG5433">
        <v>106094</v>
      </c>
      <c r="AH5433">
        <v>50000</v>
      </c>
      <c r="AI5433">
        <v>0</v>
      </c>
      <c r="AJ5433">
        <v>115</v>
      </c>
      <c r="AK5433" t="s">
        <v>55</v>
      </c>
      <c r="AL5433">
        <v>0</v>
      </c>
      <c r="AM5433">
        <v>0</v>
      </c>
      <c r="AN5433">
        <v>0</v>
      </c>
      <c r="AO5433">
        <v>0</v>
      </c>
      <c r="AP5433">
        <v>0</v>
      </c>
      <c r="AQ5433">
        <v>0</v>
      </c>
      <c r="AR5433">
        <v>0</v>
      </c>
      <c r="AS5433">
        <v>0</v>
      </c>
      <c r="AT5433">
        <v>0</v>
      </c>
      <c r="AU5433">
        <v>0</v>
      </c>
      <c r="AV5433">
        <v>0</v>
      </c>
      <c r="AW5433">
        <v>0</v>
      </c>
      <c r="AX5433">
        <v>1008</v>
      </c>
      <c r="AY5433">
        <v>52</v>
      </c>
      <c r="AZ5433">
        <v>84</v>
      </c>
      <c r="BA5433">
        <v>7589</v>
      </c>
    </row>
    <row r="5434" spans="1:53" x14ac:dyDescent="0.4">
      <c r="A5434">
        <v>5478</v>
      </c>
      <c r="B5434" s="1">
        <v>44906</v>
      </c>
      <c r="C5434">
        <v>1</v>
      </c>
      <c r="D5434" s="1">
        <v>44906.291666666664</v>
      </c>
      <c r="E5434" s="1">
        <v>44906.405555555553</v>
      </c>
      <c r="F5434">
        <v>0</v>
      </c>
      <c r="G5434">
        <v>0</v>
      </c>
      <c r="H5434">
        <v>0</v>
      </c>
      <c r="I5434">
        <v>0</v>
      </c>
      <c r="J5434">
        <v>0</v>
      </c>
      <c r="K5434">
        <v>0</v>
      </c>
      <c r="L5434">
        <v>0</v>
      </c>
      <c r="M5434">
        <v>0</v>
      </c>
      <c r="N5434">
        <v>0</v>
      </c>
      <c r="O5434">
        <v>0</v>
      </c>
      <c r="P5434">
        <v>0</v>
      </c>
      <c r="Q5434">
        <v>0</v>
      </c>
      <c r="R5434">
        <v>0</v>
      </c>
      <c r="S5434">
        <v>0</v>
      </c>
      <c r="T5434">
        <v>0</v>
      </c>
      <c r="U5434">
        <v>0</v>
      </c>
      <c r="V5434">
        <v>0</v>
      </c>
      <c r="W5434">
        <v>1</v>
      </c>
      <c r="X5434">
        <v>0</v>
      </c>
      <c r="Y5434">
        <v>31</v>
      </c>
      <c r="Z5434">
        <v>17</v>
      </c>
      <c r="AA5434">
        <v>33</v>
      </c>
      <c r="AB5434">
        <v>21</v>
      </c>
      <c r="AC5434">
        <v>100</v>
      </c>
      <c r="AD5434">
        <v>18</v>
      </c>
      <c r="AE5434">
        <v>60</v>
      </c>
      <c r="AF5434">
        <v>0</v>
      </c>
      <c r="AG5434">
        <v>50000</v>
      </c>
      <c r="AH5434">
        <v>50000</v>
      </c>
      <c r="AI5434">
        <v>0</v>
      </c>
      <c r="AJ5434">
        <v>0</v>
      </c>
      <c r="AK5434" t="s">
        <v>6</v>
      </c>
      <c r="AL5434">
        <v>0</v>
      </c>
      <c r="AM5434">
        <v>0</v>
      </c>
      <c r="AN5434">
        <v>0</v>
      </c>
      <c r="AO5434">
        <v>0</v>
      </c>
      <c r="AP5434">
        <v>0</v>
      </c>
      <c r="AQ5434">
        <v>0</v>
      </c>
      <c r="AR5434">
        <v>0</v>
      </c>
      <c r="AS5434">
        <v>0</v>
      </c>
      <c r="AT5434">
        <v>0</v>
      </c>
      <c r="AU5434">
        <v>0</v>
      </c>
      <c r="AV5434">
        <v>0</v>
      </c>
      <c r="AW5434">
        <v>0</v>
      </c>
      <c r="AX5434">
        <v>0</v>
      </c>
      <c r="AY5434">
        <v>0</v>
      </c>
      <c r="AZ5434">
        <v>0</v>
      </c>
      <c r="BA5434">
        <v>0</v>
      </c>
    </row>
    <row r="5435" spans="1:53" x14ac:dyDescent="0.4">
      <c r="A5435">
        <v>5479</v>
      </c>
      <c r="B5435" s="1">
        <v>44906</v>
      </c>
      <c r="C5435">
        <v>2</v>
      </c>
      <c r="D5435" s="1">
        <v>44906.405555555553</v>
      </c>
      <c r="E5435" s="1">
        <v>44906.76666666667</v>
      </c>
      <c r="F5435">
        <v>51450</v>
      </c>
      <c r="G5435">
        <v>4346</v>
      </c>
      <c r="H5435">
        <v>220</v>
      </c>
      <c r="I5435">
        <v>0</v>
      </c>
      <c r="J5435">
        <v>0</v>
      </c>
      <c r="K5435">
        <v>800</v>
      </c>
      <c r="L5435">
        <v>0</v>
      </c>
      <c r="M5435">
        <v>5161</v>
      </c>
      <c r="N5435">
        <v>0</v>
      </c>
      <c r="O5435">
        <v>0</v>
      </c>
      <c r="P5435">
        <v>19795</v>
      </c>
      <c r="Q5435">
        <v>0</v>
      </c>
      <c r="R5435">
        <v>76611</v>
      </c>
      <c r="S5435">
        <v>0</v>
      </c>
      <c r="T5435">
        <v>0</v>
      </c>
      <c r="U5435">
        <v>0</v>
      </c>
      <c r="V5435">
        <v>6</v>
      </c>
      <c r="W5435">
        <v>0</v>
      </c>
      <c r="X5435">
        <v>0</v>
      </c>
      <c r="Y5435">
        <v>38</v>
      </c>
      <c r="Z5435">
        <v>33</v>
      </c>
      <c r="AA5435">
        <v>50</v>
      </c>
      <c r="AB5435">
        <v>20</v>
      </c>
      <c r="AC5435">
        <v>111</v>
      </c>
      <c r="AD5435">
        <v>17</v>
      </c>
      <c r="AE5435">
        <v>53</v>
      </c>
      <c r="AF5435">
        <v>4863</v>
      </c>
      <c r="AG5435">
        <v>126611</v>
      </c>
      <c r="AH5435">
        <v>50000</v>
      </c>
      <c r="AI5435">
        <v>0</v>
      </c>
      <c r="AJ5435">
        <v>30</v>
      </c>
      <c r="AK5435" t="s">
        <v>63</v>
      </c>
      <c r="AL5435">
        <v>0</v>
      </c>
      <c r="AM5435">
        <v>0</v>
      </c>
      <c r="AN5435">
        <v>0</v>
      </c>
      <c r="AO5435">
        <v>0</v>
      </c>
      <c r="AP5435">
        <v>0</v>
      </c>
      <c r="AQ5435">
        <v>0</v>
      </c>
      <c r="AR5435">
        <v>0</v>
      </c>
      <c r="AS5435">
        <v>0</v>
      </c>
      <c r="AT5435">
        <v>0</v>
      </c>
      <c r="AU5435">
        <v>0</v>
      </c>
      <c r="AV5435">
        <v>0</v>
      </c>
      <c r="AW5435">
        <v>0</v>
      </c>
      <c r="AX5435">
        <v>833</v>
      </c>
      <c r="AY5435">
        <v>55</v>
      </c>
      <c r="AZ5435">
        <v>115</v>
      </c>
      <c r="BA5435">
        <v>8656</v>
      </c>
    </row>
    <row r="5436" spans="1:53" x14ac:dyDescent="0.4">
      <c r="A5436">
        <v>5480</v>
      </c>
      <c r="B5436" s="1">
        <v>44906</v>
      </c>
      <c r="C5436">
        <v>3</v>
      </c>
      <c r="D5436" s="1">
        <v>44906.76666666667</v>
      </c>
      <c r="E5436" s="1">
        <v>44906.984027777777</v>
      </c>
      <c r="F5436">
        <v>53570</v>
      </c>
      <c r="G5436">
        <v>4026</v>
      </c>
      <c r="H5436">
        <v>0</v>
      </c>
      <c r="I5436">
        <v>0</v>
      </c>
      <c r="J5436">
        <v>0</v>
      </c>
      <c r="K5436">
        <v>0</v>
      </c>
      <c r="L5436">
        <v>0</v>
      </c>
      <c r="M5436">
        <v>5233</v>
      </c>
      <c r="N5436">
        <v>0</v>
      </c>
      <c r="O5436">
        <v>0</v>
      </c>
      <c r="P5436">
        <v>-16295</v>
      </c>
      <c r="Q5436">
        <v>0</v>
      </c>
      <c r="R5436">
        <v>41301</v>
      </c>
      <c r="S5436">
        <v>0</v>
      </c>
      <c r="T5436">
        <v>0</v>
      </c>
      <c r="U5436">
        <v>0</v>
      </c>
      <c r="V5436">
        <v>9</v>
      </c>
      <c r="W5436">
        <v>0</v>
      </c>
      <c r="X5436">
        <v>0</v>
      </c>
      <c r="Y5436">
        <v>36</v>
      </c>
      <c r="Z5436">
        <v>32</v>
      </c>
      <c r="AA5436">
        <v>40</v>
      </c>
      <c r="AB5436">
        <v>16</v>
      </c>
      <c r="AC5436">
        <v>106</v>
      </c>
      <c r="AD5436">
        <v>15</v>
      </c>
      <c r="AE5436">
        <v>48</v>
      </c>
      <c r="AF5436">
        <v>19929</v>
      </c>
      <c r="AG5436">
        <v>167912</v>
      </c>
      <c r="AH5436">
        <v>50000</v>
      </c>
      <c r="AI5436">
        <v>0</v>
      </c>
      <c r="AJ5436">
        <v>108</v>
      </c>
      <c r="AK5436" t="s">
        <v>3</v>
      </c>
      <c r="AL5436">
        <v>0</v>
      </c>
      <c r="AM5436">
        <v>0</v>
      </c>
      <c r="AN5436">
        <v>0</v>
      </c>
      <c r="AO5436">
        <v>0</v>
      </c>
      <c r="AP5436">
        <v>0</v>
      </c>
      <c r="AQ5436">
        <v>0</v>
      </c>
      <c r="AR5436">
        <v>0</v>
      </c>
      <c r="AS5436">
        <v>0</v>
      </c>
      <c r="AT5436">
        <v>0</v>
      </c>
      <c r="AU5436">
        <v>0</v>
      </c>
      <c r="AV5436">
        <v>0</v>
      </c>
      <c r="AW5436">
        <v>0</v>
      </c>
      <c r="AX5436">
        <v>14904</v>
      </c>
      <c r="AY5436">
        <v>14</v>
      </c>
      <c r="AZ5436">
        <v>34</v>
      </c>
      <c r="BA5436">
        <v>2447</v>
      </c>
    </row>
    <row r="5437" spans="1:53" x14ac:dyDescent="0.4">
      <c r="A5437">
        <v>5481</v>
      </c>
      <c r="B5437" s="1">
        <v>44907</v>
      </c>
      <c r="C5437">
        <v>1</v>
      </c>
      <c r="D5437" s="1">
        <v>44907.291666666664</v>
      </c>
      <c r="E5437" s="1">
        <v>44907.448611111111</v>
      </c>
      <c r="F5437">
        <v>0</v>
      </c>
      <c r="G5437">
        <v>0</v>
      </c>
      <c r="H5437">
        <v>0</v>
      </c>
      <c r="I5437">
        <v>0</v>
      </c>
      <c r="J5437">
        <v>0</v>
      </c>
      <c r="K5437">
        <v>0</v>
      </c>
      <c r="L5437">
        <v>0</v>
      </c>
      <c r="M5437">
        <v>0</v>
      </c>
      <c r="N5437">
        <v>0</v>
      </c>
      <c r="O5437">
        <v>0</v>
      </c>
      <c r="P5437">
        <v>0</v>
      </c>
      <c r="Q5437">
        <v>0</v>
      </c>
      <c r="R5437">
        <v>0</v>
      </c>
      <c r="S5437">
        <v>0</v>
      </c>
      <c r="T5437">
        <v>0</v>
      </c>
      <c r="U5437">
        <v>0</v>
      </c>
      <c r="V5437">
        <v>1</v>
      </c>
      <c r="W5437">
        <v>1</v>
      </c>
      <c r="X5437">
        <v>0</v>
      </c>
      <c r="Y5437">
        <v>21</v>
      </c>
      <c r="Z5437">
        <v>15</v>
      </c>
      <c r="AA5437">
        <v>47</v>
      </c>
      <c r="AB5437">
        <v>15</v>
      </c>
      <c r="AC5437">
        <v>93</v>
      </c>
      <c r="AD5437">
        <v>15</v>
      </c>
      <c r="AE5437">
        <v>45</v>
      </c>
      <c r="AF5437">
        <v>0</v>
      </c>
      <c r="AG5437">
        <v>50000</v>
      </c>
      <c r="AH5437">
        <v>50000</v>
      </c>
      <c r="AI5437">
        <v>0</v>
      </c>
      <c r="AJ5437">
        <v>0</v>
      </c>
      <c r="AK5437" t="s">
        <v>6</v>
      </c>
      <c r="AL5437">
        <v>0</v>
      </c>
      <c r="AM5437">
        <v>0</v>
      </c>
      <c r="AN5437">
        <v>0</v>
      </c>
      <c r="AO5437">
        <v>0</v>
      </c>
      <c r="AP5437">
        <v>0</v>
      </c>
      <c r="AQ5437">
        <v>0</v>
      </c>
      <c r="AR5437">
        <v>0</v>
      </c>
      <c r="AS5437">
        <v>0</v>
      </c>
      <c r="AT5437">
        <v>0</v>
      </c>
      <c r="AU5437">
        <v>0</v>
      </c>
      <c r="AV5437">
        <v>0</v>
      </c>
      <c r="AW5437">
        <v>0</v>
      </c>
      <c r="AX5437">
        <v>0</v>
      </c>
      <c r="AY5437">
        <v>0</v>
      </c>
      <c r="AZ5437">
        <v>0</v>
      </c>
      <c r="BA5437">
        <v>0</v>
      </c>
    </row>
    <row r="5438" spans="1:53" x14ac:dyDescent="0.4">
      <c r="A5438">
        <v>5482</v>
      </c>
      <c r="B5438" s="1">
        <v>44907</v>
      </c>
      <c r="C5438">
        <v>2</v>
      </c>
      <c r="D5438" s="1">
        <v>44907.448611111111</v>
      </c>
      <c r="E5438" s="1">
        <v>44907.740972222222</v>
      </c>
      <c r="F5438">
        <v>10480</v>
      </c>
      <c r="G5438">
        <v>308</v>
      </c>
      <c r="H5438">
        <v>0</v>
      </c>
      <c r="I5438">
        <v>0</v>
      </c>
      <c r="J5438">
        <v>0</v>
      </c>
      <c r="K5438">
        <v>0</v>
      </c>
      <c r="L5438">
        <v>0</v>
      </c>
      <c r="M5438">
        <v>979</v>
      </c>
      <c r="N5438">
        <v>0</v>
      </c>
      <c r="O5438">
        <v>0</v>
      </c>
      <c r="P5438">
        <v>10350</v>
      </c>
      <c r="Q5438">
        <v>0</v>
      </c>
      <c r="R5438">
        <v>21138</v>
      </c>
      <c r="S5438">
        <v>0</v>
      </c>
      <c r="T5438">
        <v>0</v>
      </c>
      <c r="U5438">
        <v>0</v>
      </c>
      <c r="V5438">
        <v>0</v>
      </c>
      <c r="W5438">
        <v>1</v>
      </c>
      <c r="X5438">
        <v>0</v>
      </c>
      <c r="Y5438">
        <v>44</v>
      </c>
      <c r="Z5438">
        <v>18</v>
      </c>
      <c r="AA5438">
        <v>98</v>
      </c>
      <c r="AB5438">
        <v>26</v>
      </c>
      <c r="AC5438">
        <v>117</v>
      </c>
      <c r="AD5438">
        <v>15</v>
      </c>
      <c r="AE5438">
        <v>43</v>
      </c>
      <c r="AF5438">
        <v>750</v>
      </c>
      <c r="AG5438">
        <v>71138</v>
      </c>
      <c r="AH5438">
        <v>50000</v>
      </c>
      <c r="AI5438">
        <v>0</v>
      </c>
      <c r="AJ5438">
        <v>119</v>
      </c>
      <c r="AK5438" t="s">
        <v>56</v>
      </c>
      <c r="AL5438">
        <v>0</v>
      </c>
      <c r="AM5438">
        <v>0</v>
      </c>
      <c r="AN5438">
        <v>0</v>
      </c>
      <c r="AO5438">
        <v>0</v>
      </c>
      <c r="AP5438">
        <v>0</v>
      </c>
      <c r="AQ5438">
        <v>0</v>
      </c>
      <c r="AR5438">
        <v>0</v>
      </c>
      <c r="AS5438">
        <v>0</v>
      </c>
      <c r="AT5438">
        <v>0</v>
      </c>
      <c r="AU5438">
        <v>0</v>
      </c>
      <c r="AV5438">
        <v>0</v>
      </c>
      <c r="AW5438">
        <v>0</v>
      </c>
      <c r="AX5438">
        <v>1034</v>
      </c>
      <c r="AY5438">
        <v>22</v>
      </c>
      <c r="AZ5438">
        <v>34</v>
      </c>
      <c r="BA5438">
        <v>3061</v>
      </c>
    </row>
    <row r="5439" spans="1:53" x14ac:dyDescent="0.4">
      <c r="A5439">
        <v>5483</v>
      </c>
      <c r="B5439" s="1">
        <v>44907</v>
      </c>
      <c r="C5439">
        <v>3</v>
      </c>
      <c r="D5439" s="1">
        <v>44907.740972222222</v>
      </c>
      <c r="E5439" s="1">
        <v>44907.946527777778</v>
      </c>
      <c r="F5439">
        <v>24270</v>
      </c>
      <c r="G5439">
        <v>1474</v>
      </c>
      <c r="H5439">
        <v>0</v>
      </c>
      <c r="I5439">
        <v>0</v>
      </c>
      <c r="J5439">
        <v>0</v>
      </c>
      <c r="K5439">
        <v>0</v>
      </c>
      <c r="L5439">
        <v>0</v>
      </c>
      <c r="M5439">
        <v>2340</v>
      </c>
      <c r="N5439">
        <v>0</v>
      </c>
      <c r="O5439">
        <v>0</v>
      </c>
      <c r="P5439">
        <v>-6750</v>
      </c>
      <c r="Q5439">
        <v>0</v>
      </c>
      <c r="R5439">
        <v>18994</v>
      </c>
      <c r="S5439">
        <v>0</v>
      </c>
      <c r="T5439">
        <v>0</v>
      </c>
      <c r="U5439">
        <v>0</v>
      </c>
      <c r="V5439">
        <v>1</v>
      </c>
      <c r="W5439">
        <v>1</v>
      </c>
      <c r="X5439">
        <v>0</v>
      </c>
      <c r="Y5439">
        <v>43</v>
      </c>
      <c r="Z5439">
        <v>20</v>
      </c>
      <c r="AA5439">
        <v>98</v>
      </c>
      <c r="AB5439">
        <v>24</v>
      </c>
      <c r="AC5439">
        <v>113</v>
      </c>
      <c r="AD5439">
        <v>13</v>
      </c>
      <c r="AE5439">
        <v>42</v>
      </c>
      <c r="AF5439">
        <v>9895</v>
      </c>
      <c r="AG5439">
        <v>90132</v>
      </c>
      <c r="AH5439">
        <v>50000</v>
      </c>
      <c r="AI5439">
        <v>0</v>
      </c>
      <c r="AJ5439">
        <v>74</v>
      </c>
      <c r="AK5439" t="s">
        <v>64</v>
      </c>
      <c r="AL5439">
        <v>0</v>
      </c>
      <c r="AM5439">
        <v>0</v>
      </c>
      <c r="AN5439">
        <v>0</v>
      </c>
      <c r="AO5439">
        <v>0</v>
      </c>
      <c r="AP5439">
        <v>0</v>
      </c>
      <c r="AQ5439">
        <v>0</v>
      </c>
      <c r="AR5439">
        <v>0</v>
      </c>
      <c r="AS5439">
        <v>0</v>
      </c>
      <c r="AT5439">
        <v>0</v>
      </c>
      <c r="AU5439">
        <v>0</v>
      </c>
      <c r="AV5439">
        <v>0</v>
      </c>
      <c r="AW5439">
        <v>0</v>
      </c>
      <c r="AX5439">
        <v>1540</v>
      </c>
      <c r="AY5439">
        <v>10</v>
      </c>
      <c r="AZ5439">
        <v>19</v>
      </c>
      <c r="BA5439">
        <v>1378</v>
      </c>
    </row>
    <row r="5440" spans="1:53" x14ac:dyDescent="0.4">
      <c r="A5440">
        <v>5484</v>
      </c>
      <c r="B5440" s="1">
        <v>44908</v>
      </c>
      <c r="C5440">
        <v>1</v>
      </c>
      <c r="D5440" s="1">
        <v>44908.291666666664</v>
      </c>
      <c r="E5440" s="1">
        <v>44908.44027777778</v>
      </c>
      <c r="F5440">
        <v>0</v>
      </c>
      <c r="G5440">
        <v>0</v>
      </c>
      <c r="H5440">
        <v>0</v>
      </c>
      <c r="I5440">
        <v>0</v>
      </c>
      <c r="J5440">
        <v>0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  <c r="S5440">
        <v>0</v>
      </c>
      <c r="T5440">
        <v>0</v>
      </c>
      <c r="U5440">
        <v>0</v>
      </c>
      <c r="V5440">
        <v>0</v>
      </c>
      <c r="W5440">
        <v>1</v>
      </c>
      <c r="X5440">
        <v>0</v>
      </c>
      <c r="Y5440">
        <v>25</v>
      </c>
      <c r="Z5440">
        <v>13</v>
      </c>
      <c r="AA5440">
        <v>111</v>
      </c>
      <c r="AB5440">
        <v>24</v>
      </c>
      <c r="AC5440">
        <v>109</v>
      </c>
      <c r="AD5440">
        <v>14</v>
      </c>
      <c r="AE5440">
        <v>40</v>
      </c>
      <c r="AF5440">
        <v>0</v>
      </c>
      <c r="AG5440">
        <v>50000</v>
      </c>
      <c r="AH5440">
        <v>50000</v>
      </c>
      <c r="AI5440">
        <v>0</v>
      </c>
      <c r="AJ5440">
        <v>0</v>
      </c>
      <c r="AK5440" t="s">
        <v>6</v>
      </c>
      <c r="AL5440">
        <v>0</v>
      </c>
      <c r="AM5440">
        <v>0</v>
      </c>
      <c r="AN5440">
        <v>0</v>
      </c>
      <c r="AO5440">
        <v>0</v>
      </c>
      <c r="AP5440">
        <v>0</v>
      </c>
      <c r="AQ5440">
        <v>0</v>
      </c>
      <c r="AR5440">
        <v>0</v>
      </c>
      <c r="AS5440">
        <v>0</v>
      </c>
      <c r="AT5440">
        <v>0</v>
      </c>
      <c r="AU5440">
        <v>0</v>
      </c>
      <c r="AV5440">
        <v>0</v>
      </c>
      <c r="AW5440">
        <v>0</v>
      </c>
      <c r="AX5440">
        <v>0</v>
      </c>
      <c r="AY5440">
        <v>0</v>
      </c>
      <c r="AZ5440">
        <v>0</v>
      </c>
      <c r="BA5440">
        <v>0</v>
      </c>
    </row>
    <row r="5441" spans="1:53" x14ac:dyDescent="0.4">
      <c r="A5441">
        <v>5485</v>
      </c>
      <c r="B5441" s="1">
        <v>44908</v>
      </c>
      <c r="C5441">
        <v>2</v>
      </c>
      <c r="D5441" s="1">
        <v>44908.44027777778</v>
      </c>
      <c r="E5441" s="1">
        <v>44908.736805555556</v>
      </c>
      <c r="F5441">
        <v>11120</v>
      </c>
      <c r="G5441">
        <v>462</v>
      </c>
      <c r="H5441">
        <v>0</v>
      </c>
      <c r="I5441">
        <v>0</v>
      </c>
      <c r="J5441">
        <v>0</v>
      </c>
      <c r="K5441">
        <v>0</v>
      </c>
      <c r="L5441">
        <v>0</v>
      </c>
      <c r="M5441">
        <v>1054</v>
      </c>
      <c r="N5441">
        <v>0</v>
      </c>
      <c r="O5441">
        <v>0</v>
      </c>
      <c r="P5441">
        <v>7360</v>
      </c>
      <c r="Q5441">
        <v>0</v>
      </c>
      <c r="R5441">
        <v>18942</v>
      </c>
      <c r="S5441">
        <v>0</v>
      </c>
      <c r="T5441">
        <v>0</v>
      </c>
      <c r="U5441">
        <v>0</v>
      </c>
      <c r="V5441">
        <v>0</v>
      </c>
      <c r="W5441">
        <v>3</v>
      </c>
      <c r="X5441">
        <v>0</v>
      </c>
      <c r="Y5441">
        <v>33</v>
      </c>
      <c r="Z5441">
        <v>15</v>
      </c>
      <c r="AA5441">
        <v>97</v>
      </c>
      <c r="AB5441">
        <v>24</v>
      </c>
      <c r="AC5441">
        <v>130</v>
      </c>
      <c r="AD5441">
        <v>14</v>
      </c>
      <c r="AE5441">
        <v>42</v>
      </c>
      <c r="AF5441">
        <v>1130</v>
      </c>
      <c r="AG5441">
        <v>68942</v>
      </c>
      <c r="AH5441">
        <v>50000</v>
      </c>
      <c r="AI5441">
        <v>0</v>
      </c>
      <c r="AJ5441">
        <v>116</v>
      </c>
      <c r="AK5441" t="s">
        <v>54</v>
      </c>
      <c r="AL5441">
        <v>0</v>
      </c>
      <c r="AM5441">
        <v>0</v>
      </c>
      <c r="AN5441">
        <v>0</v>
      </c>
      <c r="AO5441">
        <v>0</v>
      </c>
      <c r="AP5441">
        <v>0</v>
      </c>
      <c r="AQ5441">
        <v>0</v>
      </c>
      <c r="AR5441">
        <v>0</v>
      </c>
      <c r="AS5441">
        <v>0</v>
      </c>
      <c r="AT5441">
        <v>0</v>
      </c>
      <c r="AU5441">
        <v>0</v>
      </c>
      <c r="AV5441">
        <v>0</v>
      </c>
      <c r="AW5441">
        <v>0</v>
      </c>
      <c r="AX5441">
        <v>-530</v>
      </c>
      <c r="AY5441">
        <v>20</v>
      </c>
      <c r="AZ5441">
        <v>31</v>
      </c>
      <c r="BA5441">
        <v>3029</v>
      </c>
    </row>
    <row r="5442" spans="1:53" x14ac:dyDescent="0.4">
      <c r="A5442">
        <v>5486</v>
      </c>
      <c r="B5442" s="1">
        <v>44908</v>
      </c>
      <c r="C5442">
        <v>3</v>
      </c>
      <c r="D5442" s="1">
        <v>44908.736805555556</v>
      </c>
      <c r="E5442" s="1">
        <v>44908.953472222223</v>
      </c>
      <c r="F5442">
        <v>16020</v>
      </c>
      <c r="G5442">
        <v>0</v>
      </c>
      <c r="H5442">
        <v>0</v>
      </c>
      <c r="I5442">
        <v>0</v>
      </c>
      <c r="J5442">
        <v>0</v>
      </c>
      <c r="K5442">
        <v>0</v>
      </c>
      <c r="L5442">
        <v>0</v>
      </c>
      <c r="M5442">
        <v>1454</v>
      </c>
      <c r="N5442">
        <v>0</v>
      </c>
      <c r="O5442">
        <v>0</v>
      </c>
      <c r="P5442">
        <v>-760</v>
      </c>
      <c r="Q5442">
        <v>0</v>
      </c>
      <c r="R5442">
        <v>15260</v>
      </c>
      <c r="S5442">
        <v>0</v>
      </c>
      <c r="T5442">
        <v>0</v>
      </c>
      <c r="U5442">
        <v>0</v>
      </c>
      <c r="V5442">
        <v>0</v>
      </c>
      <c r="W5442">
        <v>3</v>
      </c>
      <c r="X5442">
        <v>0</v>
      </c>
      <c r="Y5442">
        <v>40</v>
      </c>
      <c r="Z5442">
        <v>17</v>
      </c>
      <c r="AA5442">
        <v>93</v>
      </c>
      <c r="AB5442">
        <v>23</v>
      </c>
      <c r="AC5442">
        <v>121</v>
      </c>
      <c r="AD5442">
        <v>14</v>
      </c>
      <c r="AE5442">
        <v>42</v>
      </c>
      <c r="AF5442">
        <v>8930</v>
      </c>
      <c r="AG5442">
        <v>84202</v>
      </c>
      <c r="AH5442">
        <v>50000</v>
      </c>
      <c r="AI5442">
        <v>0</v>
      </c>
      <c r="AJ5442">
        <v>108</v>
      </c>
      <c r="AK5442" t="s">
        <v>3</v>
      </c>
      <c r="AL5442">
        <v>0</v>
      </c>
      <c r="AM5442">
        <v>0</v>
      </c>
      <c r="AN5442">
        <v>0</v>
      </c>
      <c r="AO5442">
        <v>0</v>
      </c>
      <c r="AP5442">
        <v>0</v>
      </c>
      <c r="AQ5442">
        <v>0</v>
      </c>
      <c r="AR5442">
        <v>0</v>
      </c>
      <c r="AS5442">
        <v>0</v>
      </c>
      <c r="AT5442">
        <v>0</v>
      </c>
      <c r="AU5442">
        <v>0</v>
      </c>
      <c r="AV5442">
        <v>0</v>
      </c>
      <c r="AW5442">
        <v>0</v>
      </c>
      <c r="AX5442">
        <v>27335</v>
      </c>
      <c r="AY5442">
        <v>12</v>
      </c>
      <c r="AZ5442">
        <v>34</v>
      </c>
      <c r="BA5442">
        <v>1516</v>
      </c>
    </row>
    <row r="5443" spans="1:53" x14ac:dyDescent="0.4">
      <c r="A5443">
        <v>5487</v>
      </c>
      <c r="B5443" s="1">
        <v>44909</v>
      </c>
      <c r="C5443">
        <v>1</v>
      </c>
      <c r="D5443" s="1">
        <v>44909.291666666664</v>
      </c>
      <c r="E5443" s="1">
        <v>44909.447916666664</v>
      </c>
      <c r="F5443">
        <v>0</v>
      </c>
      <c r="G5443">
        <v>0</v>
      </c>
      <c r="H5443">
        <v>0</v>
      </c>
      <c r="I5443">
        <v>0</v>
      </c>
      <c r="J5443">
        <v>0</v>
      </c>
      <c r="K5443">
        <v>0</v>
      </c>
      <c r="L5443">
        <v>0</v>
      </c>
      <c r="M5443">
        <v>0</v>
      </c>
      <c r="N5443">
        <v>0</v>
      </c>
      <c r="O5443">
        <v>0</v>
      </c>
      <c r="P5443">
        <v>0</v>
      </c>
      <c r="Q5443">
        <v>0</v>
      </c>
      <c r="R5443">
        <v>0</v>
      </c>
      <c r="S5443">
        <v>0</v>
      </c>
      <c r="T5443">
        <v>0</v>
      </c>
      <c r="U5443">
        <v>0</v>
      </c>
      <c r="V5443">
        <v>0</v>
      </c>
      <c r="W5443">
        <v>1</v>
      </c>
      <c r="X5443">
        <v>0</v>
      </c>
      <c r="Y5443">
        <v>26</v>
      </c>
      <c r="Z5443">
        <v>16</v>
      </c>
      <c r="AA5443">
        <v>86</v>
      </c>
      <c r="AB5443">
        <v>21</v>
      </c>
      <c r="AC5443">
        <v>123</v>
      </c>
      <c r="AD5443">
        <v>16</v>
      </c>
      <c r="AE5443">
        <v>40</v>
      </c>
      <c r="AF5443">
        <v>0</v>
      </c>
      <c r="AG5443">
        <v>50000</v>
      </c>
      <c r="AH5443">
        <v>50000</v>
      </c>
      <c r="AI5443">
        <v>0</v>
      </c>
      <c r="AJ5443">
        <v>0</v>
      </c>
      <c r="AK5443" t="s">
        <v>6</v>
      </c>
      <c r="AL5443">
        <v>0</v>
      </c>
      <c r="AM5443">
        <v>0</v>
      </c>
      <c r="AN5443">
        <v>0</v>
      </c>
      <c r="AO5443">
        <v>0</v>
      </c>
      <c r="AP5443">
        <v>0</v>
      </c>
      <c r="AQ5443">
        <v>0</v>
      </c>
      <c r="AR5443">
        <v>0</v>
      </c>
      <c r="AS5443">
        <v>0</v>
      </c>
      <c r="AT5443">
        <v>0</v>
      </c>
      <c r="AU5443">
        <v>0</v>
      </c>
      <c r="AV5443">
        <v>0</v>
      </c>
      <c r="AW5443">
        <v>0</v>
      </c>
      <c r="AX5443">
        <v>0</v>
      </c>
      <c r="AY5443">
        <v>0</v>
      </c>
      <c r="AZ5443">
        <v>0</v>
      </c>
      <c r="BA5443">
        <v>0</v>
      </c>
    </row>
    <row r="5444" spans="1:53" x14ac:dyDescent="0.4">
      <c r="A5444">
        <v>5488</v>
      </c>
      <c r="B5444" s="1">
        <v>44909</v>
      </c>
      <c r="C5444">
        <v>2</v>
      </c>
      <c r="D5444" s="1">
        <v>44909.447916666664</v>
      </c>
      <c r="E5444" s="1">
        <v>44909.743750000001</v>
      </c>
      <c r="F5444">
        <v>20550</v>
      </c>
      <c r="G5444">
        <v>462</v>
      </c>
      <c r="H5444">
        <v>0</v>
      </c>
      <c r="I5444">
        <v>0</v>
      </c>
      <c r="J5444">
        <v>0</v>
      </c>
      <c r="K5444">
        <v>0</v>
      </c>
      <c r="L5444">
        <v>0</v>
      </c>
      <c r="M5444">
        <v>1909</v>
      </c>
      <c r="N5444">
        <v>0</v>
      </c>
      <c r="O5444">
        <v>0</v>
      </c>
      <c r="P5444">
        <v>17640</v>
      </c>
      <c r="Q5444">
        <v>0</v>
      </c>
      <c r="R5444">
        <v>38652</v>
      </c>
      <c r="S5444">
        <v>0</v>
      </c>
      <c r="T5444">
        <v>0</v>
      </c>
      <c r="U5444">
        <v>0</v>
      </c>
      <c r="V5444">
        <v>1</v>
      </c>
      <c r="W5444">
        <v>1</v>
      </c>
      <c r="X5444">
        <v>0</v>
      </c>
      <c r="Y5444">
        <v>47</v>
      </c>
      <c r="Z5444">
        <v>23</v>
      </c>
      <c r="AA5444">
        <v>87</v>
      </c>
      <c r="AB5444">
        <v>19</v>
      </c>
      <c r="AC5444">
        <v>140</v>
      </c>
      <c r="AD5444">
        <v>17</v>
      </c>
      <c r="AE5444">
        <v>47</v>
      </c>
      <c r="AF5444">
        <v>3970</v>
      </c>
      <c r="AG5444">
        <v>88652</v>
      </c>
      <c r="AH5444">
        <v>50000</v>
      </c>
      <c r="AI5444">
        <v>0</v>
      </c>
      <c r="AJ5444">
        <v>29</v>
      </c>
      <c r="AK5444" t="s">
        <v>62</v>
      </c>
      <c r="AL5444">
        <v>0</v>
      </c>
      <c r="AM5444">
        <v>0</v>
      </c>
      <c r="AN5444">
        <v>0</v>
      </c>
      <c r="AO5444">
        <v>0</v>
      </c>
      <c r="AP5444">
        <v>0</v>
      </c>
      <c r="AQ5444">
        <v>0</v>
      </c>
      <c r="AR5444">
        <v>0</v>
      </c>
      <c r="AS5444">
        <v>0</v>
      </c>
      <c r="AT5444">
        <v>0</v>
      </c>
      <c r="AU5444">
        <v>0</v>
      </c>
      <c r="AV5444">
        <v>0</v>
      </c>
      <c r="AW5444">
        <v>0</v>
      </c>
      <c r="AX5444">
        <v>-530</v>
      </c>
      <c r="AY5444">
        <v>37</v>
      </c>
      <c r="AZ5444">
        <v>64</v>
      </c>
      <c r="BA5444">
        <v>5249</v>
      </c>
    </row>
    <row r="5445" spans="1:53" x14ac:dyDescent="0.4">
      <c r="A5445">
        <v>5489</v>
      </c>
      <c r="B5445" s="1">
        <v>44909</v>
      </c>
      <c r="C5445">
        <v>3</v>
      </c>
      <c r="D5445" s="1">
        <v>44909.743750000001</v>
      </c>
      <c r="E5445" s="1">
        <v>44909.956944444442</v>
      </c>
      <c r="F5445">
        <v>53730</v>
      </c>
      <c r="G5445">
        <v>440</v>
      </c>
      <c r="H5445">
        <v>0</v>
      </c>
      <c r="I5445">
        <v>0</v>
      </c>
      <c r="J5445">
        <v>0</v>
      </c>
      <c r="K5445">
        <v>0</v>
      </c>
      <c r="L5445">
        <v>0</v>
      </c>
      <c r="M5445">
        <v>4924</v>
      </c>
      <c r="N5445">
        <v>0</v>
      </c>
      <c r="O5445">
        <v>0</v>
      </c>
      <c r="P5445">
        <v>-7440</v>
      </c>
      <c r="Q5445">
        <v>0</v>
      </c>
      <c r="R5445">
        <v>46730</v>
      </c>
      <c r="S5445">
        <v>0</v>
      </c>
      <c r="T5445">
        <v>0</v>
      </c>
      <c r="U5445">
        <v>0</v>
      </c>
      <c r="V5445">
        <v>2</v>
      </c>
      <c r="W5445">
        <v>4</v>
      </c>
      <c r="X5445">
        <v>0</v>
      </c>
      <c r="Y5445">
        <v>67</v>
      </c>
      <c r="Z5445">
        <v>26</v>
      </c>
      <c r="AA5445">
        <v>84</v>
      </c>
      <c r="AB5445">
        <v>17</v>
      </c>
      <c r="AC5445">
        <v>143</v>
      </c>
      <c r="AD5445">
        <v>17</v>
      </c>
      <c r="AE5445">
        <v>47</v>
      </c>
      <c r="AF5445">
        <v>4570</v>
      </c>
      <c r="AG5445">
        <v>135382</v>
      </c>
      <c r="AH5445">
        <v>50000</v>
      </c>
      <c r="AI5445">
        <v>0</v>
      </c>
      <c r="AJ5445">
        <v>74</v>
      </c>
      <c r="AK5445" t="s">
        <v>64</v>
      </c>
      <c r="AL5445">
        <v>0</v>
      </c>
      <c r="AM5445">
        <v>0</v>
      </c>
      <c r="AN5445">
        <v>0</v>
      </c>
      <c r="AO5445">
        <v>0</v>
      </c>
      <c r="AP5445">
        <v>0</v>
      </c>
      <c r="AQ5445">
        <v>0</v>
      </c>
      <c r="AR5445">
        <v>0</v>
      </c>
      <c r="AS5445">
        <v>0</v>
      </c>
      <c r="AT5445">
        <v>0</v>
      </c>
      <c r="AU5445">
        <v>0</v>
      </c>
      <c r="AV5445">
        <v>0</v>
      </c>
      <c r="AW5445">
        <v>0</v>
      </c>
      <c r="AX5445">
        <v>21790</v>
      </c>
      <c r="AY5445">
        <v>9</v>
      </c>
      <c r="AZ5445">
        <v>38</v>
      </c>
      <c r="BA5445">
        <v>1921</v>
      </c>
    </row>
    <row r="5446" spans="1:53" x14ac:dyDescent="0.4">
      <c r="A5446">
        <v>5490</v>
      </c>
      <c r="B5446" s="1">
        <v>44910</v>
      </c>
      <c r="C5446">
        <v>1</v>
      </c>
      <c r="D5446" s="1">
        <v>44910.291666666664</v>
      </c>
      <c r="E5446" s="1">
        <v>44910.446527777778</v>
      </c>
      <c r="F5446">
        <v>0</v>
      </c>
      <c r="G5446">
        <v>0</v>
      </c>
      <c r="H5446">
        <v>0</v>
      </c>
      <c r="I5446">
        <v>0</v>
      </c>
      <c r="J5446">
        <v>0</v>
      </c>
      <c r="K5446">
        <v>0</v>
      </c>
      <c r="L5446">
        <v>0</v>
      </c>
      <c r="M5446">
        <v>0</v>
      </c>
      <c r="N5446">
        <v>0</v>
      </c>
      <c r="O5446">
        <v>0</v>
      </c>
      <c r="P5446">
        <v>0</v>
      </c>
      <c r="Q5446">
        <v>0</v>
      </c>
      <c r="R5446">
        <v>0</v>
      </c>
      <c r="S5446">
        <v>0</v>
      </c>
      <c r="T5446">
        <v>0</v>
      </c>
      <c r="U5446">
        <v>0</v>
      </c>
      <c r="V5446">
        <v>0</v>
      </c>
      <c r="W5446">
        <v>1</v>
      </c>
      <c r="X5446">
        <v>0</v>
      </c>
      <c r="Y5446">
        <v>26</v>
      </c>
      <c r="Z5446">
        <v>16</v>
      </c>
      <c r="AA5446">
        <v>89</v>
      </c>
      <c r="AB5446">
        <v>17</v>
      </c>
      <c r="AC5446">
        <v>112</v>
      </c>
      <c r="AD5446">
        <v>16</v>
      </c>
      <c r="AE5446">
        <v>50</v>
      </c>
      <c r="AF5446">
        <v>0</v>
      </c>
      <c r="AG5446">
        <v>50000</v>
      </c>
      <c r="AH5446">
        <v>50000</v>
      </c>
      <c r="AI5446">
        <v>0</v>
      </c>
      <c r="AJ5446">
        <v>0</v>
      </c>
      <c r="AK5446" t="s">
        <v>6</v>
      </c>
      <c r="AL5446">
        <v>0</v>
      </c>
      <c r="AM5446">
        <v>0</v>
      </c>
      <c r="AN5446">
        <v>0</v>
      </c>
      <c r="AO5446">
        <v>0</v>
      </c>
      <c r="AP5446">
        <v>0</v>
      </c>
      <c r="AQ5446">
        <v>0</v>
      </c>
      <c r="AR5446">
        <v>0</v>
      </c>
      <c r="AS5446">
        <v>0</v>
      </c>
      <c r="AT5446">
        <v>0</v>
      </c>
      <c r="AU5446">
        <v>0</v>
      </c>
      <c r="AV5446">
        <v>0</v>
      </c>
      <c r="AW5446">
        <v>0</v>
      </c>
      <c r="AX5446">
        <v>0</v>
      </c>
      <c r="AY5446">
        <v>0</v>
      </c>
      <c r="AZ5446">
        <v>0</v>
      </c>
      <c r="BA5446">
        <v>0</v>
      </c>
    </row>
    <row r="5447" spans="1:53" x14ac:dyDescent="0.4">
      <c r="A5447">
        <v>5491</v>
      </c>
      <c r="B5447" s="1">
        <v>44910</v>
      </c>
      <c r="C5447">
        <v>2</v>
      </c>
      <c r="D5447" s="1">
        <v>44910.446527777778</v>
      </c>
      <c r="E5447" s="1">
        <v>44910.745138888888</v>
      </c>
      <c r="F5447">
        <v>19450</v>
      </c>
      <c r="G5447">
        <v>1210</v>
      </c>
      <c r="H5447">
        <v>0</v>
      </c>
      <c r="I5447">
        <v>0</v>
      </c>
      <c r="J5447">
        <v>0</v>
      </c>
      <c r="K5447">
        <v>0</v>
      </c>
      <c r="L5447">
        <v>0</v>
      </c>
      <c r="M5447">
        <v>1880</v>
      </c>
      <c r="N5447">
        <v>0</v>
      </c>
      <c r="O5447">
        <v>0</v>
      </c>
      <c r="P5447">
        <v>7960</v>
      </c>
      <c r="Q5447">
        <v>0</v>
      </c>
      <c r="R5447">
        <v>28620</v>
      </c>
      <c r="S5447">
        <v>0</v>
      </c>
      <c r="T5447">
        <v>0</v>
      </c>
      <c r="U5447">
        <v>0</v>
      </c>
      <c r="V5447">
        <v>1</v>
      </c>
      <c r="W5447">
        <v>1</v>
      </c>
      <c r="X5447">
        <v>0</v>
      </c>
      <c r="Y5447">
        <v>45</v>
      </c>
      <c r="Z5447">
        <v>21</v>
      </c>
      <c r="AA5447">
        <v>44</v>
      </c>
      <c r="AB5447">
        <v>14</v>
      </c>
      <c r="AC5447">
        <v>115</v>
      </c>
      <c r="AD5447">
        <v>18</v>
      </c>
      <c r="AE5447">
        <v>50</v>
      </c>
      <c r="AF5447">
        <v>1730</v>
      </c>
      <c r="AG5447">
        <v>78620</v>
      </c>
      <c r="AH5447">
        <v>50000</v>
      </c>
      <c r="AI5447">
        <v>0</v>
      </c>
      <c r="AJ5447">
        <v>119</v>
      </c>
      <c r="AK5447" t="s">
        <v>56</v>
      </c>
      <c r="AL5447">
        <v>0</v>
      </c>
      <c r="AM5447">
        <v>0</v>
      </c>
      <c r="AN5447">
        <v>0</v>
      </c>
      <c r="AO5447">
        <v>0</v>
      </c>
      <c r="AP5447">
        <v>0</v>
      </c>
      <c r="AQ5447">
        <v>0</v>
      </c>
      <c r="AR5447">
        <v>0</v>
      </c>
      <c r="AS5447">
        <v>0</v>
      </c>
      <c r="AT5447">
        <v>0</v>
      </c>
      <c r="AU5447">
        <v>0</v>
      </c>
      <c r="AV5447">
        <v>0</v>
      </c>
      <c r="AW5447">
        <v>0</v>
      </c>
      <c r="AX5447">
        <v>-400</v>
      </c>
      <c r="AY5447">
        <v>32</v>
      </c>
      <c r="AZ5447">
        <v>44</v>
      </c>
      <c r="BA5447">
        <v>4546</v>
      </c>
    </row>
    <row r="5448" spans="1:53" x14ac:dyDescent="0.4">
      <c r="A5448">
        <v>5492</v>
      </c>
      <c r="B5448" s="1">
        <v>44910</v>
      </c>
      <c r="C5448">
        <v>3</v>
      </c>
      <c r="D5448" s="1">
        <v>44910.745138888888</v>
      </c>
      <c r="E5448" s="1">
        <v>44910.948611111111</v>
      </c>
      <c r="F5448">
        <v>15690</v>
      </c>
      <c r="G5448">
        <v>1463</v>
      </c>
      <c r="H5448">
        <v>220</v>
      </c>
      <c r="I5448">
        <v>0</v>
      </c>
      <c r="J5448">
        <v>0</v>
      </c>
      <c r="K5448">
        <v>200</v>
      </c>
      <c r="L5448">
        <v>0</v>
      </c>
      <c r="M5448">
        <v>1599</v>
      </c>
      <c r="N5448">
        <v>0</v>
      </c>
      <c r="O5448">
        <v>0</v>
      </c>
      <c r="P5448">
        <v>-6160</v>
      </c>
      <c r="Q5448">
        <v>0</v>
      </c>
      <c r="R5448">
        <v>11413</v>
      </c>
      <c r="S5448">
        <v>0</v>
      </c>
      <c r="T5448">
        <v>0</v>
      </c>
      <c r="U5448">
        <v>0</v>
      </c>
      <c r="V5448">
        <v>2</v>
      </c>
      <c r="W5448">
        <v>1</v>
      </c>
      <c r="X5448">
        <v>0</v>
      </c>
      <c r="Y5448">
        <v>46</v>
      </c>
      <c r="Z5448">
        <v>22</v>
      </c>
      <c r="AA5448">
        <v>37</v>
      </c>
      <c r="AB5448">
        <v>12</v>
      </c>
      <c r="AC5448">
        <v>110</v>
      </c>
      <c r="AD5448">
        <v>17</v>
      </c>
      <c r="AE5448">
        <v>48</v>
      </c>
      <c r="AF5448">
        <v>2500</v>
      </c>
      <c r="AG5448">
        <v>90033</v>
      </c>
      <c r="AH5448">
        <v>50000</v>
      </c>
      <c r="AI5448">
        <v>0</v>
      </c>
      <c r="AJ5448">
        <v>103</v>
      </c>
      <c r="AK5448" t="s">
        <v>7</v>
      </c>
      <c r="AL5448">
        <v>0</v>
      </c>
      <c r="AM5448">
        <v>0</v>
      </c>
      <c r="AN5448">
        <v>0</v>
      </c>
      <c r="AO5448">
        <v>0</v>
      </c>
      <c r="AP5448">
        <v>0</v>
      </c>
      <c r="AQ5448">
        <v>0</v>
      </c>
      <c r="AR5448">
        <v>0</v>
      </c>
      <c r="AS5448">
        <v>0</v>
      </c>
      <c r="AT5448">
        <v>0</v>
      </c>
      <c r="AU5448">
        <v>0</v>
      </c>
      <c r="AV5448">
        <v>0</v>
      </c>
      <c r="AW5448">
        <v>0</v>
      </c>
      <c r="AX5448">
        <v>6684</v>
      </c>
      <c r="AY5448">
        <v>8</v>
      </c>
      <c r="AZ5448">
        <v>14</v>
      </c>
      <c r="BA5448">
        <v>1557</v>
      </c>
    </row>
    <row r="5449" spans="1:53" x14ac:dyDescent="0.4">
      <c r="A5449">
        <v>5493</v>
      </c>
      <c r="B5449" s="1">
        <v>44911</v>
      </c>
      <c r="C5449">
        <v>1</v>
      </c>
      <c r="D5449" s="1">
        <v>44911.291666666664</v>
      </c>
      <c r="E5449" s="1">
        <v>44911.448611111111</v>
      </c>
      <c r="F5449">
        <v>0</v>
      </c>
      <c r="G5449">
        <v>0</v>
      </c>
      <c r="H5449">
        <v>0</v>
      </c>
      <c r="I5449">
        <v>0</v>
      </c>
      <c r="J5449">
        <v>0</v>
      </c>
      <c r="K5449">
        <v>0</v>
      </c>
      <c r="L5449">
        <v>0</v>
      </c>
      <c r="M5449">
        <v>0</v>
      </c>
      <c r="N5449">
        <v>0</v>
      </c>
      <c r="O5449">
        <v>0</v>
      </c>
      <c r="P5449">
        <v>0</v>
      </c>
      <c r="Q5449">
        <v>0</v>
      </c>
      <c r="R5449">
        <v>0</v>
      </c>
      <c r="S5449">
        <v>0</v>
      </c>
      <c r="T5449">
        <v>0</v>
      </c>
      <c r="U5449">
        <v>0</v>
      </c>
      <c r="V5449">
        <v>0</v>
      </c>
      <c r="W5449">
        <v>1</v>
      </c>
      <c r="X5449">
        <v>0</v>
      </c>
      <c r="Y5449">
        <v>30</v>
      </c>
      <c r="Z5449">
        <v>17</v>
      </c>
      <c r="AA5449">
        <v>48</v>
      </c>
      <c r="AB5449">
        <v>11</v>
      </c>
      <c r="AC5449">
        <v>102</v>
      </c>
      <c r="AD5449">
        <v>16</v>
      </c>
      <c r="AE5449">
        <v>50</v>
      </c>
      <c r="AF5449">
        <v>0</v>
      </c>
      <c r="AG5449">
        <v>50000</v>
      </c>
      <c r="AH5449">
        <v>50000</v>
      </c>
      <c r="AI5449">
        <v>0</v>
      </c>
      <c r="AJ5449">
        <v>0</v>
      </c>
      <c r="AK5449" t="s">
        <v>6</v>
      </c>
      <c r="AL5449">
        <v>0</v>
      </c>
      <c r="AM5449">
        <v>0</v>
      </c>
      <c r="AN5449">
        <v>0</v>
      </c>
      <c r="AO5449">
        <v>0</v>
      </c>
      <c r="AP5449">
        <v>0</v>
      </c>
      <c r="AQ5449">
        <v>0</v>
      </c>
      <c r="AR5449">
        <v>0</v>
      </c>
      <c r="AS5449">
        <v>0</v>
      </c>
      <c r="AT5449">
        <v>0</v>
      </c>
      <c r="AU5449">
        <v>0</v>
      </c>
      <c r="AV5449">
        <v>0</v>
      </c>
      <c r="AW5449">
        <v>0</v>
      </c>
      <c r="AX5449">
        <v>0</v>
      </c>
      <c r="AY5449">
        <v>0</v>
      </c>
      <c r="AZ5449">
        <v>0</v>
      </c>
      <c r="BA5449">
        <v>0</v>
      </c>
    </row>
    <row r="5450" spans="1:53" x14ac:dyDescent="0.4">
      <c r="A5450">
        <v>5494</v>
      </c>
      <c r="B5450" s="1">
        <v>44911</v>
      </c>
      <c r="C5450">
        <v>2</v>
      </c>
      <c r="D5450" s="1">
        <v>44911.448611111111</v>
      </c>
      <c r="E5450" s="1">
        <v>44911.738194444442</v>
      </c>
      <c r="F5450">
        <v>18290</v>
      </c>
      <c r="G5450">
        <v>0</v>
      </c>
      <c r="H5450">
        <v>0</v>
      </c>
      <c r="I5450">
        <v>0</v>
      </c>
      <c r="J5450">
        <v>0</v>
      </c>
      <c r="K5450">
        <v>0</v>
      </c>
      <c r="L5450">
        <v>0</v>
      </c>
      <c r="M5450">
        <v>1662</v>
      </c>
      <c r="N5450">
        <v>0</v>
      </c>
      <c r="O5450">
        <v>0</v>
      </c>
      <c r="P5450">
        <v>17150</v>
      </c>
      <c r="Q5450">
        <v>0</v>
      </c>
      <c r="R5450">
        <v>35440</v>
      </c>
      <c r="S5450">
        <v>0</v>
      </c>
      <c r="T5450">
        <v>0</v>
      </c>
      <c r="U5450">
        <v>0</v>
      </c>
      <c r="V5450">
        <v>2</v>
      </c>
      <c r="W5450">
        <v>0</v>
      </c>
      <c r="X5450">
        <v>0</v>
      </c>
      <c r="Y5450">
        <v>36</v>
      </c>
      <c r="Z5450">
        <v>32</v>
      </c>
      <c r="AA5450">
        <v>51</v>
      </c>
      <c r="AB5450">
        <v>18</v>
      </c>
      <c r="AC5450">
        <v>102</v>
      </c>
      <c r="AD5450">
        <v>17</v>
      </c>
      <c r="AE5450">
        <v>52</v>
      </c>
      <c r="AF5450">
        <v>6283</v>
      </c>
      <c r="AG5450">
        <v>85440</v>
      </c>
      <c r="AH5450">
        <v>50000</v>
      </c>
      <c r="AI5450">
        <v>0</v>
      </c>
      <c r="AJ5450">
        <v>103</v>
      </c>
      <c r="AK5450" t="s">
        <v>7</v>
      </c>
      <c r="AL5450">
        <v>0</v>
      </c>
      <c r="AM5450">
        <v>0</v>
      </c>
      <c r="AN5450">
        <v>0</v>
      </c>
      <c r="AO5450">
        <v>0</v>
      </c>
      <c r="AP5450">
        <v>0</v>
      </c>
      <c r="AQ5450">
        <v>0</v>
      </c>
      <c r="AR5450">
        <v>0</v>
      </c>
      <c r="AS5450">
        <v>0</v>
      </c>
      <c r="AT5450">
        <v>0</v>
      </c>
      <c r="AU5450">
        <v>0</v>
      </c>
      <c r="AV5450">
        <v>0</v>
      </c>
      <c r="AW5450">
        <v>0</v>
      </c>
      <c r="AX5450">
        <v>944</v>
      </c>
      <c r="AY5450">
        <v>35</v>
      </c>
      <c r="AZ5450">
        <v>59</v>
      </c>
      <c r="BA5450">
        <v>4548</v>
      </c>
    </row>
    <row r="5451" spans="1:53" x14ac:dyDescent="0.4">
      <c r="A5451">
        <v>5495</v>
      </c>
      <c r="B5451" s="1">
        <v>44911</v>
      </c>
      <c r="C5451">
        <v>3</v>
      </c>
      <c r="D5451" s="1">
        <v>44911.738194444442</v>
      </c>
      <c r="E5451" s="1">
        <v>44911.951388888891</v>
      </c>
      <c r="F5451">
        <v>30680</v>
      </c>
      <c r="G5451">
        <v>1034</v>
      </c>
      <c r="H5451">
        <v>0</v>
      </c>
      <c r="I5451">
        <v>0</v>
      </c>
      <c r="J5451">
        <v>100</v>
      </c>
      <c r="K5451">
        <v>970</v>
      </c>
      <c r="L5451">
        <v>0</v>
      </c>
      <c r="M5451">
        <v>2960</v>
      </c>
      <c r="N5451">
        <v>0</v>
      </c>
      <c r="O5451">
        <v>0</v>
      </c>
      <c r="P5451">
        <v>-12110</v>
      </c>
      <c r="Q5451">
        <v>0</v>
      </c>
      <c r="R5451">
        <v>20474</v>
      </c>
      <c r="S5451">
        <v>0</v>
      </c>
      <c r="T5451">
        <v>0</v>
      </c>
      <c r="U5451">
        <v>0</v>
      </c>
      <c r="V5451">
        <v>4</v>
      </c>
      <c r="W5451">
        <v>0</v>
      </c>
      <c r="X5451">
        <v>0</v>
      </c>
      <c r="Y5451">
        <v>27</v>
      </c>
      <c r="Z5451">
        <v>30</v>
      </c>
      <c r="AA5451">
        <v>54</v>
      </c>
      <c r="AB5451">
        <v>17</v>
      </c>
      <c r="AC5451">
        <v>105</v>
      </c>
      <c r="AD5451">
        <v>16</v>
      </c>
      <c r="AE5451">
        <v>47</v>
      </c>
      <c r="AF5451">
        <v>16487</v>
      </c>
      <c r="AG5451">
        <v>105914</v>
      </c>
      <c r="AH5451">
        <v>50000</v>
      </c>
      <c r="AI5451">
        <v>0</v>
      </c>
      <c r="AJ5451">
        <v>108</v>
      </c>
      <c r="AK5451" t="s">
        <v>3</v>
      </c>
      <c r="AL5451">
        <v>0</v>
      </c>
      <c r="AM5451">
        <v>0</v>
      </c>
      <c r="AN5451">
        <v>0</v>
      </c>
      <c r="AO5451">
        <v>0</v>
      </c>
      <c r="AP5451">
        <v>0</v>
      </c>
      <c r="AQ5451">
        <v>0</v>
      </c>
      <c r="AR5451">
        <v>0</v>
      </c>
      <c r="AS5451">
        <v>0</v>
      </c>
      <c r="AT5451">
        <v>0</v>
      </c>
      <c r="AU5451">
        <v>0</v>
      </c>
      <c r="AV5451">
        <v>0</v>
      </c>
      <c r="AW5451">
        <v>0</v>
      </c>
      <c r="AX5451">
        <v>91976</v>
      </c>
      <c r="AY5451">
        <v>21</v>
      </c>
      <c r="AZ5451">
        <v>50</v>
      </c>
      <c r="BA5451">
        <v>2818</v>
      </c>
    </row>
    <row r="5452" spans="1:53" x14ac:dyDescent="0.4">
      <c r="A5452">
        <v>5496</v>
      </c>
      <c r="B5452" s="1">
        <v>44912</v>
      </c>
      <c r="C5452">
        <v>1</v>
      </c>
      <c r="D5452" s="1">
        <v>44912.291666666664</v>
      </c>
      <c r="E5452" s="1">
        <v>44912.386805555558</v>
      </c>
      <c r="F5452">
        <v>0</v>
      </c>
      <c r="G5452">
        <v>0</v>
      </c>
      <c r="H5452">
        <v>0</v>
      </c>
      <c r="I5452">
        <v>0</v>
      </c>
      <c r="J5452">
        <v>0</v>
      </c>
      <c r="K5452">
        <v>0</v>
      </c>
      <c r="L5452">
        <v>0</v>
      </c>
      <c r="M5452">
        <v>0</v>
      </c>
      <c r="N5452">
        <v>0</v>
      </c>
      <c r="O5452">
        <v>0</v>
      </c>
      <c r="P5452">
        <v>0</v>
      </c>
      <c r="Q5452">
        <v>0</v>
      </c>
      <c r="R5452">
        <v>0</v>
      </c>
      <c r="S5452">
        <v>0</v>
      </c>
      <c r="T5452">
        <v>0</v>
      </c>
      <c r="U5452">
        <v>0</v>
      </c>
      <c r="V5452">
        <v>0</v>
      </c>
      <c r="W5452">
        <v>1</v>
      </c>
      <c r="X5452">
        <v>0</v>
      </c>
      <c r="Y5452">
        <v>30</v>
      </c>
      <c r="Z5452">
        <v>12</v>
      </c>
      <c r="AA5452">
        <v>71</v>
      </c>
      <c r="AB5452">
        <v>18</v>
      </c>
      <c r="AC5452">
        <v>86</v>
      </c>
      <c r="AD5452">
        <v>17</v>
      </c>
      <c r="AE5452">
        <v>55</v>
      </c>
      <c r="AF5452">
        <v>0</v>
      </c>
      <c r="AG5452">
        <v>50000</v>
      </c>
      <c r="AH5452">
        <v>50000</v>
      </c>
      <c r="AI5452">
        <v>0</v>
      </c>
      <c r="AJ5452">
        <v>0</v>
      </c>
      <c r="AK5452" t="s">
        <v>6</v>
      </c>
      <c r="AL5452">
        <v>0</v>
      </c>
      <c r="AM5452">
        <v>0</v>
      </c>
      <c r="AN5452">
        <v>0</v>
      </c>
      <c r="AO5452">
        <v>0</v>
      </c>
      <c r="AP5452">
        <v>0</v>
      </c>
      <c r="AQ5452">
        <v>0</v>
      </c>
      <c r="AR5452">
        <v>0</v>
      </c>
      <c r="AS5452">
        <v>0</v>
      </c>
      <c r="AT5452">
        <v>0</v>
      </c>
      <c r="AU5452">
        <v>0</v>
      </c>
      <c r="AV5452">
        <v>0</v>
      </c>
      <c r="AW5452">
        <v>0</v>
      </c>
      <c r="AX5452">
        <v>0</v>
      </c>
      <c r="AY5452">
        <v>0</v>
      </c>
      <c r="AZ5452">
        <v>0</v>
      </c>
      <c r="BA5452">
        <v>0</v>
      </c>
    </row>
    <row r="5453" spans="1:53" x14ac:dyDescent="0.4">
      <c r="A5453">
        <v>5497</v>
      </c>
      <c r="B5453" s="1">
        <v>44912</v>
      </c>
      <c r="C5453">
        <v>2</v>
      </c>
      <c r="D5453" s="1">
        <v>44912.386805555558</v>
      </c>
      <c r="E5453" s="1">
        <v>44912.736805555556</v>
      </c>
      <c r="F5453">
        <v>38900</v>
      </c>
      <c r="G5453">
        <v>2728</v>
      </c>
      <c r="H5453">
        <v>0</v>
      </c>
      <c r="I5453">
        <v>0</v>
      </c>
      <c r="J5453">
        <v>0</v>
      </c>
      <c r="K5453">
        <v>800</v>
      </c>
      <c r="L5453">
        <v>0</v>
      </c>
      <c r="M5453">
        <v>3855</v>
      </c>
      <c r="N5453">
        <v>0</v>
      </c>
      <c r="O5453">
        <v>0</v>
      </c>
      <c r="P5453">
        <v>19530</v>
      </c>
      <c r="Q5453">
        <v>0</v>
      </c>
      <c r="R5453">
        <v>61958</v>
      </c>
      <c r="S5453">
        <v>0</v>
      </c>
      <c r="T5453">
        <v>0</v>
      </c>
      <c r="U5453">
        <v>0</v>
      </c>
      <c r="V5453">
        <v>3</v>
      </c>
      <c r="W5453">
        <v>0</v>
      </c>
      <c r="X5453">
        <v>0</v>
      </c>
      <c r="Y5453">
        <v>54</v>
      </c>
      <c r="Z5453">
        <v>31</v>
      </c>
      <c r="AA5453">
        <v>45</v>
      </c>
      <c r="AB5453">
        <v>21</v>
      </c>
      <c r="AC5453">
        <v>110</v>
      </c>
      <c r="AD5453">
        <v>20</v>
      </c>
      <c r="AE5453">
        <v>58</v>
      </c>
      <c r="AF5453">
        <v>5650</v>
      </c>
      <c r="AG5453">
        <v>111958</v>
      </c>
      <c r="AH5453">
        <v>50000</v>
      </c>
      <c r="AI5453">
        <v>0</v>
      </c>
      <c r="AJ5453">
        <v>115</v>
      </c>
      <c r="AK5453" t="s">
        <v>55</v>
      </c>
      <c r="AL5453">
        <v>0</v>
      </c>
      <c r="AM5453">
        <v>0</v>
      </c>
      <c r="AN5453">
        <v>0</v>
      </c>
      <c r="AO5453">
        <v>0</v>
      </c>
      <c r="AP5453">
        <v>0</v>
      </c>
      <c r="AQ5453">
        <v>0</v>
      </c>
      <c r="AR5453">
        <v>0</v>
      </c>
      <c r="AS5453">
        <v>0</v>
      </c>
      <c r="AT5453">
        <v>0</v>
      </c>
      <c r="AU5453">
        <v>0</v>
      </c>
      <c r="AV5453">
        <v>0</v>
      </c>
      <c r="AW5453">
        <v>0</v>
      </c>
      <c r="AX5453">
        <v>-1200</v>
      </c>
      <c r="AY5453">
        <v>46</v>
      </c>
      <c r="AZ5453">
        <v>91</v>
      </c>
      <c r="BA5453">
        <v>7503</v>
      </c>
    </row>
    <row r="5454" spans="1:53" x14ac:dyDescent="0.4">
      <c r="A5454">
        <v>5498</v>
      </c>
      <c r="B5454" s="1">
        <v>44912</v>
      </c>
      <c r="C5454">
        <v>3</v>
      </c>
      <c r="D5454" s="1">
        <v>44912.736805555556</v>
      </c>
      <c r="E5454" s="1">
        <v>44913.161805555559</v>
      </c>
      <c r="F5454">
        <v>385981</v>
      </c>
      <c r="G5454">
        <v>7777</v>
      </c>
      <c r="H5454">
        <v>0</v>
      </c>
      <c r="I5454">
        <v>0</v>
      </c>
      <c r="J5454">
        <v>2900</v>
      </c>
      <c r="K5454">
        <v>0</v>
      </c>
      <c r="L5454">
        <v>0</v>
      </c>
      <c r="M5454">
        <v>35530</v>
      </c>
      <c r="N5454">
        <v>0</v>
      </c>
      <c r="O5454">
        <v>0</v>
      </c>
      <c r="P5454">
        <v>15220</v>
      </c>
      <c r="Q5454">
        <v>0</v>
      </c>
      <c r="R5454">
        <v>406078</v>
      </c>
      <c r="S5454">
        <v>0</v>
      </c>
      <c r="T5454">
        <v>0</v>
      </c>
      <c r="U5454">
        <v>0</v>
      </c>
      <c r="V5454">
        <v>30</v>
      </c>
      <c r="W5454">
        <v>6</v>
      </c>
      <c r="X5454">
        <v>0</v>
      </c>
      <c r="Y5454">
        <v>82</v>
      </c>
      <c r="Z5454">
        <v>37</v>
      </c>
      <c r="AA5454">
        <v>40</v>
      </c>
      <c r="AB5454">
        <v>14</v>
      </c>
      <c r="AC5454">
        <v>74</v>
      </c>
      <c r="AD5454">
        <v>20</v>
      </c>
      <c r="AE5454">
        <v>59</v>
      </c>
      <c r="AF5454">
        <v>81937</v>
      </c>
      <c r="AG5454">
        <v>518036</v>
      </c>
      <c r="AH5454">
        <v>50000</v>
      </c>
      <c r="AI5454">
        <v>0</v>
      </c>
      <c r="AJ5454">
        <v>35</v>
      </c>
      <c r="AL5454">
        <v>0</v>
      </c>
      <c r="AM5454">
        <v>0</v>
      </c>
      <c r="AN5454">
        <v>0</v>
      </c>
      <c r="AO5454">
        <v>0</v>
      </c>
      <c r="AP5454">
        <v>0</v>
      </c>
      <c r="AQ5454">
        <v>0</v>
      </c>
      <c r="AR5454">
        <v>0</v>
      </c>
      <c r="AS5454">
        <v>0</v>
      </c>
      <c r="AT5454">
        <v>0</v>
      </c>
      <c r="AU5454">
        <v>0</v>
      </c>
      <c r="AV5454">
        <v>0</v>
      </c>
      <c r="AW5454">
        <v>0</v>
      </c>
      <c r="AX5454">
        <v>4620</v>
      </c>
      <c r="AY5454">
        <v>44</v>
      </c>
      <c r="AZ5454">
        <v>178</v>
      </c>
      <c r="BA5454">
        <v>7458</v>
      </c>
    </row>
    <row r="5455" spans="1:53" x14ac:dyDescent="0.4">
      <c r="A5455">
        <v>5499</v>
      </c>
      <c r="B5455" s="1">
        <v>44913</v>
      </c>
      <c r="C5455">
        <v>1</v>
      </c>
      <c r="D5455" s="1">
        <v>44913.291666666664</v>
      </c>
      <c r="E5455" s="1">
        <v>44913.40902777778</v>
      </c>
      <c r="F5455">
        <v>0</v>
      </c>
      <c r="G5455">
        <v>0</v>
      </c>
      <c r="H5455">
        <v>0</v>
      </c>
      <c r="I5455">
        <v>0</v>
      </c>
      <c r="J5455">
        <v>0</v>
      </c>
      <c r="K5455">
        <v>0</v>
      </c>
      <c r="L5455">
        <v>0</v>
      </c>
      <c r="M5455">
        <v>0</v>
      </c>
      <c r="N5455">
        <v>0</v>
      </c>
      <c r="O5455">
        <v>0</v>
      </c>
      <c r="P5455">
        <v>0</v>
      </c>
      <c r="Q5455">
        <v>0</v>
      </c>
      <c r="R5455">
        <v>0</v>
      </c>
      <c r="S5455">
        <v>0</v>
      </c>
      <c r="T5455">
        <v>0</v>
      </c>
      <c r="U5455">
        <v>0</v>
      </c>
      <c r="V5455">
        <v>0</v>
      </c>
      <c r="W5455">
        <v>1</v>
      </c>
      <c r="X5455">
        <v>0</v>
      </c>
      <c r="Y5455">
        <v>25</v>
      </c>
      <c r="Z5455">
        <v>18</v>
      </c>
      <c r="AA5455">
        <v>94</v>
      </c>
      <c r="AB5455">
        <v>15</v>
      </c>
      <c r="AC5455">
        <v>70</v>
      </c>
      <c r="AD5455">
        <v>19</v>
      </c>
      <c r="AE5455">
        <v>55</v>
      </c>
      <c r="AF5455">
        <v>0</v>
      </c>
      <c r="AG5455">
        <v>50000</v>
      </c>
      <c r="AH5455">
        <v>50000</v>
      </c>
      <c r="AI5455">
        <v>0</v>
      </c>
      <c r="AJ5455">
        <v>0</v>
      </c>
      <c r="AK5455" t="s">
        <v>6</v>
      </c>
      <c r="AL5455">
        <v>0</v>
      </c>
      <c r="AM5455">
        <v>0</v>
      </c>
      <c r="AN5455">
        <v>0</v>
      </c>
      <c r="AO5455">
        <v>0</v>
      </c>
      <c r="AP5455">
        <v>0</v>
      </c>
      <c r="AQ5455">
        <v>0</v>
      </c>
      <c r="AR5455">
        <v>0</v>
      </c>
      <c r="AS5455">
        <v>0</v>
      </c>
      <c r="AT5455">
        <v>0</v>
      </c>
      <c r="AU5455">
        <v>0</v>
      </c>
      <c r="AV5455">
        <v>0</v>
      </c>
      <c r="AW5455">
        <v>0</v>
      </c>
      <c r="AX5455">
        <v>0</v>
      </c>
      <c r="AY5455">
        <v>0</v>
      </c>
      <c r="AZ5455">
        <v>0</v>
      </c>
      <c r="BA5455">
        <v>0</v>
      </c>
    </row>
    <row r="5456" spans="1:53" x14ac:dyDescent="0.4">
      <c r="A5456">
        <v>5500</v>
      </c>
      <c r="B5456" s="1">
        <v>44913</v>
      </c>
      <c r="C5456">
        <v>2</v>
      </c>
      <c r="D5456" s="1">
        <v>44913.40902777778</v>
      </c>
      <c r="E5456" s="1">
        <v>44913.737500000003</v>
      </c>
      <c r="F5456">
        <v>44000</v>
      </c>
      <c r="G5456">
        <v>1133</v>
      </c>
      <c r="H5456">
        <v>220</v>
      </c>
      <c r="I5456">
        <v>0</v>
      </c>
      <c r="J5456">
        <v>100</v>
      </c>
      <c r="K5456">
        <v>0</v>
      </c>
      <c r="L5456">
        <v>0</v>
      </c>
      <c r="M5456">
        <v>4112</v>
      </c>
      <c r="N5456">
        <v>0</v>
      </c>
      <c r="O5456">
        <v>0</v>
      </c>
      <c r="P5456">
        <v>15570</v>
      </c>
      <c r="Q5456">
        <v>0</v>
      </c>
      <c r="R5456">
        <v>60823</v>
      </c>
      <c r="S5456">
        <v>0</v>
      </c>
      <c r="T5456">
        <v>0</v>
      </c>
      <c r="U5456">
        <v>0</v>
      </c>
      <c r="V5456">
        <v>4</v>
      </c>
      <c r="W5456">
        <v>0</v>
      </c>
      <c r="X5456">
        <v>0</v>
      </c>
      <c r="Y5456">
        <v>41</v>
      </c>
      <c r="Z5456">
        <v>32</v>
      </c>
      <c r="AA5456">
        <v>81</v>
      </c>
      <c r="AB5456">
        <v>14</v>
      </c>
      <c r="AC5456">
        <v>94</v>
      </c>
      <c r="AD5456">
        <v>21</v>
      </c>
      <c r="AE5456">
        <v>58</v>
      </c>
      <c r="AF5456">
        <v>3920</v>
      </c>
      <c r="AG5456">
        <v>110823</v>
      </c>
      <c r="AH5456">
        <v>50000</v>
      </c>
      <c r="AI5456">
        <v>0</v>
      </c>
      <c r="AJ5456">
        <v>118</v>
      </c>
      <c r="AK5456" t="s">
        <v>59</v>
      </c>
      <c r="AL5456">
        <v>0</v>
      </c>
      <c r="AM5456">
        <v>0</v>
      </c>
      <c r="AN5456">
        <v>0</v>
      </c>
      <c r="AO5456">
        <v>0</v>
      </c>
      <c r="AP5456">
        <v>0</v>
      </c>
      <c r="AQ5456">
        <v>0</v>
      </c>
      <c r="AR5456">
        <v>0</v>
      </c>
      <c r="AS5456">
        <v>0</v>
      </c>
      <c r="AT5456">
        <v>0</v>
      </c>
      <c r="AU5456">
        <v>0</v>
      </c>
      <c r="AV5456">
        <v>0</v>
      </c>
      <c r="AW5456">
        <v>0</v>
      </c>
      <c r="AX5456">
        <v>440</v>
      </c>
      <c r="AY5456">
        <v>46</v>
      </c>
      <c r="AZ5456">
        <v>95</v>
      </c>
      <c r="BA5456">
        <v>6813</v>
      </c>
    </row>
    <row r="5457" spans="1:53" x14ac:dyDescent="0.4">
      <c r="A5457">
        <v>5501</v>
      </c>
      <c r="B5457" s="1">
        <v>44913</v>
      </c>
      <c r="C5457">
        <v>3</v>
      </c>
      <c r="D5457" s="1">
        <v>44913.737500000003</v>
      </c>
      <c r="E5457" s="1">
        <v>44914.088194444441</v>
      </c>
      <c r="F5457">
        <v>44270</v>
      </c>
      <c r="G5457">
        <v>440</v>
      </c>
      <c r="H5457">
        <v>0</v>
      </c>
      <c r="I5457">
        <v>0</v>
      </c>
      <c r="J5457">
        <v>200</v>
      </c>
      <c r="K5457">
        <v>2340</v>
      </c>
      <c r="L5457">
        <v>0</v>
      </c>
      <c r="M5457">
        <v>4257</v>
      </c>
      <c r="N5457">
        <v>0</v>
      </c>
      <c r="O5457">
        <v>0</v>
      </c>
      <c r="P5457">
        <v>-15570</v>
      </c>
      <c r="Q5457">
        <v>0</v>
      </c>
      <c r="R5457">
        <v>31280</v>
      </c>
      <c r="S5457">
        <v>0</v>
      </c>
      <c r="T5457">
        <v>0</v>
      </c>
      <c r="U5457">
        <v>0</v>
      </c>
      <c r="V5457">
        <v>6</v>
      </c>
      <c r="W5457">
        <v>1</v>
      </c>
      <c r="X5457">
        <v>0</v>
      </c>
      <c r="Y5457">
        <v>43</v>
      </c>
      <c r="Z5457">
        <v>38</v>
      </c>
      <c r="AA5457">
        <v>91</v>
      </c>
      <c r="AB5457">
        <v>15</v>
      </c>
      <c r="AC5457">
        <v>95</v>
      </c>
      <c r="AD5457">
        <v>21</v>
      </c>
      <c r="AE5457">
        <v>58</v>
      </c>
      <c r="AF5457">
        <v>4140</v>
      </c>
      <c r="AG5457">
        <v>142103</v>
      </c>
      <c r="AH5457">
        <v>50000</v>
      </c>
      <c r="AI5457">
        <v>0</v>
      </c>
      <c r="AJ5457">
        <v>108</v>
      </c>
      <c r="AK5457" t="s">
        <v>3</v>
      </c>
      <c r="AL5457">
        <v>0</v>
      </c>
      <c r="AM5457">
        <v>0</v>
      </c>
      <c r="AN5457">
        <v>0</v>
      </c>
      <c r="AO5457">
        <v>0</v>
      </c>
      <c r="AP5457">
        <v>0</v>
      </c>
      <c r="AQ5457">
        <v>0</v>
      </c>
      <c r="AR5457">
        <v>0</v>
      </c>
      <c r="AS5457">
        <v>0</v>
      </c>
      <c r="AT5457">
        <v>0</v>
      </c>
      <c r="AU5457">
        <v>0</v>
      </c>
      <c r="AV5457">
        <v>0</v>
      </c>
      <c r="AW5457">
        <v>0</v>
      </c>
      <c r="AX5457">
        <v>12515</v>
      </c>
      <c r="AY5457">
        <v>12</v>
      </c>
      <c r="AZ5457">
        <v>28</v>
      </c>
      <c r="BA5457">
        <v>2485</v>
      </c>
    </row>
    <row r="5458" spans="1:53" x14ac:dyDescent="0.4">
      <c r="A5458">
        <v>5502</v>
      </c>
      <c r="B5458" s="1">
        <v>44914</v>
      </c>
      <c r="C5458">
        <v>1</v>
      </c>
      <c r="D5458" s="1">
        <v>44914.291666666664</v>
      </c>
      <c r="E5458" s="1">
        <v>44914.441666666666</v>
      </c>
      <c r="F5458">
        <v>0</v>
      </c>
      <c r="G5458">
        <v>0</v>
      </c>
      <c r="H5458">
        <v>0</v>
      </c>
      <c r="I5458">
        <v>0</v>
      </c>
      <c r="J5458">
        <v>0</v>
      </c>
      <c r="K5458">
        <v>0</v>
      </c>
      <c r="L5458">
        <v>0</v>
      </c>
      <c r="M5458">
        <v>0</v>
      </c>
      <c r="N5458">
        <v>0</v>
      </c>
      <c r="O5458">
        <v>0</v>
      </c>
      <c r="P5458">
        <v>0</v>
      </c>
      <c r="Q5458">
        <v>0</v>
      </c>
      <c r="R5458">
        <v>0</v>
      </c>
      <c r="S5458">
        <v>0</v>
      </c>
      <c r="T5458">
        <v>0</v>
      </c>
      <c r="U5458">
        <v>0</v>
      </c>
      <c r="V5458">
        <v>0</v>
      </c>
      <c r="W5458">
        <v>1</v>
      </c>
      <c r="X5458">
        <v>0</v>
      </c>
      <c r="Y5458">
        <v>28</v>
      </c>
      <c r="Z5458">
        <v>12</v>
      </c>
      <c r="AA5458">
        <v>92</v>
      </c>
      <c r="AB5458">
        <v>15</v>
      </c>
      <c r="AC5458">
        <v>90</v>
      </c>
      <c r="AD5458">
        <v>19</v>
      </c>
      <c r="AE5458">
        <v>55</v>
      </c>
      <c r="AF5458">
        <v>0</v>
      </c>
      <c r="AG5458">
        <v>50000</v>
      </c>
      <c r="AH5458">
        <v>50000</v>
      </c>
      <c r="AI5458">
        <v>0</v>
      </c>
      <c r="AJ5458">
        <v>0</v>
      </c>
      <c r="AK5458" t="s">
        <v>6</v>
      </c>
      <c r="AL5458">
        <v>0</v>
      </c>
      <c r="AM5458">
        <v>0</v>
      </c>
      <c r="AN5458">
        <v>0</v>
      </c>
      <c r="AO5458">
        <v>0</v>
      </c>
      <c r="AP5458">
        <v>0</v>
      </c>
      <c r="AQ5458">
        <v>0</v>
      </c>
      <c r="AR5458">
        <v>0</v>
      </c>
      <c r="AS5458">
        <v>0</v>
      </c>
      <c r="AT5458">
        <v>0</v>
      </c>
      <c r="AU5458">
        <v>0</v>
      </c>
      <c r="AV5458">
        <v>0</v>
      </c>
      <c r="AW5458">
        <v>0</v>
      </c>
      <c r="AX5458">
        <v>0</v>
      </c>
      <c r="AY5458">
        <v>0</v>
      </c>
      <c r="AZ5458">
        <v>0</v>
      </c>
      <c r="BA5458">
        <v>0</v>
      </c>
    </row>
    <row r="5459" spans="1:53" x14ac:dyDescent="0.4">
      <c r="A5459">
        <v>5503</v>
      </c>
      <c r="B5459" s="1">
        <v>44914</v>
      </c>
      <c r="C5459">
        <v>2</v>
      </c>
      <c r="D5459" s="1">
        <v>44914.441666666666</v>
      </c>
      <c r="E5459" s="1">
        <v>44914.752083333333</v>
      </c>
      <c r="F5459">
        <v>24770</v>
      </c>
      <c r="G5459">
        <v>1804</v>
      </c>
      <c r="H5459">
        <v>0</v>
      </c>
      <c r="I5459">
        <v>0</v>
      </c>
      <c r="J5459">
        <v>200</v>
      </c>
      <c r="K5459">
        <v>0</v>
      </c>
      <c r="L5459">
        <v>0</v>
      </c>
      <c r="M5459">
        <v>2395</v>
      </c>
      <c r="N5459">
        <v>0</v>
      </c>
      <c r="O5459">
        <v>0</v>
      </c>
      <c r="P5459">
        <v>14460</v>
      </c>
      <c r="Q5459">
        <v>0</v>
      </c>
      <c r="R5459">
        <v>40834</v>
      </c>
      <c r="S5459">
        <v>0</v>
      </c>
      <c r="T5459">
        <v>0</v>
      </c>
      <c r="U5459">
        <v>0</v>
      </c>
      <c r="V5459">
        <v>4</v>
      </c>
      <c r="W5459">
        <v>1</v>
      </c>
      <c r="X5459">
        <v>0</v>
      </c>
      <c r="Y5459">
        <v>19</v>
      </c>
      <c r="Z5459">
        <v>23</v>
      </c>
      <c r="AA5459">
        <v>90</v>
      </c>
      <c r="AB5459">
        <v>15</v>
      </c>
      <c r="AC5459">
        <v>135</v>
      </c>
      <c r="AD5459">
        <v>20</v>
      </c>
      <c r="AE5459">
        <v>62</v>
      </c>
      <c r="AF5459">
        <v>4072</v>
      </c>
      <c r="AG5459">
        <v>90834</v>
      </c>
      <c r="AH5459">
        <v>50000</v>
      </c>
      <c r="AI5459">
        <v>0</v>
      </c>
      <c r="AJ5459">
        <v>119</v>
      </c>
      <c r="AK5459" t="s">
        <v>56</v>
      </c>
      <c r="AL5459">
        <v>0</v>
      </c>
      <c r="AM5459">
        <v>0</v>
      </c>
      <c r="AN5459">
        <v>0</v>
      </c>
      <c r="AO5459">
        <v>0</v>
      </c>
      <c r="AP5459">
        <v>0</v>
      </c>
      <c r="AQ5459">
        <v>0</v>
      </c>
      <c r="AR5459">
        <v>0</v>
      </c>
      <c r="AS5459">
        <v>0</v>
      </c>
      <c r="AT5459">
        <v>0</v>
      </c>
      <c r="AU5459">
        <v>0</v>
      </c>
      <c r="AV5459">
        <v>0</v>
      </c>
      <c r="AW5459">
        <v>0</v>
      </c>
      <c r="AX5459">
        <v>0</v>
      </c>
      <c r="AY5459">
        <v>40</v>
      </c>
      <c r="AZ5459">
        <v>63</v>
      </c>
      <c r="BA5459">
        <v>6008</v>
      </c>
    </row>
    <row r="5460" spans="1:53" x14ac:dyDescent="0.4">
      <c r="A5460">
        <v>5504</v>
      </c>
      <c r="B5460" s="1">
        <v>44914</v>
      </c>
      <c r="C5460">
        <v>3</v>
      </c>
      <c r="D5460" s="1">
        <v>44914.752083333333</v>
      </c>
      <c r="E5460" s="1">
        <v>44914.929861111108</v>
      </c>
      <c r="F5460">
        <v>25580</v>
      </c>
      <c r="G5460">
        <v>2552</v>
      </c>
      <c r="H5460">
        <v>220</v>
      </c>
      <c r="I5460">
        <v>0</v>
      </c>
      <c r="J5460">
        <v>0</v>
      </c>
      <c r="K5460">
        <v>0</v>
      </c>
      <c r="L5460">
        <v>0</v>
      </c>
      <c r="M5460">
        <v>2577</v>
      </c>
      <c r="N5460">
        <v>0</v>
      </c>
      <c r="O5460">
        <v>0</v>
      </c>
      <c r="P5460">
        <v>-10860</v>
      </c>
      <c r="Q5460">
        <v>0</v>
      </c>
      <c r="R5460">
        <v>17492</v>
      </c>
      <c r="S5460">
        <v>0</v>
      </c>
      <c r="T5460">
        <v>0</v>
      </c>
      <c r="U5460">
        <v>0</v>
      </c>
      <c r="V5460">
        <v>6</v>
      </c>
      <c r="W5460">
        <v>0</v>
      </c>
      <c r="X5460">
        <v>0</v>
      </c>
      <c r="Y5460">
        <v>16</v>
      </c>
      <c r="Z5460">
        <v>26</v>
      </c>
      <c r="AA5460">
        <v>92</v>
      </c>
      <c r="AB5460">
        <v>16</v>
      </c>
      <c r="AC5460">
        <v>132</v>
      </c>
      <c r="AD5460">
        <v>20</v>
      </c>
      <c r="AE5460">
        <v>62</v>
      </c>
      <c r="AF5460">
        <v>7844</v>
      </c>
      <c r="AG5460">
        <v>108326</v>
      </c>
      <c r="AH5460">
        <v>50000</v>
      </c>
      <c r="AI5460">
        <v>0</v>
      </c>
      <c r="AJ5460">
        <v>108</v>
      </c>
      <c r="AK5460" t="s">
        <v>3</v>
      </c>
      <c r="AL5460">
        <v>0</v>
      </c>
      <c r="AM5460">
        <v>0</v>
      </c>
      <c r="AN5460">
        <v>0</v>
      </c>
      <c r="AO5460">
        <v>0</v>
      </c>
      <c r="AP5460">
        <v>0</v>
      </c>
      <c r="AQ5460">
        <v>0</v>
      </c>
      <c r="AR5460">
        <v>0</v>
      </c>
      <c r="AS5460">
        <v>0</v>
      </c>
      <c r="AT5460">
        <v>0</v>
      </c>
      <c r="AU5460">
        <v>0</v>
      </c>
      <c r="AV5460">
        <v>0</v>
      </c>
      <c r="AW5460">
        <v>0</v>
      </c>
      <c r="AX5460">
        <v>9325</v>
      </c>
      <c r="AY5460">
        <v>11</v>
      </c>
      <c r="AZ5460">
        <v>21</v>
      </c>
      <c r="BA5460">
        <v>2163</v>
      </c>
    </row>
    <row r="5461" spans="1:53" x14ac:dyDescent="0.4">
      <c r="A5461">
        <v>5505</v>
      </c>
      <c r="B5461" s="1">
        <v>44915</v>
      </c>
      <c r="C5461">
        <v>1</v>
      </c>
      <c r="D5461" s="1">
        <v>44915.291666666664</v>
      </c>
      <c r="E5461" s="1">
        <v>44915.445833333331</v>
      </c>
      <c r="F5461">
        <v>0</v>
      </c>
      <c r="G5461">
        <v>0</v>
      </c>
      <c r="H5461">
        <v>0</v>
      </c>
      <c r="I5461">
        <v>0</v>
      </c>
      <c r="J5461">
        <v>0</v>
      </c>
      <c r="K5461">
        <v>0</v>
      </c>
      <c r="L5461">
        <v>0</v>
      </c>
      <c r="M5461">
        <v>0</v>
      </c>
      <c r="N5461">
        <v>0</v>
      </c>
      <c r="O5461">
        <v>0</v>
      </c>
      <c r="P5461">
        <v>0</v>
      </c>
      <c r="Q5461">
        <v>0</v>
      </c>
      <c r="R5461">
        <v>0</v>
      </c>
      <c r="S5461">
        <v>0</v>
      </c>
      <c r="T5461">
        <v>0</v>
      </c>
      <c r="U5461">
        <v>0</v>
      </c>
      <c r="V5461">
        <v>0</v>
      </c>
      <c r="W5461">
        <v>1</v>
      </c>
      <c r="X5461">
        <v>0</v>
      </c>
      <c r="Y5461">
        <v>26</v>
      </c>
      <c r="Z5461">
        <v>12</v>
      </c>
      <c r="AA5461">
        <v>107</v>
      </c>
      <c r="AB5461">
        <v>17</v>
      </c>
      <c r="AC5461">
        <v>128</v>
      </c>
      <c r="AD5461">
        <v>21</v>
      </c>
      <c r="AE5461">
        <v>65</v>
      </c>
      <c r="AF5461">
        <v>0</v>
      </c>
      <c r="AG5461">
        <v>50000</v>
      </c>
      <c r="AH5461">
        <v>50000</v>
      </c>
      <c r="AI5461">
        <v>0</v>
      </c>
      <c r="AJ5461">
        <v>0</v>
      </c>
      <c r="AK5461" t="s">
        <v>6</v>
      </c>
      <c r="AL5461">
        <v>0</v>
      </c>
      <c r="AM5461">
        <v>0</v>
      </c>
      <c r="AN5461">
        <v>0</v>
      </c>
      <c r="AO5461">
        <v>0</v>
      </c>
      <c r="AP5461">
        <v>0</v>
      </c>
      <c r="AQ5461">
        <v>0</v>
      </c>
      <c r="AR5461">
        <v>0</v>
      </c>
      <c r="AS5461">
        <v>0</v>
      </c>
      <c r="AT5461">
        <v>0</v>
      </c>
      <c r="AU5461">
        <v>0</v>
      </c>
      <c r="AV5461">
        <v>0</v>
      </c>
      <c r="AW5461">
        <v>0</v>
      </c>
      <c r="AX5461">
        <v>0</v>
      </c>
      <c r="AY5461">
        <v>0</v>
      </c>
      <c r="AZ5461">
        <v>0</v>
      </c>
      <c r="BA5461">
        <v>0</v>
      </c>
    </row>
    <row r="5462" spans="1:53" x14ac:dyDescent="0.4">
      <c r="A5462">
        <v>5506</v>
      </c>
      <c r="B5462" s="1">
        <v>44915</v>
      </c>
      <c r="C5462">
        <v>2</v>
      </c>
      <c r="D5462" s="1">
        <v>44915.445833333331</v>
      </c>
      <c r="E5462" s="1">
        <v>44915.749305555553</v>
      </c>
      <c r="F5462">
        <v>20520</v>
      </c>
      <c r="G5462">
        <v>4807</v>
      </c>
      <c r="H5462">
        <v>220</v>
      </c>
      <c r="I5462">
        <v>0</v>
      </c>
      <c r="J5462">
        <v>0</v>
      </c>
      <c r="K5462">
        <v>0</v>
      </c>
      <c r="L5462">
        <v>0</v>
      </c>
      <c r="M5462">
        <v>2321</v>
      </c>
      <c r="N5462">
        <v>0</v>
      </c>
      <c r="O5462">
        <v>0</v>
      </c>
      <c r="P5462">
        <v>15960</v>
      </c>
      <c r="Q5462">
        <v>0</v>
      </c>
      <c r="R5462">
        <v>41507</v>
      </c>
      <c r="S5462">
        <v>0</v>
      </c>
      <c r="T5462">
        <v>0</v>
      </c>
      <c r="U5462">
        <v>0</v>
      </c>
      <c r="V5462">
        <v>2</v>
      </c>
      <c r="W5462">
        <v>3</v>
      </c>
      <c r="X5462">
        <v>0</v>
      </c>
      <c r="Y5462">
        <v>40</v>
      </c>
      <c r="Z5462">
        <v>11</v>
      </c>
      <c r="AA5462">
        <v>75</v>
      </c>
      <c r="AB5462">
        <v>13</v>
      </c>
      <c r="AC5462">
        <v>152</v>
      </c>
      <c r="AD5462">
        <v>25</v>
      </c>
      <c r="AE5462">
        <v>82</v>
      </c>
      <c r="AF5462">
        <v>1130</v>
      </c>
      <c r="AG5462">
        <v>91507</v>
      </c>
      <c r="AH5462">
        <v>50000</v>
      </c>
      <c r="AI5462">
        <v>0</v>
      </c>
      <c r="AJ5462">
        <v>36</v>
      </c>
      <c r="AL5462">
        <v>0</v>
      </c>
      <c r="AM5462">
        <v>0</v>
      </c>
      <c r="AN5462">
        <v>0</v>
      </c>
      <c r="AO5462">
        <v>0</v>
      </c>
      <c r="AP5462">
        <v>0</v>
      </c>
      <c r="AQ5462">
        <v>0</v>
      </c>
      <c r="AR5462">
        <v>0</v>
      </c>
      <c r="AS5462">
        <v>0</v>
      </c>
      <c r="AT5462">
        <v>0</v>
      </c>
      <c r="AU5462">
        <v>0</v>
      </c>
      <c r="AV5462">
        <v>0</v>
      </c>
      <c r="AW5462">
        <v>0</v>
      </c>
      <c r="AX5462">
        <v>-996</v>
      </c>
      <c r="AY5462">
        <v>39</v>
      </c>
      <c r="AZ5462">
        <v>60</v>
      </c>
      <c r="BA5462">
        <v>4837</v>
      </c>
    </row>
    <row r="5463" spans="1:53" x14ac:dyDescent="0.4">
      <c r="A5463">
        <v>5507</v>
      </c>
      <c r="B5463" s="1">
        <v>44915</v>
      </c>
      <c r="C5463">
        <v>3</v>
      </c>
      <c r="D5463" s="1">
        <v>44915.749305555553</v>
      </c>
      <c r="E5463" s="1">
        <v>44915.944444444445</v>
      </c>
      <c r="F5463">
        <v>24150</v>
      </c>
      <c r="G5463">
        <v>1188</v>
      </c>
      <c r="H5463">
        <v>0</v>
      </c>
      <c r="I5463">
        <v>0</v>
      </c>
      <c r="J5463">
        <v>0</v>
      </c>
      <c r="K5463">
        <v>650</v>
      </c>
      <c r="L5463">
        <v>0</v>
      </c>
      <c r="M5463">
        <v>2363</v>
      </c>
      <c r="N5463">
        <v>0</v>
      </c>
      <c r="O5463">
        <v>0</v>
      </c>
      <c r="P5463">
        <v>-14160</v>
      </c>
      <c r="Q5463">
        <v>0</v>
      </c>
      <c r="R5463">
        <v>11828</v>
      </c>
      <c r="S5463">
        <v>0</v>
      </c>
      <c r="T5463">
        <v>0</v>
      </c>
      <c r="U5463">
        <v>0</v>
      </c>
      <c r="V5463">
        <v>2</v>
      </c>
      <c r="W5463">
        <v>5</v>
      </c>
      <c r="X5463">
        <v>0</v>
      </c>
      <c r="Y5463">
        <v>38</v>
      </c>
      <c r="Z5463">
        <v>10</v>
      </c>
      <c r="AA5463">
        <v>94</v>
      </c>
      <c r="AB5463">
        <v>14</v>
      </c>
      <c r="AC5463">
        <v>157</v>
      </c>
      <c r="AD5463">
        <v>24</v>
      </c>
      <c r="AE5463">
        <v>85</v>
      </c>
      <c r="AF5463">
        <v>3460</v>
      </c>
      <c r="AG5463">
        <v>103335</v>
      </c>
      <c r="AH5463">
        <v>50000</v>
      </c>
      <c r="AI5463">
        <v>0</v>
      </c>
      <c r="AJ5463">
        <v>74</v>
      </c>
      <c r="AK5463" t="s">
        <v>64</v>
      </c>
      <c r="AL5463">
        <v>0</v>
      </c>
      <c r="AM5463">
        <v>0</v>
      </c>
      <c r="AN5463">
        <v>0</v>
      </c>
      <c r="AO5463">
        <v>0</v>
      </c>
      <c r="AP5463">
        <v>0</v>
      </c>
      <c r="AQ5463">
        <v>0</v>
      </c>
      <c r="AR5463">
        <v>0</v>
      </c>
      <c r="AS5463">
        <v>0</v>
      </c>
      <c r="AT5463">
        <v>0</v>
      </c>
      <c r="AU5463">
        <v>0</v>
      </c>
      <c r="AV5463">
        <v>0</v>
      </c>
      <c r="AW5463">
        <v>0</v>
      </c>
      <c r="AX5463">
        <v>2720</v>
      </c>
      <c r="AY5463">
        <v>8</v>
      </c>
      <c r="AZ5463">
        <v>15</v>
      </c>
      <c r="BA5463">
        <v>2161</v>
      </c>
    </row>
    <row r="5464" spans="1:53" x14ac:dyDescent="0.4">
      <c r="A5464">
        <v>5508</v>
      </c>
      <c r="B5464" s="1">
        <v>44916</v>
      </c>
      <c r="C5464">
        <v>1</v>
      </c>
      <c r="D5464" s="1">
        <v>44916.291666666664</v>
      </c>
      <c r="E5464" s="1">
        <v>44916.595138888886</v>
      </c>
      <c r="F5464">
        <v>2260</v>
      </c>
      <c r="G5464">
        <v>462</v>
      </c>
      <c r="H5464">
        <v>0</v>
      </c>
      <c r="I5464">
        <v>0</v>
      </c>
      <c r="J5464">
        <v>0</v>
      </c>
      <c r="K5464">
        <v>0</v>
      </c>
      <c r="L5464">
        <v>0</v>
      </c>
      <c r="M5464">
        <v>247</v>
      </c>
      <c r="N5464">
        <v>0</v>
      </c>
      <c r="O5464">
        <v>0</v>
      </c>
      <c r="P5464">
        <v>14550</v>
      </c>
      <c r="Q5464">
        <v>0</v>
      </c>
      <c r="R5464">
        <v>17272</v>
      </c>
      <c r="S5464">
        <v>0</v>
      </c>
      <c r="T5464">
        <v>0</v>
      </c>
      <c r="U5464">
        <v>0</v>
      </c>
      <c r="V5464">
        <v>0</v>
      </c>
      <c r="W5464">
        <v>1</v>
      </c>
      <c r="X5464">
        <v>0</v>
      </c>
      <c r="Y5464">
        <v>49</v>
      </c>
      <c r="Z5464">
        <v>5</v>
      </c>
      <c r="AA5464">
        <v>89</v>
      </c>
      <c r="AB5464">
        <v>12</v>
      </c>
      <c r="AC5464">
        <v>108</v>
      </c>
      <c r="AD5464">
        <v>21</v>
      </c>
      <c r="AE5464">
        <v>87</v>
      </c>
      <c r="AF5464">
        <v>0</v>
      </c>
      <c r="AG5464">
        <v>67272</v>
      </c>
      <c r="AH5464">
        <v>50000</v>
      </c>
      <c r="AI5464">
        <v>0</v>
      </c>
      <c r="AJ5464">
        <v>29</v>
      </c>
      <c r="AK5464" t="s">
        <v>62</v>
      </c>
      <c r="AL5464">
        <v>0</v>
      </c>
      <c r="AM5464">
        <v>0</v>
      </c>
      <c r="AN5464">
        <v>0</v>
      </c>
      <c r="AO5464">
        <v>0</v>
      </c>
      <c r="AP5464">
        <v>0</v>
      </c>
      <c r="AQ5464">
        <v>0</v>
      </c>
      <c r="AR5464">
        <v>0</v>
      </c>
      <c r="AS5464">
        <v>0</v>
      </c>
      <c r="AT5464">
        <v>0</v>
      </c>
      <c r="AU5464">
        <v>0</v>
      </c>
      <c r="AV5464">
        <v>0</v>
      </c>
      <c r="AW5464">
        <v>0</v>
      </c>
      <c r="AX5464">
        <v>-2392</v>
      </c>
      <c r="AY5464">
        <v>14</v>
      </c>
      <c r="AZ5464">
        <v>25</v>
      </c>
      <c r="BA5464">
        <v>1415</v>
      </c>
    </row>
    <row r="5465" spans="1:53" x14ac:dyDescent="0.4">
      <c r="A5465">
        <v>5509</v>
      </c>
      <c r="B5465" s="1">
        <v>44916</v>
      </c>
      <c r="C5465">
        <v>2</v>
      </c>
      <c r="D5465" s="1">
        <v>44916.595138888886</v>
      </c>
      <c r="E5465" s="1">
        <v>44916.745833333334</v>
      </c>
      <c r="F5465">
        <v>17150</v>
      </c>
      <c r="G5465">
        <v>308</v>
      </c>
      <c r="H5465">
        <v>0</v>
      </c>
      <c r="I5465">
        <v>0</v>
      </c>
      <c r="J5465">
        <v>100</v>
      </c>
      <c r="K5465">
        <v>0</v>
      </c>
      <c r="L5465">
        <v>0</v>
      </c>
      <c r="M5465">
        <v>1578</v>
      </c>
      <c r="N5465">
        <v>0</v>
      </c>
      <c r="O5465">
        <v>0</v>
      </c>
      <c r="P5465">
        <v>3280</v>
      </c>
      <c r="Q5465">
        <v>0</v>
      </c>
      <c r="R5465">
        <v>20638</v>
      </c>
      <c r="S5465">
        <v>0</v>
      </c>
      <c r="T5465">
        <v>0</v>
      </c>
      <c r="U5465">
        <v>0</v>
      </c>
      <c r="V5465">
        <v>2</v>
      </c>
      <c r="W5465">
        <v>0</v>
      </c>
      <c r="X5465">
        <v>0</v>
      </c>
      <c r="Y5465">
        <v>56</v>
      </c>
      <c r="Z5465">
        <v>6</v>
      </c>
      <c r="AA5465">
        <v>59</v>
      </c>
      <c r="AB5465">
        <v>14</v>
      </c>
      <c r="AC5465">
        <v>106</v>
      </c>
      <c r="AD5465">
        <v>21</v>
      </c>
      <c r="AE5465">
        <v>85</v>
      </c>
      <c r="AF5465">
        <v>1060</v>
      </c>
      <c r="AG5465">
        <v>87910</v>
      </c>
      <c r="AH5465">
        <v>50000</v>
      </c>
      <c r="AI5465">
        <v>0</v>
      </c>
      <c r="AJ5465">
        <v>29</v>
      </c>
      <c r="AK5465" t="s">
        <v>62</v>
      </c>
      <c r="AL5465">
        <v>0</v>
      </c>
      <c r="AM5465">
        <v>0</v>
      </c>
      <c r="AN5465">
        <v>0</v>
      </c>
      <c r="AO5465">
        <v>0</v>
      </c>
      <c r="AP5465">
        <v>0</v>
      </c>
      <c r="AQ5465">
        <v>0</v>
      </c>
      <c r="AR5465">
        <v>0</v>
      </c>
      <c r="AS5465">
        <v>0</v>
      </c>
      <c r="AT5465">
        <v>0</v>
      </c>
      <c r="AU5465">
        <v>0</v>
      </c>
      <c r="AV5465">
        <v>0</v>
      </c>
      <c r="AW5465">
        <v>0</v>
      </c>
      <c r="AX5465">
        <v>0</v>
      </c>
      <c r="AY5465">
        <v>18</v>
      </c>
      <c r="AZ5465">
        <v>35</v>
      </c>
      <c r="BA5465">
        <v>3362</v>
      </c>
    </row>
    <row r="5466" spans="1:53" x14ac:dyDescent="0.4">
      <c r="A5466">
        <v>5510</v>
      </c>
      <c r="B5466" s="1">
        <v>44916</v>
      </c>
      <c r="C5466">
        <v>3</v>
      </c>
      <c r="D5466" s="1">
        <v>44916.745833333334</v>
      </c>
      <c r="E5466" s="1">
        <v>44916.948611111111</v>
      </c>
      <c r="F5466">
        <v>35360</v>
      </c>
      <c r="G5466">
        <v>0</v>
      </c>
      <c r="H5466">
        <v>0</v>
      </c>
      <c r="I5466">
        <v>0</v>
      </c>
      <c r="J5466">
        <v>0</v>
      </c>
      <c r="K5466">
        <v>385</v>
      </c>
      <c r="L5466">
        <v>0</v>
      </c>
      <c r="M5466">
        <v>3248</v>
      </c>
      <c r="N5466">
        <v>0</v>
      </c>
      <c r="O5466">
        <v>0</v>
      </c>
      <c r="P5466">
        <v>2720</v>
      </c>
      <c r="Q5466">
        <v>0</v>
      </c>
      <c r="R5466">
        <v>38465</v>
      </c>
      <c r="S5466">
        <v>0</v>
      </c>
      <c r="T5466">
        <v>0</v>
      </c>
      <c r="U5466">
        <v>0</v>
      </c>
      <c r="V5466">
        <v>2</v>
      </c>
      <c r="W5466">
        <v>2</v>
      </c>
      <c r="X5466">
        <v>0</v>
      </c>
      <c r="Y5466">
        <v>80</v>
      </c>
      <c r="Z5466">
        <v>7</v>
      </c>
      <c r="AA5466">
        <v>58</v>
      </c>
      <c r="AB5466">
        <v>17</v>
      </c>
      <c r="AC5466">
        <v>101</v>
      </c>
      <c r="AD5466">
        <v>20</v>
      </c>
      <c r="AE5466">
        <v>84</v>
      </c>
      <c r="AF5466">
        <v>5031</v>
      </c>
      <c r="AG5466">
        <v>126375</v>
      </c>
      <c r="AH5466">
        <v>50000</v>
      </c>
      <c r="AI5466">
        <v>0</v>
      </c>
      <c r="AJ5466">
        <v>103</v>
      </c>
      <c r="AK5466" t="s">
        <v>7</v>
      </c>
      <c r="AL5466">
        <v>0</v>
      </c>
      <c r="AM5466">
        <v>0</v>
      </c>
      <c r="AN5466">
        <v>0</v>
      </c>
      <c r="AO5466">
        <v>0</v>
      </c>
      <c r="AP5466">
        <v>0</v>
      </c>
      <c r="AQ5466">
        <v>0</v>
      </c>
      <c r="AR5466">
        <v>0</v>
      </c>
      <c r="AS5466">
        <v>0</v>
      </c>
      <c r="AT5466">
        <v>0</v>
      </c>
      <c r="AU5466">
        <v>0</v>
      </c>
      <c r="AV5466">
        <v>0</v>
      </c>
      <c r="AW5466">
        <v>0</v>
      </c>
      <c r="AX5466">
        <v>8414</v>
      </c>
      <c r="AY5466">
        <v>10</v>
      </c>
      <c r="AZ5466">
        <v>28</v>
      </c>
      <c r="BA5466">
        <v>1782</v>
      </c>
    </row>
    <row r="5467" spans="1:53" x14ac:dyDescent="0.4">
      <c r="A5467">
        <v>5511</v>
      </c>
      <c r="B5467" s="1">
        <v>44917</v>
      </c>
      <c r="C5467">
        <v>1</v>
      </c>
      <c r="D5467" s="1">
        <v>44917.291666666664</v>
      </c>
      <c r="E5467" s="1">
        <v>44917.446527777778</v>
      </c>
      <c r="F5467">
        <v>0</v>
      </c>
      <c r="G5467">
        <v>0</v>
      </c>
      <c r="H5467">
        <v>0</v>
      </c>
      <c r="I5467">
        <v>0</v>
      </c>
      <c r="J5467">
        <v>0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0</v>
      </c>
      <c r="R5467">
        <v>0</v>
      </c>
      <c r="S5467">
        <v>0</v>
      </c>
      <c r="T5467">
        <v>0</v>
      </c>
      <c r="U5467">
        <v>0</v>
      </c>
      <c r="V5467">
        <v>0</v>
      </c>
      <c r="W5467">
        <v>0</v>
      </c>
      <c r="X5467">
        <v>0</v>
      </c>
      <c r="Y5467">
        <v>38</v>
      </c>
      <c r="Z5467">
        <v>8</v>
      </c>
      <c r="AA5467">
        <v>60</v>
      </c>
      <c r="AB5467">
        <v>17</v>
      </c>
      <c r="AC5467">
        <v>98</v>
      </c>
      <c r="AD5467">
        <v>18</v>
      </c>
      <c r="AE5467">
        <v>80</v>
      </c>
      <c r="AF5467">
        <v>0</v>
      </c>
      <c r="AG5467">
        <v>50000</v>
      </c>
      <c r="AH5467">
        <v>50000</v>
      </c>
      <c r="AI5467">
        <v>0</v>
      </c>
      <c r="AJ5467">
        <v>0</v>
      </c>
      <c r="AK5467" t="s">
        <v>6</v>
      </c>
      <c r="AL5467">
        <v>0</v>
      </c>
      <c r="AM5467">
        <v>0</v>
      </c>
      <c r="AN5467">
        <v>0</v>
      </c>
      <c r="AO5467">
        <v>0</v>
      </c>
      <c r="AP5467">
        <v>0</v>
      </c>
      <c r="AQ5467">
        <v>0</v>
      </c>
      <c r="AR5467">
        <v>0</v>
      </c>
      <c r="AS5467">
        <v>0</v>
      </c>
      <c r="AT5467">
        <v>0</v>
      </c>
      <c r="AU5467">
        <v>0</v>
      </c>
      <c r="AV5467">
        <v>0</v>
      </c>
      <c r="AW5467">
        <v>0</v>
      </c>
      <c r="AX5467">
        <v>0</v>
      </c>
      <c r="AY5467">
        <v>0</v>
      </c>
      <c r="AZ5467">
        <v>0</v>
      </c>
      <c r="BA5467">
        <v>0</v>
      </c>
    </row>
    <row r="5468" spans="1:53" x14ac:dyDescent="0.4">
      <c r="A5468">
        <v>5512</v>
      </c>
      <c r="B5468" s="1">
        <v>44917</v>
      </c>
      <c r="C5468">
        <v>2</v>
      </c>
      <c r="D5468" s="1">
        <v>44917.446527777778</v>
      </c>
      <c r="E5468" s="1">
        <v>44917.750694444447</v>
      </c>
      <c r="F5468">
        <v>15300</v>
      </c>
      <c r="G5468">
        <v>902</v>
      </c>
      <c r="H5468">
        <v>0</v>
      </c>
      <c r="I5468">
        <v>0</v>
      </c>
      <c r="J5468">
        <v>0</v>
      </c>
      <c r="K5468">
        <v>0</v>
      </c>
      <c r="L5468">
        <v>0</v>
      </c>
      <c r="M5468">
        <v>1471</v>
      </c>
      <c r="N5468">
        <v>0</v>
      </c>
      <c r="O5468">
        <v>0</v>
      </c>
      <c r="P5468">
        <v>16830</v>
      </c>
      <c r="Q5468">
        <v>0</v>
      </c>
      <c r="R5468">
        <v>33032</v>
      </c>
      <c r="S5468">
        <v>0</v>
      </c>
      <c r="T5468">
        <v>0</v>
      </c>
      <c r="U5468">
        <v>0</v>
      </c>
      <c r="V5468">
        <v>2</v>
      </c>
      <c r="W5468">
        <v>1</v>
      </c>
      <c r="X5468">
        <v>0</v>
      </c>
      <c r="Y5468">
        <v>39</v>
      </c>
      <c r="Z5468">
        <v>18</v>
      </c>
      <c r="AA5468">
        <v>70</v>
      </c>
      <c r="AB5468">
        <v>16</v>
      </c>
      <c r="AC5468">
        <v>100</v>
      </c>
      <c r="AD5468">
        <v>22</v>
      </c>
      <c r="AE5468">
        <v>82</v>
      </c>
      <c r="AF5468">
        <v>1040</v>
      </c>
      <c r="AG5468">
        <v>83032</v>
      </c>
      <c r="AH5468">
        <v>50000</v>
      </c>
      <c r="AI5468">
        <v>0</v>
      </c>
      <c r="AJ5468">
        <v>119</v>
      </c>
      <c r="AK5468" t="s">
        <v>56</v>
      </c>
      <c r="AL5468">
        <v>0</v>
      </c>
      <c r="AM5468">
        <v>0</v>
      </c>
      <c r="AN5468">
        <v>0</v>
      </c>
      <c r="AO5468">
        <v>0</v>
      </c>
      <c r="AP5468">
        <v>0</v>
      </c>
      <c r="AQ5468">
        <v>0</v>
      </c>
      <c r="AR5468">
        <v>0</v>
      </c>
      <c r="AS5468">
        <v>0</v>
      </c>
      <c r="AT5468">
        <v>0</v>
      </c>
      <c r="AU5468">
        <v>0</v>
      </c>
      <c r="AV5468">
        <v>0</v>
      </c>
      <c r="AW5468">
        <v>0</v>
      </c>
      <c r="AX5468">
        <v>-90</v>
      </c>
      <c r="AY5468">
        <v>31</v>
      </c>
      <c r="AZ5468">
        <v>55</v>
      </c>
      <c r="BA5468">
        <v>3890</v>
      </c>
    </row>
    <row r="5469" spans="1:53" x14ac:dyDescent="0.4">
      <c r="A5469">
        <v>5513</v>
      </c>
      <c r="B5469" s="1">
        <v>44917</v>
      </c>
      <c r="C5469">
        <v>3</v>
      </c>
      <c r="D5469" s="1">
        <v>44917.750694444447</v>
      </c>
      <c r="E5469" s="1">
        <v>44917.953472222223</v>
      </c>
      <c r="F5469">
        <v>34740</v>
      </c>
      <c r="G5469">
        <v>440</v>
      </c>
      <c r="H5469">
        <v>0</v>
      </c>
      <c r="I5469">
        <v>0</v>
      </c>
      <c r="J5469">
        <v>0</v>
      </c>
      <c r="K5469">
        <v>0</v>
      </c>
      <c r="L5469">
        <v>0</v>
      </c>
      <c r="M5469">
        <v>3197</v>
      </c>
      <c r="N5469">
        <v>0</v>
      </c>
      <c r="O5469">
        <v>0</v>
      </c>
      <c r="P5469">
        <v>-16830</v>
      </c>
      <c r="Q5469">
        <v>0</v>
      </c>
      <c r="R5469">
        <v>18350</v>
      </c>
      <c r="S5469">
        <v>0</v>
      </c>
      <c r="T5469">
        <v>0</v>
      </c>
      <c r="U5469">
        <v>0</v>
      </c>
      <c r="V5469">
        <v>2</v>
      </c>
      <c r="W5469">
        <v>2</v>
      </c>
      <c r="X5469">
        <v>0</v>
      </c>
      <c r="Y5469">
        <v>50</v>
      </c>
      <c r="Z5469">
        <v>17</v>
      </c>
      <c r="AA5469">
        <v>68</v>
      </c>
      <c r="AB5469">
        <v>19</v>
      </c>
      <c r="AC5469">
        <v>106</v>
      </c>
      <c r="AD5469">
        <v>22</v>
      </c>
      <c r="AE5469">
        <v>82</v>
      </c>
      <c r="AF5469">
        <v>3880</v>
      </c>
      <c r="AG5469">
        <v>101382</v>
      </c>
      <c r="AH5469">
        <v>50000</v>
      </c>
      <c r="AI5469">
        <v>0</v>
      </c>
      <c r="AJ5469">
        <v>94</v>
      </c>
      <c r="AL5469">
        <v>0</v>
      </c>
      <c r="AM5469">
        <v>0</v>
      </c>
      <c r="AN5469">
        <v>0</v>
      </c>
      <c r="AO5469">
        <v>0</v>
      </c>
      <c r="AP5469">
        <v>0</v>
      </c>
      <c r="AQ5469">
        <v>0</v>
      </c>
      <c r="AR5469">
        <v>0</v>
      </c>
      <c r="AS5469">
        <v>0</v>
      </c>
      <c r="AT5469">
        <v>0</v>
      </c>
      <c r="AU5469">
        <v>0</v>
      </c>
      <c r="AV5469">
        <v>0</v>
      </c>
      <c r="AW5469">
        <v>0</v>
      </c>
      <c r="AX5469">
        <v>3550</v>
      </c>
      <c r="AY5469">
        <v>8</v>
      </c>
      <c r="AZ5469">
        <v>17</v>
      </c>
      <c r="BA5469">
        <v>1632</v>
      </c>
    </row>
    <row r="5470" spans="1:53" x14ac:dyDescent="0.4">
      <c r="A5470">
        <v>5514</v>
      </c>
      <c r="B5470" s="1">
        <v>44918</v>
      </c>
      <c r="C5470">
        <v>1</v>
      </c>
      <c r="D5470" s="1">
        <v>44918.291666666664</v>
      </c>
      <c r="E5470" s="1">
        <v>44918.451388888891</v>
      </c>
      <c r="F5470">
        <v>0</v>
      </c>
      <c r="G5470">
        <v>0</v>
      </c>
      <c r="H5470">
        <v>0</v>
      </c>
      <c r="I5470">
        <v>0</v>
      </c>
      <c r="J5470">
        <v>0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>
        <v>0</v>
      </c>
      <c r="U5470">
        <v>0</v>
      </c>
      <c r="V5470">
        <v>0</v>
      </c>
      <c r="W5470">
        <v>0</v>
      </c>
      <c r="X5470">
        <v>0</v>
      </c>
      <c r="Y5470">
        <v>32</v>
      </c>
      <c r="Z5470">
        <v>17</v>
      </c>
      <c r="AA5470">
        <v>72</v>
      </c>
      <c r="AB5470">
        <v>19</v>
      </c>
      <c r="AC5470">
        <v>116</v>
      </c>
      <c r="AD5470">
        <v>22</v>
      </c>
      <c r="AE5470">
        <v>80</v>
      </c>
      <c r="AF5470">
        <v>0</v>
      </c>
      <c r="AG5470">
        <v>50000</v>
      </c>
      <c r="AH5470">
        <v>50000</v>
      </c>
      <c r="AI5470">
        <v>0</v>
      </c>
      <c r="AJ5470">
        <v>0</v>
      </c>
      <c r="AK5470" t="s">
        <v>6</v>
      </c>
      <c r="AL5470">
        <v>0</v>
      </c>
      <c r="AM5470">
        <v>0</v>
      </c>
      <c r="AN5470">
        <v>0</v>
      </c>
      <c r="AO5470">
        <v>0</v>
      </c>
      <c r="AP5470">
        <v>0</v>
      </c>
      <c r="AQ5470">
        <v>0</v>
      </c>
      <c r="AR5470">
        <v>0</v>
      </c>
      <c r="AS5470">
        <v>0</v>
      </c>
      <c r="AT5470">
        <v>0</v>
      </c>
      <c r="AU5470">
        <v>0</v>
      </c>
      <c r="AV5470">
        <v>0</v>
      </c>
      <c r="AW5470">
        <v>0</v>
      </c>
      <c r="AX5470">
        <v>0</v>
      </c>
      <c r="AY5470">
        <v>0</v>
      </c>
      <c r="AZ5470">
        <v>0</v>
      </c>
      <c r="BA5470">
        <v>0</v>
      </c>
    </row>
    <row r="5471" spans="1:53" x14ac:dyDescent="0.4">
      <c r="A5471">
        <v>5515</v>
      </c>
      <c r="B5471" s="1">
        <v>44918</v>
      </c>
      <c r="C5471">
        <v>2</v>
      </c>
      <c r="D5471" s="1">
        <v>44918.451388888891</v>
      </c>
      <c r="E5471" s="1">
        <v>44918.741666666669</v>
      </c>
      <c r="F5471">
        <v>29510</v>
      </c>
      <c r="G5471">
        <v>0</v>
      </c>
      <c r="H5471">
        <v>0</v>
      </c>
      <c r="I5471">
        <v>0</v>
      </c>
      <c r="J5471">
        <v>0</v>
      </c>
      <c r="K5471">
        <v>0</v>
      </c>
      <c r="L5471">
        <v>0</v>
      </c>
      <c r="M5471">
        <v>2682</v>
      </c>
      <c r="N5471">
        <v>0</v>
      </c>
      <c r="O5471">
        <v>0</v>
      </c>
      <c r="P5471">
        <v>22400</v>
      </c>
      <c r="Q5471">
        <v>0</v>
      </c>
      <c r="R5471">
        <v>51910</v>
      </c>
      <c r="S5471">
        <v>0</v>
      </c>
      <c r="T5471">
        <v>0</v>
      </c>
      <c r="U5471">
        <v>0</v>
      </c>
      <c r="V5471">
        <v>0</v>
      </c>
      <c r="W5471">
        <v>2</v>
      </c>
      <c r="X5471">
        <v>0</v>
      </c>
      <c r="Y5471">
        <v>70</v>
      </c>
      <c r="Z5471">
        <v>19</v>
      </c>
      <c r="AA5471">
        <v>93</v>
      </c>
      <c r="AB5471">
        <v>21</v>
      </c>
      <c r="AC5471">
        <v>125</v>
      </c>
      <c r="AD5471">
        <v>26</v>
      </c>
      <c r="AE5471">
        <v>80</v>
      </c>
      <c r="AF5471">
        <v>600</v>
      </c>
      <c r="AG5471">
        <v>101910</v>
      </c>
      <c r="AH5471">
        <v>50000</v>
      </c>
      <c r="AI5471">
        <v>0</v>
      </c>
      <c r="AJ5471">
        <v>103</v>
      </c>
      <c r="AK5471" t="s">
        <v>7</v>
      </c>
      <c r="AL5471">
        <v>0</v>
      </c>
      <c r="AM5471">
        <v>0</v>
      </c>
      <c r="AN5471">
        <v>0</v>
      </c>
      <c r="AO5471">
        <v>0</v>
      </c>
      <c r="AP5471">
        <v>0</v>
      </c>
      <c r="AQ5471">
        <v>0</v>
      </c>
      <c r="AR5471">
        <v>0</v>
      </c>
      <c r="AS5471">
        <v>0</v>
      </c>
      <c r="AT5471">
        <v>0</v>
      </c>
      <c r="AU5471">
        <v>0</v>
      </c>
      <c r="AV5471">
        <v>0</v>
      </c>
      <c r="AW5471">
        <v>0</v>
      </c>
      <c r="AX5471">
        <v>-530</v>
      </c>
      <c r="AY5471">
        <v>45</v>
      </c>
      <c r="AZ5471">
        <v>76</v>
      </c>
      <c r="BA5471">
        <v>6097</v>
      </c>
    </row>
    <row r="5472" spans="1:53" x14ac:dyDescent="0.4">
      <c r="A5472">
        <v>5516</v>
      </c>
      <c r="B5472" s="1">
        <v>44918</v>
      </c>
      <c r="C5472">
        <v>3</v>
      </c>
      <c r="D5472" s="1">
        <v>44918.741666666669</v>
      </c>
      <c r="E5472" s="1">
        <v>44918.943055555559</v>
      </c>
      <c r="F5472">
        <v>39150</v>
      </c>
      <c r="G5472">
        <v>6457</v>
      </c>
      <c r="H5472">
        <v>0</v>
      </c>
      <c r="I5472">
        <v>0</v>
      </c>
      <c r="J5472">
        <v>0</v>
      </c>
      <c r="K5472">
        <v>0</v>
      </c>
      <c r="L5472">
        <v>0</v>
      </c>
      <c r="M5472">
        <v>4145</v>
      </c>
      <c r="N5472">
        <v>0</v>
      </c>
      <c r="O5472">
        <v>0</v>
      </c>
      <c r="P5472">
        <v>-22400</v>
      </c>
      <c r="Q5472">
        <v>0</v>
      </c>
      <c r="R5472">
        <v>23207</v>
      </c>
      <c r="S5472">
        <v>0</v>
      </c>
      <c r="T5472">
        <v>0</v>
      </c>
      <c r="U5472">
        <v>0</v>
      </c>
      <c r="V5472">
        <v>2</v>
      </c>
      <c r="W5472">
        <v>1</v>
      </c>
      <c r="X5472">
        <v>0</v>
      </c>
      <c r="Y5472">
        <v>75</v>
      </c>
      <c r="Z5472">
        <v>18</v>
      </c>
      <c r="AA5472">
        <v>83</v>
      </c>
      <c r="AB5472">
        <v>22</v>
      </c>
      <c r="AC5472">
        <v>122</v>
      </c>
      <c r="AD5472">
        <v>26</v>
      </c>
      <c r="AE5472">
        <v>75</v>
      </c>
      <c r="AF5472">
        <v>5292</v>
      </c>
      <c r="AG5472">
        <v>125117</v>
      </c>
      <c r="AH5472">
        <v>50000</v>
      </c>
      <c r="AI5472">
        <v>0</v>
      </c>
      <c r="AJ5472">
        <v>108</v>
      </c>
      <c r="AK5472" t="s">
        <v>3</v>
      </c>
      <c r="AL5472">
        <v>0</v>
      </c>
      <c r="AM5472">
        <v>0</v>
      </c>
      <c r="AN5472">
        <v>0</v>
      </c>
      <c r="AO5472">
        <v>0</v>
      </c>
      <c r="AP5472">
        <v>0</v>
      </c>
      <c r="AQ5472">
        <v>0</v>
      </c>
      <c r="AR5472">
        <v>0</v>
      </c>
      <c r="AS5472">
        <v>0</v>
      </c>
      <c r="AT5472">
        <v>0</v>
      </c>
      <c r="AU5472">
        <v>0</v>
      </c>
      <c r="AV5472">
        <v>0</v>
      </c>
      <c r="AW5472">
        <v>0</v>
      </c>
      <c r="AX5472">
        <v>43550</v>
      </c>
      <c r="AY5472">
        <v>14</v>
      </c>
      <c r="AZ5472">
        <v>44</v>
      </c>
      <c r="BA5472">
        <v>2489</v>
      </c>
    </row>
    <row r="5473" spans="1:53" x14ac:dyDescent="0.4">
      <c r="A5473">
        <v>5517</v>
      </c>
      <c r="B5473" s="1">
        <v>44918</v>
      </c>
      <c r="C5473">
        <v>4</v>
      </c>
      <c r="D5473" s="1">
        <v>44918.943055555559</v>
      </c>
      <c r="E5473" s="1">
        <v>44919.120138888888</v>
      </c>
      <c r="F5473">
        <v>65120</v>
      </c>
      <c r="G5473">
        <v>4752</v>
      </c>
      <c r="H5473">
        <v>440</v>
      </c>
      <c r="I5473">
        <v>0</v>
      </c>
      <c r="J5473">
        <v>0</v>
      </c>
      <c r="K5473">
        <v>0</v>
      </c>
      <c r="L5473">
        <v>0</v>
      </c>
      <c r="M5473">
        <v>6392</v>
      </c>
      <c r="N5473">
        <v>0</v>
      </c>
      <c r="O5473">
        <v>0</v>
      </c>
      <c r="P5473">
        <v>75648</v>
      </c>
      <c r="Q5473">
        <v>0</v>
      </c>
      <c r="R5473">
        <v>145960</v>
      </c>
      <c r="S5473">
        <v>0</v>
      </c>
      <c r="T5473">
        <v>0</v>
      </c>
      <c r="U5473">
        <v>0</v>
      </c>
      <c r="V5473">
        <v>7</v>
      </c>
      <c r="W5473">
        <v>1</v>
      </c>
      <c r="X5473">
        <v>0</v>
      </c>
      <c r="Y5473">
        <v>88</v>
      </c>
      <c r="Z5473">
        <v>22</v>
      </c>
      <c r="AA5473">
        <v>85</v>
      </c>
      <c r="AB5473">
        <v>25</v>
      </c>
      <c r="AC5473">
        <v>118</v>
      </c>
      <c r="AD5473">
        <v>24</v>
      </c>
      <c r="AE5473">
        <v>75</v>
      </c>
      <c r="AF5473">
        <v>85952</v>
      </c>
      <c r="AG5473">
        <v>271077</v>
      </c>
      <c r="AH5473">
        <v>50000</v>
      </c>
      <c r="AI5473">
        <v>0</v>
      </c>
      <c r="AJ5473">
        <v>112</v>
      </c>
      <c r="AK5473" t="s">
        <v>65</v>
      </c>
      <c r="AL5473">
        <v>0</v>
      </c>
      <c r="AM5473">
        <v>0</v>
      </c>
      <c r="AN5473">
        <v>0</v>
      </c>
      <c r="AO5473">
        <v>0</v>
      </c>
      <c r="AP5473">
        <v>0</v>
      </c>
      <c r="AQ5473">
        <v>0</v>
      </c>
      <c r="AR5473">
        <v>0</v>
      </c>
      <c r="AS5473">
        <v>0</v>
      </c>
      <c r="AT5473">
        <v>0</v>
      </c>
      <c r="AU5473">
        <v>0</v>
      </c>
      <c r="AV5473">
        <v>0</v>
      </c>
      <c r="AW5473">
        <v>0</v>
      </c>
      <c r="AX5473">
        <v>0</v>
      </c>
      <c r="AY5473">
        <v>9</v>
      </c>
      <c r="AZ5473">
        <v>35</v>
      </c>
      <c r="BA5473">
        <v>1815</v>
      </c>
    </row>
    <row r="5474" spans="1:53" x14ac:dyDescent="0.4">
      <c r="A5474">
        <v>5518</v>
      </c>
      <c r="B5474" s="1">
        <v>44919</v>
      </c>
      <c r="C5474">
        <v>1</v>
      </c>
      <c r="D5474" s="1">
        <v>44919.291666666664</v>
      </c>
      <c r="E5474" s="1">
        <v>44919.40347222222</v>
      </c>
      <c r="F5474">
        <v>0</v>
      </c>
      <c r="G5474">
        <v>0</v>
      </c>
      <c r="H5474">
        <v>0</v>
      </c>
      <c r="I5474">
        <v>0</v>
      </c>
      <c r="J5474">
        <v>0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0</v>
      </c>
      <c r="R5474">
        <v>0</v>
      </c>
      <c r="S5474">
        <v>0</v>
      </c>
      <c r="T5474">
        <v>0</v>
      </c>
      <c r="U5474">
        <v>0</v>
      </c>
      <c r="V5474">
        <v>0</v>
      </c>
      <c r="W5474">
        <v>0</v>
      </c>
      <c r="X5474">
        <v>0</v>
      </c>
      <c r="Y5474">
        <v>30</v>
      </c>
      <c r="Z5474">
        <v>17</v>
      </c>
      <c r="AA5474">
        <v>91</v>
      </c>
      <c r="AB5474">
        <v>23</v>
      </c>
      <c r="AC5474">
        <v>106</v>
      </c>
      <c r="AD5474">
        <v>23</v>
      </c>
      <c r="AE5474">
        <v>75</v>
      </c>
      <c r="AF5474">
        <v>0</v>
      </c>
      <c r="AG5474">
        <v>50000</v>
      </c>
      <c r="AH5474">
        <v>50000</v>
      </c>
      <c r="AI5474">
        <v>0</v>
      </c>
      <c r="AJ5474">
        <v>0</v>
      </c>
      <c r="AK5474" t="s">
        <v>6</v>
      </c>
      <c r="AL5474">
        <v>0</v>
      </c>
      <c r="AM5474">
        <v>0</v>
      </c>
      <c r="AN5474">
        <v>0</v>
      </c>
      <c r="AO5474">
        <v>0</v>
      </c>
      <c r="AP5474">
        <v>0</v>
      </c>
      <c r="AQ5474">
        <v>0</v>
      </c>
      <c r="AR5474">
        <v>0</v>
      </c>
      <c r="AS5474">
        <v>0</v>
      </c>
      <c r="AT5474">
        <v>0</v>
      </c>
      <c r="AU5474">
        <v>0</v>
      </c>
      <c r="AV5474">
        <v>0</v>
      </c>
      <c r="AW5474">
        <v>0</v>
      </c>
      <c r="AX5474">
        <v>0</v>
      </c>
      <c r="AY5474">
        <v>0</v>
      </c>
      <c r="AZ5474">
        <v>0</v>
      </c>
      <c r="BA5474">
        <v>0</v>
      </c>
    </row>
    <row r="5475" spans="1:53" x14ac:dyDescent="0.4">
      <c r="A5475">
        <v>5519</v>
      </c>
      <c r="B5475" s="1">
        <v>44919</v>
      </c>
      <c r="C5475">
        <v>2</v>
      </c>
      <c r="D5475" s="1">
        <v>44919.40347222222</v>
      </c>
      <c r="E5475" s="1">
        <v>44919.75</v>
      </c>
      <c r="F5475">
        <v>47820</v>
      </c>
      <c r="G5475">
        <v>5214</v>
      </c>
      <c r="H5475">
        <v>0</v>
      </c>
      <c r="I5475">
        <v>0</v>
      </c>
      <c r="J5475">
        <v>100</v>
      </c>
      <c r="K5475">
        <v>0</v>
      </c>
      <c r="L5475">
        <v>0</v>
      </c>
      <c r="M5475">
        <v>4810</v>
      </c>
      <c r="N5475">
        <v>0</v>
      </c>
      <c r="O5475">
        <v>0</v>
      </c>
      <c r="P5475">
        <v>22700</v>
      </c>
      <c r="Q5475">
        <v>0</v>
      </c>
      <c r="R5475">
        <v>75634</v>
      </c>
      <c r="S5475">
        <v>0</v>
      </c>
      <c r="T5475">
        <v>0</v>
      </c>
      <c r="U5475">
        <v>0</v>
      </c>
      <c r="V5475">
        <v>3</v>
      </c>
      <c r="W5475">
        <v>0</v>
      </c>
      <c r="X5475">
        <v>0</v>
      </c>
      <c r="Y5475">
        <v>72</v>
      </c>
      <c r="Z5475">
        <v>29</v>
      </c>
      <c r="AA5475">
        <v>57</v>
      </c>
      <c r="AB5475">
        <v>20</v>
      </c>
      <c r="AC5475">
        <v>149</v>
      </c>
      <c r="AD5475">
        <v>23</v>
      </c>
      <c r="AE5475">
        <v>79</v>
      </c>
      <c r="AF5475">
        <v>750</v>
      </c>
      <c r="AG5475">
        <v>125634</v>
      </c>
      <c r="AH5475">
        <v>50000</v>
      </c>
      <c r="AI5475">
        <v>0</v>
      </c>
      <c r="AJ5475">
        <v>119</v>
      </c>
      <c r="AK5475" t="s">
        <v>56</v>
      </c>
      <c r="AL5475">
        <v>0</v>
      </c>
      <c r="AM5475">
        <v>0</v>
      </c>
      <c r="AN5475">
        <v>0</v>
      </c>
      <c r="AO5475">
        <v>0</v>
      </c>
      <c r="AP5475">
        <v>0</v>
      </c>
      <c r="AQ5475">
        <v>0</v>
      </c>
      <c r="AR5475">
        <v>0</v>
      </c>
      <c r="AS5475">
        <v>0</v>
      </c>
      <c r="AT5475">
        <v>0</v>
      </c>
      <c r="AU5475">
        <v>0</v>
      </c>
      <c r="AV5475">
        <v>0</v>
      </c>
      <c r="AW5475">
        <v>0</v>
      </c>
      <c r="AX5475">
        <v>0</v>
      </c>
      <c r="AY5475">
        <v>54</v>
      </c>
      <c r="AZ5475">
        <v>115</v>
      </c>
      <c r="BA5475">
        <v>8355</v>
      </c>
    </row>
    <row r="5476" spans="1:53" x14ac:dyDescent="0.4">
      <c r="A5476">
        <v>5520</v>
      </c>
      <c r="B5476" s="1">
        <v>44919</v>
      </c>
      <c r="C5476">
        <v>3</v>
      </c>
      <c r="D5476" s="1">
        <v>44919.75</v>
      </c>
      <c r="E5476" s="1">
        <v>44919.945833333331</v>
      </c>
      <c r="F5476">
        <v>64020</v>
      </c>
      <c r="G5476">
        <v>830</v>
      </c>
      <c r="H5476">
        <v>0</v>
      </c>
      <c r="I5476">
        <v>0</v>
      </c>
      <c r="J5476">
        <v>0</v>
      </c>
      <c r="K5476">
        <v>0</v>
      </c>
      <c r="L5476">
        <v>0</v>
      </c>
      <c r="M5476">
        <v>5892</v>
      </c>
      <c r="N5476">
        <v>0</v>
      </c>
      <c r="O5476">
        <v>0</v>
      </c>
      <c r="P5476">
        <v>-13390</v>
      </c>
      <c r="Q5476">
        <v>0</v>
      </c>
      <c r="R5476">
        <v>51460</v>
      </c>
      <c r="S5476">
        <v>0</v>
      </c>
      <c r="T5476">
        <v>0</v>
      </c>
      <c r="U5476">
        <v>0</v>
      </c>
      <c r="V5476">
        <v>10</v>
      </c>
      <c r="W5476">
        <v>0</v>
      </c>
      <c r="X5476">
        <v>0</v>
      </c>
      <c r="Y5476">
        <v>49</v>
      </c>
      <c r="Z5476">
        <v>29</v>
      </c>
      <c r="AA5476">
        <v>53</v>
      </c>
      <c r="AB5476">
        <v>15</v>
      </c>
      <c r="AC5476">
        <v>139</v>
      </c>
      <c r="AD5476">
        <v>22</v>
      </c>
      <c r="AE5476">
        <v>74</v>
      </c>
      <c r="AF5476">
        <v>5970</v>
      </c>
      <c r="AG5476">
        <v>177094</v>
      </c>
      <c r="AH5476">
        <v>50000</v>
      </c>
      <c r="AI5476">
        <v>0</v>
      </c>
      <c r="AJ5476">
        <v>108</v>
      </c>
      <c r="AK5476" t="s">
        <v>3</v>
      </c>
      <c r="AL5476">
        <v>0</v>
      </c>
      <c r="AM5476">
        <v>0</v>
      </c>
      <c r="AN5476">
        <v>0</v>
      </c>
      <c r="AO5476">
        <v>0</v>
      </c>
      <c r="AP5476">
        <v>0</v>
      </c>
      <c r="AQ5476">
        <v>0</v>
      </c>
      <c r="AR5476">
        <v>0</v>
      </c>
      <c r="AS5476">
        <v>0</v>
      </c>
      <c r="AT5476">
        <v>0</v>
      </c>
      <c r="AU5476">
        <v>0</v>
      </c>
      <c r="AV5476">
        <v>0</v>
      </c>
      <c r="AW5476">
        <v>0</v>
      </c>
      <c r="AX5476">
        <v>23419</v>
      </c>
      <c r="AY5476">
        <v>18</v>
      </c>
      <c r="AZ5476">
        <v>44</v>
      </c>
      <c r="BA5476">
        <v>3075</v>
      </c>
    </row>
    <row r="5477" spans="1:53" x14ac:dyDescent="0.4">
      <c r="A5477">
        <v>5521</v>
      </c>
      <c r="B5477" s="1">
        <v>44919</v>
      </c>
      <c r="C5477">
        <v>4</v>
      </c>
      <c r="D5477" s="1">
        <v>44919.945833333331</v>
      </c>
      <c r="E5477" s="1">
        <v>44920.072222222225</v>
      </c>
      <c r="F5477">
        <v>55420</v>
      </c>
      <c r="G5477">
        <v>2794</v>
      </c>
      <c r="H5477">
        <v>0</v>
      </c>
      <c r="I5477">
        <v>0</v>
      </c>
      <c r="J5477">
        <v>2320</v>
      </c>
      <c r="K5477">
        <v>0</v>
      </c>
      <c r="L5477">
        <v>0</v>
      </c>
      <c r="M5477">
        <v>5081</v>
      </c>
      <c r="N5477">
        <v>0</v>
      </c>
      <c r="O5477">
        <v>0</v>
      </c>
      <c r="P5477">
        <v>29790</v>
      </c>
      <c r="Q5477">
        <v>0</v>
      </c>
      <c r="R5477">
        <v>85684</v>
      </c>
      <c r="S5477">
        <v>0</v>
      </c>
      <c r="T5477">
        <v>0</v>
      </c>
      <c r="U5477">
        <v>0</v>
      </c>
      <c r="V5477">
        <v>17</v>
      </c>
      <c r="W5477">
        <v>0</v>
      </c>
      <c r="X5477">
        <v>0</v>
      </c>
      <c r="Y5477">
        <v>54</v>
      </c>
      <c r="Z5477">
        <v>29</v>
      </c>
      <c r="AA5477">
        <v>32</v>
      </c>
      <c r="AB5477">
        <v>15</v>
      </c>
      <c r="AC5477">
        <v>153</v>
      </c>
      <c r="AD5477">
        <v>22</v>
      </c>
      <c r="AE5477">
        <v>78</v>
      </c>
      <c r="AF5477">
        <v>18610</v>
      </c>
      <c r="AG5477">
        <v>262778</v>
      </c>
      <c r="AH5477">
        <v>50000</v>
      </c>
      <c r="AI5477">
        <v>0</v>
      </c>
      <c r="AJ5477">
        <v>95</v>
      </c>
      <c r="AK5477" t="s">
        <v>21</v>
      </c>
      <c r="AL5477">
        <v>0</v>
      </c>
      <c r="AM5477">
        <v>0</v>
      </c>
      <c r="AN5477">
        <v>0</v>
      </c>
      <c r="AO5477">
        <v>0</v>
      </c>
      <c r="AP5477">
        <v>0</v>
      </c>
      <c r="AQ5477">
        <v>0</v>
      </c>
      <c r="AR5477">
        <v>0</v>
      </c>
      <c r="AS5477">
        <v>0</v>
      </c>
      <c r="AT5477">
        <v>0</v>
      </c>
      <c r="AU5477">
        <v>0</v>
      </c>
      <c r="AV5477">
        <v>0</v>
      </c>
      <c r="AW5477">
        <v>0</v>
      </c>
      <c r="AX5477">
        <v>0</v>
      </c>
      <c r="AY5477">
        <v>7</v>
      </c>
      <c r="AZ5477">
        <v>17</v>
      </c>
      <c r="BA5477">
        <v>1771</v>
      </c>
    </row>
    <row r="5478" spans="1:53" x14ac:dyDescent="0.4">
      <c r="A5478">
        <v>5522</v>
      </c>
      <c r="B5478" s="1">
        <v>44920</v>
      </c>
      <c r="C5478">
        <v>1</v>
      </c>
      <c r="D5478" s="1">
        <v>44920.291666666664</v>
      </c>
      <c r="E5478" s="1">
        <v>44920.393750000003</v>
      </c>
      <c r="F5478">
        <v>0</v>
      </c>
      <c r="G5478">
        <v>0</v>
      </c>
      <c r="H5478">
        <v>0</v>
      </c>
      <c r="I5478">
        <v>0</v>
      </c>
      <c r="J5478">
        <v>0</v>
      </c>
      <c r="K5478">
        <v>0</v>
      </c>
      <c r="L5478">
        <v>0</v>
      </c>
      <c r="M5478">
        <v>0</v>
      </c>
      <c r="N5478">
        <v>0</v>
      </c>
      <c r="O5478">
        <v>0</v>
      </c>
      <c r="P5478">
        <v>0</v>
      </c>
      <c r="Q5478">
        <v>0</v>
      </c>
      <c r="R5478">
        <v>0</v>
      </c>
      <c r="S5478">
        <v>0</v>
      </c>
      <c r="T5478">
        <v>0</v>
      </c>
      <c r="U5478">
        <v>0</v>
      </c>
      <c r="V5478">
        <v>0</v>
      </c>
      <c r="W5478">
        <v>0</v>
      </c>
      <c r="X5478">
        <v>0</v>
      </c>
      <c r="Y5478">
        <v>36</v>
      </c>
      <c r="Z5478">
        <v>15</v>
      </c>
      <c r="AA5478">
        <v>45</v>
      </c>
      <c r="AB5478">
        <v>16</v>
      </c>
      <c r="AC5478">
        <v>102</v>
      </c>
      <c r="AD5478">
        <v>22</v>
      </c>
      <c r="AE5478">
        <v>70</v>
      </c>
      <c r="AF5478">
        <v>0</v>
      </c>
      <c r="AG5478">
        <v>50000</v>
      </c>
      <c r="AH5478">
        <v>50000</v>
      </c>
      <c r="AI5478">
        <v>0</v>
      </c>
      <c r="AJ5478">
        <v>0</v>
      </c>
      <c r="AK5478" t="s">
        <v>6</v>
      </c>
      <c r="AL5478">
        <v>0</v>
      </c>
      <c r="AM5478">
        <v>0</v>
      </c>
      <c r="AN5478">
        <v>0</v>
      </c>
      <c r="AO5478">
        <v>0</v>
      </c>
      <c r="AP5478">
        <v>0</v>
      </c>
      <c r="AQ5478">
        <v>0</v>
      </c>
      <c r="AR5478">
        <v>0</v>
      </c>
      <c r="AS5478">
        <v>0</v>
      </c>
      <c r="AT5478">
        <v>0</v>
      </c>
      <c r="AU5478">
        <v>0</v>
      </c>
      <c r="AV5478">
        <v>0</v>
      </c>
      <c r="AW5478">
        <v>0</v>
      </c>
      <c r="AX5478">
        <v>0</v>
      </c>
      <c r="AY5478">
        <v>0</v>
      </c>
      <c r="AZ5478">
        <v>0</v>
      </c>
      <c r="BA5478">
        <v>0</v>
      </c>
    </row>
    <row r="5479" spans="1:53" x14ac:dyDescent="0.4">
      <c r="A5479">
        <v>5523</v>
      </c>
      <c r="B5479" s="1">
        <v>44920</v>
      </c>
      <c r="C5479">
        <v>2</v>
      </c>
      <c r="D5479" s="1">
        <v>44920.393750000003</v>
      </c>
      <c r="E5479" s="1">
        <v>44920.731944444444</v>
      </c>
      <c r="F5479">
        <v>43540</v>
      </c>
      <c r="G5479">
        <v>1914</v>
      </c>
      <c r="H5479">
        <v>0</v>
      </c>
      <c r="I5479">
        <v>0</v>
      </c>
      <c r="J5479">
        <v>0</v>
      </c>
      <c r="K5479">
        <v>0</v>
      </c>
      <c r="L5479">
        <v>0</v>
      </c>
      <c r="M5479">
        <v>4131</v>
      </c>
      <c r="N5479">
        <v>0</v>
      </c>
      <c r="O5479">
        <v>0</v>
      </c>
      <c r="P5479">
        <v>39040</v>
      </c>
      <c r="Q5479">
        <v>0</v>
      </c>
      <c r="R5479">
        <v>84494</v>
      </c>
      <c r="S5479">
        <v>0</v>
      </c>
      <c r="T5479">
        <v>0</v>
      </c>
      <c r="U5479">
        <v>0</v>
      </c>
      <c r="V5479">
        <v>5</v>
      </c>
      <c r="W5479">
        <v>1</v>
      </c>
      <c r="X5479">
        <v>0</v>
      </c>
      <c r="Y5479">
        <v>60</v>
      </c>
      <c r="Z5479">
        <v>22</v>
      </c>
      <c r="AA5479">
        <v>5</v>
      </c>
      <c r="AB5479">
        <v>3</v>
      </c>
      <c r="AC5479">
        <v>121</v>
      </c>
      <c r="AD5479">
        <v>20</v>
      </c>
      <c r="AE5479">
        <v>64</v>
      </c>
      <c r="AF5479">
        <v>6470</v>
      </c>
      <c r="AG5479">
        <v>134494</v>
      </c>
      <c r="AH5479">
        <v>50000</v>
      </c>
      <c r="AI5479">
        <v>0</v>
      </c>
      <c r="AJ5479">
        <v>74</v>
      </c>
      <c r="AK5479" t="s">
        <v>64</v>
      </c>
      <c r="AL5479">
        <v>0</v>
      </c>
      <c r="AM5479">
        <v>0</v>
      </c>
      <c r="AN5479">
        <v>0</v>
      </c>
      <c r="AO5479">
        <v>0</v>
      </c>
      <c r="AP5479">
        <v>0</v>
      </c>
      <c r="AQ5479">
        <v>0</v>
      </c>
      <c r="AR5479">
        <v>0</v>
      </c>
      <c r="AS5479">
        <v>0</v>
      </c>
      <c r="AT5479">
        <v>0</v>
      </c>
      <c r="AU5479">
        <v>0</v>
      </c>
      <c r="AV5479">
        <v>0</v>
      </c>
      <c r="AW5479">
        <v>0</v>
      </c>
      <c r="AX5479">
        <v>3688</v>
      </c>
      <c r="AY5479">
        <v>48</v>
      </c>
      <c r="AZ5479">
        <v>125</v>
      </c>
      <c r="BA5479">
        <v>7786</v>
      </c>
    </row>
    <row r="5480" spans="1:53" x14ac:dyDescent="0.4">
      <c r="A5480">
        <v>5524</v>
      </c>
      <c r="B5480" s="1">
        <v>44920</v>
      </c>
      <c r="C5480">
        <v>3</v>
      </c>
      <c r="D5480" s="1">
        <v>44920.731944444444</v>
      </c>
      <c r="E5480" s="1">
        <v>44920.961805555555</v>
      </c>
      <c r="F5480">
        <v>55150</v>
      </c>
      <c r="G5480">
        <v>7538</v>
      </c>
      <c r="H5480">
        <v>0</v>
      </c>
      <c r="I5480">
        <v>0</v>
      </c>
      <c r="J5480">
        <v>0</v>
      </c>
      <c r="K5480">
        <v>600</v>
      </c>
      <c r="L5480">
        <v>0</v>
      </c>
      <c r="M5480">
        <v>5753</v>
      </c>
      <c r="N5480">
        <v>0</v>
      </c>
      <c r="O5480">
        <v>0</v>
      </c>
      <c r="P5480">
        <v>-39040</v>
      </c>
      <c r="Q5480">
        <v>0</v>
      </c>
      <c r="R5480">
        <v>24248</v>
      </c>
      <c r="S5480">
        <v>0</v>
      </c>
      <c r="T5480">
        <v>0</v>
      </c>
      <c r="U5480">
        <v>0</v>
      </c>
      <c r="V5480">
        <v>7</v>
      </c>
      <c r="W5480">
        <v>0</v>
      </c>
      <c r="X5480">
        <v>0</v>
      </c>
      <c r="Y5480">
        <v>63</v>
      </c>
      <c r="Z5480">
        <v>22</v>
      </c>
      <c r="AA5480">
        <v>66</v>
      </c>
      <c r="AB5480">
        <v>4</v>
      </c>
      <c r="AC5480">
        <v>117</v>
      </c>
      <c r="AD5480">
        <v>20</v>
      </c>
      <c r="AE5480">
        <v>64</v>
      </c>
      <c r="AF5480">
        <v>6608</v>
      </c>
      <c r="AG5480">
        <v>158742</v>
      </c>
      <c r="AH5480">
        <v>50000</v>
      </c>
      <c r="AI5480">
        <v>0</v>
      </c>
      <c r="AJ5480">
        <v>108</v>
      </c>
      <c r="AK5480" t="s">
        <v>3</v>
      </c>
      <c r="AL5480">
        <v>0</v>
      </c>
      <c r="AM5480">
        <v>0</v>
      </c>
      <c r="AN5480">
        <v>0</v>
      </c>
      <c r="AO5480">
        <v>0</v>
      </c>
      <c r="AP5480">
        <v>0</v>
      </c>
      <c r="AQ5480">
        <v>0</v>
      </c>
      <c r="AR5480">
        <v>0</v>
      </c>
      <c r="AS5480">
        <v>0</v>
      </c>
      <c r="AT5480">
        <v>0</v>
      </c>
      <c r="AU5480">
        <v>0</v>
      </c>
      <c r="AV5480">
        <v>0</v>
      </c>
      <c r="AW5480">
        <v>0</v>
      </c>
      <c r="AX5480">
        <v>30501</v>
      </c>
      <c r="AY5480">
        <v>15</v>
      </c>
      <c r="AZ5480">
        <v>36</v>
      </c>
      <c r="BA5480">
        <v>3316</v>
      </c>
    </row>
    <row r="5481" spans="1:53" x14ac:dyDescent="0.4">
      <c r="A5481">
        <v>5525</v>
      </c>
      <c r="B5481" s="1">
        <v>44920</v>
      </c>
      <c r="C5481">
        <v>4</v>
      </c>
      <c r="D5481" s="1">
        <v>44920.961805555555</v>
      </c>
      <c r="E5481" s="1">
        <v>44921.068055555559</v>
      </c>
      <c r="F5481">
        <v>34000</v>
      </c>
      <c r="G5481">
        <v>3113</v>
      </c>
      <c r="H5481">
        <v>0</v>
      </c>
      <c r="I5481">
        <v>0</v>
      </c>
      <c r="J5481">
        <v>0</v>
      </c>
      <c r="K5481">
        <v>0</v>
      </c>
      <c r="L5481">
        <v>0</v>
      </c>
      <c r="M5481">
        <v>3374</v>
      </c>
      <c r="N5481">
        <v>0</v>
      </c>
      <c r="O5481">
        <v>0</v>
      </c>
      <c r="P5481">
        <v>0</v>
      </c>
      <c r="Q5481">
        <v>0</v>
      </c>
      <c r="R5481">
        <v>37113</v>
      </c>
      <c r="S5481">
        <v>0</v>
      </c>
      <c r="T5481">
        <v>0</v>
      </c>
      <c r="U5481">
        <v>0</v>
      </c>
      <c r="V5481">
        <v>9</v>
      </c>
      <c r="W5481">
        <v>1</v>
      </c>
      <c r="X5481">
        <v>0</v>
      </c>
      <c r="Y5481">
        <v>69</v>
      </c>
      <c r="Z5481">
        <v>20</v>
      </c>
      <c r="AA5481">
        <v>78</v>
      </c>
      <c r="AB5481">
        <v>2</v>
      </c>
      <c r="AC5481">
        <v>102</v>
      </c>
      <c r="AD5481">
        <v>20</v>
      </c>
      <c r="AE5481">
        <v>67</v>
      </c>
      <c r="AF5481">
        <v>12768</v>
      </c>
      <c r="AG5481">
        <v>195855</v>
      </c>
      <c r="AH5481">
        <v>50000</v>
      </c>
      <c r="AI5481">
        <v>0</v>
      </c>
      <c r="AJ5481">
        <v>108</v>
      </c>
      <c r="AK5481" t="s">
        <v>3</v>
      </c>
      <c r="AL5481">
        <v>0</v>
      </c>
      <c r="AM5481">
        <v>0</v>
      </c>
      <c r="AN5481">
        <v>0</v>
      </c>
      <c r="AO5481">
        <v>0</v>
      </c>
      <c r="AP5481">
        <v>0</v>
      </c>
      <c r="AQ5481">
        <v>0</v>
      </c>
      <c r="AR5481">
        <v>0</v>
      </c>
      <c r="AS5481">
        <v>0</v>
      </c>
      <c r="AT5481">
        <v>0</v>
      </c>
      <c r="AU5481">
        <v>0</v>
      </c>
      <c r="AV5481">
        <v>0</v>
      </c>
      <c r="AW5481">
        <v>0</v>
      </c>
      <c r="AX5481">
        <v>0</v>
      </c>
      <c r="AY5481">
        <v>0</v>
      </c>
      <c r="AZ5481">
        <v>0</v>
      </c>
      <c r="BA5481">
        <v>225</v>
      </c>
    </row>
    <row r="5482" spans="1:53" x14ac:dyDescent="0.4">
      <c r="A5482">
        <v>5526</v>
      </c>
      <c r="B5482" s="1">
        <v>44921</v>
      </c>
      <c r="C5482">
        <v>1</v>
      </c>
      <c r="D5482" s="1">
        <v>44921.291666666664</v>
      </c>
      <c r="E5482" s="1">
        <v>44921.411111111112</v>
      </c>
      <c r="F5482">
        <v>0</v>
      </c>
      <c r="G5482">
        <v>0</v>
      </c>
      <c r="H5482">
        <v>0</v>
      </c>
      <c r="I5482">
        <v>0</v>
      </c>
      <c r="J5482">
        <v>0</v>
      </c>
      <c r="K5482">
        <v>0</v>
      </c>
      <c r="L5482">
        <v>0</v>
      </c>
      <c r="M5482">
        <v>0</v>
      </c>
      <c r="N5482">
        <v>0</v>
      </c>
      <c r="O5482">
        <v>0</v>
      </c>
      <c r="P5482">
        <v>0</v>
      </c>
      <c r="Q5482">
        <v>0</v>
      </c>
      <c r="R5482">
        <v>0</v>
      </c>
      <c r="S5482">
        <v>0</v>
      </c>
      <c r="T5482">
        <v>0</v>
      </c>
      <c r="U5482">
        <v>0</v>
      </c>
      <c r="V5482">
        <v>0</v>
      </c>
      <c r="W5482">
        <v>1</v>
      </c>
      <c r="X5482">
        <v>0</v>
      </c>
      <c r="Y5482">
        <v>28</v>
      </c>
      <c r="Z5482">
        <v>14</v>
      </c>
      <c r="AA5482">
        <v>88</v>
      </c>
      <c r="AB5482">
        <v>3</v>
      </c>
      <c r="AC5482">
        <v>89</v>
      </c>
      <c r="AD5482">
        <v>20</v>
      </c>
      <c r="AE5482">
        <v>60</v>
      </c>
      <c r="AF5482">
        <v>0</v>
      </c>
      <c r="AG5482">
        <v>50000</v>
      </c>
      <c r="AH5482">
        <v>50000</v>
      </c>
      <c r="AI5482">
        <v>0</v>
      </c>
      <c r="AJ5482">
        <v>0</v>
      </c>
      <c r="AK5482" t="s">
        <v>6</v>
      </c>
      <c r="AL5482">
        <v>0</v>
      </c>
      <c r="AM5482">
        <v>0</v>
      </c>
      <c r="AN5482">
        <v>0</v>
      </c>
      <c r="AO5482">
        <v>0</v>
      </c>
      <c r="AP5482">
        <v>0</v>
      </c>
      <c r="AQ5482">
        <v>0</v>
      </c>
      <c r="AR5482">
        <v>0</v>
      </c>
      <c r="AS5482">
        <v>0</v>
      </c>
      <c r="AT5482">
        <v>0</v>
      </c>
      <c r="AU5482">
        <v>0</v>
      </c>
      <c r="AV5482">
        <v>0</v>
      </c>
      <c r="AW5482">
        <v>0</v>
      </c>
      <c r="AX5482">
        <v>0</v>
      </c>
      <c r="AY5482">
        <v>0</v>
      </c>
      <c r="AZ5482">
        <v>0</v>
      </c>
      <c r="BA5482">
        <v>0</v>
      </c>
    </row>
    <row r="5483" spans="1:53" x14ac:dyDescent="0.4">
      <c r="A5483">
        <v>5527</v>
      </c>
      <c r="B5483" s="1">
        <v>44921</v>
      </c>
      <c r="C5483">
        <v>2</v>
      </c>
      <c r="D5483" s="1">
        <v>44921.411111111112</v>
      </c>
      <c r="E5483" s="1">
        <v>44921.759027777778</v>
      </c>
      <c r="F5483">
        <v>44540</v>
      </c>
      <c r="G5483">
        <v>4598</v>
      </c>
      <c r="H5483">
        <v>0</v>
      </c>
      <c r="I5483">
        <v>0</v>
      </c>
      <c r="J5483">
        <v>200</v>
      </c>
      <c r="K5483">
        <v>0</v>
      </c>
      <c r="L5483">
        <v>0</v>
      </c>
      <c r="M5483">
        <v>4444</v>
      </c>
      <c r="N5483">
        <v>0</v>
      </c>
      <c r="O5483">
        <v>0</v>
      </c>
      <c r="P5483">
        <v>23920</v>
      </c>
      <c r="Q5483">
        <v>0</v>
      </c>
      <c r="R5483">
        <v>72858</v>
      </c>
      <c r="S5483">
        <v>0</v>
      </c>
      <c r="T5483">
        <v>0</v>
      </c>
      <c r="U5483">
        <v>0</v>
      </c>
      <c r="V5483">
        <v>0</v>
      </c>
      <c r="W5483">
        <v>6</v>
      </c>
      <c r="X5483">
        <v>0</v>
      </c>
      <c r="Y5483">
        <v>69</v>
      </c>
      <c r="Z5483">
        <v>26</v>
      </c>
      <c r="AA5483">
        <v>57</v>
      </c>
      <c r="AB5483">
        <v>51</v>
      </c>
      <c r="AC5483">
        <v>131</v>
      </c>
      <c r="AD5483">
        <v>21</v>
      </c>
      <c r="AE5483">
        <v>63</v>
      </c>
      <c r="AF5483">
        <v>1130</v>
      </c>
      <c r="AG5483">
        <v>122858</v>
      </c>
      <c r="AH5483">
        <v>50000</v>
      </c>
      <c r="AI5483">
        <v>0</v>
      </c>
      <c r="AJ5483">
        <v>119</v>
      </c>
      <c r="AK5483" t="s">
        <v>56</v>
      </c>
      <c r="AL5483">
        <v>0</v>
      </c>
      <c r="AM5483">
        <v>0</v>
      </c>
      <c r="AN5483">
        <v>0</v>
      </c>
      <c r="AO5483">
        <v>0</v>
      </c>
      <c r="AP5483">
        <v>0</v>
      </c>
      <c r="AQ5483">
        <v>0</v>
      </c>
      <c r="AR5483">
        <v>0</v>
      </c>
      <c r="AS5483">
        <v>0</v>
      </c>
      <c r="AT5483">
        <v>0</v>
      </c>
      <c r="AU5483">
        <v>0</v>
      </c>
      <c r="AV5483">
        <v>0</v>
      </c>
      <c r="AW5483">
        <v>0</v>
      </c>
      <c r="AX5483">
        <v>308</v>
      </c>
      <c r="AY5483">
        <v>51</v>
      </c>
      <c r="AZ5483">
        <v>109</v>
      </c>
      <c r="BA5483">
        <v>7212</v>
      </c>
    </row>
    <row r="5484" spans="1:53" x14ac:dyDescent="0.4">
      <c r="A5484">
        <v>5528</v>
      </c>
      <c r="B5484" s="1">
        <v>44922</v>
      </c>
      <c r="C5484">
        <v>1</v>
      </c>
      <c r="D5484" s="1">
        <v>44922.291666666664</v>
      </c>
      <c r="E5484" s="1">
        <v>44922.409722222219</v>
      </c>
      <c r="F5484">
        <v>0</v>
      </c>
      <c r="G5484">
        <v>0</v>
      </c>
      <c r="H5484">
        <v>0</v>
      </c>
      <c r="I5484">
        <v>0</v>
      </c>
      <c r="J5484">
        <v>0</v>
      </c>
      <c r="K5484">
        <v>0</v>
      </c>
      <c r="L5484">
        <v>0</v>
      </c>
      <c r="M5484">
        <v>0</v>
      </c>
      <c r="N5484">
        <v>0</v>
      </c>
      <c r="O5484">
        <v>0</v>
      </c>
      <c r="P5484">
        <v>0</v>
      </c>
      <c r="Q5484">
        <v>0</v>
      </c>
      <c r="R5484">
        <v>0</v>
      </c>
      <c r="S5484">
        <v>0</v>
      </c>
      <c r="T5484">
        <v>0</v>
      </c>
      <c r="U5484">
        <v>0</v>
      </c>
      <c r="V5484">
        <v>0</v>
      </c>
      <c r="W5484">
        <v>0</v>
      </c>
      <c r="X5484">
        <v>0</v>
      </c>
      <c r="Y5484">
        <v>31</v>
      </c>
      <c r="Z5484">
        <v>18</v>
      </c>
      <c r="AA5484">
        <v>62</v>
      </c>
      <c r="AB5484">
        <v>46</v>
      </c>
      <c r="AC5484">
        <v>133</v>
      </c>
      <c r="AD5484">
        <v>21</v>
      </c>
      <c r="AE5484">
        <v>65</v>
      </c>
      <c r="AF5484">
        <v>0</v>
      </c>
      <c r="AG5484">
        <v>50000</v>
      </c>
      <c r="AH5484">
        <v>50000</v>
      </c>
      <c r="AI5484">
        <v>0</v>
      </c>
      <c r="AJ5484">
        <v>0</v>
      </c>
      <c r="AK5484" t="s">
        <v>6</v>
      </c>
      <c r="AL5484">
        <v>0</v>
      </c>
      <c r="AM5484">
        <v>0</v>
      </c>
      <c r="AN5484">
        <v>0</v>
      </c>
      <c r="AO5484">
        <v>0</v>
      </c>
      <c r="AP5484">
        <v>0</v>
      </c>
      <c r="AQ5484">
        <v>0</v>
      </c>
      <c r="AR5484">
        <v>0</v>
      </c>
      <c r="AS5484">
        <v>0</v>
      </c>
      <c r="AT5484">
        <v>0</v>
      </c>
      <c r="AU5484">
        <v>0</v>
      </c>
      <c r="AV5484">
        <v>0</v>
      </c>
      <c r="AW5484">
        <v>0</v>
      </c>
      <c r="AX5484">
        <v>0</v>
      </c>
      <c r="AY5484">
        <v>0</v>
      </c>
      <c r="AZ5484">
        <v>0</v>
      </c>
      <c r="BA5484">
        <v>0</v>
      </c>
    </row>
    <row r="5485" spans="1:53" x14ac:dyDescent="0.4">
      <c r="A5485">
        <v>5529</v>
      </c>
      <c r="B5485" s="1">
        <v>44922</v>
      </c>
      <c r="C5485">
        <v>2</v>
      </c>
      <c r="D5485" s="1">
        <v>44922.409722222219</v>
      </c>
      <c r="E5485" s="1">
        <v>44922.740972222222</v>
      </c>
      <c r="F5485">
        <v>40910</v>
      </c>
      <c r="G5485">
        <v>902</v>
      </c>
      <c r="H5485">
        <v>0</v>
      </c>
      <c r="I5485">
        <v>0</v>
      </c>
      <c r="J5485">
        <v>100</v>
      </c>
      <c r="K5485">
        <v>0</v>
      </c>
      <c r="L5485">
        <v>0</v>
      </c>
      <c r="M5485">
        <v>3787</v>
      </c>
      <c r="N5485">
        <v>0</v>
      </c>
      <c r="O5485">
        <v>0</v>
      </c>
      <c r="P5485">
        <v>26370</v>
      </c>
      <c r="Q5485">
        <v>0</v>
      </c>
      <c r="R5485">
        <v>68082</v>
      </c>
      <c r="S5485">
        <v>0</v>
      </c>
      <c r="T5485">
        <v>0</v>
      </c>
      <c r="U5485">
        <v>0</v>
      </c>
      <c r="V5485">
        <v>1</v>
      </c>
      <c r="W5485">
        <v>2</v>
      </c>
      <c r="X5485">
        <v>0</v>
      </c>
      <c r="Y5485">
        <v>71</v>
      </c>
      <c r="Z5485">
        <v>19</v>
      </c>
      <c r="AA5485">
        <v>97</v>
      </c>
      <c r="AB5485">
        <v>61</v>
      </c>
      <c r="AC5485">
        <v>172</v>
      </c>
      <c r="AD5485">
        <v>21</v>
      </c>
      <c r="AE5485">
        <v>70</v>
      </c>
      <c r="AF5485">
        <v>2967</v>
      </c>
      <c r="AG5485">
        <v>118112</v>
      </c>
      <c r="AH5485">
        <v>50000</v>
      </c>
      <c r="AI5485">
        <v>30</v>
      </c>
      <c r="AJ5485">
        <v>118</v>
      </c>
      <c r="AK5485" t="s">
        <v>59</v>
      </c>
      <c r="AL5485">
        <v>0</v>
      </c>
      <c r="AM5485">
        <v>0</v>
      </c>
      <c r="AN5485">
        <v>0</v>
      </c>
      <c r="AO5485">
        <v>0</v>
      </c>
      <c r="AP5485">
        <v>0</v>
      </c>
      <c r="AQ5485">
        <v>0</v>
      </c>
      <c r="AR5485">
        <v>0</v>
      </c>
      <c r="AS5485">
        <v>0</v>
      </c>
      <c r="AT5485">
        <v>0</v>
      </c>
      <c r="AU5485">
        <v>0</v>
      </c>
      <c r="AV5485">
        <v>0</v>
      </c>
      <c r="AW5485">
        <v>0</v>
      </c>
      <c r="AX5485">
        <v>594</v>
      </c>
      <c r="AY5485">
        <v>51</v>
      </c>
      <c r="AZ5485">
        <v>101</v>
      </c>
      <c r="BA5485">
        <v>7550</v>
      </c>
    </row>
    <row r="5486" spans="1:53" x14ac:dyDescent="0.4">
      <c r="A5486">
        <v>5530</v>
      </c>
      <c r="B5486" s="1">
        <v>44923</v>
      </c>
      <c r="C5486">
        <v>1</v>
      </c>
      <c r="D5486" s="1">
        <v>44923.291666666664</v>
      </c>
      <c r="E5486" s="1">
        <v>44923.408333333333</v>
      </c>
      <c r="F5486">
        <v>0</v>
      </c>
      <c r="G5486">
        <v>0</v>
      </c>
      <c r="H5486">
        <v>0</v>
      </c>
      <c r="I5486">
        <v>0</v>
      </c>
      <c r="J5486">
        <v>0</v>
      </c>
      <c r="K5486">
        <v>0</v>
      </c>
      <c r="L5486">
        <v>0</v>
      </c>
      <c r="M5486">
        <v>0</v>
      </c>
      <c r="N5486">
        <v>0</v>
      </c>
      <c r="O5486">
        <v>0</v>
      </c>
      <c r="P5486">
        <v>0</v>
      </c>
      <c r="Q5486">
        <v>0</v>
      </c>
      <c r="R5486">
        <v>0</v>
      </c>
      <c r="S5486">
        <v>0</v>
      </c>
      <c r="T5486">
        <v>0</v>
      </c>
      <c r="U5486">
        <v>0</v>
      </c>
      <c r="V5486">
        <v>0</v>
      </c>
      <c r="W5486">
        <v>1</v>
      </c>
      <c r="X5486">
        <v>0</v>
      </c>
      <c r="Y5486">
        <v>27</v>
      </c>
      <c r="Z5486">
        <v>13</v>
      </c>
      <c r="AA5486">
        <v>77</v>
      </c>
      <c r="AB5486">
        <v>50</v>
      </c>
      <c r="AC5486">
        <v>114</v>
      </c>
      <c r="AD5486">
        <v>19</v>
      </c>
      <c r="AE5486">
        <v>65</v>
      </c>
      <c r="AF5486">
        <v>0</v>
      </c>
      <c r="AG5486">
        <v>50000</v>
      </c>
      <c r="AH5486">
        <v>50000</v>
      </c>
      <c r="AI5486">
        <v>0</v>
      </c>
      <c r="AJ5486">
        <v>0</v>
      </c>
      <c r="AK5486" t="s">
        <v>6</v>
      </c>
      <c r="AL5486">
        <v>0</v>
      </c>
      <c r="AM5486">
        <v>0</v>
      </c>
      <c r="AN5486">
        <v>0</v>
      </c>
      <c r="AO5486">
        <v>0</v>
      </c>
      <c r="AP5486">
        <v>0</v>
      </c>
      <c r="AQ5486">
        <v>0</v>
      </c>
      <c r="AR5486">
        <v>0</v>
      </c>
      <c r="AS5486">
        <v>0</v>
      </c>
      <c r="AT5486">
        <v>0</v>
      </c>
      <c r="AU5486">
        <v>0</v>
      </c>
      <c r="AV5486">
        <v>0</v>
      </c>
      <c r="AW5486">
        <v>0</v>
      </c>
      <c r="AX5486">
        <v>0</v>
      </c>
      <c r="AY5486">
        <v>0</v>
      </c>
      <c r="AZ5486">
        <v>0</v>
      </c>
      <c r="BA5486">
        <v>0</v>
      </c>
    </row>
    <row r="5487" spans="1:53" x14ac:dyDescent="0.4">
      <c r="A5487">
        <v>5531</v>
      </c>
      <c r="B5487" s="1">
        <v>44923</v>
      </c>
      <c r="C5487">
        <v>2</v>
      </c>
      <c r="D5487" s="1">
        <v>44923.408333333333</v>
      </c>
      <c r="E5487" s="1">
        <v>44923.738194444442</v>
      </c>
      <c r="F5487">
        <v>38350</v>
      </c>
      <c r="G5487">
        <v>462</v>
      </c>
      <c r="H5487">
        <v>0</v>
      </c>
      <c r="I5487">
        <v>0</v>
      </c>
      <c r="J5487">
        <v>0</v>
      </c>
      <c r="K5487">
        <v>0</v>
      </c>
      <c r="L5487">
        <v>0</v>
      </c>
      <c r="M5487">
        <v>3525</v>
      </c>
      <c r="N5487">
        <v>0</v>
      </c>
      <c r="O5487">
        <v>0</v>
      </c>
      <c r="P5487">
        <v>19050</v>
      </c>
      <c r="Q5487">
        <v>0</v>
      </c>
      <c r="R5487">
        <v>57862</v>
      </c>
      <c r="S5487">
        <v>0</v>
      </c>
      <c r="T5487">
        <v>0</v>
      </c>
      <c r="U5487">
        <v>0</v>
      </c>
      <c r="V5487">
        <v>2</v>
      </c>
      <c r="W5487">
        <v>1</v>
      </c>
      <c r="X5487">
        <v>0</v>
      </c>
      <c r="Y5487">
        <v>48</v>
      </c>
      <c r="Z5487">
        <v>25</v>
      </c>
      <c r="AA5487">
        <v>90</v>
      </c>
      <c r="AB5487">
        <v>49</v>
      </c>
      <c r="AC5487">
        <v>91</v>
      </c>
      <c r="AD5487">
        <v>19</v>
      </c>
      <c r="AE5487">
        <v>67</v>
      </c>
      <c r="AF5487">
        <v>9840</v>
      </c>
      <c r="AG5487">
        <v>107862</v>
      </c>
      <c r="AH5487">
        <v>50000</v>
      </c>
      <c r="AI5487">
        <v>0</v>
      </c>
      <c r="AJ5487">
        <v>118</v>
      </c>
      <c r="AK5487" t="s">
        <v>59</v>
      </c>
      <c r="AL5487">
        <v>0</v>
      </c>
      <c r="AM5487">
        <v>0</v>
      </c>
      <c r="AN5487">
        <v>0</v>
      </c>
      <c r="AO5487">
        <v>0</v>
      </c>
      <c r="AP5487">
        <v>0</v>
      </c>
      <c r="AQ5487">
        <v>0</v>
      </c>
      <c r="AR5487">
        <v>0</v>
      </c>
      <c r="AS5487">
        <v>0</v>
      </c>
      <c r="AT5487">
        <v>0</v>
      </c>
      <c r="AU5487">
        <v>0</v>
      </c>
      <c r="AV5487">
        <v>0</v>
      </c>
      <c r="AW5487">
        <v>0</v>
      </c>
      <c r="AX5487">
        <v>-860</v>
      </c>
      <c r="AY5487">
        <v>42</v>
      </c>
      <c r="AZ5487">
        <v>86</v>
      </c>
      <c r="BA5487">
        <v>6408</v>
      </c>
    </row>
    <row r="5488" spans="1:53" x14ac:dyDescent="0.4">
      <c r="A5488">
        <v>5532</v>
      </c>
      <c r="B5488" s="1">
        <v>44923</v>
      </c>
      <c r="C5488">
        <v>3</v>
      </c>
      <c r="D5488" s="1">
        <v>44923.738194444442</v>
      </c>
      <c r="E5488" s="1">
        <v>44924.113888888889</v>
      </c>
      <c r="F5488">
        <v>363730</v>
      </c>
      <c r="G5488">
        <v>19567</v>
      </c>
      <c r="H5488">
        <v>0</v>
      </c>
      <c r="I5488">
        <v>0</v>
      </c>
      <c r="J5488">
        <v>0</v>
      </c>
      <c r="K5488">
        <v>0</v>
      </c>
      <c r="L5488">
        <v>0</v>
      </c>
      <c r="M5488">
        <v>34841</v>
      </c>
      <c r="N5488">
        <v>0</v>
      </c>
      <c r="O5488">
        <v>0</v>
      </c>
      <c r="P5488">
        <v>60850</v>
      </c>
      <c r="Q5488">
        <v>0</v>
      </c>
      <c r="R5488">
        <v>444147</v>
      </c>
      <c r="S5488">
        <v>0</v>
      </c>
      <c r="T5488">
        <v>0</v>
      </c>
      <c r="U5488">
        <v>0</v>
      </c>
      <c r="V5488">
        <v>23</v>
      </c>
      <c r="W5488">
        <v>14</v>
      </c>
      <c r="X5488">
        <v>0</v>
      </c>
      <c r="Y5488">
        <v>129</v>
      </c>
      <c r="Z5488">
        <v>21</v>
      </c>
      <c r="AA5488">
        <v>72</v>
      </c>
      <c r="AB5488">
        <v>50</v>
      </c>
      <c r="AC5488">
        <v>76</v>
      </c>
      <c r="AD5488">
        <v>20</v>
      </c>
      <c r="AE5488">
        <v>73</v>
      </c>
      <c r="AF5488">
        <v>101875</v>
      </c>
      <c r="AG5488">
        <v>552008</v>
      </c>
      <c r="AH5488">
        <v>50000</v>
      </c>
      <c r="AI5488">
        <v>-1</v>
      </c>
      <c r="AJ5488">
        <v>108</v>
      </c>
      <c r="AK5488" t="s">
        <v>3</v>
      </c>
      <c r="AL5488">
        <v>0</v>
      </c>
      <c r="AM5488">
        <v>0</v>
      </c>
      <c r="AN5488">
        <v>0</v>
      </c>
      <c r="AO5488">
        <v>0</v>
      </c>
      <c r="AP5488">
        <v>0</v>
      </c>
      <c r="AQ5488">
        <v>0</v>
      </c>
      <c r="AR5488">
        <v>0</v>
      </c>
      <c r="AS5488">
        <v>0</v>
      </c>
      <c r="AT5488">
        <v>0</v>
      </c>
      <c r="AU5488">
        <v>0</v>
      </c>
      <c r="AV5488">
        <v>0</v>
      </c>
      <c r="AW5488">
        <v>0</v>
      </c>
      <c r="AX5488">
        <v>5800</v>
      </c>
      <c r="AY5488">
        <v>43</v>
      </c>
      <c r="AZ5488">
        <v>163</v>
      </c>
      <c r="BA5488">
        <v>6120</v>
      </c>
    </row>
    <row r="5489" spans="1:53" x14ac:dyDescent="0.4">
      <c r="A5489">
        <v>5533</v>
      </c>
      <c r="B5489" s="1">
        <v>44924</v>
      </c>
      <c r="C5489">
        <v>1</v>
      </c>
      <c r="D5489" s="1">
        <v>44924.291666666664</v>
      </c>
      <c r="E5489" s="1">
        <v>44924.402777777781</v>
      </c>
      <c r="F5489">
        <v>0</v>
      </c>
      <c r="G5489">
        <v>0</v>
      </c>
      <c r="H5489">
        <v>0</v>
      </c>
      <c r="I5489">
        <v>0</v>
      </c>
      <c r="J5489">
        <v>0</v>
      </c>
      <c r="K5489">
        <v>0</v>
      </c>
      <c r="L5489">
        <v>0</v>
      </c>
      <c r="M5489">
        <v>0</v>
      </c>
      <c r="N5489">
        <v>0</v>
      </c>
      <c r="O5489">
        <v>0</v>
      </c>
      <c r="P5489">
        <v>0</v>
      </c>
      <c r="Q5489">
        <v>0</v>
      </c>
      <c r="R5489">
        <v>0</v>
      </c>
      <c r="S5489">
        <v>0</v>
      </c>
      <c r="T5489">
        <v>0</v>
      </c>
      <c r="U5489">
        <v>0</v>
      </c>
      <c r="V5489">
        <v>0</v>
      </c>
      <c r="W5489">
        <v>1</v>
      </c>
      <c r="X5489">
        <v>0</v>
      </c>
      <c r="Y5489">
        <v>25</v>
      </c>
      <c r="Z5489">
        <v>18</v>
      </c>
      <c r="AA5489">
        <v>82</v>
      </c>
      <c r="AB5489">
        <v>35</v>
      </c>
      <c r="AC5489">
        <v>88</v>
      </c>
      <c r="AD5489">
        <v>20</v>
      </c>
      <c r="AE5489">
        <v>70</v>
      </c>
      <c r="AF5489">
        <v>0</v>
      </c>
      <c r="AG5489">
        <v>50000</v>
      </c>
      <c r="AH5489">
        <v>50000</v>
      </c>
      <c r="AI5489">
        <v>0</v>
      </c>
      <c r="AJ5489">
        <v>0</v>
      </c>
      <c r="AK5489" t="s">
        <v>6</v>
      </c>
      <c r="AL5489">
        <v>0</v>
      </c>
      <c r="AM5489">
        <v>0</v>
      </c>
      <c r="AN5489">
        <v>0</v>
      </c>
      <c r="AO5489">
        <v>0</v>
      </c>
      <c r="AP5489">
        <v>0</v>
      </c>
      <c r="AQ5489">
        <v>0</v>
      </c>
      <c r="AR5489">
        <v>0</v>
      </c>
      <c r="AS5489">
        <v>0</v>
      </c>
      <c r="AT5489">
        <v>0</v>
      </c>
      <c r="AU5489">
        <v>0</v>
      </c>
      <c r="AV5489">
        <v>0</v>
      </c>
      <c r="AW5489">
        <v>0</v>
      </c>
      <c r="AX5489">
        <v>0</v>
      </c>
      <c r="AY5489">
        <v>0</v>
      </c>
      <c r="AZ5489">
        <v>0</v>
      </c>
      <c r="BA5489">
        <v>0</v>
      </c>
    </row>
    <row r="5490" spans="1:53" x14ac:dyDescent="0.4">
      <c r="A5490">
        <v>5534</v>
      </c>
      <c r="B5490" s="1">
        <v>44924</v>
      </c>
      <c r="C5490">
        <v>2</v>
      </c>
      <c r="D5490" s="1">
        <v>44924.402777777781</v>
      </c>
      <c r="E5490" s="1">
        <v>44924.744444444441</v>
      </c>
      <c r="F5490">
        <v>46870</v>
      </c>
      <c r="G5490">
        <v>2398</v>
      </c>
      <c r="H5490">
        <v>0</v>
      </c>
      <c r="I5490">
        <v>0</v>
      </c>
      <c r="J5490">
        <v>0</v>
      </c>
      <c r="K5490">
        <v>0</v>
      </c>
      <c r="L5490">
        <v>0</v>
      </c>
      <c r="M5490">
        <v>4474</v>
      </c>
      <c r="N5490">
        <v>0</v>
      </c>
      <c r="O5490">
        <v>0</v>
      </c>
      <c r="P5490">
        <v>28400</v>
      </c>
      <c r="Q5490">
        <v>0</v>
      </c>
      <c r="R5490">
        <v>77668</v>
      </c>
      <c r="S5490">
        <v>0</v>
      </c>
      <c r="T5490">
        <v>0</v>
      </c>
      <c r="U5490">
        <v>0</v>
      </c>
      <c r="V5490">
        <v>3</v>
      </c>
      <c r="W5490">
        <v>6</v>
      </c>
      <c r="X5490">
        <v>0</v>
      </c>
      <c r="Y5490">
        <v>36</v>
      </c>
      <c r="Z5490">
        <v>33</v>
      </c>
      <c r="AA5490">
        <v>68</v>
      </c>
      <c r="AB5490">
        <v>33</v>
      </c>
      <c r="AC5490">
        <v>98</v>
      </c>
      <c r="AD5490">
        <v>22</v>
      </c>
      <c r="AE5490">
        <v>83</v>
      </c>
      <c r="AF5490">
        <v>5545</v>
      </c>
      <c r="AG5490">
        <v>127668</v>
      </c>
      <c r="AH5490">
        <v>50000</v>
      </c>
      <c r="AI5490">
        <v>0</v>
      </c>
      <c r="AJ5490">
        <v>119</v>
      </c>
      <c r="AK5490" t="s">
        <v>56</v>
      </c>
      <c r="AL5490">
        <v>0</v>
      </c>
      <c r="AM5490">
        <v>0</v>
      </c>
      <c r="AN5490">
        <v>0</v>
      </c>
      <c r="AO5490">
        <v>0</v>
      </c>
      <c r="AP5490">
        <v>0</v>
      </c>
      <c r="AQ5490">
        <v>0</v>
      </c>
      <c r="AR5490">
        <v>0</v>
      </c>
      <c r="AS5490">
        <v>0</v>
      </c>
      <c r="AT5490">
        <v>0</v>
      </c>
      <c r="AU5490">
        <v>0</v>
      </c>
      <c r="AV5490">
        <v>0</v>
      </c>
      <c r="AW5490">
        <v>0</v>
      </c>
      <c r="AX5490">
        <v>1320</v>
      </c>
      <c r="AY5490">
        <v>47</v>
      </c>
      <c r="AZ5490">
        <v>109</v>
      </c>
      <c r="BA5490">
        <v>7913</v>
      </c>
    </row>
    <row r="5491" spans="1:53" x14ac:dyDescent="0.4">
      <c r="A5491">
        <v>5535</v>
      </c>
      <c r="B5491" s="1">
        <v>44925</v>
      </c>
      <c r="C5491">
        <v>1</v>
      </c>
      <c r="D5491" s="1">
        <v>44925.291666666664</v>
      </c>
      <c r="E5491" s="1">
        <v>44925.411111111112</v>
      </c>
      <c r="F5491">
        <v>0</v>
      </c>
      <c r="G5491">
        <v>0</v>
      </c>
      <c r="H5491">
        <v>0</v>
      </c>
      <c r="I5491">
        <v>0</v>
      </c>
      <c r="J5491">
        <v>0</v>
      </c>
      <c r="K5491">
        <v>0</v>
      </c>
      <c r="L5491">
        <v>0</v>
      </c>
      <c r="M5491">
        <v>0</v>
      </c>
      <c r="N5491">
        <v>0</v>
      </c>
      <c r="O5491">
        <v>0</v>
      </c>
      <c r="P5491">
        <v>0</v>
      </c>
      <c r="Q5491">
        <v>0</v>
      </c>
      <c r="R5491">
        <v>0</v>
      </c>
      <c r="S5491">
        <v>0</v>
      </c>
      <c r="T5491">
        <v>0</v>
      </c>
      <c r="U5491">
        <v>0</v>
      </c>
      <c r="V5491">
        <v>0</v>
      </c>
      <c r="W5491">
        <v>1</v>
      </c>
      <c r="X5491">
        <v>0</v>
      </c>
      <c r="Y5491">
        <v>25</v>
      </c>
      <c r="Z5491">
        <v>16</v>
      </c>
      <c r="AA5491">
        <v>92</v>
      </c>
      <c r="AB5491">
        <v>36</v>
      </c>
      <c r="AC5491">
        <v>83</v>
      </c>
      <c r="AD5491">
        <v>18</v>
      </c>
      <c r="AE5491">
        <v>80</v>
      </c>
      <c r="AF5491">
        <v>0</v>
      </c>
      <c r="AG5491">
        <v>50000</v>
      </c>
      <c r="AH5491">
        <v>50000</v>
      </c>
      <c r="AI5491">
        <v>0</v>
      </c>
      <c r="AJ5491">
        <v>0</v>
      </c>
      <c r="AK5491" t="s">
        <v>6</v>
      </c>
      <c r="AL5491">
        <v>0</v>
      </c>
      <c r="AM5491">
        <v>0</v>
      </c>
      <c r="AN5491">
        <v>0</v>
      </c>
      <c r="AO5491">
        <v>0</v>
      </c>
      <c r="AP5491">
        <v>0</v>
      </c>
      <c r="AQ5491">
        <v>0</v>
      </c>
      <c r="AR5491">
        <v>0</v>
      </c>
      <c r="AS5491">
        <v>0</v>
      </c>
      <c r="AT5491">
        <v>0</v>
      </c>
      <c r="AU5491">
        <v>0</v>
      </c>
      <c r="AV5491">
        <v>0</v>
      </c>
      <c r="AW5491">
        <v>0</v>
      </c>
      <c r="AX5491">
        <v>0</v>
      </c>
      <c r="AY5491">
        <v>0</v>
      </c>
      <c r="AZ5491">
        <v>0</v>
      </c>
      <c r="BA5491">
        <v>0</v>
      </c>
    </row>
    <row r="5492" spans="1:53" x14ac:dyDescent="0.4">
      <c r="A5492">
        <v>5536</v>
      </c>
      <c r="B5492" s="1">
        <v>44925</v>
      </c>
      <c r="C5492">
        <v>2</v>
      </c>
      <c r="D5492" s="1">
        <v>44925.411111111112</v>
      </c>
      <c r="E5492" s="1">
        <v>44925.730555555558</v>
      </c>
      <c r="F5492">
        <v>36890</v>
      </c>
      <c r="G5492">
        <v>2838</v>
      </c>
      <c r="H5492">
        <v>0</v>
      </c>
      <c r="I5492">
        <v>0</v>
      </c>
      <c r="J5492">
        <v>0</v>
      </c>
      <c r="K5492">
        <v>0</v>
      </c>
      <c r="L5492">
        <v>0</v>
      </c>
      <c r="M5492">
        <v>3607</v>
      </c>
      <c r="N5492">
        <v>0</v>
      </c>
      <c r="O5492">
        <v>0</v>
      </c>
      <c r="P5492">
        <v>26030</v>
      </c>
      <c r="Q5492">
        <v>0</v>
      </c>
      <c r="R5492">
        <v>65758</v>
      </c>
      <c r="S5492">
        <v>0</v>
      </c>
      <c r="T5492">
        <v>0</v>
      </c>
      <c r="U5492">
        <v>0</v>
      </c>
      <c r="V5492">
        <v>6</v>
      </c>
      <c r="W5492">
        <v>1</v>
      </c>
      <c r="X5492">
        <v>0</v>
      </c>
      <c r="Y5492">
        <v>35</v>
      </c>
      <c r="Z5492">
        <v>4</v>
      </c>
      <c r="AA5492">
        <v>63</v>
      </c>
      <c r="AB5492">
        <v>27</v>
      </c>
      <c r="AC5492">
        <v>82</v>
      </c>
      <c r="AD5492">
        <v>17</v>
      </c>
      <c r="AE5492">
        <v>73</v>
      </c>
      <c r="AF5492">
        <v>5130</v>
      </c>
      <c r="AG5492">
        <v>115758</v>
      </c>
      <c r="AH5492">
        <v>50000</v>
      </c>
      <c r="AI5492">
        <v>0</v>
      </c>
      <c r="AJ5492">
        <v>74</v>
      </c>
      <c r="AK5492" t="s">
        <v>64</v>
      </c>
      <c r="AL5492">
        <v>0</v>
      </c>
      <c r="AM5492">
        <v>0</v>
      </c>
      <c r="AN5492">
        <v>0</v>
      </c>
      <c r="AO5492">
        <v>0</v>
      </c>
      <c r="AP5492">
        <v>0</v>
      </c>
      <c r="AQ5492">
        <v>0</v>
      </c>
      <c r="AR5492">
        <v>0</v>
      </c>
      <c r="AS5492">
        <v>0</v>
      </c>
      <c r="AT5492">
        <v>0</v>
      </c>
      <c r="AU5492">
        <v>0</v>
      </c>
      <c r="AV5492">
        <v>0</v>
      </c>
      <c r="AW5492">
        <v>0</v>
      </c>
      <c r="AX5492">
        <v>1034</v>
      </c>
      <c r="AY5492">
        <v>44</v>
      </c>
      <c r="AZ5492">
        <v>92</v>
      </c>
      <c r="BA5492">
        <v>6581</v>
      </c>
    </row>
    <row r="5493" spans="1:53" x14ac:dyDescent="0.4">
      <c r="A5493">
        <v>5537</v>
      </c>
      <c r="B5493" s="1">
        <v>44926</v>
      </c>
      <c r="C5493">
        <v>1</v>
      </c>
      <c r="D5493" s="1">
        <v>44926.291666666664</v>
      </c>
      <c r="E5493" s="1">
        <v>44926.413888888892</v>
      </c>
      <c r="F5493">
        <v>0</v>
      </c>
      <c r="G5493">
        <v>0</v>
      </c>
      <c r="H5493">
        <v>0</v>
      </c>
      <c r="I5493">
        <v>0</v>
      </c>
      <c r="J5493">
        <v>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0</v>
      </c>
      <c r="R5493">
        <v>0</v>
      </c>
      <c r="S5493">
        <v>0</v>
      </c>
      <c r="T5493">
        <v>0</v>
      </c>
      <c r="U5493">
        <v>0</v>
      </c>
      <c r="V5493">
        <v>0</v>
      </c>
      <c r="W5493">
        <v>1</v>
      </c>
      <c r="X5493">
        <v>0</v>
      </c>
      <c r="Y5493">
        <v>33</v>
      </c>
      <c r="Z5493">
        <v>7</v>
      </c>
      <c r="AA5493">
        <v>63</v>
      </c>
      <c r="AB5493">
        <v>24</v>
      </c>
      <c r="AC5493">
        <v>84</v>
      </c>
      <c r="AD5493">
        <v>16</v>
      </c>
      <c r="AE5493">
        <v>80</v>
      </c>
      <c r="AF5493">
        <v>0</v>
      </c>
      <c r="AG5493">
        <v>50000</v>
      </c>
      <c r="AH5493">
        <v>50000</v>
      </c>
      <c r="AI5493">
        <v>0</v>
      </c>
      <c r="AJ5493">
        <v>0</v>
      </c>
      <c r="AK5493" t="s">
        <v>6</v>
      </c>
      <c r="AL5493">
        <v>0</v>
      </c>
      <c r="AM5493">
        <v>0</v>
      </c>
      <c r="AN5493">
        <v>0</v>
      </c>
      <c r="AO5493">
        <v>0</v>
      </c>
      <c r="AP5493">
        <v>0</v>
      </c>
      <c r="AQ5493">
        <v>0</v>
      </c>
      <c r="AR5493">
        <v>0</v>
      </c>
      <c r="AS5493">
        <v>0</v>
      </c>
      <c r="AT5493">
        <v>0</v>
      </c>
      <c r="AU5493">
        <v>0</v>
      </c>
      <c r="AV5493">
        <v>0</v>
      </c>
      <c r="AW5493">
        <v>0</v>
      </c>
      <c r="AX5493">
        <v>0</v>
      </c>
      <c r="AY5493">
        <v>0</v>
      </c>
      <c r="AZ5493">
        <v>0</v>
      </c>
      <c r="BA5493">
        <v>0</v>
      </c>
    </row>
    <row r="5494" spans="1:53" x14ac:dyDescent="0.4">
      <c r="A5494">
        <v>5538</v>
      </c>
      <c r="B5494" s="1">
        <v>44926</v>
      </c>
      <c r="C5494">
        <v>2</v>
      </c>
      <c r="D5494" s="1">
        <v>44926.413888888892</v>
      </c>
      <c r="E5494" s="1">
        <v>44926.742361111108</v>
      </c>
      <c r="F5494">
        <v>41870</v>
      </c>
      <c r="G5494">
        <v>1342</v>
      </c>
      <c r="H5494">
        <v>0</v>
      </c>
      <c r="I5494">
        <v>0</v>
      </c>
      <c r="J5494">
        <v>200</v>
      </c>
      <c r="K5494">
        <v>0</v>
      </c>
      <c r="L5494">
        <v>0</v>
      </c>
      <c r="M5494">
        <v>3904</v>
      </c>
      <c r="N5494">
        <v>0</v>
      </c>
      <c r="O5494">
        <v>0</v>
      </c>
      <c r="P5494">
        <v>19980</v>
      </c>
      <c r="Q5494">
        <v>0</v>
      </c>
      <c r="R5494">
        <v>62992</v>
      </c>
      <c r="S5494">
        <v>0</v>
      </c>
      <c r="T5494">
        <v>0</v>
      </c>
      <c r="U5494">
        <v>0</v>
      </c>
      <c r="V5494">
        <v>2</v>
      </c>
      <c r="W5494">
        <v>3</v>
      </c>
      <c r="X5494">
        <v>0</v>
      </c>
      <c r="Y5494">
        <v>53</v>
      </c>
      <c r="Z5494">
        <v>22</v>
      </c>
      <c r="AA5494">
        <v>82</v>
      </c>
      <c r="AB5494">
        <v>22</v>
      </c>
      <c r="AC5494">
        <v>93</v>
      </c>
      <c r="AD5494">
        <v>16</v>
      </c>
      <c r="AE5494">
        <v>82</v>
      </c>
      <c r="AF5494">
        <v>3600</v>
      </c>
      <c r="AG5494">
        <v>112992</v>
      </c>
      <c r="AH5494">
        <v>50000</v>
      </c>
      <c r="AI5494">
        <v>0</v>
      </c>
      <c r="AJ5494">
        <v>103</v>
      </c>
      <c r="AK5494" t="s">
        <v>7</v>
      </c>
      <c r="AL5494">
        <v>0</v>
      </c>
      <c r="AM5494">
        <v>0</v>
      </c>
      <c r="AN5494">
        <v>0</v>
      </c>
      <c r="AO5494">
        <v>0</v>
      </c>
      <c r="AP5494">
        <v>0</v>
      </c>
      <c r="AQ5494">
        <v>0</v>
      </c>
      <c r="AR5494">
        <v>0</v>
      </c>
      <c r="AS5494">
        <v>0</v>
      </c>
      <c r="AT5494">
        <v>0</v>
      </c>
      <c r="AU5494">
        <v>0</v>
      </c>
      <c r="AV5494">
        <v>0</v>
      </c>
      <c r="AW5494">
        <v>0</v>
      </c>
      <c r="AX5494">
        <v>308</v>
      </c>
      <c r="AY5494">
        <v>36</v>
      </c>
      <c r="AZ5494">
        <v>88</v>
      </c>
      <c r="BA5494">
        <v>5966</v>
      </c>
    </row>
    <row r="5495" spans="1:53" x14ac:dyDescent="0.4">
      <c r="A5495">
        <v>5539</v>
      </c>
      <c r="B5495" s="1">
        <v>44926</v>
      </c>
      <c r="C5495">
        <v>3</v>
      </c>
      <c r="D5495" s="1">
        <v>44926.742361111108</v>
      </c>
      <c r="E5495" s="1">
        <v>44927.015277777777</v>
      </c>
      <c r="F5495">
        <v>37320</v>
      </c>
      <c r="G5495">
        <v>308</v>
      </c>
      <c r="H5495">
        <v>0</v>
      </c>
      <c r="I5495">
        <v>0</v>
      </c>
      <c r="J5495">
        <v>0</v>
      </c>
      <c r="K5495">
        <v>0</v>
      </c>
      <c r="L5495">
        <v>0</v>
      </c>
      <c r="M5495">
        <v>3419</v>
      </c>
      <c r="N5495">
        <v>0</v>
      </c>
      <c r="O5495">
        <v>0</v>
      </c>
      <c r="P5495">
        <v>-12180</v>
      </c>
      <c r="Q5495">
        <v>0</v>
      </c>
      <c r="R5495">
        <v>25448</v>
      </c>
      <c r="S5495">
        <v>0</v>
      </c>
      <c r="T5495">
        <v>0</v>
      </c>
      <c r="U5495">
        <v>0</v>
      </c>
      <c r="V5495">
        <v>2</v>
      </c>
      <c r="W5495">
        <v>5</v>
      </c>
      <c r="X5495">
        <v>0</v>
      </c>
      <c r="Y5495">
        <v>68</v>
      </c>
      <c r="Z5495">
        <v>22</v>
      </c>
      <c r="AA5495">
        <v>84</v>
      </c>
      <c r="AB5495">
        <v>24</v>
      </c>
      <c r="AC5495">
        <v>108</v>
      </c>
      <c r="AD5495">
        <v>16</v>
      </c>
      <c r="AE5495">
        <v>80</v>
      </c>
      <c r="AF5495">
        <v>3600</v>
      </c>
      <c r="AG5495">
        <v>138440</v>
      </c>
      <c r="AH5495">
        <v>50000</v>
      </c>
      <c r="AI5495">
        <v>0</v>
      </c>
      <c r="AJ5495">
        <v>108</v>
      </c>
      <c r="AK5495" t="s">
        <v>3</v>
      </c>
      <c r="AL5495">
        <v>0</v>
      </c>
      <c r="AM5495">
        <v>0</v>
      </c>
      <c r="AN5495">
        <v>0</v>
      </c>
      <c r="AO5495">
        <v>0</v>
      </c>
      <c r="AP5495">
        <v>0</v>
      </c>
      <c r="AQ5495">
        <v>0</v>
      </c>
      <c r="AR5495">
        <v>0</v>
      </c>
      <c r="AS5495">
        <v>0</v>
      </c>
      <c r="AT5495">
        <v>0</v>
      </c>
      <c r="AU5495">
        <v>0</v>
      </c>
      <c r="AV5495">
        <v>0</v>
      </c>
      <c r="AW5495">
        <v>0</v>
      </c>
      <c r="AX5495">
        <v>8658</v>
      </c>
      <c r="AY5495">
        <v>10</v>
      </c>
      <c r="AZ5495">
        <v>25</v>
      </c>
      <c r="BA5495">
        <v>1585</v>
      </c>
    </row>
    <row r="5496" spans="1:53" x14ac:dyDescent="0.4">
      <c r="A5496">
        <v>5540</v>
      </c>
      <c r="B5496" s="1">
        <v>44927</v>
      </c>
      <c r="C5496">
        <v>1</v>
      </c>
      <c r="D5496" s="1">
        <v>44927.291666666664</v>
      </c>
      <c r="E5496" s="1">
        <v>44927.412499999999</v>
      </c>
      <c r="F5496">
        <v>0</v>
      </c>
      <c r="G5496">
        <v>0</v>
      </c>
      <c r="H5496">
        <v>0</v>
      </c>
      <c r="I5496">
        <v>0</v>
      </c>
      <c r="J5496">
        <v>0</v>
      </c>
      <c r="K5496">
        <v>0</v>
      </c>
      <c r="L5496">
        <v>0</v>
      </c>
      <c r="M5496">
        <v>0</v>
      </c>
      <c r="N5496">
        <v>0</v>
      </c>
      <c r="O5496">
        <v>0</v>
      </c>
      <c r="P5496">
        <v>0</v>
      </c>
      <c r="Q5496">
        <v>0</v>
      </c>
      <c r="R5496">
        <v>0</v>
      </c>
      <c r="S5496">
        <v>0</v>
      </c>
      <c r="T5496">
        <v>0</v>
      </c>
      <c r="U5496">
        <v>0</v>
      </c>
      <c r="V5496">
        <v>0</v>
      </c>
      <c r="W5496">
        <v>1</v>
      </c>
      <c r="X5496">
        <v>0</v>
      </c>
      <c r="Y5496">
        <v>25</v>
      </c>
      <c r="Z5496">
        <v>17</v>
      </c>
      <c r="AA5496">
        <v>91</v>
      </c>
      <c r="AB5496">
        <v>26</v>
      </c>
      <c r="AC5496">
        <v>93</v>
      </c>
      <c r="AD5496">
        <v>16</v>
      </c>
      <c r="AE5496">
        <v>91</v>
      </c>
      <c r="AF5496">
        <v>0</v>
      </c>
      <c r="AG5496">
        <v>50001</v>
      </c>
      <c r="AH5496">
        <v>50000</v>
      </c>
      <c r="AI5496">
        <v>1</v>
      </c>
      <c r="AJ5496">
        <v>0</v>
      </c>
      <c r="AK5496" t="s">
        <v>6</v>
      </c>
      <c r="AL5496">
        <v>0</v>
      </c>
      <c r="AM5496">
        <v>0</v>
      </c>
      <c r="AN5496">
        <v>0</v>
      </c>
      <c r="AO5496">
        <v>0</v>
      </c>
      <c r="AP5496">
        <v>0</v>
      </c>
      <c r="AQ5496">
        <v>0</v>
      </c>
      <c r="AR5496">
        <v>0</v>
      </c>
      <c r="AS5496">
        <v>0</v>
      </c>
      <c r="AT5496">
        <v>0</v>
      </c>
      <c r="AU5496">
        <v>0</v>
      </c>
      <c r="AV5496">
        <v>0</v>
      </c>
      <c r="AW5496">
        <v>0</v>
      </c>
      <c r="AX5496">
        <v>0</v>
      </c>
      <c r="AY5496">
        <v>0</v>
      </c>
      <c r="AZ5496">
        <v>0</v>
      </c>
      <c r="BA5496">
        <v>0</v>
      </c>
    </row>
    <row r="5497" spans="1:53" x14ac:dyDescent="0.4">
      <c r="A5497">
        <v>5541</v>
      </c>
      <c r="B5497" s="1">
        <v>44927</v>
      </c>
      <c r="C5497">
        <v>2</v>
      </c>
      <c r="D5497" s="1">
        <v>44927.412499999999</v>
      </c>
      <c r="E5497" s="1">
        <v>44927.739583333336</v>
      </c>
      <c r="F5497">
        <v>22870</v>
      </c>
      <c r="G5497">
        <v>6623</v>
      </c>
      <c r="H5497">
        <v>0</v>
      </c>
      <c r="I5497">
        <v>0</v>
      </c>
      <c r="J5497">
        <v>0</v>
      </c>
      <c r="K5497">
        <v>0</v>
      </c>
      <c r="L5497">
        <v>0</v>
      </c>
      <c r="M5497">
        <v>2678</v>
      </c>
      <c r="N5497">
        <v>0</v>
      </c>
      <c r="O5497">
        <v>0</v>
      </c>
      <c r="P5497">
        <v>4780</v>
      </c>
      <c r="Q5497">
        <v>0</v>
      </c>
      <c r="R5497">
        <v>34273</v>
      </c>
      <c r="S5497">
        <v>0</v>
      </c>
      <c r="T5497">
        <v>0</v>
      </c>
      <c r="U5497">
        <v>0</v>
      </c>
      <c r="V5497">
        <v>1</v>
      </c>
      <c r="W5497">
        <v>1</v>
      </c>
      <c r="X5497">
        <v>0</v>
      </c>
      <c r="Y5497">
        <v>44</v>
      </c>
      <c r="Z5497">
        <v>19</v>
      </c>
      <c r="AA5497">
        <v>100</v>
      </c>
      <c r="AB5497">
        <v>28</v>
      </c>
      <c r="AC5497">
        <v>96</v>
      </c>
      <c r="AD5497">
        <v>15</v>
      </c>
      <c r="AE5497">
        <v>88</v>
      </c>
      <c r="AF5497">
        <v>3250</v>
      </c>
      <c r="AG5497">
        <v>84273</v>
      </c>
      <c r="AH5497">
        <v>50000</v>
      </c>
      <c r="AI5497">
        <v>0</v>
      </c>
      <c r="AJ5497">
        <v>103</v>
      </c>
      <c r="AK5497" t="s">
        <v>7</v>
      </c>
      <c r="AL5497">
        <v>0</v>
      </c>
      <c r="AM5497">
        <v>0</v>
      </c>
      <c r="AN5497">
        <v>0</v>
      </c>
      <c r="AO5497">
        <v>0</v>
      </c>
      <c r="AP5497">
        <v>0</v>
      </c>
      <c r="AQ5497">
        <v>0</v>
      </c>
      <c r="AR5497">
        <v>0</v>
      </c>
      <c r="AS5497">
        <v>0</v>
      </c>
      <c r="AT5497">
        <v>0</v>
      </c>
      <c r="AU5497">
        <v>0</v>
      </c>
      <c r="AV5497">
        <v>0</v>
      </c>
      <c r="AW5497">
        <v>0</v>
      </c>
      <c r="AX5497">
        <v>-1160</v>
      </c>
      <c r="AY5497">
        <v>21</v>
      </c>
      <c r="AZ5497">
        <v>45</v>
      </c>
      <c r="BA5497">
        <v>2854</v>
      </c>
    </row>
    <row r="5498" spans="1:53" x14ac:dyDescent="0.4">
      <c r="A5498">
        <v>5542</v>
      </c>
      <c r="B5498" s="1">
        <v>44927</v>
      </c>
      <c r="C5498">
        <v>3</v>
      </c>
      <c r="D5498" s="1">
        <v>44927.739583333336</v>
      </c>
      <c r="E5498" s="1">
        <v>44927.994444444441</v>
      </c>
      <c r="F5498">
        <v>25940</v>
      </c>
      <c r="G5498">
        <v>4950</v>
      </c>
      <c r="H5498">
        <v>0</v>
      </c>
      <c r="I5498">
        <v>0</v>
      </c>
      <c r="J5498">
        <v>0</v>
      </c>
      <c r="K5498">
        <v>0</v>
      </c>
      <c r="L5498">
        <v>0</v>
      </c>
      <c r="M5498">
        <v>2805</v>
      </c>
      <c r="N5498">
        <v>0</v>
      </c>
      <c r="O5498">
        <v>0</v>
      </c>
      <c r="P5498">
        <v>4320</v>
      </c>
      <c r="Q5498">
        <v>0</v>
      </c>
      <c r="R5498">
        <v>35210</v>
      </c>
      <c r="S5498">
        <v>0</v>
      </c>
      <c r="T5498">
        <v>0</v>
      </c>
      <c r="U5498">
        <v>0</v>
      </c>
      <c r="V5498">
        <v>1</v>
      </c>
      <c r="W5498">
        <v>2</v>
      </c>
      <c r="X5498">
        <v>0</v>
      </c>
      <c r="Y5498">
        <v>44</v>
      </c>
      <c r="Z5498">
        <v>19</v>
      </c>
      <c r="AA5498">
        <v>92</v>
      </c>
      <c r="AB5498">
        <v>26</v>
      </c>
      <c r="AC5498">
        <v>103</v>
      </c>
      <c r="AD5498">
        <v>16</v>
      </c>
      <c r="AE5498">
        <v>93</v>
      </c>
      <c r="AF5498">
        <v>34280</v>
      </c>
      <c r="AG5498">
        <v>119483</v>
      </c>
      <c r="AH5498">
        <v>50000</v>
      </c>
      <c r="AI5498">
        <v>0</v>
      </c>
      <c r="AJ5498">
        <v>108</v>
      </c>
      <c r="AK5498" t="s">
        <v>3</v>
      </c>
      <c r="AL5498">
        <v>0</v>
      </c>
      <c r="AM5498">
        <v>0</v>
      </c>
      <c r="AN5498">
        <v>0</v>
      </c>
      <c r="AO5498">
        <v>0</v>
      </c>
      <c r="AP5498">
        <v>0</v>
      </c>
      <c r="AQ5498">
        <v>0</v>
      </c>
      <c r="AR5498">
        <v>0</v>
      </c>
      <c r="AS5498">
        <v>0</v>
      </c>
      <c r="AT5498">
        <v>0</v>
      </c>
      <c r="AU5498">
        <v>0</v>
      </c>
      <c r="AV5498">
        <v>0</v>
      </c>
      <c r="AW5498">
        <v>0</v>
      </c>
      <c r="AX5498">
        <v>15098</v>
      </c>
      <c r="AY5498">
        <v>10</v>
      </c>
      <c r="AZ5498">
        <v>21</v>
      </c>
      <c r="BA5498">
        <v>1473</v>
      </c>
    </row>
    <row r="5499" spans="1:53" x14ac:dyDescent="0.4">
      <c r="A5499">
        <v>5543</v>
      </c>
      <c r="B5499" s="1">
        <v>44928</v>
      </c>
      <c r="C5499">
        <v>1</v>
      </c>
      <c r="D5499" s="1">
        <v>44928.291666666664</v>
      </c>
      <c r="E5499" s="1">
        <v>44928.407638888886</v>
      </c>
      <c r="F5499">
        <v>0</v>
      </c>
      <c r="G5499">
        <v>0</v>
      </c>
      <c r="H5499">
        <v>0</v>
      </c>
      <c r="I5499">
        <v>0</v>
      </c>
      <c r="J5499">
        <v>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0</v>
      </c>
      <c r="R5499">
        <v>0</v>
      </c>
      <c r="S5499">
        <v>0</v>
      </c>
      <c r="T5499">
        <v>0</v>
      </c>
      <c r="U5499">
        <v>0</v>
      </c>
      <c r="V5499">
        <v>0</v>
      </c>
      <c r="W5499">
        <v>1</v>
      </c>
      <c r="X5499">
        <v>0</v>
      </c>
      <c r="Y5499">
        <v>25</v>
      </c>
      <c r="Z5499">
        <v>18</v>
      </c>
      <c r="AA5499">
        <v>87</v>
      </c>
      <c r="AB5499">
        <v>25</v>
      </c>
      <c r="AC5499">
        <v>88</v>
      </c>
      <c r="AD5499">
        <v>16</v>
      </c>
      <c r="AE5499">
        <v>90</v>
      </c>
      <c r="AF5499">
        <v>0</v>
      </c>
      <c r="AG5499">
        <v>50000</v>
      </c>
      <c r="AH5499">
        <v>50000</v>
      </c>
      <c r="AI5499">
        <v>0</v>
      </c>
      <c r="AJ5499">
        <v>0</v>
      </c>
      <c r="AK5499" t="s">
        <v>6</v>
      </c>
      <c r="AL5499">
        <v>0</v>
      </c>
      <c r="AM5499">
        <v>0</v>
      </c>
      <c r="AN5499">
        <v>0</v>
      </c>
      <c r="AO5499">
        <v>0</v>
      </c>
      <c r="AP5499">
        <v>0</v>
      </c>
      <c r="AQ5499">
        <v>0</v>
      </c>
      <c r="AR5499">
        <v>0</v>
      </c>
      <c r="AS5499">
        <v>0</v>
      </c>
      <c r="AT5499">
        <v>0</v>
      </c>
      <c r="AU5499">
        <v>0</v>
      </c>
      <c r="AV5499">
        <v>0</v>
      </c>
      <c r="AW5499">
        <v>0</v>
      </c>
      <c r="AX5499">
        <v>0</v>
      </c>
      <c r="AY5499">
        <v>0</v>
      </c>
      <c r="AZ5499">
        <v>0</v>
      </c>
      <c r="BA5499">
        <v>0</v>
      </c>
    </row>
    <row r="5500" spans="1:53" x14ac:dyDescent="0.4">
      <c r="A5500">
        <v>5544</v>
      </c>
      <c r="B5500" s="1">
        <v>44928</v>
      </c>
      <c r="C5500">
        <v>2</v>
      </c>
      <c r="D5500" s="1">
        <v>44928.407638888886</v>
      </c>
      <c r="E5500" s="1">
        <v>44928.749305555553</v>
      </c>
      <c r="F5500">
        <v>38560</v>
      </c>
      <c r="G5500">
        <v>5082</v>
      </c>
      <c r="H5500">
        <v>0</v>
      </c>
      <c r="I5500">
        <v>0</v>
      </c>
      <c r="J5500">
        <v>0</v>
      </c>
      <c r="K5500">
        <v>0</v>
      </c>
      <c r="L5500">
        <v>0</v>
      </c>
      <c r="M5500">
        <v>3963</v>
      </c>
      <c r="N5500">
        <v>0</v>
      </c>
      <c r="O5500">
        <v>0</v>
      </c>
      <c r="P5500">
        <v>19940</v>
      </c>
      <c r="Q5500">
        <v>0</v>
      </c>
      <c r="R5500">
        <v>63582</v>
      </c>
      <c r="S5500">
        <v>0</v>
      </c>
      <c r="T5500">
        <v>0</v>
      </c>
      <c r="U5500">
        <v>0</v>
      </c>
      <c r="V5500">
        <v>5</v>
      </c>
      <c r="W5500">
        <v>2</v>
      </c>
      <c r="X5500">
        <v>0</v>
      </c>
      <c r="Y5500">
        <v>29</v>
      </c>
      <c r="Z5500">
        <v>28</v>
      </c>
      <c r="AA5500">
        <v>42</v>
      </c>
      <c r="AB5500">
        <v>20</v>
      </c>
      <c r="AC5500">
        <v>76</v>
      </c>
      <c r="AD5500">
        <v>13</v>
      </c>
      <c r="AE5500">
        <v>85</v>
      </c>
      <c r="AF5500">
        <v>4472</v>
      </c>
      <c r="AG5500">
        <v>113582</v>
      </c>
      <c r="AH5500">
        <v>50000</v>
      </c>
      <c r="AI5500">
        <v>0</v>
      </c>
      <c r="AJ5500">
        <v>103</v>
      </c>
      <c r="AK5500" t="s">
        <v>7</v>
      </c>
      <c r="AL5500">
        <v>0</v>
      </c>
      <c r="AM5500">
        <v>0</v>
      </c>
      <c r="AN5500">
        <v>0</v>
      </c>
      <c r="AO5500">
        <v>0</v>
      </c>
      <c r="AP5500">
        <v>0</v>
      </c>
      <c r="AQ5500">
        <v>0</v>
      </c>
      <c r="AR5500">
        <v>0</v>
      </c>
      <c r="AS5500">
        <v>0</v>
      </c>
      <c r="AT5500">
        <v>0</v>
      </c>
      <c r="AU5500">
        <v>0</v>
      </c>
      <c r="AV5500">
        <v>0</v>
      </c>
      <c r="AW5500">
        <v>0</v>
      </c>
      <c r="AX5500">
        <v>-1740</v>
      </c>
      <c r="AY5500">
        <v>35</v>
      </c>
      <c r="AZ5500">
        <v>85</v>
      </c>
      <c r="BA5500">
        <v>6094</v>
      </c>
    </row>
    <row r="5501" spans="1:53" x14ac:dyDescent="0.4">
      <c r="A5501">
        <v>5545</v>
      </c>
      <c r="B5501" s="1">
        <v>44928</v>
      </c>
      <c r="C5501">
        <v>3</v>
      </c>
      <c r="D5501" s="1">
        <v>44928.749305555553</v>
      </c>
      <c r="E5501" s="1">
        <v>44929.11041666667</v>
      </c>
      <c r="F5501">
        <v>109050</v>
      </c>
      <c r="G5501">
        <v>594</v>
      </c>
      <c r="H5501">
        <v>0</v>
      </c>
      <c r="I5501">
        <v>0</v>
      </c>
      <c r="J5501">
        <v>0</v>
      </c>
      <c r="K5501">
        <v>0</v>
      </c>
      <c r="L5501">
        <v>0</v>
      </c>
      <c r="M5501">
        <v>9964</v>
      </c>
      <c r="N5501">
        <v>0</v>
      </c>
      <c r="O5501">
        <v>0</v>
      </c>
      <c r="P5501">
        <v>44060</v>
      </c>
      <c r="Q5501">
        <v>0</v>
      </c>
      <c r="R5501">
        <v>153704</v>
      </c>
      <c r="S5501">
        <v>0</v>
      </c>
      <c r="T5501">
        <v>0</v>
      </c>
      <c r="U5501">
        <v>0</v>
      </c>
      <c r="V5501">
        <v>13</v>
      </c>
      <c r="W5501">
        <v>5</v>
      </c>
      <c r="X5501">
        <v>0</v>
      </c>
      <c r="Y5501">
        <v>64</v>
      </c>
      <c r="Z5501">
        <v>30</v>
      </c>
      <c r="AA5501">
        <v>57</v>
      </c>
      <c r="AB5501">
        <v>14</v>
      </c>
      <c r="AC5501">
        <v>73</v>
      </c>
      <c r="AD5501">
        <v>13</v>
      </c>
      <c r="AE5501">
        <v>89</v>
      </c>
      <c r="AF5501">
        <v>26002</v>
      </c>
      <c r="AG5501">
        <v>267286</v>
      </c>
      <c r="AH5501">
        <v>50000</v>
      </c>
      <c r="AI5501">
        <v>0</v>
      </c>
      <c r="AJ5501">
        <v>95</v>
      </c>
      <c r="AK5501" t="s">
        <v>21</v>
      </c>
      <c r="AL5501">
        <v>0</v>
      </c>
      <c r="AM5501">
        <v>0</v>
      </c>
      <c r="AN5501">
        <v>0</v>
      </c>
      <c r="AO5501">
        <v>0</v>
      </c>
      <c r="AP5501">
        <v>0</v>
      </c>
      <c r="AQ5501">
        <v>0</v>
      </c>
      <c r="AR5501">
        <v>0</v>
      </c>
      <c r="AS5501">
        <v>0</v>
      </c>
      <c r="AT5501">
        <v>0</v>
      </c>
      <c r="AU5501">
        <v>0</v>
      </c>
      <c r="AV5501">
        <v>0</v>
      </c>
      <c r="AW5501">
        <v>0</v>
      </c>
      <c r="AX5501">
        <v>3268</v>
      </c>
      <c r="AY5501">
        <v>29</v>
      </c>
      <c r="AZ5501">
        <v>80</v>
      </c>
      <c r="BA5501">
        <v>5048</v>
      </c>
    </row>
    <row r="5502" spans="1:53" x14ac:dyDescent="0.4">
      <c r="A5502">
        <v>5546</v>
      </c>
      <c r="B5502" s="1">
        <v>44929</v>
      </c>
      <c r="C5502">
        <v>1</v>
      </c>
      <c r="D5502" s="1">
        <v>44929.291666666664</v>
      </c>
      <c r="E5502" s="1">
        <v>44929.415972222225</v>
      </c>
      <c r="F5502">
        <v>0</v>
      </c>
      <c r="G5502">
        <v>0</v>
      </c>
      <c r="H5502">
        <v>0</v>
      </c>
      <c r="I5502">
        <v>0</v>
      </c>
      <c r="J5502">
        <v>0</v>
      </c>
      <c r="K5502">
        <v>0</v>
      </c>
      <c r="L5502">
        <v>0</v>
      </c>
      <c r="M5502">
        <v>0</v>
      </c>
      <c r="N5502">
        <v>0</v>
      </c>
      <c r="O5502">
        <v>0</v>
      </c>
      <c r="P5502">
        <v>1762</v>
      </c>
      <c r="Q5502">
        <v>0</v>
      </c>
      <c r="R5502">
        <v>1762</v>
      </c>
      <c r="S5502">
        <v>0</v>
      </c>
      <c r="T5502">
        <v>0</v>
      </c>
      <c r="U5502">
        <v>0</v>
      </c>
      <c r="V5502">
        <v>0</v>
      </c>
      <c r="W5502">
        <v>1</v>
      </c>
      <c r="X5502">
        <v>0</v>
      </c>
      <c r="Y5502">
        <v>29</v>
      </c>
      <c r="Z5502">
        <v>16</v>
      </c>
      <c r="AA5502">
        <v>79</v>
      </c>
      <c r="AB5502">
        <v>19</v>
      </c>
      <c r="AC5502">
        <v>77</v>
      </c>
      <c r="AD5502">
        <v>12</v>
      </c>
      <c r="AE5502">
        <v>82</v>
      </c>
      <c r="AF5502">
        <v>0</v>
      </c>
      <c r="AG5502">
        <v>51762</v>
      </c>
      <c r="AH5502">
        <v>50000</v>
      </c>
      <c r="AI5502">
        <v>0</v>
      </c>
      <c r="AJ5502">
        <v>103</v>
      </c>
      <c r="AK5502" t="s">
        <v>7</v>
      </c>
      <c r="AL5502">
        <v>0</v>
      </c>
      <c r="AM5502">
        <v>0</v>
      </c>
      <c r="AN5502">
        <v>0</v>
      </c>
      <c r="AO5502">
        <v>0</v>
      </c>
      <c r="AP5502">
        <v>0</v>
      </c>
      <c r="AQ5502">
        <v>0</v>
      </c>
      <c r="AR5502">
        <v>0</v>
      </c>
      <c r="AS5502">
        <v>0</v>
      </c>
      <c r="AT5502">
        <v>0</v>
      </c>
      <c r="AU5502">
        <v>0</v>
      </c>
      <c r="AV5502">
        <v>0</v>
      </c>
      <c r="AW5502">
        <v>0</v>
      </c>
      <c r="AX5502">
        <v>-1300</v>
      </c>
      <c r="AY5502">
        <v>1</v>
      </c>
      <c r="AZ5502">
        <v>2</v>
      </c>
      <c r="BA5502">
        <v>2</v>
      </c>
    </row>
    <row r="5503" spans="1:53" x14ac:dyDescent="0.4">
      <c r="A5503">
        <v>5547</v>
      </c>
      <c r="B5503" s="1">
        <v>44929</v>
      </c>
      <c r="C5503">
        <v>2</v>
      </c>
      <c r="D5503" s="1">
        <v>44929.415972222225</v>
      </c>
      <c r="E5503" s="1">
        <v>44929.75</v>
      </c>
      <c r="F5503">
        <v>54790</v>
      </c>
      <c r="G5503">
        <v>6094</v>
      </c>
      <c r="H5503">
        <v>0</v>
      </c>
      <c r="I5503">
        <v>0</v>
      </c>
      <c r="J5503">
        <v>0</v>
      </c>
      <c r="K5503">
        <v>0</v>
      </c>
      <c r="L5503">
        <v>0</v>
      </c>
      <c r="M5503">
        <v>5529</v>
      </c>
      <c r="N5503">
        <v>0</v>
      </c>
      <c r="O5503">
        <v>0</v>
      </c>
      <c r="P5503">
        <v>14178</v>
      </c>
      <c r="Q5503">
        <v>0</v>
      </c>
      <c r="R5503">
        <v>75062</v>
      </c>
      <c r="S5503">
        <v>0</v>
      </c>
      <c r="T5503">
        <v>0</v>
      </c>
      <c r="U5503">
        <v>0</v>
      </c>
      <c r="V5503">
        <v>2</v>
      </c>
      <c r="W5503">
        <v>4</v>
      </c>
      <c r="X5503">
        <v>0</v>
      </c>
      <c r="Y5503">
        <v>68</v>
      </c>
      <c r="Z5503">
        <v>21</v>
      </c>
      <c r="AA5503">
        <v>23</v>
      </c>
      <c r="AB5503">
        <v>16</v>
      </c>
      <c r="AC5503">
        <v>43</v>
      </c>
      <c r="AD5503">
        <v>12</v>
      </c>
      <c r="AE5503">
        <v>84</v>
      </c>
      <c r="AF5503">
        <v>4070</v>
      </c>
      <c r="AG5503">
        <v>126244</v>
      </c>
      <c r="AH5503">
        <v>50000</v>
      </c>
      <c r="AI5503">
        <v>-580</v>
      </c>
      <c r="AJ5503">
        <v>103</v>
      </c>
      <c r="AK5503" t="s">
        <v>7</v>
      </c>
      <c r="AL5503">
        <v>0</v>
      </c>
      <c r="AM5503">
        <v>0</v>
      </c>
      <c r="AN5503">
        <v>0</v>
      </c>
      <c r="AO5503">
        <v>0</v>
      </c>
      <c r="AP5503">
        <v>0</v>
      </c>
      <c r="AQ5503">
        <v>0</v>
      </c>
      <c r="AR5503">
        <v>0</v>
      </c>
      <c r="AS5503">
        <v>0</v>
      </c>
      <c r="AT5503">
        <v>0</v>
      </c>
      <c r="AU5503">
        <v>0</v>
      </c>
      <c r="AV5503">
        <v>0</v>
      </c>
      <c r="AW5503">
        <v>0</v>
      </c>
      <c r="AX5503">
        <v>-140</v>
      </c>
      <c r="AY5503">
        <v>41</v>
      </c>
      <c r="AZ5503">
        <v>99</v>
      </c>
      <c r="BA5503">
        <v>6958</v>
      </c>
    </row>
    <row r="5504" spans="1:53" x14ac:dyDescent="0.4">
      <c r="A5504">
        <v>5548</v>
      </c>
      <c r="B5504" s="1">
        <v>44929</v>
      </c>
      <c r="C5504">
        <v>3</v>
      </c>
      <c r="D5504" s="1">
        <v>44929.75</v>
      </c>
      <c r="E5504" s="1">
        <v>44929.99722222222</v>
      </c>
      <c r="F5504">
        <v>113492</v>
      </c>
      <c r="G5504">
        <v>4407</v>
      </c>
      <c r="H5504">
        <v>0</v>
      </c>
      <c r="I5504">
        <v>0</v>
      </c>
      <c r="J5504">
        <v>0</v>
      </c>
      <c r="K5504">
        <v>3480</v>
      </c>
      <c r="L5504">
        <v>0</v>
      </c>
      <c r="M5504">
        <v>11033</v>
      </c>
      <c r="N5504">
        <v>0</v>
      </c>
      <c r="O5504">
        <v>0</v>
      </c>
      <c r="P5504">
        <v>4260</v>
      </c>
      <c r="Q5504">
        <v>0</v>
      </c>
      <c r="R5504">
        <v>125639</v>
      </c>
      <c r="S5504">
        <v>0</v>
      </c>
      <c r="T5504">
        <v>0</v>
      </c>
      <c r="U5504">
        <v>0</v>
      </c>
      <c r="V5504">
        <v>6</v>
      </c>
      <c r="W5504">
        <v>5</v>
      </c>
      <c r="X5504">
        <v>0</v>
      </c>
      <c r="Y5504">
        <v>84</v>
      </c>
      <c r="Z5504">
        <v>20</v>
      </c>
      <c r="AA5504">
        <v>37</v>
      </c>
      <c r="AB5504">
        <v>28</v>
      </c>
      <c r="AC5504">
        <v>52</v>
      </c>
      <c r="AD5504">
        <v>20</v>
      </c>
      <c r="AE5504">
        <v>94</v>
      </c>
      <c r="AF5504">
        <v>67649</v>
      </c>
      <c r="AG5504">
        <v>252463</v>
      </c>
      <c r="AH5504">
        <v>50000</v>
      </c>
      <c r="AI5504">
        <v>0</v>
      </c>
      <c r="AJ5504">
        <v>108</v>
      </c>
      <c r="AK5504" t="s">
        <v>3</v>
      </c>
      <c r="AL5504">
        <v>0</v>
      </c>
      <c r="AM5504">
        <v>0</v>
      </c>
      <c r="AN5504">
        <v>0</v>
      </c>
      <c r="AO5504">
        <v>0</v>
      </c>
      <c r="AP5504">
        <v>0</v>
      </c>
      <c r="AQ5504">
        <v>0</v>
      </c>
      <c r="AR5504">
        <v>0</v>
      </c>
      <c r="AS5504">
        <v>0</v>
      </c>
      <c r="AT5504">
        <v>0</v>
      </c>
      <c r="AU5504">
        <v>0</v>
      </c>
      <c r="AV5504">
        <v>0</v>
      </c>
      <c r="AW5504">
        <v>0</v>
      </c>
      <c r="AX5504">
        <v>-2768</v>
      </c>
      <c r="AY5504">
        <v>27</v>
      </c>
      <c r="AZ5504">
        <v>63</v>
      </c>
      <c r="BA5504">
        <v>3899</v>
      </c>
    </row>
    <row r="5505" spans="1:53" x14ac:dyDescent="0.4">
      <c r="A5505">
        <v>5549</v>
      </c>
      <c r="B5505" s="1">
        <v>44930</v>
      </c>
      <c r="C5505">
        <v>1</v>
      </c>
      <c r="D5505" s="1">
        <v>44930.291666666664</v>
      </c>
      <c r="E5505" s="1">
        <v>44930.406944444447</v>
      </c>
      <c r="F5505">
        <v>0</v>
      </c>
      <c r="G5505">
        <v>0</v>
      </c>
      <c r="H5505">
        <v>0</v>
      </c>
      <c r="I5505">
        <v>0</v>
      </c>
      <c r="J5505">
        <v>0</v>
      </c>
      <c r="K5505">
        <v>0</v>
      </c>
      <c r="L5505">
        <v>0</v>
      </c>
      <c r="M5505">
        <v>0</v>
      </c>
      <c r="N5505">
        <v>0</v>
      </c>
      <c r="O5505">
        <v>0</v>
      </c>
      <c r="P5505">
        <v>0</v>
      </c>
      <c r="Q5505">
        <v>0</v>
      </c>
      <c r="R5505">
        <v>0</v>
      </c>
      <c r="S5505">
        <v>0</v>
      </c>
      <c r="T5505">
        <v>0</v>
      </c>
      <c r="U5505">
        <v>0</v>
      </c>
      <c r="V5505">
        <v>0</v>
      </c>
      <c r="W5505">
        <v>1</v>
      </c>
      <c r="X5505">
        <v>0</v>
      </c>
      <c r="Y5505">
        <v>30</v>
      </c>
      <c r="Z5505">
        <v>19</v>
      </c>
      <c r="AA5505">
        <v>36</v>
      </c>
      <c r="AB5505">
        <v>26</v>
      </c>
      <c r="AC5505">
        <v>43</v>
      </c>
      <c r="AD5505">
        <v>21</v>
      </c>
      <c r="AE5505">
        <v>65</v>
      </c>
      <c r="AF5505">
        <v>0</v>
      </c>
      <c r="AG5505">
        <v>50000</v>
      </c>
      <c r="AH5505">
        <v>50000</v>
      </c>
      <c r="AI5505">
        <v>0</v>
      </c>
      <c r="AJ5505">
        <v>0</v>
      </c>
      <c r="AK5505" t="s">
        <v>6</v>
      </c>
      <c r="AL5505">
        <v>0</v>
      </c>
      <c r="AM5505">
        <v>0</v>
      </c>
      <c r="AN5505">
        <v>0</v>
      </c>
      <c r="AO5505">
        <v>0</v>
      </c>
      <c r="AP5505">
        <v>0</v>
      </c>
      <c r="AQ5505">
        <v>0</v>
      </c>
      <c r="AR5505">
        <v>0</v>
      </c>
      <c r="AS5505">
        <v>0</v>
      </c>
      <c r="AT5505">
        <v>0</v>
      </c>
      <c r="AU5505">
        <v>0</v>
      </c>
      <c r="AV5505">
        <v>0</v>
      </c>
      <c r="AW5505">
        <v>0</v>
      </c>
      <c r="AX5505">
        <v>0</v>
      </c>
      <c r="AY5505">
        <v>0</v>
      </c>
      <c r="AZ5505">
        <v>0</v>
      </c>
      <c r="BA5505">
        <v>0</v>
      </c>
    </row>
    <row r="5506" spans="1:53" x14ac:dyDescent="0.4">
      <c r="A5506">
        <v>5550</v>
      </c>
      <c r="B5506" s="1">
        <v>44930</v>
      </c>
      <c r="C5506">
        <v>2</v>
      </c>
      <c r="D5506" s="1">
        <v>44930.406944444447</v>
      </c>
      <c r="E5506" s="1">
        <v>44930.745138888888</v>
      </c>
      <c r="F5506">
        <v>54300</v>
      </c>
      <c r="G5506">
        <v>3432</v>
      </c>
      <c r="H5506">
        <v>0</v>
      </c>
      <c r="I5506">
        <v>0</v>
      </c>
      <c r="J5506">
        <v>100</v>
      </c>
      <c r="K5506">
        <v>0</v>
      </c>
      <c r="L5506">
        <v>0</v>
      </c>
      <c r="M5506">
        <v>5235</v>
      </c>
      <c r="N5506">
        <v>0</v>
      </c>
      <c r="O5506">
        <v>0</v>
      </c>
      <c r="P5506">
        <v>21930</v>
      </c>
      <c r="Q5506">
        <v>0</v>
      </c>
      <c r="R5506">
        <v>79562</v>
      </c>
      <c r="S5506">
        <v>0</v>
      </c>
      <c r="T5506">
        <v>0</v>
      </c>
      <c r="U5506">
        <v>0</v>
      </c>
      <c r="V5506">
        <v>5</v>
      </c>
      <c r="W5506">
        <v>1</v>
      </c>
      <c r="X5506">
        <v>0</v>
      </c>
      <c r="Y5506">
        <v>48</v>
      </c>
      <c r="Z5506">
        <v>35</v>
      </c>
      <c r="AA5506">
        <v>19</v>
      </c>
      <c r="AB5506">
        <v>31</v>
      </c>
      <c r="AC5506">
        <v>47</v>
      </c>
      <c r="AD5506">
        <v>20</v>
      </c>
      <c r="AE5506">
        <v>72</v>
      </c>
      <c r="AF5506">
        <v>4920</v>
      </c>
      <c r="AG5506">
        <v>129512</v>
      </c>
      <c r="AH5506">
        <v>50000</v>
      </c>
      <c r="AI5506">
        <v>-50</v>
      </c>
      <c r="AJ5506">
        <v>36</v>
      </c>
      <c r="AL5506">
        <v>0</v>
      </c>
      <c r="AM5506">
        <v>0</v>
      </c>
      <c r="AN5506">
        <v>0</v>
      </c>
      <c r="AO5506">
        <v>0</v>
      </c>
      <c r="AP5506">
        <v>0</v>
      </c>
      <c r="AQ5506">
        <v>0</v>
      </c>
      <c r="AR5506">
        <v>0</v>
      </c>
      <c r="AS5506">
        <v>0</v>
      </c>
      <c r="AT5506">
        <v>0</v>
      </c>
      <c r="AU5506">
        <v>0</v>
      </c>
      <c r="AV5506">
        <v>0</v>
      </c>
      <c r="AW5506">
        <v>0</v>
      </c>
      <c r="AX5506">
        <v>-2012</v>
      </c>
      <c r="AY5506">
        <v>54</v>
      </c>
      <c r="AZ5506">
        <v>115</v>
      </c>
      <c r="BA5506">
        <v>8143</v>
      </c>
    </row>
    <row r="5507" spans="1:53" x14ac:dyDescent="0.4">
      <c r="A5507">
        <v>5551</v>
      </c>
      <c r="B5507" s="1">
        <v>44930</v>
      </c>
      <c r="C5507">
        <v>3</v>
      </c>
      <c r="D5507" s="1">
        <v>44930.745138888888</v>
      </c>
      <c r="E5507" s="1">
        <v>44931.104166666664</v>
      </c>
      <c r="F5507">
        <v>154870</v>
      </c>
      <c r="G5507">
        <v>8624</v>
      </c>
      <c r="H5507">
        <v>0</v>
      </c>
      <c r="I5507">
        <v>0</v>
      </c>
      <c r="J5507">
        <v>0</v>
      </c>
      <c r="K5507">
        <v>0</v>
      </c>
      <c r="L5507">
        <v>0</v>
      </c>
      <c r="M5507">
        <v>14859</v>
      </c>
      <c r="N5507">
        <v>0</v>
      </c>
      <c r="O5507">
        <v>0</v>
      </c>
      <c r="P5507">
        <v>-14980</v>
      </c>
      <c r="Q5507">
        <v>0</v>
      </c>
      <c r="R5507">
        <v>148514</v>
      </c>
      <c r="S5507">
        <v>0</v>
      </c>
      <c r="T5507">
        <v>0</v>
      </c>
      <c r="U5507">
        <v>0</v>
      </c>
      <c r="V5507">
        <v>16</v>
      </c>
      <c r="W5507">
        <v>2</v>
      </c>
      <c r="X5507">
        <v>0</v>
      </c>
      <c r="Y5507">
        <v>49</v>
      </c>
      <c r="Z5507">
        <v>32</v>
      </c>
      <c r="AA5507">
        <v>31</v>
      </c>
      <c r="AB5507">
        <v>29</v>
      </c>
      <c r="AC5507">
        <v>55</v>
      </c>
      <c r="AD5507">
        <v>24</v>
      </c>
      <c r="AE5507">
        <v>69</v>
      </c>
      <c r="AF5507">
        <v>37737</v>
      </c>
      <c r="AG5507">
        <v>278026</v>
      </c>
      <c r="AH5507">
        <v>50000</v>
      </c>
      <c r="AI5507">
        <v>-50</v>
      </c>
      <c r="AJ5507">
        <v>110</v>
      </c>
      <c r="AL5507">
        <v>0</v>
      </c>
      <c r="AM5507">
        <v>0</v>
      </c>
      <c r="AN5507">
        <v>0</v>
      </c>
      <c r="AO5507">
        <v>0</v>
      </c>
      <c r="AP5507">
        <v>0</v>
      </c>
      <c r="AQ5507">
        <v>0</v>
      </c>
      <c r="AR5507">
        <v>0</v>
      </c>
      <c r="AS5507">
        <v>0</v>
      </c>
      <c r="AT5507">
        <v>0</v>
      </c>
      <c r="AU5507">
        <v>0</v>
      </c>
      <c r="AV5507">
        <v>0</v>
      </c>
      <c r="AW5507">
        <v>0</v>
      </c>
      <c r="AX5507">
        <v>8268</v>
      </c>
      <c r="AY5507">
        <v>27</v>
      </c>
      <c r="AZ5507">
        <v>72</v>
      </c>
      <c r="BA5507">
        <v>4582</v>
      </c>
    </row>
    <row r="5508" spans="1:53" x14ac:dyDescent="0.4">
      <c r="A5508">
        <v>5552</v>
      </c>
      <c r="B5508" s="1">
        <v>44931</v>
      </c>
      <c r="C5508">
        <v>1</v>
      </c>
      <c r="D5508" s="1">
        <v>44931.291666666664</v>
      </c>
      <c r="E5508" s="1">
        <v>44931.410416666666</v>
      </c>
      <c r="F5508">
        <v>0</v>
      </c>
      <c r="G5508">
        <v>0</v>
      </c>
      <c r="H5508">
        <v>0</v>
      </c>
      <c r="I5508">
        <v>0</v>
      </c>
      <c r="J5508">
        <v>0</v>
      </c>
      <c r="K5508">
        <v>0</v>
      </c>
      <c r="L5508">
        <v>0</v>
      </c>
      <c r="M5508">
        <v>0</v>
      </c>
      <c r="N5508">
        <v>0</v>
      </c>
      <c r="O5508">
        <v>0</v>
      </c>
      <c r="P5508">
        <v>0</v>
      </c>
      <c r="Q5508">
        <v>0</v>
      </c>
      <c r="R5508">
        <v>0</v>
      </c>
      <c r="S5508">
        <v>0</v>
      </c>
      <c r="T5508">
        <v>0</v>
      </c>
      <c r="U5508">
        <v>0</v>
      </c>
      <c r="V5508">
        <v>0</v>
      </c>
      <c r="W5508">
        <v>1</v>
      </c>
      <c r="X5508">
        <v>0</v>
      </c>
      <c r="Y5508">
        <v>30</v>
      </c>
      <c r="Z5508">
        <v>19</v>
      </c>
      <c r="AA5508">
        <v>34</v>
      </c>
      <c r="AB5508">
        <v>27</v>
      </c>
      <c r="AC5508">
        <v>57</v>
      </c>
      <c r="AD5508">
        <v>23</v>
      </c>
      <c r="AE5508">
        <v>65</v>
      </c>
      <c r="AF5508">
        <v>0</v>
      </c>
      <c r="AG5508">
        <v>50000</v>
      </c>
      <c r="AH5508">
        <v>50000</v>
      </c>
      <c r="AI5508">
        <v>0</v>
      </c>
      <c r="AJ5508">
        <v>0</v>
      </c>
      <c r="AK5508" t="s">
        <v>6</v>
      </c>
      <c r="AL5508">
        <v>0</v>
      </c>
      <c r="AM5508">
        <v>0</v>
      </c>
      <c r="AN5508">
        <v>0</v>
      </c>
      <c r="AO5508">
        <v>0</v>
      </c>
      <c r="AP5508">
        <v>0</v>
      </c>
      <c r="AQ5508">
        <v>0</v>
      </c>
      <c r="AR5508">
        <v>0</v>
      </c>
      <c r="AS5508">
        <v>0</v>
      </c>
      <c r="AT5508">
        <v>0</v>
      </c>
      <c r="AU5508">
        <v>0</v>
      </c>
      <c r="AV5508">
        <v>0</v>
      </c>
      <c r="AW5508">
        <v>0</v>
      </c>
      <c r="AX5508">
        <v>0</v>
      </c>
      <c r="AY5508">
        <v>0</v>
      </c>
      <c r="AZ5508">
        <v>0</v>
      </c>
      <c r="BA5508">
        <v>0</v>
      </c>
    </row>
    <row r="5509" spans="1:53" x14ac:dyDescent="0.4">
      <c r="A5509">
        <v>5553</v>
      </c>
      <c r="B5509" s="1">
        <v>44931</v>
      </c>
      <c r="C5509">
        <v>2</v>
      </c>
      <c r="D5509" s="1">
        <v>44931.410416666666</v>
      </c>
      <c r="E5509" s="1">
        <v>44931.747916666667</v>
      </c>
      <c r="F5509">
        <v>39770</v>
      </c>
      <c r="G5509">
        <v>3300</v>
      </c>
      <c r="H5509">
        <v>0</v>
      </c>
      <c r="I5509">
        <v>0</v>
      </c>
      <c r="J5509">
        <v>200</v>
      </c>
      <c r="K5509">
        <v>0</v>
      </c>
      <c r="L5509">
        <v>0</v>
      </c>
      <c r="M5509">
        <v>3894</v>
      </c>
      <c r="N5509">
        <v>0</v>
      </c>
      <c r="O5509">
        <v>0</v>
      </c>
      <c r="P5509">
        <v>28760</v>
      </c>
      <c r="Q5509">
        <v>0</v>
      </c>
      <c r="R5509">
        <v>71630</v>
      </c>
      <c r="S5509">
        <v>0</v>
      </c>
      <c r="T5509">
        <v>0</v>
      </c>
      <c r="U5509">
        <v>0</v>
      </c>
      <c r="V5509">
        <v>2</v>
      </c>
      <c r="W5509">
        <v>6</v>
      </c>
      <c r="X5509">
        <v>0</v>
      </c>
      <c r="Y5509">
        <v>36</v>
      </c>
      <c r="Z5509">
        <v>32</v>
      </c>
      <c r="AA5509">
        <v>116</v>
      </c>
      <c r="AB5509">
        <v>34</v>
      </c>
      <c r="AC5509">
        <v>143</v>
      </c>
      <c r="AD5509">
        <v>24</v>
      </c>
      <c r="AE5509">
        <v>80</v>
      </c>
      <c r="AF5509">
        <v>4700</v>
      </c>
      <c r="AG5509">
        <v>121630</v>
      </c>
      <c r="AH5509">
        <v>50000</v>
      </c>
      <c r="AI5509">
        <v>0</v>
      </c>
      <c r="AJ5509">
        <v>35</v>
      </c>
      <c r="AL5509">
        <v>0</v>
      </c>
      <c r="AM5509">
        <v>0</v>
      </c>
      <c r="AN5509">
        <v>0</v>
      </c>
      <c r="AO5509">
        <v>0</v>
      </c>
      <c r="AP5509">
        <v>0</v>
      </c>
      <c r="AQ5509">
        <v>0</v>
      </c>
      <c r="AR5509">
        <v>0</v>
      </c>
      <c r="AS5509">
        <v>0</v>
      </c>
      <c r="AT5509">
        <v>0</v>
      </c>
      <c r="AU5509">
        <v>0</v>
      </c>
      <c r="AV5509">
        <v>0</v>
      </c>
      <c r="AW5509">
        <v>0</v>
      </c>
      <c r="AX5509">
        <v>-1300</v>
      </c>
      <c r="AY5509">
        <v>48</v>
      </c>
      <c r="AZ5509">
        <v>101</v>
      </c>
      <c r="BA5509">
        <v>7349</v>
      </c>
    </row>
    <row r="5510" spans="1:53" x14ac:dyDescent="0.4">
      <c r="A5510">
        <v>5554</v>
      </c>
      <c r="B5510" s="1">
        <v>44932</v>
      </c>
      <c r="C5510">
        <v>1</v>
      </c>
      <c r="D5510" s="1">
        <v>44932.291666666664</v>
      </c>
      <c r="E5510" s="1">
        <v>44932.408333333333</v>
      </c>
      <c r="F5510">
        <v>0</v>
      </c>
      <c r="G5510">
        <v>0</v>
      </c>
      <c r="H5510">
        <v>0</v>
      </c>
      <c r="I5510">
        <v>0</v>
      </c>
      <c r="J5510">
        <v>0</v>
      </c>
      <c r="K5510">
        <v>0</v>
      </c>
      <c r="L5510">
        <v>0</v>
      </c>
      <c r="M5510">
        <v>0</v>
      </c>
      <c r="N5510">
        <v>0</v>
      </c>
      <c r="O5510">
        <v>0</v>
      </c>
      <c r="P5510">
        <v>0</v>
      </c>
      <c r="Q5510">
        <v>0</v>
      </c>
      <c r="R5510">
        <v>0</v>
      </c>
      <c r="S5510">
        <v>0</v>
      </c>
      <c r="T5510">
        <v>0</v>
      </c>
      <c r="U5510">
        <v>0</v>
      </c>
      <c r="V5510">
        <v>0</v>
      </c>
      <c r="W5510">
        <v>1</v>
      </c>
      <c r="X5510">
        <v>0</v>
      </c>
      <c r="Y5510">
        <v>25</v>
      </c>
      <c r="Z5510">
        <v>12</v>
      </c>
      <c r="AA5510">
        <v>113</v>
      </c>
      <c r="AB5510">
        <v>29</v>
      </c>
      <c r="AC5510">
        <v>106</v>
      </c>
      <c r="AD5510">
        <v>23</v>
      </c>
      <c r="AE5510">
        <v>75</v>
      </c>
      <c r="AF5510">
        <v>0</v>
      </c>
      <c r="AG5510">
        <v>50000</v>
      </c>
      <c r="AH5510">
        <v>50000</v>
      </c>
      <c r="AI5510">
        <v>0</v>
      </c>
      <c r="AJ5510">
        <v>0</v>
      </c>
      <c r="AK5510" t="s">
        <v>6</v>
      </c>
      <c r="AL5510">
        <v>0</v>
      </c>
      <c r="AM5510">
        <v>0</v>
      </c>
      <c r="AN5510">
        <v>0</v>
      </c>
      <c r="AO5510">
        <v>0</v>
      </c>
      <c r="AP5510">
        <v>0</v>
      </c>
      <c r="AQ5510">
        <v>0</v>
      </c>
      <c r="AR5510">
        <v>0</v>
      </c>
      <c r="AS5510">
        <v>0</v>
      </c>
      <c r="AT5510">
        <v>0</v>
      </c>
      <c r="AU5510">
        <v>0</v>
      </c>
      <c r="AV5510">
        <v>0</v>
      </c>
      <c r="AW5510">
        <v>0</v>
      </c>
      <c r="AX5510">
        <v>0</v>
      </c>
      <c r="AY5510">
        <v>0</v>
      </c>
      <c r="AZ5510">
        <v>0</v>
      </c>
      <c r="BA5510">
        <v>0</v>
      </c>
    </row>
    <row r="5511" spans="1:53" x14ac:dyDescent="0.4">
      <c r="A5511">
        <v>5555</v>
      </c>
      <c r="B5511" s="1">
        <v>44932</v>
      </c>
      <c r="C5511">
        <v>2</v>
      </c>
      <c r="D5511" s="1">
        <v>44932.408333333333</v>
      </c>
      <c r="E5511" s="1">
        <v>44932.747916666667</v>
      </c>
      <c r="F5511">
        <v>33910</v>
      </c>
      <c r="G5511">
        <v>1364</v>
      </c>
      <c r="H5511">
        <v>0</v>
      </c>
      <c r="I5511">
        <v>0</v>
      </c>
      <c r="J5511">
        <v>400</v>
      </c>
      <c r="K5511">
        <v>0</v>
      </c>
      <c r="L5511">
        <v>0</v>
      </c>
      <c r="M5511">
        <v>3169</v>
      </c>
      <c r="N5511">
        <v>0</v>
      </c>
      <c r="O5511">
        <v>0</v>
      </c>
      <c r="P5511">
        <v>25795</v>
      </c>
      <c r="Q5511">
        <v>0</v>
      </c>
      <c r="R5511">
        <v>60669</v>
      </c>
      <c r="S5511">
        <v>0</v>
      </c>
      <c r="T5511">
        <v>0</v>
      </c>
      <c r="U5511">
        <v>0</v>
      </c>
      <c r="V5511">
        <v>2</v>
      </c>
      <c r="W5511">
        <v>3</v>
      </c>
      <c r="X5511">
        <v>0</v>
      </c>
      <c r="Y5511">
        <v>46</v>
      </c>
      <c r="Z5511">
        <v>26</v>
      </c>
      <c r="AA5511">
        <v>104</v>
      </c>
      <c r="AB5511">
        <v>32</v>
      </c>
      <c r="AC5511">
        <v>90</v>
      </c>
      <c r="AD5511">
        <v>23</v>
      </c>
      <c r="AE5511">
        <v>79</v>
      </c>
      <c r="AF5511">
        <v>3575</v>
      </c>
      <c r="AG5511">
        <v>110669</v>
      </c>
      <c r="AH5511">
        <v>50000</v>
      </c>
      <c r="AI5511">
        <v>0</v>
      </c>
      <c r="AJ5511">
        <v>118</v>
      </c>
      <c r="AK5511" t="s">
        <v>59</v>
      </c>
      <c r="AL5511">
        <v>0</v>
      </c>
      <c r="AM5511">
        <v>0</v>
      </c>
      <c r="AN5511">
        <v>0</v>
      </c>
      <c r="AO5511">
        <v>0</v>
      </c>
      <c r="AP5511">
        <v>0</v>
      </c>
      <c r="AQ5511">
        <v>0</v>
      </c>
      <c r="AR5511">
        <v>0</v>
      </c>
      <c r="AS5511">
        <v>0</v>
      </c>
      <c r="AT5511">
        <v>0</v>
      </c>
      <c r="AU5511">
        <v>0</v>
      </c>
      <c r="AV5511">
        <v>0</v>
      </c>
      <c r="AW5511">
        <v>0</v>
      </c>
      <c r="AX5511">
        <v>0</v>
      </c>
      <c r="AY5511">
        <v>44</v>
      </c>
      <c r="AZ5511">
        <v>87</v>
      </c>
      <c r="BA5511">
        <v>6925</v>
      </c>
    </row>
    <row r="5512" spans="1:53" x14ac:dyDescent="0.4">
      <c r="A5512">
        <v>5556</v>
      </c>
      <c r="B5512" s="1">
        <v>44932</v>
      </c>
      <c r="C5512">
        <v>3</v>
      </c>
      <c r="D5512" s="1">
        <v>44932.747916666667</v>
      </c>
      <c r="E5512" s="1">
        <v>44932.959722222222</v>
      </c>
      <c r="F5512">
        <v>78475</v>
      </c>
      <c r="G5512">
        <v>0</v>
      </c>
      <c r="H5512">
        <v>0</v>
      </c>
      <c r="I5512">
        <v>0</v>
      </c>
      <c r="J5512">
        <v>100</v>
      </c>
      <c r="K5512">
        <v>2800</v>
      </c>
      <c r="L5512">
        <v>0</v>
      </c>
      <c r="M5512">
        <v>7378</v>
      </c>
      <c r="N5512">
        <v>0</v>
      </c>
      <c r="O5512">
        <v>0</v>
      </c>
      <c r="P5512">
        <v>-15915</v>
      </c>
      <c r="Q5512">
        <v>0</v>
      </c>
      <c r="R5512">
        <v>65260</v>
      </c>
      <c r="S5512">
        <v>0</v>
      </c>
      <c r="T5512">
        <v>0</v>
      </c>
      <c r="U5512">
        <v>0</v>
      </c>
      <c r="V5512">
        <v>4</v>
      </c>
      <c r="W5512">
        <v>7</v>
      </c>
      <c r="X5512">
        <v>0</v>
      </c>
      <c r="Y5512">
        <v>65</v>
      </c>
      <c r="Z5512">
        <v>27</v>
      </c>
      <c r="AA5512">
        <v>103</v>
      </c>
      <c r="AB5512">
        <v>33</v>
      </c>
      <c r="AC5512">
        <v>97</v>
      </c>
      <c r="AD5512">
        <v>23</v>
      </c>
      <c r="AE5512">
        <v>79</v>
      </c>
      <c r="AF5512">
        <v>9315</v>
      </c>
      <c r="AG5512">
        <v>175929</v>
      </c>
      <c r="AH5512">
        <v>50000</v>
      </c>
      <c r="AI5512">
        <v>0</v>
      </c>
      <c r="AJ5512">
        <v>108</v>
      </c>
      <c r="AK5512" t="s">
        <v>3</v>
      </c>
      <c r="AL5512">
        <v>0</v>
      </c>
      <c r="AM5512">
        <v>0</v>
      </c>
      <c r="AN5512">
        <v>0</v>
      </c>
      <c r="AO5512">
        <v>0</v>
      </c>
      <c r="AP5512">
        <v>0</v>
      </c>
      <c r="AQ5512">
        <v>0</v>
      </c>
      <c r="AR5512">
        <v>0</v>
      </c>
      <c r="AS5512">
        <v>0</v>
      </c>
      <c r="AT5512">
        <v>0</v>
      </c>
      <c r="AU5512">
        <v>0</v>
      </c>
      <c r="AV5512">
        <v>0</v>
      </c>
      <c r="AW5512">
        <v>0</v>
      </c>
      <c r="AX5512">
        <v>31900</v>
      </c>
      <c r="AY5512">
        <v>19</v>
      </c>
      <c r="AZ5512">
        <v>49</v>
      </c>
      <c r="BA5512">
        <v>3401</v>
      </c>
    </row>
    <row r="5513" spans="1:53" x14ac:dyDescent="0.4">
      <c r="A5513">
        <v>5557</v>
      </c>
      <c r="B5513" s="1">
        <v>44933</v>
      </c>
      <c r="C5513">
        <v>1</v>
      </c>
      <c r="D5513" s="1">
        <v>44933.291666666664</v>
      </c>
      <c r="E5513" s="1">
        <v>44933.413888888892</v>
      </c>
      <c r="F5513">
        <v>0</v>
      </c>
      <c r="G5513">
        <v>0</v>
      </c>
      <c r="H5513">
        <v>0</v>
      </c>
      <c r="I5513">
        <v>0</v>
      </c>
      <c r="J5513">
        <v>0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0</v>
      </c>
      <c r="R5513">
        <v>0</v>
      </c>
      <c r="S5513">
        <v>0</v>
      </c>
      <c r="T5513">
        <v>0</v>
      </c>
      <c r="U5513">
        <v>0</v>
      </c>
      <c r="V5513">
        <v>0</v>
      </c>
      <c r="W5513">
        <v>1</v>
      </c>
      <c r="X5513">
        <v>0</v>
      </c>
      <c r="Y5513">
        <v>25</v>
      </c>
      <c r="Z5513">
        <v>15</v>
      </c>
      <c r="AA5513">
        <v>99</v>
      </c>
      <c r="AB5513">
        <v>30</v>
      </c>
      <c r="AC5513">
        <v>91</v>
      </c>
      <c r="AD5513">
        <v>23</v>
      </c>
      <c r="AE5513">
        <v>75</v>
      </c>
      <c r="AF5513">
        <v>0</v>
      </c>
      <c r="AG5513">
        <v>50000</v>
      </c>
      <c r="AH5513">
        <v>50000</v>
      </c>
      <c r="AI5513">
        <v>0</v>
      </c>
      <c r="AJ5513">
        <v>0</v>
      </c>
      <c r="AK5513" t="s">
        <v>6</v>
      </c>
      <c r="AL5513">
        <v>0</v>
      </c>
      <c r="AM5513">
        <v>0</v>
      </c>
      <c r="AN5513">
        <v>0</v>
      </c>
      <c r="AO5513">
        <v>0</v>
      </c>
      <c r="AP5513">
        <v>0</v>
      </c>
      <c r="AQ5513">
        <v>0</v>
      </c>
      <c r="AR5513">
        <v>0</v>
      </c>
      <c r="AS5513">
        <v>0</v>
      </c>
      <c r="AT5513">
        <v>0</v>
      </c>
      <c r="AU5513">
        <v>0</v>
      </c>
      <c r="AV5513">
        <v>0</v>
      </c>
      <c r="AW5513">
        <v>0</v>
      </c>
      <c r="AX5513">
        <v>0</v>
      </c>
      <c r="AY5513">
        <v>0</v>
      </c>
      <c r="AZ5513">
        <v>0</v>
      </c>
      <c r="BA5513">
        <v>0</v>
      </c>
    </row>
    <row r="5514" spans="1:53" x14ac:dyDescent="0.4">
      <c r="A5514">
        <v>5558</v>
      </c>
      <c r="B5514" s="1">
        <v>44933</v>
      </c>
      <c r="C5514">
        <v>2</v>
      </c>
      <c r="D5514" s="1">
        <v>44933.413888888892</v>
      </c>
      <c r="E5514" s="1">
        <v>44933.740972222222</v>
      </c>
      <c r="F5514">
        <v>42440</v>
      </c>
      <c r="G5514">
        <v>1518</v>
      </c>
      <c r="H5514">
        <v>0</v>
      </c>
      <c r="I5514">
        <v>0</v>
      </c>
      <c r="J5514">
        <v>0</v>
      </c>
      <c r="K5514">
        <v>0</v>
      </c>
      <c r="L5514">
        <v>0</v>
      </c>
      <c r="M5514">
        <v>3990</v>
      </c>
      <c r="N5514">
        <v>0</v>
      </c>
      <c r="O5514">
        <v>0</v>
      </c>
      <c r="P5514">
        <v>22600</v>
      </c>
      <c r="Q5514">
        <v>0</v>
      </c>
      <c r="R5514">
        <v>66558</v>
      </c>
      <c r="S5514">
        <v>0</v>
      </c>
      <c r="T5514">
        <v>0</v>
      </c>
      <c r="U5514">
        <v>0</v>
      </c>
      <c r="V5514">
        <v>1</v>
      </c>
      <c r="W5514">
        <v>0</v>
      </c>
      <c r="X5514">
        <v>0</v>
      </c>
      <c r="Y5514">
        <v>57</v>
      </c>
      <c r="Z5514">
        <v>28</v>
      </c>
      <c r="AA5514">
        <v>105</v>
      </c>
      <c r="AB5514">
        <v>42</v>
      </c>
      <c r="AC5514">
        <v>114</v>
      </c>
      <c r="AD5514">
        <v>22</v>
      </c>
      <c r="AE5514">
        <v>76</v>
      </c>
      <c r="AF5514">
        <v>21632</v>
      </c>
      <c r="AG5514">
        <v>116558</v>
      </c>
      <c r="AH5514">
        <v>50000</v>
      </c>
      <c r="AI5514">
        <v>0</v>
      </c>
      <c r="AJ5514">
        <v>36</v>
      </c>
      <c r="AL5514">
        <v>0</v>
      </c>
      <c r="AM5514">
        <v>0</v>
      </c>
      <c r="AN5514">
        <v>0</v>
      </c>
      <c r="AO5514">
        <v>0</v>
      </c>
      <c r="AP5514">
        <v>0</v>
      </c>
      <c r="AQ5514">
        <v>0</v>
      </c>
      <c r="AR5514">
        <v>0</v>
      </c>
      <c r="AS5514">
        <v>0</v>
      </c>
      <c r="AT5514">
        <v>0</v>
      </c>
      <c r="AU5514">
        <v>0</v>
      </c>
      <c r="AV5514">
        <v>0</v>
      </c>
      <c r="AW5514">
        <v>0</v>
      </c>
      <c r="AX5514">
        <v>-1240</v>
      </c>
      <c r="AY5514">
        <v>45</v>
      </c>
      <c r="AZ5514">
        <v>99</v>
      </c>
      <c r="BA5514">
        <v>6909</v>
      </c>
    </row>
    <row r="5515" spans="1:53" x14ac:dyDescent="0.4">
      <c r="A5515">
        <v>5559</v>
      </c>
      <c r="B5515" s="1">
        <v>44933</v>
      </c>
      <c r="C5515">
        <v>3</v>
      </c>
      <c r="D5515" s="1">
        <v>44933.740972222222</v>
      </c>
      <c r="E5515" s="1">
        <v>44934.056250000001</v>
      </c>
      <c r="F5515">
        <v>171950</v>
      </c>
      <c r="G5515">
        <v>3487</v>
      </c>
      <c r="H5515">
        <v>0</v>
      </c>
      <c r="I5515">
        <v>0</v>
      </c>
      <c r="J5515">
        <v>0</v>
      </c>
      <c r="K5515">
        <v>0</v>
      </c>
      <c r="L5515">
        <v>0</v>
      </c>
      <c r="M5515">
        <v>15944</v>
      </c>
      <c r="N5515">
        <v>0</v>
      </c>
      <c r="O5515">
        <v>0</v>
      </c>
      <c r="P5515">
        <v>-1820</v>
      </c>
      <c r="Q5515">
        <v>0</v>
      </c>
      <c r="R5515">
        <v>173617</v>
      </c>
      <c r="S5515">
        <v>0</v>
      </c>
      <c r="T5515">
        <v>0</v>
      </c>
      <c r="U5515">
        <v>0</v>
      </c>
      <c r="V5515">
        <v>16</v>
      </c>
      <c r="W5515">
        <v>2</v>
      </c>
      <c r="X5515">
        <v>0</v>
      </c>
      <c r="Y5515">
        <v>61</v>
      </c>
      <c r="Z5515">
        <v>25</v>
      </c>
      <c r="AA5515">
        <v>114</v>
      </c>
      <c r="AB5515">
        <v>38</v>
      </c>
      <c r="AC5515">
        <v>124</v>
      </c>
      <c r="AD5515">
        <v>20</v>
      </c>
      <c r="AE5515">
        <v>73</v>
      </c>
      <c r="AF5515">
        <v>31962</v>
      </c>
      <c r="AG5515">
        <v>290175</v>
      </c>
      <c r="AH5515">
        <v>50000</v>
      </c>
      <c r="AI5515">
        <v>0</v>
      </c>
      <c r="AJ5515">
        <v>95</v>
      </c>
      <c r="AK5515" t="s">
        <v>21</v>
      </c>
      <c r="AL5515">
        <v>0</v>
      </c>
      <c r="AM5515">
        <v>0</v>
      </c>
      <c r="AN5515">
        <v>0</v>
      </c>
      <c r="AO5515">
        <v>0</v>
      </c>
      <c r="AP5515">
        <v>0</v>
      </c>
      <c r="AQ5515">
        <v>0</v>
      </c>
      <c r="AR5515">
        <v>0</v>
      </c>
      <c r="AS5515">
        <v>0</v>
      </c>
      <c r="AT5515">
        <v>0</v>
      </c>
      <c r="AU5515">
        <v>0</v>
      </c>
      <c r="AV5515">
        <v>0</v>
      </c>
      <c r="AW5515">
        <v>0</v>
      </c>
      <c r="AX5515">
        <v>220</v>
      </c>
      <c r="AY5515">
        <v>24</v>
      </c>
      <c r="AZ5515">
        <v>76</v>
      </c>
      <c r="BA5515">
        <v>3884</v>
      </c>
    </row>
    <row r="5516" spans="1:53" x14ac:dyDescent="0.4">
      <c r="A5516">
        <v>5560</v>
      </c>
      <c r="B5516" s="1">
        <v>44934</v>
      </c>
      <c r="C5516">
        <v>1</v>
      </c>
      <c r="D5516" s="1">
        <v>44934.291666666664</v>
      </c>
      <c r="E5516" s="1">
        <v>44934.40625</v>
      </c>
      <c r="F5516">
        <v>0</v>
      </c>
      <c r="G5516">
        <v>0</v>
      </c>
      <c r="H5516">
        <v>0</v>
      </c>
      <c r="I5516">
        <v>0</v>
      </c>
      <c r="J5516">
        <v>0</v>
      </c>
      <c r="K5516">
        <v>0</v>
      </c>
      <c r="L5516">
        <v>0</v>
      </c>
      <c r="M5516">
        <v>0</v>
      </c>
      <c r="N5516">
        <v>0</v>
      </c>
      <c r="O5516">
        <v>0</v>
      </c>
      <c r="P5516">
        <v>0</v>
      </c>
      <c r="Q5516">
        <v>0</v>
      </c>
      <c r="R5516">
        <v>0</v>
      </c>
      <c r="S5516">
        <v>0</v>
      </c>
      <c r="T5516">
        <v>0</v>
      </c>
      <c r="U5516">
        <v>0</v>
      </c>
      <c r="V5516">
        <v>0</v>
      </c>
      <c r="W5516">
        <v>1</v>
      </c>
      <c r="X5516">
        <v>0</v>
      </c>
      <c r="Y5516">
        <v>25</v>
      </c>
      <c r="Z5516">
        <v>11</v>
      </c>
      <c r="AA5516">
        <v>117</v>
      </c>
      <c r="AB5516">
        <v>30</v>
      </c>
      <c r="AC5516">
        <v>113</v>
      </c>
      <c r="AD5516">
        <v>20</v>
      </c>
      <c r="AE5516">
        <v>70</v>
      </c>
      <c r="AF5516">
        <v>0</v>
      </c>
      <c r="AG5516">
        <v>50000</v>
      </c>
      <c r="AH5516">
        <v>50000</v>
      </c>
      <c r="AI5516">
        <v>0</v>
      </c>
      <c r="AJ5516">
        <v>0</v>
      </c>
      <c r="AK5516" t="s">
        <v>6</v>
      </c>
      <c r="AL5516">
        <v>0</v>
      </c>
      <c r="AM5516">
        <v>0</v>
      </c>
      <c r="AN5516">
        <v>0</v>
      </c>
      <c r="AO5516">
        <v>0</v>
      </c>
      <c r="AP5516">
        <v>0</v>
      </c>
      <c r="AQ5516">
        <v>0</v>
      </c>
      <c r="AR5516">
        <v>0</v>
      </c>
      <c r="AS5516">
        <v>0</v>
      </c>
      <c r="AT5516">
        <v>0</v>
      </c>
      <c r="AU5516">
        <v>0</v>
      </c>
      <c r="AV5516">
        <v>0</v>
      </c>
      <c r="AW5516">
        <v>0</v>
      </c>
      <c r="AX5516">
        <v>0</v>
      </c>
      <c r="AY5516">
        <v>0</v>
      </c>
      <c r="AZ5516">
        <v>0</v>
      </c>
      <c r="BA5516">
        <v>0</v>
      </c>
    </row>
    <row r="5517" spans="1:53" x14ac:dyDescent="0.4">
      <c r="A5517">
        <v>5561</v>
      </c>
      <c r="B5517" s="1">
        <v>44934</v>
      </c>
      <c r="C5517">
        <v>2</v>
      </c>
      <c r="D5517" s="1">
        <v>44934.40625</v>
      </c>
      <c r="E5517" s="1">
        <v>44934.73541666667</v>
      </c>
      <c r="F5517">
        <v>45840</v>
      </c>
      <c r="G5517">
        <v>1496</v>
      </c>
      <c r="H5517">
        <v>0</v>
      </c>
      <c r="I5517">
        <v>0</v>
      </c>
      <c r="J5517">
        <v>0</v>
      </c>
      <c r="K5517">
        <v>0</v>
      </c>
      <c r="L5517">
        <v>0</v>
      </c>
      <c r="M5517">
        <v>4297</v>
      </c>
      <c r="N5517">
        <v>0</v>
      </c>
      <c r="O5517">
        <v>0</v>
      </c>
      <c r="P5517">
        <v>25340</v>
      </c>
      <c r="Q5517">
        <v>0</v>
      </c>
      <c r="R5517">
        <v>72676</v>
      </c>
      <c r="S5517">
        <v>0</v>
      </c>
      <c r="T5517">
        <v>0</v>
      </c>
      <c r="U5517">
        <v>0</v>
      </c>
      <c r="V5517">
        <v>1</v>
      </c>
      <c r="W5517">
        <v>4</v>
      </c>
      <c r="X5517">
        <v>0</v>
      </c>
      <c r="Y5517">
        <v>66</v>
      </c>
      <c r="Z5517">
        <v>17</v>
      </c>
      <c r="AA5517">
        <v>116</v>
      </c>
      <c r="AB5517">
        <v>35</v>
      </c>
      <c r="AC5517">
        <v>160</v>
      </c>
      <c r="AD5517">
        <v>22</v>
      </c>
      <c r="AE5517">
        <v>76</v>
      </c>
      <c r="AF5517">
        <v>3040</v>
      </c>
      <c r="AG5517">
        <v>122676</v>
      </c>
      <c r="AH5517">
        <v>50000</v>
      </c>
      <c r="AI5517">
        <v>0</v>
      </c>
      <c r="AJ5517">
        <v>115</v>
      </c>
      <c r="AK5517" t="s">
        <v>55</v>
      </c>
      <c r="AL5517">
        <v>0</v>
      </c>
      <c r="AM5517">
        <v>0</v>
      </c>
      <c r="AN5517">
        <v>0</v>
      </c>
      <c r="AO5517">
        <v>0</v>
      </c>
      <c r="AP5517">
        <v>0</v>
      </c>
      <c r="AQ5517">
        <v>0</v>
      </c>
      <c r="AR5517">
        <v>0</v>
      </c>
      <c r="AS5517">
        <v>0</v>
      </c>
      <c r="AT5517">
        <v>0</v>
      </c>
      <c r="AU5517">
        <v>0</v>
      </c>
      <c r="AV5517">
        <v>0</v>
      </c>
      <c r="AW5517">
        <v>0</v>
      </c>
      <c r="AX5517">
        <v>-5220</v>
      </c>
      <c r="AY5517">
        <v>50</v>
      </c>
      <c r="AZ5517">
        <v>111</v>
      </c>
      <c r="BA5517">
        <v>6870</v>
      </c>
    </row>
    <row r="5518" spans="1:53" x14ac:dyDescent="0.4">
      <c r="A5518">
        <v>5562</v>
      </c>
      <c r="B5518" s="1">
        <v>44935</v>
      </c>
      <c r="C5518">
        <v>1</v>
      </c>
      <c r="D5518" s="1">
        <v>44935.291666666664</v>
      </c>
      <c r="E5518" s="1">
        <v>44935.398611111108</v>
      </c>
      <c r="F5518">
        <v>0</v>
      </c>
      <c r="G5518">
        <v>0</v>
      </c>
      <c r="H5518">
        <v>0</v>
      </c>
      <c r="I5518">
        <v>0</v>
      </c>
      <c r="J5518">
        <v>0</v>
      </c>
      <c r="K5518">
        <v>0</v>
      </c>
      <c r="L5518">
        <v>0</v>
      </c>
      <c r="M5518">
        <v>0</v>
      </c>
      <c r="N5518">
        <v>0</v>
      </c>
      <c r="O5518">
        <v>0</v>
      </c>
      <c r="P5518">
        <v>0</v>
      </c>
      <c r="Q5518">
        <v>0</v>
      </c>
      <c r="R5518">
        <v>0</v>
      </c>
      <c r="S5518">
        <v>0</v>
      </c>
      <c r="T5518">
        <v>0</v>
      </c>
      <c r="U5518">
        <v>0</v>
      </c>
      <c r="V5518">
        <v>0</v>
      </c>
      <c r="W5518">
        <v>1</v>
      </c>
      <c r="X5518">
        <v>0</v>
      </c>
      <c r="Y5518">
        <v>25</v>
      </c>
      <c r="Z5518">
        <v>12</v>
      </c>
      <c r="AA5518">
        <v>112</v>
      </c>
      <c r="AB5518">
        <v>28</v>
      </c>
      <c r="AC5518">
        <v>119</v>
      </c>
      <c r="AD5518">
        <v>27</v>
      </c>
      <c r="AE5518">
        <v>75</v>
      </c>
      <c r="AF5518">
        <v>0</v>
      </c>
      <c r="AG5518">
        <v>50000</v>
      </c>
      <c r="AH5518">
        <v>50000</v>
      </c>
      <c r="AI5518">
        <v>0</v>
      </c>
      <c r="AJ5518">
        <v>0</v>
      </c>
      <c r="AK5518" t="s">
        <v>6</v>
      </c>
      <c r="AL5518">
        <v>0</v>
      </c>
      <c r="AM5518">
        <v>0</v>
      </c>
      <c r="AN5518">
        <v>0</v>
      </c>
      <c r="AO5518">
        <v>0</v>
      </c>
      <c r="AP5518">
        <v>0</v>
      </c>
      <c r="AQ5518">
        <v>0</v>
      </c>
      <c r="AR5518">
        <v>0</v>
      </c>
      <c r="AS5518">
        <v>0</v>
      </c>
      <c r="AT5518">
        <v>0</v>
      </c>
      <c r="AU5518">
        <v>0</v>
      </c>
      <c r="AV5518">
        <v>0</v>
      </c>
      <c r="AW5518">
        <v>0</v>
      </c>
      <c r="AX5518">
        <v>0</v>
      </c>
      <c r="AY5518">
        <v>0</v>
      </c>
      <c r="AZ5518">
        <v>0</v>
      </c>
      <c r="BA5518">
        <v>0</v>
      </c>
    </row>
    <row r="5519" spans="1:53" x14ac:dyDescent="0.4">
      <c r="A5519">
        <v>5563</v>
      </c>
      <c r="B5519" s="1">
        <v>44935</v>
      </c>
      <c r="C5519">
        <v>2</v>
      </c>
      <c r="D5519" s="1">
        <v>44935.398611111108</v>
      </c>
      <c r="E5519" s="1">
        <v>44935.740277777775</v>
      </c>
      <c r="F5519">
        <v>47045</v>
      </c>
      <c r="G5519">
        <v>1606</v>
      </c>
      <c r="H5519">
        <v>0</v>
      </c>
      <c r="I5519">
        <v>0</v>
      </c>
      <c r="J5519">
        <v>200</v>
      </c>
      <c r="K5519">
        <v>0</v>
      </c>
      <c r="L5519">
        <v>0</v>
      </c>
      <c r="M5519">
        <v>4401</v>
      </c>
      <c r="N5519">
        <v>0</v>
      </c>
      <c r="O5519">
        <v>0</v>
      </c>
      <c r="P5519">
        <v>20130</v>
      </c>
      <c r="Q5519">
        <v>0</v>
      </c>
      <c r="R5519">
        <v>68581</v>
      </c>
      <c r="S5519">
        <v>0</v>
      </c>
      <c r="T5519">
        <v>0</v>
      </c>
      <c r="U5519">
        <v>0</v>
      </c>
      <c r="V5519">
        <v>2</v>
      </c>
      <c r="W5519">
        <v>5</v>
      </c>
      <c r="X5519">
        <v>0</v>
      </c>
      <c r="Y5519">
        <v>48</v>
      </c>
      <c r="Z5519">
        <v>25</v>
      </c>
      <c r="AA5519">
        <v>44</v>
      </c>
      <c r="AB5519">
        <v>33</v>
      </c>
      <c r="AC5519">
        <v>133</v>
      </c>
      <c r="AD5519">
        <v>23</v>
      </c>
      <c r="AE5519">
        <v>67</v>
      </c>
      <c r="AF5519">
        <v>5519</v>
      </c>
      <c r="AG5519">
        <v>118581</v>
      </c>
      <c r="AH5519">
        <v>50000</v>
      </c>
      <c r="AI5519">
        <v>0</v>
      </c>
      <c r="AJ5519">
        <v>119</v>
      </c>
      <c r="AK5519" t="s">
        <v>56</v>
      </c>
      <c r="AL5519">
        <v>0</v>
      </c>
      <c r="AM5519">
        <v>0</v>
      </c>
      <c r="AN5519">
        <v>0</v>
      </c>
      <c r="AO5519">
        <v>0</v>
      </c>
      <c r="AP5519">
        <v>0</v>
      </c>
      <c r="AQ5519">
        <v>0</v>
      </c>
      <c r="AR5519">
        <v>0</v>
      </c>
      <c r="AS5519">
        <v>0</v>
      </c>
      <c r="AT5519">
        <v>0</v>
      </c>
      <c r="AU5519">
        <v>0</v>
      </c>
      <c r="AV5519">
        <v>0</v>
      </c>
      <c r="AW5519">
        <v>0</v>
      </c>
      <c r="AX5519">
        <v>-1880</v>
      </c>
      <c r="AY5519">
        <v>49</v>
      </c>
      <c r="AZ5519">
        <v>94</v>
      </c>
      <c r="BA5519">
        <v>7433</v>
      </c>
    </row>
    <row r="5520" spans="1:53" x14ac:dyDescent="0.4">
      <c r="A5520">
        <v>5564</v>
      </c>
      <c r="B5520" s="1">
        <v>44935</v>
      </c>
      <c r="C5520">
        <v>3</v>
      </c>
      <c r="D5520" s="1">
        <v>44935.740277777775</v>
      </c>
      <c r="E5520" s="1">
        <v>44935.918055555558</v>
      </c>
      <c r="F5520">
        <v>34260</v>
      </c>
      <c r="G5520">
        <v>0</v>
      </c>
      <c r="H5520">
        <v>0</v>
      </c>
      <c r="I5520">
        <v>0</v>
      </c>
      <c r="J5520">
        <v>0</v>
      </c>
      <c r="K5520">
        <v>0</v>
      </c>
      <c r="L5520">
        <v>0</v>
      </c>
      <c r="M5520">
        <v>3114</v>
      </c>
      <c r="N5520">
        <v>0</v>
      </c>
      <c r="O5520">
        <v>0</v>
      </c>
      <c r="P5520">
        <v>-20130</v>
      </c>
      <c r="Q5520">
        <v>0</v>
      </c>
      <c r="R5520">
        <v>14130</v>
      </c>
      <c r="S5520">
        <v>0</v>
      </c>
      <c r="T5520">
        <v>0</v>
      </c>
      <c r="U5520">
        <v>0</v>
      </c>
      <c r="V5520">
        <v>2</v>
      </c>
      <c r="W5520">
        <v>6</v>
      </c>
      <c r="X5520">
        <v>0</v>
      </c>
      <c r="Y5520">
        <v>57</v>
      </c>
      <c r="Z5520">
        <v>24</v>
      </c>
      <c r="AA5520">
        <v>50</v>
      </c>
      <c r="AB5520">
        <v>34</v>
      </c>
      <c r="AC5520">
        <v>131</v>
      </c>
      <c r="AD5520">
        <v>23</v>
      </c>
      <c r="AE5520">
        <v>67</v>
      </c>
      <c r="AF5520">
        <v>5519</v>
      </c>
      <c r="AG5520">
        <v>132711</v>
      </c>
      <c r="AH5520">
        <v>50000</v>
      </c>
      <c r="AI5520">
        <v>0</v>
      </c>
      <c r="AJ5520">
        <v>94</v>
      </c>
      <c r="AL5520">
        <v>0</v>
      </c>
      <c r="AM5520">
        <v>0</v>
      </c>
      <c r="AN5520">
        <v>0</v>
      </c>
      <c r="AO5520">
        <v>0</v>
      </c>
      <c r="AP5520">
        <v>0</v>
      </c>
      <c r="AQ5520">
        <v>0</v>
      </c>
      <c r="AR5520">
        <v>0</v>
      </c>
      <c r="AS5520">
        <v>0</v>
      </c>
      <c r="AT5520">
        <v>0</v>
      </c>
      <c r="AU5520">
        <v>0</v>
      </c>
      <c r="AV5520">
        <v>0</v>
      </c>
      <c r="AW5520">
        <v>0</v>
      </c>
      <c r="AX5520">
        <v>7130</v>
      </c>
      <c r="AY5520">
        <v>9</v>
      </c>
      <c r="AZ5520">
        <v>19</v>
      </c>
      <c r="BA5520">
        <v>2200</v>
      </c>
    </row>
    <row r="5521" spans="1:53" x14ac:dyDescent="0.4">
      <c r="A5521">
        <v>5565</v>
      </c>
      <c r="B5521" s="1">
        <v>44935</v>
      </c>
      <c r="C5521">
        <v>4</v>
      </c>
      <c r="D5521" s="1">
        <v>44935.918055555558</v>
      </c>
      <c r="E5521" s="1">
        <v>44935.942361111112</v>
      </c>
      <c r="F5521">
        <v>5500</v>
      </c>
      <c r="G5521">
        <v>0</v>
      </c>
      <c r="H5521">
        <v>0</v>
      </c>
      <c r="I5521">
        <v>0</v>
      </c>
      <c r="J5521">
        <v>0</v>
      </c>
      <c r="K5521">
        <v>0</v>
      </c>
      <c r="L5521">
        <v>0</v>
      </c>
      <c r="M5521">
        <v>500</v>
      </c>
      <c r="N5521">
        <v>0</v>
      </c>
      <c r="O5521">
        <v>0</v>
      </c>
      <c r="P5521">
        <v>0</v>
      </c>
      <c r="Q5521">
        <v>0</v>
      </c>
      <c r="R5521">
        <v>5500</v>
      </c>
      <c r="S5521">
        <v>0</v>
      </c>
      <c r="T5521">
        <v>0</v>
      </c>
      <c r="U5521">
        <v>0</v>
      </c>
      <c r="V5521">
        <v>2</v>
      </c>
      <c r="W5521">
        <v>6</v>
      </c>
      <c r="X5521">
        <v>0</v>
      </c>
      <c r="Y5521">
        <v>62</v>
      </c>
      <c r="Z5521">
        <v>25</v>
      </c>
      <c r="AA5521">
        <v>50</v>
      </c>
      <c r="AB5521">
        <v>34</v>
      </c>
      <c r="AC5521">
        <v>131</v>
      </c>
      <c r="AD5521">
        <v>23</v>
      </c>
      <c r="AE5521">
        <v>67</v>
      </c>
      <c r="AF5521">
        <v>5519</v>
      </c>
      <c r="AG5521">
        <v>138211</v>
      </c>
      <c r="AH5521">
        <v>50000</v>
      </c>
      <c r="AI5521">
        <v>0</v>
      </c>
      <c r="AJ5521">
        <v>94</v>
      </c>
      <c r="AL5521">
        <v>0</v>
      </c>
      <c r="AM5521">
        <v>0</v>
      </c>
      <c r="AN5521">
        <v>0</v>
      </c>
      <c r="AO5521">
        <v>0</v>
      </c>
      <c r="AP5521">
        <v>0</v>
      </c>
      <c r="AQ5521">
        <v>0</v>
      </c>
      <c r="AR5521">
        <v>0</v>
      </c>
      <c r="AS5521">
        <v>0</v>
      </c>
      <c r="AT5521">
        <v>0</v>
      </c>
      <c r="AU5521">
        <v>0</v>
      </c>
      <c r="AV5521">
        <v>0</v>
      </c>
      <c r="AW5521">
        <v>0</v>
      </c>
      <c r="AX5521">
        <v>2800</v>
      </c>
      <c r="AY5521">
        <v>0</v>
      </c>
      <c r="AZ5521">
        <v>0</v>
      </c>
      <c r="BA5521">
        <v>96</v>
      </c>
    </row>
    <row r="5522" spans="1:53" x14ac:dyDescent="0.4">
      <c r="A5522">
        <v>5566</v>
      </c>
      <c r="B5522" s="1">
        <v>44936</v>
      </c>
      <c r="C5522">
        <v>1</v>
      </c>
      <c r="D5522" s="1">
        <v>44936.291666666664</v>
      </c>
      <c r="E5522" s="1">
        <v>44936.444444444445</v>
      </c>
      <c r="F5522">
        <v>0</v>
      </c>
      <c r="G5522">
        <v>0</v>
      </c>
      <c r="H5522">
        <v>0</v>
      </c>
      <c r="I5522">
        <v>0</v>
      </c>
      <c r="J5522">
        <v>0</v>
      </c>
      <c r="K5522">
        <v>0</v>
      </c>
      <c r="L5522">
        <v>0</v>
      </c>
      <c r="M5522">
        <v>0</v>
      </c>
      <c r="N5522">
        <v>0</v>
      </c>
      <c r="O5522">
        <v>0</v>
      </c>
      <c r="P5522">
        <v>0</v>
      </c>
      <c r="Q5522">
        <v>0</v>
      </c>
      <c r="R5522">
        <v>0</v>
      </c>
      <c r="S5522">
        <v>0</v>
      </c>
      <c r="T5522">
        <v>0</v>
      </c>
      <c r="U5522">
        <v>0</v>
      </c>
      <c r="V5522">
        <v>0</v>
      </c>
      <c r="W5522">
        <v>1</v>
      </c>
      <c r="X5522">
        <v>0</v>
      </c>
      <c r="Y5522">
        <v>26</v>
      </c>
      <c r="Z5522">
        <v>15</v>
      </c>
      <c r="AA5522">
        <v>86</v>
      </c>
      <c r="AB5522">
        <v>34</v>
      </c>
      <c r="AC5522">
        <v>103</v>
      </c>
      <c r="AD5522">
        <v>21</v>
      </c>
      <c r="AE5522">
        <v>65</v>
      </c>
      <c r="AF5522">
        <v>0</v>
      </c>
      <c r="AG5522">
        <v>50000</v>
      </c>
      <c r="AH5522">
        <v>50000</v>
      </c>
      <c r="AI5522">
        <v>0</v>
      </c>
      <c r="AJ5522">
        <v>0</v>
      </c>
      <c r="AK5522" t="s">
        <v>6</v>
      </c>
      <c r="AL5522">
        <v>0</v>
      </c>
      <c r="AM5522">
        <v>0</v>
      </c>
      <c r="AN5522">
        <v>0</v>
      </c>
      <c r="AO5522">
        <v>0</v>
      </c>
      <c r="AP5522">
        <v>0</v>
      </c>
      <c r="AQ5522">
        <v>0</v>
      </c>
      <c r="AR5522">
        <v>0</v>
      </c>
      <c r="AS5522">
        <v>0</v>
      </c>
      <c r="AT5522">
        <v>0</v>
      </c>
      <c r="AU5522">
        <v>0</v>
      </c>
      <c r="AV5522">
        <v>0</v>
      </c>
      <c r="AW5522">
        <v>0</v>
      </c>
      <c r="AX5522">
        <v>0</v>
      </c>
      <c r="AY5522">
        <v>0</v>
      </c>
      <c r="AZ5522">
        <v>0</v>
      </c>
      <c r="BA5522">
        <v>0</v>
      </c>
    </row>
    <row r="5523" spans="1:53" x14ac:dyDescent="0.4">
      <c r="A5523">
        <v>5567</v>
      </c>
      <c r="B5523" s="1">
        <v>44936</v>
      </c>
      <c r="C5523">
        <v>2</v>
      </c>
      <c r="D5523" s="1">
        <v>44936.444444444445</v>
      </c>
      <c r="E5523" s="1">
        <v>44936.743055555555</v>
      </c>
      <c r="F5523">
        <v>26760</v>
      </c>
      <c r="G5523">
        <v>1210</v>
      </c>
      <c r="H5523">
        <v>0</v>
      </c>
      <c r="I5523">
        <v>0</v>
      </c>
      <c r="J5523">
        <v>0</v>
      </c>
      <c r="K5523">
        <v>0</v>
      </c>
      <c r="L5523">
        <v>0</v>
      </c>
      <c r="M5523">
        <v>2539</v>
      </c>
      <c r="N5523">
        <v>0</v>
      </c>
      <c r="O5523">
        <v>0</v>
      </c>
      <c r="P5523">
        <v>19920</v>
      </c>
      <c r="Q5523">
        <v>0</v>
      </c>
      <c r="R5523">
        <v>47890</v>
      </c>
      <c r="S5523">
        <v>0</v>
      </c>
      <c r="T5523">
        <v>0</v>
      </c>
      <c r="U5523">
        <v>0</v>
      </c>
      <c r="V5523">
        <v>0</v>
      </c>
      <c r="W5523">
        <v>3</v>
      </c>
      <c r="X5523">
        <v>0</v>
      </c>
      <c r="Y5523">
        <v>49</v>
      </c>
      <c r="Z5523">
        <v>33</v>
      </c>
      <c r="AA5523">
        <v>127</v>
      </c>
      <c r="AB5523">
        <v>38</v>
      </c>
      <c r="AC5523">
        <v>148</v>
      </c>
      <c r="AD5523">
        <v>21</v>
      </c>
      <c r="AE5523">
        <v>75</v>
      </c>
      <c r="AF5523">
        <v>1130</v>
      </c>
      <c r="AG5523">
        <v>97890</v>
      </c>
      <c r="AH5523">
        <v>50000</v>
      </c>
      <c r="AI5523">
        <v>0</v>
      </c>
      <c r="AJ5523">
        <v>119</v>
      </c>
      <c r="AK5523" t="s">
        <v>56</v>
      </c>
      <c r="AL5523">
        <v>0</v>
      </c>
      <c r="AM5523">
        <v>0</v>
      </c>
      <c r="AN5523">
        <v>0</v>
      </c>
      <c r="AO5523">
        <v>0</v>
      </c>
      <c r="AP5523">
        <v>0</v>
      </c>
      <c r="AQ5523">
        <v>0</v>
      </c>
      <c r="AR5523">
        <v>0</v>
      </c>
      <c r="AS5523">
        <v>0</v>
      </c>
      <c r="AT5523">
        <v>0</v>
      </c>
      <c r="AU5523">
        <v>0</v>
      </c>
      <c r="AV5523">
        <v>0</v>
      </c>
      <c r="AW5523">
        <v>0</v>
      </c>
      <c r="AX5523">
        <v>-452</v>
      </c>
      <c r="AY5523">
        <v>47</v>
      </c>
      <c r="AZ5523">
        <v>80</v>
      </c>
      <c r="BA5523">
        <v>5794</v>
      </c>
    </row>
    <row r="5524" spans="1:53" x14ac:dyDescent="0.4">
      <c r="A5524">
        <v>5568</v>
      </c>
      <c r="B5524" s="1">
        <v>44936</v>
      </c>
      <c r="C5524">
        <v>3</v>
      </c>
      <c r="D5524" s="1">
        <v>44936.743055555555</v>
      </c>
      <c r="E5524" s="1">
        <v>44936.941666666666</v>
      </c>
      <c r="F5524">
        <v>25600</v>
      </c>
      <c r="G5524">
        <v>748</v>
      </c>
      <c r="H5524">
        <v>0</v>
      </c>
      <c r="I5524">
        <v>0</v>
      </c>
      <c r="J5524">
        <v>0</v>
      </c>
      <c r="K5524">
        <v>0</v>
      </c>
      <c r="L5524">
        <v>0</v>
      </c>
      <c r="M5524">
        <v>2394</v>
      </c>
      <c r="N5524">
        <v>0</v>
      </c>
      <c r="O5524">
        <v>0</v>
      </c>
      <c r="P5524">
        <v>-16320</v>
      </c>
      <c r="Q5524">
        <v>0</v>
      </c>
      <c r="R5524">
        <v>10028</v>
      </c>
      <c r="S5524">
        <v>0</v>
      </c>
      <c r="T5524">
        <v>0</v>
      </c>
      <c r="U5524">
        <v>0</v>
      </c>
      <c r="V5524">
        <v>0</v>
      </c>
      <c r="W5524">
        <v>4</v>
      </c>
      <c r="X5524">
        <v>0</v>
      </c>
      <c r="Y5524">
        <v>53</v>
      </c>
      <c r="Z5524">
        <v>35</v>
      </c>
      <c r="AA5524">
        <v>128</v>
      </c>
      <c r="AB5524">
        <v>37</v>
      </c>
      <c r="AC5524">
        <v>146</v>
      </c>
      <c r="AD5524">
        <v>21</v>
      </c>
      <c r="AE5524">
        <v>73</v>
      </c>
      <c r="AF5524">
        <v>1130</v>
      </c>
      <c r="AG5524">
        <v>107918</v>
      </c>
      <c r="AH5524">
        <v>50000</v>
      </c>
      <c r="AI5524">
        <v>0</v>
      </c>
      <c r="AJ5524">
        <v>74</v>
      </c>
      <c r="AK5524" t="s">
        <v>64</v>
      </c>
      <c r="AL5524">
        <v>0</v>
      </c>
      <c r="AM5524">
        <v>0</v>
      </c>
      <c r="AN5524">
        <v>0</v>
      </c>
      <c r="AO5524">
        <v>0</v>
      </c>
      <c r="AP5524">
        <v>0</v>
      </c>
      <c r="AQ5524">
        <v>0</v>
      </c>
      <c r="AR5524">
        <v>0</v>
      </c>
      <c r="AS5524">
        <v>0</v>
      </c>
      <c r="AT5524">
        <v>0</v>
      </c>
      <c r="AU5524">
        <v>0</v>
      </c>
      <c r="AV5524">
        <v>0</v>
      </c>
      <c r="AW5524">
        <v>0</v>
      </c>
      <c r="AX5524">
        <v>14542</v>
      </c>
      <c r="AY5524">
        <v>8</v>
      </c>
      <c r="AZ5524">
        <v>18</v>
      </c>
      <c r="BA5524">
        <v>2296</v>
      </c>
    </row>
    <row r="5525" spans="1:53" x14ac:dyDescent="0.4">
      <c r="A5525">
        <v>5569</v>
      </c>
      <c r="B5525" s="1">
        <v>44937</v>
      </c>
      <c r="C5525">
        <v>1</v>
      </c>
      <c r="D5525" s="1">
        <v>44937.291666666664</v>
      </c>
      <c r="E5525" s="1">
        <v>44937.456944444442</v>
      </c>
      <c r="F5525">
        <v>0</v>
      </c>
      <c r="G5525">
        <v>0</v>
      </c>
      <c r="H5525">
        <v>0</v>
      </c>
      <c r="I5525">
        <v>0</v>
      </c>
      <c r="J5525">
        <v>0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0</v>
      </c>
      <c r="R5525">
        <v>0</v>
      </c>
      <c r="S5525">
        <v>0</v>
      </c>
      <c r="T5525">
        <v>0</v>
      </c>
      <c r="U5525">
        <v>0</v>
      </c>
      <c r="V5525">
        <v>0</v>
      </c>
      <c r="W5525">
        <v>1</v>
      </c>
      <c r="X5525">
        <v>0</v>
      </c>
      <c r="Y5525">
        <v>25</v>
      </c>
      <c r="Z5525">
        <v>10</v>
      </c>
      <c r="AA5525">
        <v>122</v>
      </c>
      <c r="AB5525">
        <v>26</v>
      </c>
      <c r="AC5525">
        <v>133</v>
      </c>
      <c r="AD5525">
        <v>20</v>
      </c>
      <c r="AE5525">
        <v>70</v>
      </c>
      <c r="AF5525">
        <v>0</v>
      </c>
      <c r="AG5525">
        <v>50000</v>
      </c>
      <c r="AH5525">
        <v>50000</v>
      </c>
      <c r="AI5525">
        <v>0</v>
      </c>
      <c r="AJ5525">
        <v>0</v>
      </c>
      <c r="AK5525" t="s">
        <v>6</v>
      </c>
      <c r="AL5525">
        <v>0</v>
      </c>
      <c r="AM5525">
        <v>0</v>
      </c>
      <c r="AN5525">
        <v>0</v>
      </c>
      <c r="AO5525">
        <v>0</v>
      </c>
      <c r="AP5525">
        <v>0</v>
      </c>
      <c r="AQ5525">
        <v>0</v>
      </c>
      <c r="AR5525">
        <v>0</v>
      </c>
      <c r="AS5525">
        <v>0</v>
      </c>
      <c r="AT5525">
        <v>0</v>
      </c>
      <c r="AU5525">
        <v>0</v>
      </c>
      <c r="AV5525">
        <v>0</v>
      </c>
      <c r="AW5525">
        <v>0</v>
      </c>
      <c r="AX5525">
        <v>0</v>
      </c>
      <c r="AY5525">
        <v>0</v>
      </c>
      <c r="AZ5525">
        <v>0</v>
      </c>
      <c r="BA5525">
        <v>0</v>
      </c>
    </row>
    <row r="5526" spans="1:53" x14ac:dyDescent="0.4">
      <c r="A5526">
        <v>5570</v>
      </c>
      <c r="B5526" s="1">
        <v>44937</v>
      </c>
      <c r="C5526">
        <v>2</v>
      </c>
      <c r="D5526" s="1">
        <v>44937.456944444442</v>
      </c>
      <c r="E5526" s="1">
        <v>44937.73333333333</v>
      </c>
      <c r="F5526">
        <v>12160</v>
      </c>
      <c r="G5526">
        <v>6523</v>
      </c>
      <c r="H5526">
        <v>0</v>
      </c>
      <c r="I5526">
        <v>0</v>
      </c>
      <c r="J5526">
        <v>0</v>
      </c>
      <c r="K5526">
        <v>0</v>
      </c>
      <c r="L5526">
        <v>0</v>
      </c>
      <c r="M5526">
        <v>1697</v>
      </c>
      <c r="N5526">
        <v>0</v>
      </c>
      <c r="O5526">
        <v>0</v>
      </c>
      <c r="P5526">
        <v>18014</v>
      </c>
      <c r="Q5526">
        <v>0</v>
      </c>
      <c r="R5526">
        <v>36697</v>
      </c>
      <c r="S5526">
        <v>0</v>
      </c>
      <c r="T5526">
        <v>0</v>
      </c>
      <c r="U5526">
        <v>0</v>
      </c>
      <c r="V5526">
        <v>2</v>
      </c>
      <c r="W5526">
        <v>1</v>
      </c>
      <c r="X5526">
        <v>0</v>
      </c>
      <c r="Y5526">
        <v>38</v>
      </c>
      <c r="Z5526">
        <v>16</v>
      </c>
      <c r="AA5526">
        <v>118</v>
      </c>
      <c r="AB5526">
        <v>27</v>
      </c>
      <c r="AC5526">
        <v>161</v>
      </c>
      <c r="AD5526">
        <v>23</v>
      </c>
      <c r="AE5526">
        <v>72</v>
      </c>
      <c r="AF5526">
        <v>750</v>
      </c>
      <c r="AG5526">
        <v>86697</v>
      </c>
      <c r="AH5526">
        <v>50000</v>
      </c>
      <c r="AI5526">
        <v>0</v>
      </c>
      <c r="AJ5526">
        <v>36</v>
      </c>
      <c r="AL5526">
        <v>0</v>
      </c>
      <c r="AM5526">
        <v>0</v>
      </c>
      <c r="AN5526">
        <v>0</v>
      </c>
      <c r="AO5526">
        <v>0</v>
      </c>
      <c r="AP5526">
        <v>0</v>
      </c>
      <c r="AQ5526">
        <v>0</v>
      </c>
      <c r="AR5526">
        <v>0</v>
      </c>
      <c r="AS5526">
        <v>0</v>
      </c>
      <c r="AT5526">
        <v>0</v>
      </c>
      <c r="AU5526">
        <v>0</v>
      </c>
      <c r="AV5526">
        <v>0</v>
      </c>
      <c r="AW5526">
        <v>0</v>
      </c>
      <c r="AX5526">
        <v>1012</v>
      </c>
      <c r="AY5526">
        <v>28</v>
      </c>
      <c r="AZ5526">
        <v>48</v>
      </c>
      <c r="BA5526">
        <v>3226</v>
      </c>
    </row>
    <row r="5527" spans="1:53" x14ac:dyDescent="0.4">
      <c r="A5527">
        <v>5571</v>
      </c>
      <c r="B5527" s="1">
        <v>44937</v>
      </c>
      <c r="C5527">
        <v>3</v>
      </c>
      <c r="D5527" s="1">
        <v>44937.73333333333</v>
      </c>
      <c r="E5527" s="1">
        <v>44937.959027777775</v>
      </c>
      <c r="F5527">
        <v>17480</v>
      </c>
      <c r="G5527">
        <v>2222</v>
      </c>
      <c r="H5527">
        <v>0</v>
      </c>
      <c r="I5527">
        <v>0</v>
      </c>
      <c r="J5527">
        <v>0</v>
      </c>
      <c r="K5527">
        <v>0</v>
      </c>
      <c r="L5527">
        <v>0</v>
      </c>
      <c r="M5527">
        <v>1791</v>
      </c>
      <c r="N5527">
        <v>0</v>
      </c>
      <c r="O5527">
        <v>0</v>
      </c>
      <c r="P5527">
        <v>-12724</v>
      </c>
      <c r="Q5527">
        <v>0</v>
      </c>
      <c r="R5527">
        <v>6978</v>
      </c>
      <c r="S5527">
        <v>0</v>
      </c>
      <c r="T5527">
        <v>0</v>
      </c>
      <c r="U5527">
        <v>0</v>
      </c>
      <c r="V5527">
        <v>2</v>
      </c>
      <c r="W5527">
        <v>2</v>
      </c>
      <c r="X5527">
        <v>0</v>
      </c>
      <c r="Y5527">
        <v>40</v>
      </c>
      <c r="Z5527">
        <v>14</v>
      </c>
      <c r="AA5527">
        <v>126</v>
      </c>
      <c r="AB5527">
        <v>29</v>
      </c>
      <c r="AC5527">
        <v>167</v>
      </c>
      <c r="AD5527">
        <v>25</v>
      </c>
      <c r="AE5527">
        <v>80</v>
      </c>
      <c r="AF5527">
        <v>750</v>
      </c>
      <c r="AG5527">
        <v>93675</v>
      </c>
      <c r="AH5527">
        <v>50000</v>
      </c>
      <c r="AI5527">
        <v>0</v>
      </c>
      <c r="AJ5527">
        <v>95</v>
      </c>
      <c r="AK5527" t="s">
        <v>21</v>
      </c>
      <c r="AL5527">
        <v>0</v>
      </c>
      <c r="AM5527">
        <v>0</v>
      </c>
      <c r="AN5527">
        <v>0</v>
      </c>
      <c r="AO5527">
        <v>0</v>
      </c>
      <c r="AP5527">
        <v>0</v>
      </c>
      <c r="AQ5527">
        <v>0</v>
      </c>
      <c r="AR5527">
        <v>0</v>
      </c>
      <c r="AS5527">
        <v>0</v>
      </c>
      <c r="AT5527">
        <v>0</v>
      </c>
      <c r="AU5527">
        <v>0</v>
      </c>
      <c r="AV5527">
        <v>0</v>
      </c>
      <c r="AW5527">
        <v>0</v>
      </c>
      <c r="AX5527">
        <v>4400</v>
      </c>
      <c r="AY5527">
        <v>5</v>
      </c>
      <c r="AZ5527">
        <v>12</v>
      </c>
      <c r="BA5527">
        <v>1656</v>
      </c>
    </row>
    <row r="5528" spans="1:53" x14ac:dyDescent="0.4">
      <c r="A5528">
        <v>5572</v>
      </c>
      <c r="B5528" s="1">
        <v>44938</v>
      </c>
      <c r="C5528">
        <v>1</v>
      </c>
      <c r="D5528" s="1">
        <v>44938.291666666664</v>
      </c>
      <c r="E5528" s="1">
        <v>44938.445138888892</v>
      </c>
      <c r="F5528">
        <v>0</v>
      </c>
      <c r="G5528">
        <v>0</v>
      </c>
      <c r="H5528">
        <v>0</v>
      </c>
      <c r="I5528">
        <v>0</v>
      </c>
      <c r="J5528">
        <v>0</v>
      </c>
      <c r="K5528">
        <v>0</v>
      </c>
      <c r="L5528">
        <v>0</v>
      </c>
      <c r="M5528">
        <v>0</v>
      </c>
      <c r="N5528">
        <v>0</v>
      </c>
      <c r="O5528">
        <v>0</v>
      </c>
      <c r="P5528">
        <v>0</v>
      </c>
      <c r="Q5528">
        <v>0</v>
      </c>
      <c r="R5528">
        <v>0</v>
      </c>
      <c r="S5528">
        <v>0</v>
      </c>
      <c r="T5528">
        <v>0</v>
      </c>
      <c r="U5528">
        <v>0</v>
      </c>
      <c r="V5528">
        <v>0</v>
      </c>
      <c r="W5528">
        <v>0</v>
      </c>
      <c r="X5528">
        <v>0</v>
      </c>
      <c r="Y5528">
        <v>31</v>
      </c>
      <c r="Z5528">
        <v>10</v>
      </c>
      <c r="AA5528">
        <v>107</v>
      </c>
      <c r="AB5528">
        <v>29</v>
      </c>
      <c r="AC5528">
        <v>165</v>
      </c>
      <c r="AD5528">
        <v>24</v>
      </c>
      <c r="AE5528">
        <v>80</v>
      </c>
      <c r="AF5528">
        <v>0</v>
      </c>
      <c r="AG5528">
        <v>50000</v>
      </c>
      <c r="AH5528">
        <v>50000</v>
      </c>
      <c r="AI5528">
        <v>0</v>
      </c>
      <c r="AJ5528">
        <v>0</v>
      </c>
      <c r="AK5528" t="s">
        <v>6</v>
      </c>
      <c r="AL5528">
        <v>0</v>
      </c>
      <c r="AM5528">
        <v>0</v>
      </c>
      <c r="AN5528">
        <v>0</v>
      </c>
      <c r="AO5528">
        <v>0</v>
      </c>
      <c r="AP5528">
        <v>0</v>
      </c>
      <c r="AQ5528">
        <v>0</v>
      </c>
      <c r="AR5528">
        <v>0</v>
      </c>
      <c r="AS5528">
        <v>0</v>
      </c>
      <c r="AT5528">
        <v>0</v>
      </c>
      <c r="AU5528">
        <v>0</v>
      </c>
      <c r="AV5528">
        <v>0</v>
      </c>
      <c r="AW5528">
        <v>0</v>
      </c>
      <c r="AX5528">
        <v>0</v>
      </c>
      <c r="AY5528">
        <v>0</v>
      </c>
      <c r="AZ5528">
        <v>0</v>
      </c>
      <c r="BA5528">
        <v>0</v>
      </c>
    </row>
    <row r="5529" spans="1:53" x14ac:dyDescent="0.4">
      <c r="A5529">
        <v>5573</v>
      </c>
      <c r="B5529" s="1">
        <v>44938</v>
      </c>
      <c r="C5529">
        <v>2</v>
      </c>
      <c r="D5529" s="1">
        <v>44938.445138888892</v>
      </c>
      <c r="E5529" s="1">
        <v>44938.745138888888</v>
      </c>
      <c r="F5529">
        <v>11040</v>
      </c>
      <c r="G5529">
        <v>2728</v>
      </c>
      <c r="H5529">
        <v>0</v>
      </c>
      <c r="I5529">
        <v>0</v>
      </c>
      <c r="J5529">
        <v>0</v>
      </c>
      <c r="K5529">
        <v>0</v>
      </c>
      <c r="L5529">
        <v>0</v>
      </c>
      <c r="M5529">
        <v>1253</v>
      </c>
      <c r="N5529">
        <v>0</v>
      </c>
      <c r="O5529">
        <v>0</v>
      </c>
      <c r="P5529">
        <v>7510</v>
      </c>
      <c r="Q5529">
        <v>0</v>
      </c>
      <c r="R5529">
        <v>21278</v>
      </c>
      <c r="S5529">
        <v>0</v>
      </c>
      <c r="T5529">
        <v>0</v>
      </c>
      <c r="U5529">
        <v>0</v>
      </c>
      <c r="V5529">
        <v>1</v>
      </c>
      <c r="W5529">
        <v>0</v>
      </c>
      <c r="X5529">
        <v>0</v>
      </c>
      <c r="Y5529">
        <v>41</v>
      </c>
      <c r="Z5529">
        <v>14</v>
      </c>
      <c r="AA5529">
        <v>88</v>
      </c>
      <c r="AB5529">
        <v>29</v>
      </c>
      <c r="AC5529">
        <v>169</v>
      </c>
      <c r="AD5529">
        <v>24</v>
      </c>
      <c r="AE5529">
        <v>88</v>
      </c>
      <c r="AF5529">
        <v>1130</v>
      </c>
      <c r="AG5529">
        <v>71278</v>
      </c>
      <c r="AH5529">
        <v>50000</v>
      </c>
      <c r="AI5529">
        <v>0</v>
      </c>
      <c r="AJ5529">
        <v>119</v>
      </c>
      <c r="AK5529" t="s">
        <v>56</v>
      </c>
      <c r="AL5529">
        <v>0</v>
      </c>
      <c r="AM5529">
        <v>0</v>
      </c>
      <c r="AN5529">
        <v>0</v>
      </c>
      <c r="AO5529">
        <v>0</v>
      </c>
      <c r="AP5529">
        <v>0</v>
      </c>
      <c r="AQ5529">
        <v>0</v>
      </c>
      <c r="AR5529">
        <v>0</v>
      </c>
      <c r="AS5529">
        <v>0</v>
      </c>
      <c r="AT5529">
        <v>0</v>
      </c>
      <c r="AU5529">
        <v>0</v>
      </c>
      <c r="AV5529">
        <v>0</v>
      </c>
      <c r="AW5529">
        <v>0</v>
      </c>
      <c r="AX5529">
        <v>0</v>
      </c>
      <c r="AY5529">
        <v>22</v>
      </c>
      <c r="AZ5529">
        <v>30</v>
      </c>
      <c r="BA5529">
        <v>2856</v>
      </c>
    </row>
    <row r="5530" spans="1:53" x14ac:dyDescent="0.4">
      <c r="A5530">
        <v>5574</v>
      </c>
      <c r="B5530" s="1">
        <v>44938</v>
      </c>
      <c r="C5530">
        <v>3</v>
      </c>
      <c r="D5530" s="1">
        <v>44938.745138888888</v>
      </c>
      <c r="E5530" s="1">
        <v>44938.953472222223</v>
      </c>
      <c r="F5530">
        <v>11580</v>
      </c>
      <c r="G5530">
        <v>0</v>
      </c>
      <c r="H5530">
        <v>0</v>
      </c>
      <c r="I5530">
        <v>0</v>
      </c>
      <c r="J5530">
        <v>100</v>
      </c>
      <c r="K5530">
        <v>0</v>
      </c>
      <c r="L5530">
        <v>0</v>
      </c>
      <c r="M5530">
        <v>1043</v>
      </c>
      <c r="N5530">
        <v>0</v>
      </c>
      <c r="O5530">
        <v>0</v>
      </c>
      <c r="P5530">
        <v>-5010</v>
      </c>
      <c r="Q5530">
        <v>0</v>
      </c>
      <c r="R5530">
        <v>6470</v>
      </c>
      <c r="S5530">
        <v>0</v>
      </c>
      <c r="T5530">
        <v>0</v>
      </c>
      <c r="U5530">
        <v>0</v>
      </c>
      <c r="V5530">
        <v>1</v>
      </c>
      <c r="W5530">
        <v>1</v>
      </c>
      <c r="X5530">
        <v>0</v>
      </c>
      <c r="Y5530">
        <v>41</v>
      </c>
      <c r="Z5530">
        <v>11</v>
      </c>
      <c r="AA5530">
        <v>85</v>
      </c>
      <c r="AB5530">
        <v>29</v>
      </c>
      <c r="AC5530">
        <v>169</v>
      </c>
      <c r="AD5530">
        <v>25</v>
      </c>
      <c r="AE5530">
        <v>89</v>
      </c>
      <c r="AF5530">
        <v>4394</v>
      </c>
      <c r="AG5530">
        <v>77748</v>
      </c>
      <c r="AH5530">
        <v>50000</v>
      </c>
      <c r="AI5530">
        <v>0</v>
      </c>
      <c r="AJ5530">
        <v>108</v>
      </c>
      <c r="AK5530" t="s">
        <v>3</v>
      </c>
      <c r="AL5530">
        <v>0</v>
      </c>
      <c r="AM5530">
        <v>0</v>
      </c>
      <c r="AN5530">
        <v>0</v>
      </c>
      <c r="AO5530">
        <v>0</v>
      </c>
      <c r="AP5530">
        <v>0</v>
      </c>
      <c r="AQ5530">
        <v>0</v>
      </c>
      <c r="AR5530">
        <v>0</v>
      </c>
      <c r="AS5530">
        <v>0</v>
      </c>
      <c r="AT5530">
        <v>0</v>
      </c>
      <c r="AU5530">
        <v>0</v>
      </c>
      <c r="AV5530">
        <v>0</v>
      </c>
      <c r="AW5530">
        <v>0</v>
      </c>
      <c r="AX5530">
        <v>4840</v>
      </c>
      <c r="AY5530">
        <v>8</v>
      </c>
      <c r="AZ5530">
        <v>13</v>
      </c>
      <c r="BA5530">
        <v>1393</v>
      </c>
    </row>
    <row r="5531" spans="1:53" x14ac:dyDescent="0.4">
      <c r="A5531">
        <v>5575</v>
      </c>
      <c r="B5531" s="1">
        <v>44939</v>
      </c>
      <c r="C5531">
        <v>1</v>
      </c>
      <c r="D5531" s="1">
        <v>44939.291666666664</v>
      </c>
      <c r="E5531" s="1">
        <v>44939.45</v>
      </c>
      <c r="F5531">
        <v>0</v>
      </c>
      <c r="G5531">
        <v>0</v>
      </c>
      <c r="H5531">
        <v>0</v>
      </c>
      <c r="I5531">
        <v>0</v>
      </c>
      <c r="J5531">
        <v>0</v>
      </c>
      <c r="K5531">
        <v>0</v>
      </c>
      <c r="L5531">
        <v>0</v>
      </c>
      <c r="M5531">
        <v>0</v>
      </c>
      <c r="N5531">
        <v>0</v>
      </c>
      <c r="O5531">
        <v>0</v>
      </c>
      <c r="P5531">
        <v>0</v>
      </c>
      <c r="Q5531">
        <v>0</v>
      </c>
      <c r="R5531">
        <v>0</v>
      </c>
      <c r="S5531">
        <v>0</v>
      </c>
      <c r="T5531">
        <v>0</v>
      </c>
      <c r="U5531">
        <v>0</v>
      </c>
      <c r="V5531">
        <v>0</v>
      </c>
      <c r="W5531">
        <v>1</v>
      </c>
      <c r="X5531">
        <v>0</v>
      </c>
      <c r="Y5531">
        <v>27</v>
      </c>
      <c r="Z5531">
        <v>12</v>
      </c>
      <c r="AA5531">
        <v>93</v>
      </c>
      <c r="AB5531">
        <v>28</v>
      </c>
      <c r="AC5531">
        <v>109</v>
      </c>
      <c r="AD5531">
        <v>25</v>
      </c>
      <c r="AE5531">
        <v>85</v>
      </c>
      <c r="AF5531">
        <v>0</v>
      </c>
      <c r="AG5531">
        <v>50000</v>
      </c>
      <c r="AH5531">
        <v>50000</v>
      </c>
      <c r="AI5531">
        <v>0</v>
      </c>
      <c r="AJ5531">
        <v>0</v>
      </c>
      <c r="AK5531" t="s">
        <v>6</v>
      </c>
      <c r="AL5531">
        <v>0</v>
      </c>
      <c r="AM5531">
        <v>0</v>
      </c>
      <c r="AN5531">
        <v>0</v>
      </c>
      <c r="AO5531">
        <v>0</v>
      </c>
      <c r="AP5531">
        <v>0</v>
      </c>
      <c r="AQ5531">
        <v>0</v>
      </c>
      <c r="AR5531">
        <v>0</v>
      </c>
      <c r="AS5531">
        <v>0</v>
      </c>
      <c r="AT5531">
        <v>0</v>
      </c>
      <c r="AU5531">
        <v>0</v>
      </c>
      <c r="AV5531">
        <v>0</v>
      </c>
      <c r="AW5531">
        <v>0</v>
      </c>
      <c r="AX5531">
        <v>0</v>
      </c>
      <c r="AY5531">
        <v>0</v>
      </c>
      <c r="AZ5531">
        <v>0</v>
      </c>
      <c r="BA5531">
        <v>0</v>
      </c>
    </row>
    <row r="5532" spans="1:53" x14ac:dyDescent="0.4">
      <c r="A5532">
        <v>5576</v>
      </c>
      <c r="B5532" s="1">
        <v>44939</v>
      </c>
      <c r="C5532">
        <v>2</v>
      </c>
      <c r="D5532" s="1">
        <v>44939.45</v>
      </c>
      <c r="E5532" s="1">
        <v>44939.741666666669</v>
      </c>
      <c r="F5532">
        <v>25250</v>
      </c>
      <c r="G5532">
        <v>2684</v>
      </c>
      <c r="H5532">
        <v>0</v>
      </c>
      <c r="I5532">
        <v>0</v>
      </c>
      <c r="J5532">
        <v>100</v>
      </c>
      <c r="K5532">
        <v>0</v>
      </c>
      <c r="L5532">
        <v>0</v>
      </c>
      <c r="M5532">
        <v>2531</v>
      </c>
      <c r="N5532">
        <v>0</v>
      </c>
      <c r="O5532">
        <v>0</v>
      </c>
      <c r="P5532">
        <v>20120</v>
      </c>
      <c r="Q5532">
        <v>0</v>
      </c>
      <c r="R5532">
        <v>47954</v>
      </c>
      <c r="S5532">
        <v>0</v>
      </c>
      <c r="T5532">
        <v>0</v>
      </c>
      <c r="U5532">
        <v>0</v>
      </c>
      <c r="V5532">
        <v>0</v>
      </c>
      <c r="W5532">
        <v>3</v>
      </c>
      <c r="X5532">
        <v>0</v>
      </c>
      <c r="Y5532">
        <v>48</v>
      </c>
      <c r="Z5532">
        <v>27</v>
      </c>
      <c r="AA5532">
        <v>78</v>
      </c>
      <c r="AB5532">
        <v>26</v>
      </c>
      <c r="AC5532">
        <v>148</v>
      </c>
      <c r="AD5532">
        <v>25</v>
      </c>
      <c r="AE5532">
        <v>93</v>
      </c>
      <c r="AF5532">
        <v>10656</v>
      </c>
      <c r="AG5532">
        <v>97954</v>
      </c>
      <c r="AH5532">
        <v>50000</v>
      </c>
      <c r="AI5532">
        <v>0</v>
      </c>
      <c r="AJ5532">
        <v>35</v>
      </c>
      <c r="AK5532" t="s">
        <v>66</v>
      </c>
      <c r="AL5532">
        <v>0</v>
      </c>
      <c r="AM5532">
        <v>0</v>
      </c>
      <c r="AN5532">
        <v>0</v>
      </c>
      <c r="AO5532">
        <v>0</v>
      </c>
      <c r="AP5532">
        <v>0</v>
      </c>
      <c r="AQ5532">
        <v>0</v>
      </c>
      <c r="AR5532">
        <v>0</v>
      </c>
      <c r="AS5532">
        <v>0</v>
      </c>
      <c r="AT5532">
        <v>0</v>
      </c>
      <c r="AU5532">
        <v>0</v>
      </c>
      <c r="AV5532">
        <v>0</v>
      </c>
      <c r="AW5532">
        <v>0</v>
      </c>
      <c r="AX5532">
        <v>0</v>
      </c>
      <c r="AY5532">
        <v>40</v>
      </c>
      <c r="AZ5532">
        <v>75</v>
      </c>
      <c r="BA5532">
        <v>6098</v>
      </c>
    </row>
    <row r="5533" spans="1:53" x14ac:dyDescent="0.4">
      <c r="A5533">
        <v>5577</v>
      </c>
      <c r="B5533" s="1">
        <v>44939</v>
      </c>
      <c r="C5533">
        <v>3</v>
      </c>
      <c r="D5533" s="1">
        <v>44939.741666666669</v>
      </c>
      <c r="E5533" s="1">
        <v>44939.930555555555</v>
      </c>
      <c r="F5533">
        <v>52320</v>
      </c>
      <c r="G5533">
        <v>2585</v>
      </c>
      <c r="H5533">
        <v>0</v>
      </c>
      <c r="I5533">
        <v>0</v>
      </c>
      <c r="J5533">
        <v>100</v>
      </c>
      <c r="K5533">
        <v>600</v>
      </c>
      <c r="L5533">
        <v>0</v>
      </c>
      <c r="M5533">
        <v>5034</v>
      </c>
      <c r="N5533">
        <v>0</v>
      </c>
      <c r="O5533">
        <v>0</v>
      </c>
      <c r="P5533">
        <v>-12860</v>
      </c>
      <c r="Q5533">
        <v>0</v>
      </c>
      <c r="R5533">
        <v>42545</v>
      </c>
      <c r="S5533">
        <v>0</v>
      </c>
      <c r="T5533">
        <v>0</v>
      </c>
      <c r="U5533">
        <v>0</v>
      </c>
      <c r="V5533">
        <v>2</v>
      </c>
      <c r="W5533">
        <v>6</v>
      </c>
      <c r="X5533">
        <v>0</v>
      </c>
      <c r="Y5533">
        <v>52</v>
      </c>
      <c r="Z5533">
        <v>30</v>
      </c>
      <c r="AA5533">
        <v>82</v>
      </c>
      <c r="AB5533">
        <v>28</v>
      </c>
      <c r="AC5533">
        <v>158</v>
      </c>
      <c r="AD5533">
        <v>26</v>
      </c>
      <c r="AE5533">
        <v>93</v>
      </c>
      <c r="AF5533">
        <v>12096</v>
      </c>
      <c r="AG5533">
        <v>140499</v>
      </c>
      <c r="AH5533">
        <v>50000</v>
      </c>
      <c r="AI5533">
        <v>0</v>
      </c>
      <c r="AJ5533">
        <v>108</v>
      </c>
      <c r="AK5533" t="s">
        <v>3</v>
      </c>
      <c r="AL5533">
        <v>0</v>
      </c>
      <c r="AM5533">
        <v>0</v>
      </c>
      <c r="AN5533">
        <v>0</v>
      </c>
      <c r="AO5533">
        <v>0</v>
      </c>
      <c r="AP5533">
        <v>0</v>
      </c>
      <c r="AQ5533">
        <v>0</v>
      </c>
      <c r="AR5533">
        <v>0</v>
      </c>
      <c r="AS5533">
        <v>0</v>
      </c>
      <c r="AT5533">
        <v>0</v>
      </c>
      <c r="AU5533">
        <v>0</v>
      </c>
      <c r="AV5533">
        <v>0</v>
      </c>
      <c r="AW5533">
        <v>0</v>
      </c>
      <c r="AX5533">
        <v>11880</v>
      </c>
      <c r="AY5533">
        <v>19</v>
      </c>
      <c r="AZ5533">
        <v>42</v>
      </c>
      <c r="BA5533">
        <v>2796</v>
      </c>
    </row>
    <row r="5534" spans="1:53" x14ac:dyDescent="0.4">
      <c r="A5534">
        <v>5578</v>
      </c>
      <c r="B5534" s="1">
        <v>44940</v>
      </c>
      <c r="C5534">
        <v>1</v>
      </c>
      <c r="D5534" s="1">
        <v>44940.291666666664</v>
      </c>
      <c r="E5534" s="1">
        <v>44940.386111111111</v>
      </c>
      <c r="F5534">
        <v>0</v>
      </c>
      <c r="G5534">
        <v>0</v>
      </c>
      <c r="H5534">
        <v>0</v>
      </c>
      <c r="I5534">
        <v>0</v>
      </c>
      <c r="J5534">
        <v>0</v>
      </c>
      <c r="K5534">
        <v>0</v>
      </c>
      <c r="L5534">
        <v>0</v>
      </c>
      <c r="M5534">
        <v>0</v>
      </c>
      <c r="N5534">
        <v>0</v>
      </c>
      <c r="O5534">
        <v>0</v>
      </c>
      <c r="P5534">
        <v>0</v>
      </c>
      <c r="Q5534">
        <v>0</v>
      </c>
      <c r="R5534">
        <v>0</v>
      </c>
      <c r="S5534">
        <v>0</v>
      </c>
      <c r="T5534">
        <v>0</v>
      </c>
      <c r="U5534">
        <v>0</v>
      </c>
      <c r="V5534">
        <v>0</v>
      </c>
      <c r="W5534">
        <v>1</v>
      </c>
      <c r="X5534">
        <v>0</v>
      </c>
      <c r="Y5534">
        <v>25</v>
      </c>
      <c r="Z5534">
        <v>19</v>
      </c>
      <c r="AA5534">
        <v>81</v>
      </c>
      <c r="AB5534">
        <v>24</v>
      </c>
      <c r="AC5534">
        <v>100</v>
      </c>
      <c r="AD5534">
        <v>26</v>
      </c>
      <c r="AE5534">
        <v>70</v>
      </c>
      <c r="AF5534">
        <v>0</v>
      </c>
      <c r="AG5534">
        <v>50000</v>
      </c>
      <c r="AH5534">
        <v>50000</v>
      </c>
      <c r="AI5534">
        <v>0</v>
      </c>
      <c r="AJ5534">
        <v>0</v>
      </c>
      <c r="AK5534" t="s">
        <v>6</v>
      </c>
      <c r="AL5534">
        <v>0</v>
      </c>
      <c r="AM5534">
        <v>0</v>
      </c>
      <c r="AN5534">
        <v>0</v>
      </c>
      <c r="AO5534">
        <v>0</v>
      </c>
      <c r="AP5534">
        <v>0</v>
      </c>
      <c r="AQ5534">
        <v>0</v>
      </c>
      <c r="AR5534">
        <v>0</v>
      </c>
      <c r="AS5534">
        <v>0</v>
      </c>
      <c r="AT5534">
        <v>0</v>
      </c>
      <c r="AU5534">
        <v>0</v>
      </c>
      <c r="AV5534">
        <v>0</v>
      </c>
      <c r="AW5534">
        <v>0</v>
      </c>
      <c r="AX5534">
        <v>0</v>
      </c>
      <c r="AY5534">
        <v>0</v>
      </c>
      <c r="AZ5534">
        <v>0</v>
      </c>
      <c r="BA5534">
        <v>0</v>
      </c>
    </row>
    <row r="5535" spans="1:53" x14ac:dyDescent="0.4">
      <c r="A5535">
        <v>5579</v>
      </c>
      <c r="B5535" s="1">
        <v>44940</v>
      </c>
      <c r="C5535">
        <v>2</v>
      </c>
      <c r="D5535" s="1">
        <v>44940.386111111111</v>
      </c>
      <c r="E5535" s="1">
        <v>44940.745833333334</v>
      </c>
      <c r="F5535">
        <v>33300</v>
      </c>
      <c r="G5535">
        <v>2398</v>
      </c>
      <c r="H5535">
        <v>0</v>
      </c>
      <c r="I5535">
        <v>0</v>
      </c>
      <c r="J5535">
        <v>0</v>
      </c>
      <c r="K5535">
        <v>0</v>
      </c>
      <c r="L5535">
        <v>0</v>
      </c>
      <c r="M5535">
        <v>3243</v>
      </c>
      <c r="N5535">
        <v>0</v>
      </c>
      <c r="O5535">
        <v>0</v>
      </c>
      <c r="P5535">
        <v>19780</v>
      </c>
      <c r="Q5535">
        <v>0</v>
      </c>
      <c r="R5535">
        <v>55478</v>
      </c>
      <c r="S5535">
        <v>0</v>
      </c>
      <c r="T5535">
        <v>0</v>
      </c>
      <c r="U5535">
        <v>0</v>
      </c>
      <c r="V5535">
        <v>2</v>
      </c>
      <c r="W5535">
        <v>2</v>
      </c>
      <c r="X5535">
        <v>0</v>
      </c>
      <c r="Y5535">
        <v>54</v>
      </c>
      <c r="Z5535">
        <v>19</v>
      </c>
      <c r="AA5535">
        <v>42</v>
      </c>
      <c r="AB5535">
        <v>21</v>
      </c>
      <c r="AC5535">
        <v>105</v>
      </c>
      <c r="AD5535">
        <v>26</v>
      </c>
      <c r="AE5535">
        <v>64</v>
      </c>
      <c r="AF5535">
        <v>5484</v>
      </c>
      <c r="AG5535">
        <v>105478</v>
      </c>
      <c r="AH5535">
        <v>50000</v>
      </c>
      <c r="AI5535">
        <v>0</v>
      </c>
      <c r="AJ5535">
        <v>115</v>
      </c>
      <c r="AK5535" t="s">
        <v>55</v>
      </c>
      <c r="AL5535">
        <v>0</v>
      </c>
      <c r="AM5535">
        <v>0</v>
      </c>
      <c r="AN5535">
        <v>0</v>
      </c>
      <c r="AO5535">
        <v>0</v>
      </c>
      <c r="AP5535">
        <v>0</v>
      </c>
      <c r="AQ5535">
        <v>0</v>
      </c>
      <c r="AR5535">
        <v>0</v>
      </c>
      <c r="AS5535">
        <v>0</v>
      </c>
      <c r="AT5535">
        <v>0</v>
      </c>
      <c r="AU5535">
        <v>0</v>
      </c>
      <c r="AV5535">
        <v>0</v>
      </c>
      <c r="AW5535">
        <v>0</v>
      </c>
      <c r="AX5535">
        <v>1474</v>
      </c>
      <c r="AY5535">
        <v>43</v>
      </c>
      <c r="AZ5535">
        <v>84</v>
      </c>
      <c r="BA5535">
        <v>6218</v>
      </c>
    </row>
    <row r="5536" spans="1:53" x14ac:dyDescent="0.4">
      <c r="A5536">
        <v>5580</v>
      </c>
      <c r="B5536" s="1">
        <v>44941</v>
      </c>
      <c r="C5536">
        <v>1</v>
      </c>
      <c r="D5536" s="1">
        <v>44941.291666666664</v>
      </c>
      <c r="E5536" s="1">
        <v>44941.407638888886</v>
      </c>
      <c r="F5536">
        <v>0</v>
      </c>
      <c r="G5536">
        <v>0</v>
      </c>
      <c r="H5536">
        <v>0</v>
      </c>
      <c r="I5536">
        <v>0</v>
      </c>
      <c r="J5536">
        <v>0</v>
      </c>
      <c r="K5536">
        <v>0</v>
      </c>
      <c r="L5536">
        <v>0</v>
      </c>
      <c r="M5536">
        <v>0</v>
      </c>
      <c r="N5536">
        <v>0</v>
      </c>
      <c r="O5536">
        <v>0</v>
      </c>
      <c r="P5536">
        <v>0</v>
      </c>
      <c r="Q5536">
        <v>0</v>
      </c>
      <c r="R5536">
        <v>0</v>
      </c>
      <c r="S5536">
        <v>0</v>
      </c>
      <c r="T5536">
        <v>0</v>
      </c>
      <c r="U5536">
        <v>0</v>
      </c>
      <c r="V5536">
        <v>0</v>
      </c>
      <c r="W5536">
        <v>1</v>
      </c>
      <c r="X5536">
        <v>0</v>
      </c>
      <c r="Y5536">
        <v>29</v>
      </c>
      <c r="Z5536">
        <v>13</v>
      </c>
      <c r="AA5536">
        <v>75</v>
      </c>
      <c r="AB5536">
        <v>19</v>
      </c>
      <c r="AC5536">
        <v>85</v>
      </c>
      <c r="AD5536">
        <v>28</v>
      </c>
      <c r="AE5536">
        <v>60</v>
      </c>
      <c r="AF5536">
        <v>0</v>
      </c>
      <c r="AG5536">
        <v>50000</v>
      </c>
      <c r="AH5536">
        <v>50000</v>
      </c>
      <c r="AI5536">
        <v>0</v>
      </c>
      <c r="AJ5536">
        <v>0</v>
      </c>
      <c r="AK5536" t="s">
        <v>6</v>
      </c>
      <c r="AL5536">
        <v>0</v>
      </c>
      <c r="AM5536">
        <v>0</v>
      </c>
      <c r="AN5536">
        <v>0</v>
      </c>
      <c r="AO5536">
        <v>0</v>
      </c>
      <c r="AP5536">
        <v>0</v>
      </c>
      <c r="AQ5536">
        <v>0</v>
      </c>
      <c r="AR5536">
        <v>0</v>
      </c>
      <c r="AS5536">
        <v>0</v>
      </c>
      <c r="AT5536">
        <v>0</v>
      </c>
      <c r="AU5536">
        <v>0</v>
      </c>
      <c r="AV5536">
        <v>0</v>
      </c>
      <c r="AW5536">
        <v>0</v>
      </c>
      <c r="AX5536">
        <v>0</v>
      </c>
      <c r="AY5536">
        <v>0</v>
      </c>
      <c r="AZ5536">
        <v>0</v>
      </c>
      <c r="BA5536">
        <v>0</v>
      </c>
    </row>
    <row r="5537" spans="1:53" x14ac:dyDescent="0.4">
      <c r="A5537">
        <v>5581</v>
      </c>
      <c r="B5537" s="1">
        <v>44941</v>
      </c>
      <c r="C5537">
        <v>2</v>
      </c>
      <c r="D5537" s="1">
        <v>44941.407638888886</v>
      </c>
      <c r="E5537" s="1">
        <v>44941.736111111109</v>
      </c>
      <c r="F5537">
        <v>38510</v>
      </c>
      <c r="G5537">
        <v>5896</v>
      </c>
      <c r="H5537">
        <v>0</v>
      </c>
      <c r="I5537">
        <v>0</v>
      </c>
      <c r="J5537">
        <v>200</v>
      </c>
      <c r="K5537">
        <v>0</v>
      </c>
      <c r="L5537">
        <v>0</v>
      </c>
      <c r="M5537">
        <v>4018</v>
      </c>
      <c r="N5537">
        <v>0</v>
      </c>
      <c r="O5537">
        <v>0</v>
      </c>
      <c r="P5537">
        <v>27720</v>
      </c>
      <c r="Q5537">
        <v>0</v>
      </c>
      <c r="R5537">
        <v>71926</v>
      </c>
      <c r="S5537">
        <v>0</v>
      </c>
      <c r="T5537">
        <v>0</v>
      </c>
      <c r="U5537">
        <v>0</v>
      </c>
      <c r="V5537">
        <v>2</v>
      </c>
      <c r="W5537">
        <v>3</v>
      </c>
      <c r="X5537">
        <v>0</v>
      </c>
      <c r="Y5537">
        <v>66</v>
      </c>
      <c r="Z5537">
        <v>17</v>
      </c>
      <c r="AA5537">
        <v>50</v>
      </c>
      <c r="AB5537">
        <v>10</v>
      </c>
      <c r="AC5537">
        <v>94</v>
      </c>
      <c r="AD5537">
        <v>26</v>
      </c>
      <c r="AE5537">
        <v>66</v>
      </c>
      <c r="AF5537">
        <v>5790</v>
      </c>
      <c r="AG5537">
        <v>121926</v>
      </c>
      <c r="AH5537">
        <v>50000</v>
      </c>
      <c r="AI5537">
        <v>0</v>
      </c>
      <c r="AJ5537">
        <v>115</v>
      </c>
      <c r="AK5537" t="s">
        <v>55</v>
      </c>
      <c r="AL5537">
        <v>0</v>
      </c>
      <c r="AM5537">
        <v>0</v>
      </c>
      <c r="AN5537">
        <v>0</v>
      </c>
      <c r="AO5537">
        <v>0</v>
      </c>
      <c r="AP5537">
        <v>0</v>
      </c>
      <c r="AQ5537">
        <v>0</v>
      </c>
      <c r="AR5537">
        <v>0</v>
      </c>
      <c r="AS5537">
        <v>0</v>
      </c>
      <c r="AT5537">
        <v>0</v>
      </c>
      <c r="AU5537">
        <v>0</v>
      </c>
      <c r="AV5537">
        <v>0</v>
      </c>
      <c r="AW5537">
        <v>0</v>
      </c>
      <c r="AX5537">
        <v>-2286</v>
      </c>
      <c r="AY5537">
        <v>52</v>
      </c>
      <c r="AZ5537">
        <v>108</v>
      </c>
      <c r="BA5537">
        <v>6935</v>
      </c>
    </row>
    <row r="5538" spans="1:53" x14ac:dyDescent="0.4">
      <c r="A5538">
        <v>5582</v>
      </c>
      <c r="B5538" s="1">
        <v>44941</v>
      </c>
      <c r="C5538">
        <v>3</v>
      </c>
      <c r="D5538" s="1">
        <v>44941.736111111109</v>
      </c>
      <c r="E5538" s="1">
        <v>44941.964583333334</v>
      </c>
      <c r="F5538">
        <v>53560</v>
      </c>
      <c r="G5538">
        <v>2046</v>
      </c>
      <c r="H5538">
        <v>0</v>
      </c>
      <c r="I5538">
        <v>0</v>
      </c>
      <c r="J5538">
        <v>0</v>
      </c>
      <c r="K5538">
        <v>0</v>
      </c>
      <c r="L5538">
        <v>0</v>
      </c>
      <c r="M5538">
        <v>5053</v>
      </c>
      <c r="N5538">
        <v>0</v>
      </c>
      <c r="O5538">
        <v>0</v>
      </c>
      <c r="P5538">
        <v>-16770</v>
      </c>
      <c r="Q5538">
        <v>0</v>
      </c>
      <c r="R5538">
        <v>38836</v>
      </c>
      <c r="S5538">
        <v>0</v>
      </c>
      <c r="T5538">
        <v>0</v>
      </c>
      <c r="U5538">
        <v>0</v>
      </c>
      <c r="V5538">
        <v>2</v>
      </c>
      <c r="W5538">
        <v>6</v>
      </c>
      <c r="X5538">
        <v>0</v>
      </c>
      <c r="Y5538">
        <v>75</v>
      </c>
      <c r="Z5538">
        <v>16</v>
      </c>
      <c r="AA5538">
        <v>46</v>
      </c>
      <c r="AB5538">
        <v>5</v>
      </c>
      <c r="AC5538">
        <v>94</v>
      </c>
      <c r="AD5538">
        <v>27</v>
      </c>
      <c r="AE5538">
        <v>63</v>
      </c>
      <c r="AF5538">
        <v>21774</v>
      </c>
      <c r="AG5538">
        <v>160762</v>
      </c>
      <c r="AH5538">
        <v>50000</v>
      </c>
      <c r="AI5538">
        <v>0</v>
      </c>
      <c r="AJ5538">
        <v>108</v>
      </c>
      <c r="AK5538" t="s">
        <v>3</v>
      </c>
      <c r="AL5538">
        <v>0</v>
      </c>
      <c r="AM5538">
        <v>0</v>
      </c>
      <c r="AN5538">
        <v>0</v>
      </c>
      <c r="AO5538">
        <v>0</v>
      </c>
      <c r="AP5538">
        <v>0</v>
      </c>
      <c r="AQ5538">
        <v>0</v>
      </c>
      <c r="AR5538">
        <v>0</v>
      </c>
      <c r="AS5538">
        <v>0</v>
      </c>
      <c r="AT5538">
        <v>0</v>
      </c>
      <c r="AU5538">
        <v>0</v>
      </c>
      <c r="AV5538">
        <v>0</v>
      </c>
      <c r="AW5538">
        <v>0</v>
      </c>
      <c r="AX5538">
        <v>6450</v>
      </c>
      <c r="AY5538">
        <v>13</v>
      </c>
      <c r="AZ5538">
        <v>31</v>
      </c>
      <c r="BA5538">
        <v>2933</v>
      </c>
    </row>
    <row r="5539" spans="1:53" x14ac:dyDescent="0.4">
      <c r="A5539">
        <v>5583</v>
      </c>
      <c r="B5539" s="1">
        <v>44942</v>
      </c>
      <c r="C5539">
        <v>1</v>
      </c>
      <c r="D5539" s="1">
        <v>44942.291666666664</v>
      </c>
      <c r="E5539" s="1">
        <v>44942.442361111112</v>
      </c>
      <c r="F5539">
        <v>0</v>
      </c>
      <c r="G5539">
        <v>0</v>
      </c>
      <c r="H5539">
        <v>0</v>
      </c>
      <c r="I5539">
        <v>0</v>
      </c>
      <c r="J5539">
        <v>0</v>
      </c>
      <c r="K5539">
        <v>0</v>
      </c>
      <c r="L5539">
        <v>0</v>
      </c>
      <c r="M5539">
        <v>0</v>
      </c>
      <c r="N5539">
        <v>0</v>
      </c>
      <c r="O5539">
        <v>0</v>
      </c>
      <c r="P5539">
        <v>0</v>
      </c>
      <c r="Q5539">
        <v>0</v>
      </c>
      <c r="R5539">
        <v>0</v>
      </c>
      <c r="S5539">
        <v>0</v>
      </c>
      <c r="T5539">
        <v>0</v>
      </c>
      <c r="U5539">
        <v>0</v>
      </c>
      <c r="V5539">
        <v>0</v>
      </c>
      <c r="W5539">
        <v>1</v>
      </c>
      <c r="X5539">
        <v>0</v>
      </c>
      <c r="Y5539">
        <v>26</v>
      </c>
      <c r="Z5539">
        <v>14</v>
      </c>
      <c r="AA5539">
        <v>94</v>
      </c>
      <c r="AB5539">
        <v>23</v>
      </c>
      <c r="AC5539">
        <v>126</v>
      </c>
      <c r="AD5539">
        <v>26</v>
      </c>
      <c r="AE5539">
        <v>60</v>
      </c>
      <c r="AF5539">
        <v>0</v>
      </c>
      <c r="AG5539">
        <v>50000</v>
      </c>
      <c r="AH5539">
        <v>50000</v>
      </c>
      <c r="AI5539">
        <v>0</v>
      </c>
      <c r="AJ5539">
        <v>0</v>
      </c>
      <c r="AK5539" t="s">
        <v>6</v>
      </c>
      <c r="AL5539">
        <v>0</v>
      </c>
      <c r="AM5539">
        <v>0</v>
      </c>
      <c r="AN5539">
        <v>0</v>
      </c>
      <c r="AO5539">
        <v>0</v>
      </c>
      <c r="AP5539">
        <v>0</v>
      </c>
      <c r="AQ5539">
        <v>0</v>
      </c>
      <c r="AR5539">
        <v>0</v>
      </c>
      <c r="AS5539">
        <v>0</v>
      </c>
      <c r="AT5539">
        <v>0</v>
      </c>
      <c r="AU5539">
        <v>0</v>
      </c>
      <c r="AV5539">
        <v>0</v>
      </c>
      <c r="AW5539">
        <v>0</v>
      </c>
      <c r="AX5539">
        <v>0</v>
      </c>
      <c r="AY5539">
        <v>0</v>
      </c>
      <c r="AZ5539">
        <v>0</v>
      </c>
      <c r="BA5539">
        <v>0</v>
      </c>
    </row>
    <row r="5540" spans="1:53" x14ac:dyDescent="0.4">
      <c r="A5540">
        <v>5584</v>
      </c>
      <c r="B5540" s="1">
        <v>44942</v>
      </c>
      <c r="C5540">
        <v>2</v>
      </c>
      <c r="D5540" s="1">
        <v>44942.442361111112</v>
      </c>
      <c r="E5540" s="1">
        <v>44942.737500000003</v>
      </c>
      <c r="F5540">
        <v>24420</v>
      </c>
      <c r="G5540">
        <v>308</v>
      </c>
      <c r="H5540">
        <v>0</v>
      </c>
      <c r="I5540">
        <v>0</v>
      </c>
      <c r="J5540">
        <v>200</v>
      </c>
      <c r="K5540">
        <v>400</v>
      </c>
      <c r="L5540">
        <v>0</v>
      </c>
      <c r="M5540">
        <v>2265</v>
      </c>
      <c r="N5540">
        <v>0</v>
      </c>
      <c r="O5540">
        <v>0</v>
      </c>
      <c r="P5540">
        <v>29634</v>
      </c>
      <c r="Q5540">
        <v>0</v>
      </c>
      <c r="R5540">
        <v>54562</v>
      </c>
      <c r="S5540">
        <v>0</v>
      </c>
      <c r="T5540">
        <v>0</v>
      </c>
      <c r="U5540">
        <v>0</v>
      </c>
      <c r="V5540">
        <v>3</v>
      </c>
      <c r="W5540">
        <v>3</v>
      </c>
      <c r="X5540">
        <v>0</v>
      </c>
      <c r="Y5540">
        <v>31</v>
      </c>
      <c r="Z5540">
        <v>30</v>
      </c>
      <c r="AA5540">
        <v>111</v>
      </c>
      <c r="AB5540">
        <v>15</v>
      </c>
      <c r="AC5540">
        <v>152</v>
      </c>
      <c r="AD5540">
        <v>27</v>
      </c>
      <c r="AE5540">
        <v>57</v>
      </c>
      <c r="AF5540">
        <v>0</v>
      </c>
      <c r="AG5540">
        <v>104562</v>
      </c>
      <c r="AH5540">
        <v>50000</v>
      </c>
      <c r="AI5540">
        <v>0</v>
      </c>
      <c r="AJ5540">
        <v>119</v>
      </c>
      <c r="AK5540" t="s">
        <v>56</v>
      </c>
      <c r="AL5540">
        <v>0</v>
      </c>
      <c r="AM5540">
        <v>0</v>
      </c>
      <c r="AN5540">
        <v>0</v>
      </c>
      <c r="AO5540">
        <v>0</v>
      </c>
      <c r="AP5540">
        <v>0</v>
      </c>
      <c r="AQ5540">
        <v>0</v>
      </c>
      <c r="AR5540">
        <v>0</v>
      </c>
      <c r="AS5540">
        <v>0</v>
      </c>
      <c r="AT5540">
        <v>0</v>
      </c>
      <c r="AU5540">
        <v>0</v>
      </c>
      <c r="AV5540">
        <v>0</v>
      </c>
      <c r="AW5540">
        <v>0</v>
      </c>
      <c r="AX5540">
        <v>-1060</v>
      </c>
      <c r="AY5540">
        <v>41</v>
      </c>
      <c r="AZ5540">
        <v>73</v>
      </c>
      <c r="BA5540">
        <v>6009</v>
      </c>
    </row>
    <row r="5541" spans="1:53" x14ac:dyDescent="0.4">
      <c r="A5541">
        <v>5585</v>
      </c>
      <c r="B5541" s="1">
        <v>44943</v>
      </c>
      <c r="C5541">
        <v>1</v>
      </c>
      <c r="D5541" s="1">
        <v>44943.291666666664</v>
      </c>
      <c r="E5541" s="1">
        <v>44943.450694444444</v>
      </c>
      <c r="F5541">
        <v>0</v>
      </c>
      <c r="G5541">
        <v>0</v>
      </c>
      <c r="H5541">
        <v>0</v>
      </c>
      <c r="I5541">
        <v>0</v>
      </c>
      <c r="J5541">
        <v>0</v>
      </c>
      <c r="K5541">
        <v>0</v>
      </c>
      <c r="L5541">
        <v>0</v>
      </c>
      <c r="M5541">
        <v>0</v>
      </c>
      <c r="N5541">
        <v>0</v>
      </c>
      <c r="O5541">
        <v>0</v>
      </c>
      <c r="P5541">
        <v>0</v>
      </c>
      <c r="Q5541">
        <v>0</v>
      </c>
      <c r="R5541">
        <v>0</v>
      </c>
      <c r="S5541">
        <v>0</v>
      </c>
      <c r="T5541">
        <v>0</v>
      </c>
      <c r="U5541">
        <v>0</v>
      </c>
      <c r="V5541">
        <v>0</v>
      </c>
      <c r="W5541">
        <v>1</v>
      </c>
      <c r="X5541">
        <v>0</v>
      </c>
      <c r="Y5541">
        <v>24</v>
      </c>
      <c r="Z5541">
        <v>13</v>
      </c>
      <c r="AA5541">
        <v>117</v>
      </c>
      <c r="AB5541">
        <v>20</v>
      </c>
      <c r="AC5541">
        <v>161</v>
      </c>
      <c r="AD5541">
        <v>26</v>
      </c>
      <c r="AE5541">
        <v>60</v>
      </c>
      <c r="AF5541">
        <v>0</v>
      </c>
      <c r="AG5541">
        <v>50000</v>
      </c>
      <c r="AH5541">
        <v>50000</v>
      </c>
      <c r="AI5541">
        <v>0</v>
      </c>
      <c r="AJ5541">
        <v>0</v>
      </c>
      <c r="AK5541" t="s">
        <v>6</v>
      </c>
      <c r="AL5541">
        <v>0</v>
      </c>
      <c r="AM5541">
        <v>0</v>
      </c>
      <c r="AN5541">
        <v>0</v>
      </c>
      <c r="AO5541">
        <v>0</v>
      </c>
      <c r="AP5541">
        <v>0</v>
      </c>
      <c r="AQ5541">
        <v>0</v>
      </c>
      <c r="AR5541">
        <v>0</v>
      </c>
      <c r="AS5541">
        <v>0</v>
      </c>
      <c r="AT5541">
        <v>0</v>
      </c>
      <c r="AU5541">
        <v>0</v>
      </c>
      <c r="AV5541">
        <v>0</v>
      </c>
      <c r="AW5541">
        <v>0</v>
      </c>
      <c r="AX5541">
        <v>0</v>
      </c>
      <c r="AY5541">
        <v>0</v>
      </c>
      <c r="AZ5541">
        <v>0</v>
      </c>
      <c r="BA5541">
        <v>0</v>
      </c>
    </row>
    <row r="5542" spans="1:53" x14ac:dyDescent="0.4">
      <c r="A5542">
        <v>5586</v>
      </c>
      <c r="B5542" s="1">
        <v>44943</v>
      </c>
      <c r="C5542">
        <v>2</v>
      </c>
      <c r="D5542" s="1">
        <v>44943.450694444444</v>
      </c>
      <c r="E5542" s="1">
        <v>44943.73541666667</v>
      </c>
      <c r="F5542">
        <v>28470</v>
      </c>
      <c r="G5542">
        <v>462</v>
      </c>
      <c r="H5542">
        <v>0</v>
      </c>
      <c r="I5542">
        <v>0</v>
      </c>
      <c r="J5542">
        <v>100</v>
      </c>
      <c r="K5542">
        <v>0</v>
      </c>
      <c r="L5542">
        <v>0</v>
      </c>
      <c r="M5542">
        <v>2619</v>
      </c>
      <c r="N5542">
        <v>0</v>
      </c>
      <c r="O5542">
        <v>0</v>
      </c>
      <c r="P5542">
        <v>14000</v>
      </c>
      <c r="Q5542">
        <v>0</v>
      </c>
      <c r="R5542">
        <v>42832</v>
      </c>
      <c r="S5542">
        <v>0</v>
      </c>
      <c r="T5542">
        <v>0</v>
      </c>
      <c r="U5542">
        <v>0</v>
      </c>
      <c r="V5542">
        <v>1</v>
      </c>
      <c r="W5542">
        <v>3</v>
      </c>
      <c r="X5542">
        <v>0</v>
      </c>
      <c r="Y5542">
        <v>39</v>
      </c>
      <c r="Z5542">
        <v>24</v>
      </c>
      <c r="AA5542">
        <v>97</v>
      </c>
      <c r="AB5542">
        <v>16</v>
      </c>
      <c r="AC5542">
        <v>177</v>
      </c>
      <c r="AD5542">
        <v>28</v>
      </c>
      <c r="AE5542">
        <v>62</v>
      </c>
      <c r="AF5542">
        <v>4360</v>
      </c>
      <c r="AG5542">
        <v>92832</v>
      </c>
      <c r="AH5542">
        <v>50000</v>
      </c>
      <c r="AI5542">
        <v>0</v>
      </c>
      <c r="AJ5542">
        <v>35</v>
      </c>
      <c r="AK5542" t="s">
        <v>66</v>
      </c>
      <c r="AL5542">
        <v>0</v>
      </c>
      <c r="AM5542">
        <v>0</v>
      </c>
      <c r="AN5542">
        <v>0</v>
      </c>
      <c r="AO5542">
        <v>0</v>
      </c>
      <c r="AP5542">
        <v>0</v>
      </c>
      <c r="AQ5542">
        <v>0</v>
      </c>
      <c r="AR5542">
        <v>0</v>
      </c>
      <c r="AS5542">
        <v>0</v>
      </c>
      <c r="AT5542">
        <v>0</v>
      </c>
      <c r="AU5542">
        <v>0</v>
      </c>
      <c r="AV5542">
        <v>0</v>
      </c>
      <c r="AW5542">
        <v>0</v>
      </c>
      <c r="AX5542">
        <v>126</v>
      </c>
      <c r="AY5542">
        <v>45</v>
      </c>
      <c r="AZ5542">
        <v>71</v>
      </c>
      <c r="BA5542">
        <v>6040</v>
      </c>
    </row>
    <row r="5543" spans="1:53" x14ac:dyDescent="0.4">
      <c r="A5543">
        <v>5587</v>
      </c>
      <c r="B5543" s="1">
        <v>44943</v>
      </c>
      <c r="C5543">
        <v>3</v>
      </c>
      <c r="D5543" s="1">
        <v>44943.73541666667</v>
      </c>
      <c r="E5543" s="1">
        <v>44943.946527777778</v>
      </c>
      <c r="F5543">
        <v>31220</v>
      </c>
      <c r="G5543">
        <v>1881</v>
      </c>
      <c r="H5543">
        <v>0</v>
      </c>
      <c r="I5543">
        <v>0</v>
      </c>
      <c r="J5543">
        <v>0</v>
      </c>
      <c r="K5543">
        <v>1320</v>
      </c>
      <c r="L5543">
        <v>0</v>
      </c>
      <c r="M5543">
        <v>3129</v>
      </c>
      <c r="N5543">
        <v>0</v>
      </c>
      <c r="O5543">
        <v>0</v>
      </c>
      <c r="P5543">
        <v>-11210</v>
      </c>
      <c r="Q5543">
        <v>0</v>
      </c>
      <c r="R5543">
        <v>23211</v>
      </c>
      <c r="S5543">
        <v>0</v>
      </c>
      <c r="T5543">
        <v>0</v>
      </c>
      <c r="U5543">
        <v>0</v>
      </c>
      <c r="V5543">
        <v>1</v>
      </c>
      <c r="W5543">
        <v>6</v>
      </c>
      <c r="X5543">
        <v>0</v>
      </c>
      <c r="Y5543">
        <v>46</v>
      </c>
      <c r="Z5543">
        <v>20</v>
      </c>
      <c r="AA5543">
        <v>93</v>
      </c>
      <c r="AB5543">
        <v>15</v>
      </c>
      <c r="AC5543">
        <v>170</v>
      </c>
      <c r="AD5543">
        <v>28</v>
      </c>
      <c r="AE5543">
        <v>64</v>
      </c>
      <c r="AF5543">
        <v>8100</v>
      </c>
      <c r="AG5543">
        <v>116054</v>
      </c>
      <c r="AH5543">
        <v>50000</v>
      </c>
      <c r="AI5543">
        <v>11</v>
      </c>
      <c r="AJ5543">
        <v>74</v>
      </c>
      <c r="AK5543" t="s">
        <v>64</v>
      </c>
      <c r="AL5543">
        <v>0</v>
      </c>
      <c r="AM5543">
        <v>0</v>
      </c>
      <c r="AN5543">
        <v>0</v>
      </c>
      <c r="AO5543">
        <v>0</v>
      </c>
      <c r="AP5543">
        <v>0</v>
      </c>
      <c r="AQ5543">
        <v>0</v>
      </c>
      <c r="AR5543">
        <v>0</v>
      </c>
      <c r="AS5543">
        <v>0</v>
      </c>
      <c r="AT5543">
        <v>0</v>
      </c>
      <c r="AU5543">
        <v>0</v>
      </c>
      <c r="AV5543">
        <v>0</v>
      </c>
      <c r="AW5543">
        <v>0</v>
      </c>
      <c r="AX5543">
        <v>0</v>
      </c>
      <c r="AY5543">
        <v>10</v>
      </c>
      <c r="AZ5543">
        <v>18</v>
      </c>
      <c r="BA5543">
        <v>2545</v>
      </c>
    </row>
    <row r="5544" spans="1:53" x14ac:dyDescent="0.4">
      <c r="A5544">
        <v>5588</v>
      </c>
      <c r="B5544" s="1">
        <v>44944</v>
      </c>
      <c r="C5544">
        <v>1</v>
      </c>
      <c r="D5544" s="1">
        <v>44944.291666666664</v>
      </c>
      <c r="E5544" s="1">
        <v>44944.447222222225</v>
      </c>
      <c r="F5544">
        <v>0</v>
      </c>
      <c r="G5544">
        <v>0</v>
      </c>
      <c r="H5544">
        <v>0</v>
      </c>
      <c r="I5544">
        <v>0</v>
      </c>
      <c r="J5544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0</v>
      </c>
      <c r="R5544">
        <v>0</v>
      </c>
      <c r="S5544">
        <v>0</v>
      </c>
      <c r="T5544">
        <v>0</v>
      </c>
      <c r="U5544">
        <v>0</v>
      </c>
      <c r="V5544">
        <v>0</v>
      </c>
      <c r="W5544">
        <v>1</v>
      </c>
      <c r="X5544">
        <v>0</v>
      </c>
      <c r="Y5544">
        <v>28</v>
      </c>
      <c r="Z5544">
        <v>11</v>
      </c>
      <c r="AA5544">
        <v>91</v>
      </c>
      <c r="AB5544">
        <v>23</v>
      </c>
      <c r="AC5544">
        <v>104</v>
      </c>
      <c r="AD5544">
        <v>29</v>
      </c>
      <c r="AE5544">
        <v>65</v>
      </c>
      <c r="AF5544">
        <v>0</v>
      </c>
      <c r="AG5544">
        <v>50000</v>
      </c>
      <c r="AH5544">
        <v>50000</v>
      </c>
      <c r="AI5544">
        <v>0</v>
      </c>
      <c r="AJ5544">
        <v>0</v>
      </c>
      <c r="AK5544" t="s">
        <v>6</v>
      </c>
      <c r="AL5544">
        <v>0</v>
      </c>
      <c r="AM5544">
        <v>0</v>
      </c>
      <c r="AN5544">
        <v>0</v>
      </c>
      <c r="AO5544">
        <v>0</v>
      </c>
      <c r="AP5544">
        <v>0</v>
      </c>
      <c r="AQ5544">
        <v>0</v>
      </c>
      <c r="AR5544">
        <v>0</v>
      </c>
      <c r="AS5544">
        <v>0</v>
      </c>
      <c r="AT5544">
        <v>0</v>
      </c>
      <c r="AU5544">
        <v>0</v>
      </c>
      <c r="AV5544">
        <v>0</v>
      </c>
      <c r="AW5544">
        <v>0</v>
      </c>
      <c r="AX5544">
        <v>0</v>
      </c>
      <c r="AY5544">
        <v>0</v>
      </c>
      <c r="AZ5544">
        <v>0</v>
      </c>
      <c r="BA5544">
        <v>0</v>
      </c>
    </row>
    <row r="5545" spans="1:53" x14ac:dyDescent="0.4">
      <c r="A5545">
        <v>5589</v>
      </c>
      <c r="B5545" s="1">
        <v>44944</v>
      </c>
      <c r="C5545">
        <v>2</v>
      </c>
      <c r="D5545" s="1">
        <v>44944.447222222225</v>
      </c>
      <c r="E5545" s="1">
        <v>44944.744444444441</v>
      </c>
      <c r="F5545">
        <v>18300</v>
      </c>
      <c r="G5545">
        <v>3014</v>
      </c>
      <c r="H5545">
        <v>0</v>
      </c>
      <c r="I5545">
        <v>0</v>
      </c>
      <c r="J5545">
        <v>0</v>
      </c>
      <c r="K5545">
        <v>0</v>
      </c>
      <c r="L5545">
        <v>0</v>
      </c>
      <c r="M5545">
        <v>1936</v>
      </c>
      <c r="N5545">
        <v>0</v>
      </c>
      <c r="O5545">
        <v>0</v>
      </c>
      <c r="P5545">
        <v>14280</v>
      </c>
      <c r="Q5545">
        <v>0</v>
      </c>
      <c r="R5545">
        <v>35594</v>
      </c>
      <c r="S5545">
        <v>0</v>
      </c>
      <c r="T5545">
        <v>0</v>
      </c>
      <c r="U5545">
        <v>0</v>
      </c>
      <c r="V5545">
        <v>1</v>
      </c>
      <c r="W5545">
        <v>3</v>
      </c>
      <c r="X5545">
        <v>0</v>
      </c>
      <c r="Y5545">
        <v>42</v>
      </c>
      <c r="Z5545">
        <v>11</v>
      </c>
      <c r="AA5545">
        <v>81</v>
      </c>
      <c r="AB5545">
        <v>25</v>
      </c>
      <c r="AC5545">
        <v>127</v>
      </c>
      <c r="AD5545">
        <v>29</v>
      </c>
      <c r="AE5545">
        <v>69</v>
      </c>
      <c r="AF5545">
        <v>2260</v>
      </c>
      <c r="AG5545">
        <v>85594</v>
      </c>
      <c r="AH5545">
        <v>50000</v>
      </c>
      <c r="AI5545">
        <v>0</v>
      </c>
      <c r="AJ5545">
        <v>35</v>
      </c>
      <c r="AK5545" t="s">
        <v>66</v>
      </c>
      <c r="AL5545">
        <v>0</v>
      </c>
      <c r="AM5545">
        <v>0</v>
      </c>
      <c r="AN5545">
        <v>0</v>
      </c>
      <c r="AO5545">
        <v>0</v>
      </c>
      <c r="AP5545">
        <v>0</v>
      </c>
      <c r="AQ5545">
        <v>0</v>
      </c>
      <c r="AR5545">
        <v>0</v>
      </c>
      <c r="AS5545">
        <v>0</v>
      </c>
      <c r="AT5545">
        <v>0</v>
      </c>
      <c r="AU5545">
        <v>0</v>
      </c>
      <c r="AV5545">
        <v>0</v>
      </c>
      <c r="AW5545">
        <v>0</v>
      </c>
      <c r="AX5545">
        <v>0</v>
      </c>
      <c r="AY5545">
        <v>34</v>
      </c>
      <c r="AZ5545">
        <v>52</v>
      </c>
      <c r="BA5545">
        <v>4423</v>
      </c>
    </row>
    <row r="5546" spans="1:53" x14ac:dyDescent="0.4">
      <c r="A5546">
        <v>5590</v>
      </c>
      <c r="B5546" s="1">
        <v>44944</v>
      </c>
      <c r="C5546">
        <v>3</v>
      </c>
      <c r="D5546" s="1">
        <v>44944.744444444441</v>
      </c>
      <c r="E5546" s="1">
        <v>44944.952777777777</v>
      </c>
      <c r="F5546">
        <v>28370</v>
      </c>
      <c r="G5546">
        <v>0</v>
      </c>
      <c r="H5546">
        <v>0</v>
      </c>
      <c r="I5546">
        <v>0</v>
      </c>
      <c r="J5546">
        <v>0</v>
      </c>
      <c r="K5546">
        <v>0</v>
      </c>
      <c r="L5546">
        <v>0</v>
      </c>
      <c r="M5546">
        <v>2577</v>
      </c>
      <c r="N5546">
        <v>0</v>
      </c>
      <c r="O5546">
        <v>0</v>
      </c>
      <c r="P5546">
        <v>-5240</v>
      </c>
      <c r="Q5546">
        <v>0</v>
      </c>
      <c r="R5546">
        <v>23130</v>
      </c>
      <c r="S5546">
        <v>0</v>
      </c>
      <c r="T5546">
        <v>0</v>
      </c>
      <c r="U5546">
        <v>0</v>
      </c>
      <c r="V5546">
        <v>1</v>
      </c>
      <c r="W5546">
        <v>7</v>
      </c>
      <c r="X5546">
        <v>0</v>
      </c>
      <c r="Y5546">
        <v>42</v>
      </c>
      <c r="Z5546">
        <v>12</v>
      </c>
      <c r="AA5546">
        <v>101</v>
      </c>
      <c r="AB5546">
        <v>25</v>
      </c>
      <c r="AC5546">
        <v>124</v>
      </c>
      <c r="AD5546">
        <v>29</v>
      </c>
      <c r="AE5546">
        <v>69</v>
      </c>
      <c r="AF5546">
        <v>2920</v>
      </c>
      <c r="AG5546">
        <v>108724</v>
      </c>
      <c r="AH5546">
        <v>50000</v>
      </c>
      <c r="AI5546">
        <v>0</v>
      </c>
      <c r="AJ5546">
        <v>102</v>
      </c>
      <c r="AK5546" t="s">
        <v>50</v>
      </c>
      <c r="AL5546">
        <v>0</v>
      </c>
      <c r="AM5546">
        <v>0</v>
      </c>
      <c r="AN5546">
        <v>0</v>
      </c>
      <c r="AO5546">
        <v>0</v>
      </c>
      <c r="AP5546">
        <v>0</v>
      </c>
      <c r="AQ5546">
        <v>0</v>
      </c>
      <c r="AR5546">
        <v>0</v>
      </c>
      <c r="AS5546">
        <v>0</v>
      </c>
      <c r="AT5546">
        <v>0</v>
      </c>
      <c r="AU5546">
        <v>0</v>
      </c>
      <c r="AV5546">
        <v>0</v>
      </c>
      <c r="AW5546">
        <v>0</v>
      </c>
      <c r="AX5546">
        <v>660</v>
      </c>
      <c r="AY5546">
        <v>10</v>
      </c>
      <c r="AZ5546">
        <v>19</v>
      </c>
      <c r="BA5546">
        <v>2307</v>
      </c>
    </row>
    <row r="5547" spans="1:53" x14ac:dyDescent="0.4">
      <c r="A5547">
        <v>5591</v>
      </c>
      <c r="B5547" s="1">
        <v>44945</v>
      </c>
      <c r="C5547">
        <v>1</v>
      </c>
      <c r="D5547" s="1">
        <v>44945.291666666664</v>
      </c>
      <c r="E5547" s="1">
        <v>44945.445833333331</v>
      </c>
      <c r="F5547">
        <v>0</v>
      </c>
      <c r="G5547">
        <v>0</v>
      </c>
      <c r="H5547">
        <v>0</v>
      </c>
      <c r="I5547">
        <v>0</v>
      </c>
      <c r="J5547">
        <v>0</v>
      </c>
      <c r="K5547">
        <v>0</v>
      </c>
      <c r="L5547">
        <v>0</v>
      </c>
      <c r="M5547">
        <v>0</v>
      </c>
      <c r="N5547">
        <v>0</v>
      </c>
      <c r="O5547">
        <v>0</v>
      </c>
      <c r="P5547">
        <v>0</v>
      </c>
      <c r="Q5547">
        <v>0</v>
      </c>
      <c r="R5547">
        <v>0</v>
      </c>
      <c r="S5547">
        <v>0</v>
      </c>
      <c r="T5547">
        <v>0</v>
      </c>
      <c r="U5547">
        <v>0</v>
      </c>
      <c r="V5547">
        <v>0</v>
      </c>
      <c r="W5547">
        <v>0</v>
      </c>
      <c r="X5547">
        <v>0</v>
      </c>
      <c r="Y5547">
        <v>31</v>
      </c>
      <c r="Z5547">
        <v>13</v>
      </c>
      <c r="AA5547">
        <v>98</v>
      </c>
      <c r="AB5547">
        <v>25</v>
      </c>
      <c r="AC5547">
        <v>124</v>
      </c>
      <c r="AD5547">
        <v>29</v>
      </c>
      <c r="AE5547">
        <v>65</v>
      </c>
      <c r="AF5547">
        <v>0</v>
      </c>
      <c r="AG5547">
        <v>50000</v>
      </c>
      <c r="AH5547">
        <v>50000</v>
      </c>
      <c r="AI5547">
        <v>0</v>
      </c>
      <c r="AJ5547">
        <v>0</v>
      </c>
      <c r="AK5547" t="s">
        <v>6</v>
      </c>
      <c r="AL5547">
        <v>0</v>
      </c>
      <c r="AM5547">
        <v>0</v>
      </c>
      <c r="AN5547">
        <v>0</v>
      </c>
      <c r="AO5547">
        <v>0</v>
      </c>
      <c r="AP5547">
        <v>0</v>
      </c>
      <c r="AQ5547">
        <v>0</v>
      </c>
      <c r="AR5547">
        <v>0</v>
      </c>
      <c r="AS5547">
        <v>0</v>
      </c>
      <c r="AT5547">
        <v>0</v>
      </c>
      <c r="AU5547">
        <v>0</v>
      </c>
      <c r="AV5547">
        <v>0</v>
      </c>
      <c r="AW5547">
        <v>0</v>
      </c>
      <c r="AX5547">
        <v>0</v>
      </c>
      <c r="AY5547">
        <v>0</v>
      </c>
      <c r="AZ5547">
        <v>0</v>
      </c>
      <c r="BA5547">
        <v>0</v>
      </c>
    </row>
    <row r="5548" spans="1:53" x14ac:dyDescent="0.4">
      <c r="A5548">
        <v>5592</v>
      </c>
      <c r="B5548" s="1">
        <v>44945</v>
      </c>
      <c r="C5548">
        <v>2</v>
      </c>
      <c r="D5548" s="1">
        <v>44945.445833333331</v>
      </c>
      <c r="E5548" s="1">
        <v>44945.751388888886</v>
      </c>
      <c r="F5548">
        <v>16180</v>
      </c>
      <c r="G5548">
        <v>462</v>
      </c>
      <c r="H5548">
        <v>0</v>
      </c>
      <c r="I5548">
        <v>0</v>
      </c>
      <c r="J5548">
        <v>0</v>
      </c>
      <c r="K5548">
        <v>0</v>
      </c>
      <c r="L5548">
        <v>0</v>
      </c>
      <c r="M5548">
        <v>1511</v>
      </c>
      <c r="N5548">
        <v>0</v>
      </c>
      <c r="O5548">
        <v>0</v>
      </c>
      <c r="P5548">
        <v>20180</v>
      </c>
      <c r="Q5548">
        <v>0</v>
      </c>
      <c r="R5548">
        <v>36822</v>
      </c>
      <c r="S5548">
        <v>0</v>
      </c>
      <c r="T5548">
        <v>0</v>
      </c>
      <c r="U5548">
        <v>0</v>
      </c>
      <c r="V5548">
        <v>1</v>
      </c>
      <c r="W5548">
        <v>0</v>
      </c>
      <c r="X5548">
        <v>0</v>
      </c>
      <c r="Y5548">
        <v>51</v>
      </c>
      <c r="Z5548">
        <v>20</v>
      </c>
      <c r="AA5548">
        <v>126</v>
      </c>
      <c r="AB5548">
        <v>21</v>
      </c>
      <c r="AC5548">
        <v>136</v>
      </c>
      <c r="AD5548">
        <v>29</v>
      </c>
      <c r="AE5548">
        <v>67</v>
      </c>
      <c r="AF5548">
        <v>600</v>
      </c>
      <c r="AG5548">
        <v>86822</v>
      </c>
      <c r="AH5548">
        <v>50000</v>
      </c>
      <c r="AI5548">
        <v>0</v>
      </c>
      <c r="AJ5548">
        <v>119</v>
      </c>
      <c r="AK5548" t="s">
        <v>56</v>
      </c>
      <c r="AL5548">
        <v>0</v>
      </c>
      <c r="AM5548">
        <v>0</v>
      </c>
      <c r="AN5548">
        <v>0</v>
      </c>
      <c r="AO5548">
        <v>0</v>
      </c>
      <c r="AP5548">
        <v>0</v>
      </c>
      <c r="AQ5548">
        <v>0</v>
      </c>
      <c r="AR5548">
        <v>0</v>
      </c>
      <c r="AS5548">
        <v>0</v>
      </c>
      <c r="AT5548">
        <v>0</v>
      </c>
      <c r="AU5548">
        <v>0</v>
      </c>
      <c r="AV5548">
        <v>0</v>
      </c>
      <c r="AW5548">
        <v>0</v>
      </c>
      <c r="AX5548">
        <v>414</v>
      </c>
      <c r="AY5548">
        <v>38</v>
      </c>
      <c r="AZ5548">
        <v>61</v>
      </c>
      <c r="BA5548">
        <v>4583</v>
      </c>
    </row>
    <row r="5549" spans="1:53" x14ac:dyDescent="0.4">
      <c r="A5549">
        <v>5593</v>
      </c>
      <c r="B5549" s="1">
        <v>44946</v>
      </c>
      <c r="C5549">
        <v>1</v>
      </c>
      <c r="D5549" s="1">
        <v>44946.291666666664</v>
      </c>
      <c r="E5549" s="1">
        <v>44946.45208333333</v>
      </c>
      <c r="F5549">
        <v>0</v>
      </c>
      <c r="G5549">
        <v>0</v>
      </c>
      <c r="H5549">
        <v>0</v>
      </c>
      <c r="I5549">
        <v>0</v>
      </c>
      <c r="J5549">
        <v>0</v>
      </c>
      <c r="K5549">
        <v>0</v>
      </c>
      <c r="L5549">
        <v>0</v>
      </c>
      <c r="M5549">
        <v>0</v>
      </c>
      <c r="N5549">
        <v>0</v>
      </c>
      <c r="O5549">
        <v>0</v>
      </c>
      <c r="P5549">
        <v>0</v>
      </c>
      <c r="Q5549">
        <v>0</v>
      </c>
      <c r="R5549">
        <v>0</v>
      </c>
      <c r="S5549">
        <v>0</v>
      </c>
      <c r="T5549">
        <v>0</v>
      </c>
      <c r="U5549">
        <v>0</v>
      </c>
      <c r="V5549">
        <v>0</v>
      </c>
      <c r="W5549">
        <v>0</v>
      </c>
      <c r="X5549">
        <v>0</v>
      </c>
      <c r="Y5549">
        <v>30</v>
      </c>
      <c r="Z5549">
        <v>11</v>
      </c>
      <c r="AA5549">
        <v>122</v>
      </c>
      <c r="AB5549">
        <v>22</v>
      </c>
      <c r="AC5549">
        <v>100</v>
      </c>
      <c r="AD5549">
        <v>28</v>
      </c>
      <c r="AE5549">
        <v>60</v>
      </c>
      <c r="AF5549">
        <v>0</v>
      </c>
      <c r="AG5549">
        <v>50000</v>
      </c>
      <c r="AH5549">
        <v>50000</v>
      </c>
      <c r="AI5549">
        <v>0</v>
      </c>
      <c r="AJ5549">
        <v>0</v>
      </c>
      <c r="AK5549" t="s">
        <v>6</v>
      </c>
      <c r="AL5549">
        <v>0</v>
      </c>
      <c r="AM5549">
        <v>0</v>
      </c>
      <c r="AN5549">
        <v>0</v>
      </c>
      <c r="AO5549">
        <v>0</v>
      </c>
      <c r="AP5549">
        <v>0</v>
      </c>
      <c r="AQ5549">
        <v>0</v>
      </c>
      <c r="AR5549">
        <v>0</v>
      </c>
      <c r="AS5549">
        <v>0</v>
      </c>
      <c r="AT5549">
        <v>0</v>
      </c>
      <c r="AU5549">
        <v>0</v>
      </c>
      <c r="AV5549">
        <v>0</v>
      </c>
      <c r="AW5549">
        <v>0</v>
      </c>
      <c r="AX5549">
        <v>0</v>
      </c>
      <c r="AY5549">
        <v>0</v>
      </c>
      <c r="AZ5549">
        <v>0</v>
      </c>
      <c r="BA5549">
        <v>0</v>
      </c>
    </row>
    <row r="5550" spans="1:53" x14ac:dyDescent="0.4">
      <c r="A5550">
        <v>5594</v>
      </c>
      <c r="B5550" s="1">
        <v>44946</v>
      </c>
      <c r="C5550">
        <v>2</v>
      </c>
      <c r="D5550" s="1">
        <v>44946.45208333333</v>
      </c>
      <c r="E5550" s="1">
        <v>44946.738888888889</v>
      </c>
      <c r="F5550">
        <v>21420</v>
      </c>
      <c r="G5550">
        <v>462</v>
      </c>
      <c r="H5550">
        <v>0</v>
      </c>
      <c r="I5550">
        <v>0</v>
      </c>
      <c r="J5550">
        <v>0</v>
      </c>
      <c r="K5550">
        <v>0</v>
      </c>
      <c r="L5550">
        <v>0</v>
      </c>
      <c r="M5550">
        <v>1989</v>
      </c>
      <c r="N5550">
        <v>0</v>
      </c>
      <c r="O5550">
        <v>0</v>
      </c>
      <c r="P5550">
        <v>16870</v>
      </c>
      <c r="Q5550">
        <v>0</v>
      </c>
      <c r="R5550">
        <v>38752</v>
      </c>
      <c r="S5550">
        <v>0</v>
      </c>
      <c r="T5550">
        <v>0</v>
      </c>
      <c r="U5550">
        <v>0</v>
      </c>
      <c r="V5550">
        <v>1</v>
      </c>
      <c r="W5550">
        <v>0</v>
      </c>
      <c r="X5550">
        <v>0</v>
      </c>
      <c r="Y5550">
        <v>49</v>
      </c>
      <c r="Z5550">
        <v>17</v>
      </c>
      <c r="AA5550">
        <v>116</v>
      </c>
      <c r="AB5550">
        <v>27</v>
      </c>
      <c r="AC5550">
        <v>107</v>
      </c>
      <c r="AD5550">
        <v>27</v>
      </c>
      <c r="AE5550">
        <v>61</v>
      </c>
      <c r="AF5550">
        <v>7036</v>
      </c>
      <c r="AG5550">
        <v>88752</v>
      </c>
      <c r="AH5550">
        <v>50000</v>
      </c>
      <c r="AI5550">
        <v>0</v>
      </c>
      <c r="AJ5550">
        <v>35</v>
      </c>
      <c r="AK5550" t="s">
        <v>66</v>
      </c>
      <c r="AL5550">
        <v>0</v>
      </c>
      <c r="AM5550">
        <v>0</v>
      </c>
      <c r="AN5550">
        <v>0</v>
      </c>
      <c r="AO5550">
        <v>0</v>
      </c>
      <c r="AP5550">
        <v>0</v>
      </c>
      <c r="AQ5550">
        <v>0</v>
      </c>
      <c r="AR5550">
        <v>0</v>
      </c>
      <c r="AS5550">
        <v>0</v>
      </c>
      <c r="AT5550">
        <v>0</v>
      </c>
      <c r="AU5550">
        <v>0</v>
      </c>
      <c r="AV5550">
        <v>0</v>
      </c>
      <c r="AW5550">
        <v>0</v>
      </c>
      <c r="AX5550">
        <v>0</v>
      </c>
      <c r="AY5550">
        <v>37</v>
      </c>
      <c r="AZ5550">
        <v>59</v>
      </c>
      <c r="BA5550">
        <v>6081</v>
      </c>
    </row>
    <row r="5551" spans="1:53" x14ac:dyDescent="0.4">
      <c r="A5551">
        <v>5595</v>
      </c>
      <c r="B5551" s="1">
        <v>44946</v>
      </c>
      <c r="C5551">
        <v>3</v>
      </c>
      <c r="D5551" s="1">
        <v>44946.738888888889</v>
      </c>
      <c r="E5551" s="1">
        <v>44946.959027777775</v>
      </c>
      <c r="F5551">
        <v>44780</v>
      </c>
      <c r="G5551">
        <v>660</v>
      </c>
      <c r="H5551">
        <v>0</v>
      </c>
      <c r="I5551">
        <v>0</v>
      </c>
      <c r="J5551">
        <v>0</v>
      </c>
      <c r="K5551">
        <v>0</v>
      </c>
      <c r="L5551">
        <v>0</v>
      </c>
      <c r="M5551">
        <v>4130</v>
      </c>
      <c r="N5551">
        <v>0</v>
      </c>
      <c r="O5551">
        <v>0</v>
      </c>
      <c r="P5551">
        <v>-16870</v>
      </c>
      <c r="Q5551">
        <v>0</v>
      </c>
      <c r="R5551">
        <v>28570</v>
      </c>
      <c r="S5551">
        <v>0</v>
      </c>
      <c r="T5551">
        <v>0</v>
      </c>
      <c r="U5551">
        <v>0</v>
      </c>
      <c r="V5551">
        <v>4</v>
      </c>
      <c r="W5551">
        <v>1</v>
      </c>
      <c r="X5551">
        <v>0</v>
      </c>
      <c r="Y5551">
        <v>43</v>
      </c>
      <c r="Z5551">
        <v>14</v>
      </c>
      <c r="AA5551">
        <v>111</v>
      </c>
      <c r="AB5551">
        <v>29</v>
      </c>
      <c r="AC5551">
        <v>110</v>
      </c>
      <c r="AD5551">
        <v>27</v>
      </c>
      <c r="AE5551">
        <v>61</v>
      </c>
      <c r="AF5551">
        <v>8476</v>
      </c>
      <c r="AG5551">
        <v>117322</v>
      </c>
      <c r="AH5551">
        <v>50000</v>
      </c>
      <c r="AI5551">
        <v>0</v>
      </c>
      <c r="AJ5551">
        <v>74</v>
      </c>
      <c r="AK5551" t="s">
        <v>64</v>
      </c>
      <c r="AL5551">
        <v>0</v>
      </c>
      <c r="AM5551">
        <v>0</v>
      </c>
      <c r="AN5551">
        <v>0</v>
      </c>
      <c r="AO5551">
        <v>0</v>
      </c>
      <c r="AP5551">
        <v>0</v>
      </c>
      <c r="AQ5551">
        <v>0</v>
      </c>
      <c r="AR5551">
        <v>0</v>
      </c>
      <c r="AS5551">
        <v>0</v>
      </c>
      <c r="AT5551">
        <v>0</v>
      </c>
      <c r="AU5551">
        <v>0</v>
      </c>
      <c r="AV5551">
        <v>0</v>
      </c>
      <c r="AW5551">
        <v>0</v>
      </c>
      <c r="AX5551">
        <v>17094</v>
      </c>
      <c r="AY5551">
        <v>13</v>
      </c>
      <c r="AZ5551">
        <v>34</v>
      </c>
      <c r="BA5551">
        <v>2110</v>
      </c>
    </row>
    <row r="5552" spans="1:53" x14ac:dyDescent="0.4">
      <c r="A5552">
        <v>5596</v>
      </c>
      <c r="B5552" s="1">
        <v>44947</v>
      </c>
      <c r="C5552">
        <v>1</v>
      </c>
      <c r="D5552" s="1">
        <v>44947.291666666664</v>
      </c>
      <c r="E5552" s="1">
        <v>44947.411805555559</v>
      </c>
      <c r="F5552">
        <v>0</v>
      </c>
      <c r="G5552">
        <v>0</v>
      </c>
      <c r="H5552">
        <v>0</v>
      </c>
      <c r="I5552">
        <v>0</v>
      </c>
      <c r="J5552">
        <v>0</v>
      </c>
      <c r="K5552">
        <v>0</v>
      </c>
      <c r="L5552">
        <v>0</v>
      </c>
      <c r="M5552">
        <v>0</v>
      </c>
      <c r="N5552">
        <v>0</v>
      </c>
      <c r="O5552">
        <v>0</v>
      </c>
      <c r="P5552">
        <v>0</v>
      </c>
      <c r="Q5552">
        <v>0</v>
      </c>
      <c r="R5552">
        <v>0</v>
      </c>
      <c r="S5552">
        <v>0</v>
      </c>
      <c r="T5552">
        <v>0</v>
      </c>
      <c r="U5552">
        <v>0</v>
      </c>
      <c r="V5552">
        <v>0</v>
      </c>
      <c r="W5552">
        <v>0</v>
      </c>
      <c r="X5552">
        <v>0</v>
      </c>
      <c r="Y5552">
        <v>30</v>
      </c>
      <c r="Z5552">
        <v>14</v>
      </c>
      <c r="AA5552">
        <v>105</v>
      </c>
      <c r="AB5552">
        <v>25</v>
      </c>
      <c r="AC5552">
        <v>108</v>
      </c>
      <c r="AD5552">
        <v>22</v>
      </c>
      <c r="AE5552">
        <v>60</v>
      </c>
      <c r="AF5552">
        <v>0</v>
      </c>
      <c r="AG5552">
        <v>50000</v>
      </c>
      <c r="AH5552">
        <v>50000</v>
      </c>
      <c r="AI5552">
        <v>0</v>
      </c>
      <c r="AJ5552">
        <v>0</v>
      </c>
      <c r="AK5552" t="s">
        <v>6</v>
      </c>
      <c r="AL5552">
        <v>0</v>
      </c>
      <c r="AM5552">
        <v>0</v>
      </c>
      <c r="AN5552">
        <v>0</v>
      </c>
      <c r="AO5552">
        <v>0</v>
      </c>
      <c r="AP5552">
        <v>0</v>
      </c>
      <c r="AQ5552">
        <v>0</v>
      </c>
      <c r="AR5552">
        <v>0</v>
      </c>
      <c r="AS5552">
        <v>0</v>
      </c>
      <c r="AT5552">
        <v>0</v>
      </c>
      <c r="AU5552">
        <v>0</v>
      </c>
      <c r="AV5552">
        <v>0</v>
      </c>
      <c r="AW5552">
        <v>0</v>
      </c>
      <c r="AX5552">
        <v>0</v>
      </c>
      <c r="AY5552">
        <v>0</v>
      </c>
      <c r="AZ5552">
        <v>0</v>
      </c>
      <c r="BA5552">
        <v>0</v>
      </c>
    </row>
    <row r="5553" spans="1:53" x14ac:dyDescent="0.4">
      <c r="A5553">
        <v>5597</v>
      </c>
      <c r="B5553" s="1">
        <v>44947</v>
      </c>
      <c r="C5553">
        <v>2</v>
      </c>
      <c r="D5553" s="1">
        <v>44947.411805555559</v>
      </c>
      <c r="E5553" s="1">
        <v>44947.731944444444</v>
      </c>
      <c r="F5553">
        <v>44990</v>
      </c>
      <c r="G5553">
        <v>1826</v>
      </c>
      <c r="H5553">
        <v>0</v>
      </c>
      <c r="I5553">
        <v>0</v>
      </c>
      <c r="J5553">
        <v>200</v>
      </c>
      <c r="K5553">
        <v>1200</v>
      </c>
      <c r="L5553">
        <v>0</v>
      </c>
      <c r="M5553">
        <v>4342</v>
      </c>
      <c r="N5553">
        <v>0</v>
      </c>
      <c r="O5553">
        <v>0</v>
      </c>
      <c r="P5553">
        <v>22300</v>
      </c>
      <c r="Q5553">
        <v>0</v>
      </c>
      <c r="R5553">
        <v>70116</v>
      </c>
      <c r="S5553">
        <v>0</v>
      </c>
      <c r="T5553">
        <v>0</v>
      </c>
      <c r="U5553">
        <v>0</v>
      </c>
      <c r="V5553">
        <v>4</v>
      </c>
      <c r="W5553">
        <v>1</v>
      </c>
      <c r="X5553">
        <v>0</v>
      </c>
      <c r="Y5553">
        <v>53</v>
      </c>
      <c r="Z5553">
        <v>23</v>
      </c>
      <c r="AA5553">
        <v>62</v>
      </c>
      <c r="AB5553">
        <v>16</v>
      </c>
      <c r="AC5553">
        <v>132</v>
      </c>
      <c r="AD5553">
        <v>24</v>
      </c>
      <c r="AE5553">
        <v>56</v>
      </c>
      <c r="AF5553">
        <v>2120</v>
      </c>
      <c r="AG5553">
        <v>120116</v>
      </c>
      <c r="AH5553">
        <v>50000</v>
      </c>
      <c r="AI5553">
        <v>0</v>
      </c>
      <c r="AJ5553">
        <v>104</v>
      </c>
      <c r="AK5553" t="s">
        <v>60</v>
      </c>
      <c r="AL5553">
        <v>0</v>
      </c>
      <c r="AM5553">
        <v>0</v>
      </c>
      <c r="AN5553">
        <v>0</v>
      </c>
      <c r="AO5553">
        <v>0</v>
      </c>
      <c r="AP5553">
        <v>0</v>
      </c>
      <c r="AQ5553">
        <v>0</v>
      </c>
      <c r="AR5553">
        <v>0</v>
      </c>
      <c r="AS5553">
        <v>0</v>
      </c>
      <c r="AT5553">
        <v>0</v>
      </c>
      <c r="AU5553">
        <v>0</v>
      </c>
      <c r="AV5553">
        <v>0</v>
      </c>
      <c r="AW5553">
        <v>0</v>
      </c>
      <c r="AX5553">
        <v>-5830</v>
      </c>
      <c r="AY5553">
        <v>52</v>
      </c>
      <c r="AZ5553">
        <v>107</v>
      </c>
      <c r="BA5553">
        <v>7700</v>
      </c>
    </row>
    <row r="5554" spans="1:53" x14ac:dyDescent="0.4">
      <c r="A5554">
        <v>5598</v>
      </c>
      <c r="B5554" s="1">
        <v>44947</v>
      </c>
      <c r="C5554">
        <v>3</v>
      </c>
      <c r="D5554" s="1">
        <v>44947.731944444444</v>
      </c>
      <c r="E5554" s="1">
        <v>44947.956944444442</v>
      </c>
      <c r="F5554">
        <v>67850</v>
      </c>
      <c r="G5554">
        <v>2596</v>
      </c>
      <c r="H5554">
        <v>0</v>
      </c>
      <c r="I5554">
        <v>0</v>
      </c>
      <c r="J5554">
        <v>100</v>
      </c>
      <c r="K5554">
        <v>2400</v>
      </c>
      <c r="L5554">
        <v>0</v>
      </c>
      <c r="M5554">
        <v>6613</v>
      </c>
      <c r="N5554">
        <v>0</v>
      </c>
      <c r="O5554">
        <v>0</v>
      </c>
      <c r="P5554">
        <v>-22300</v>
      </c>
      <c r="Q5554">
        <v>0</v>
      </c>
      <c r="R5554">
        <v>50446</v>
      </c>
      <c r="S5554">
        <v>0</v>
      </c>
      <c r="T5554">
        <v>0</v>
      </c>
      <c r="U5554">
        <v>0</v>
      </c>
      <c r="V5554">
        <v>5</v>
      </c>
      <c r="W5554">
        <v>6</v>
      </c>
      <c r="X5554">
        <v>0</v>
      </c>
      <c r="Y5554">
        <v>62</v>
      </c>
      <c r="Z5554">
        <v>25</v>
      </c>
      <c r="AA5554">
        <v>72</v>
      </c>
      <c r="AB5554">
        <v>18</v>
      </c>
      <c r="AC5554">
        <v>144</v>
      </c>
      <c r="AD5554">
        <v>25</v>
      </c>
      <c r="AE5554">
        <v>57</v>
      </c>
      <c r="AF5554">
        <v>6340</v>
      </c>
      <c r="AG5554">
        <v>170562</v>
      </c>
      <c r="AH5554">
        <v>50000</v>
      </c>
      <c r="AI5554">
        <v>0</v>
      </c>
      <c r="AJ5554">
        <v>35</v>
      </c>
      <c r="AK5554" t="s">
        <v>66</v>
      </c>
      <c r="AL5554">
        <v>0</v>
      </c>
      <c r="AM5554">
        <v>0</v>
      </c>
      <c r="AN5554">
        <v>0</v>
      </c>
      <c r="AO5554">
        <v>0</v>
      </c>
      <c r="AP5554">
        <v>0</v>
      </c>
      <c r="AQ5554">
        <v>0</v>
      </c>
      <c r="AR5554">
        <v>0</v>
      </c>
      <c r="AS5554">
        <v>0</v>
      </c>
      <c r="AT5554">
        <v>0</v>
      </c>
      <c r="AU5554">
        <v>0</v>
      </c>
      <c r="AV5554">
        <v>0</v>
      </c>
      <c r="AW5554">
        <v>0</v>
      </c>
      <c r="AX5554">
        <v>46860</v>
      </c>
      <c r="AY5554">
        <v>23</v>
      </c>
      <c r="AZ5554">
        <v>61</v>
      </c>
      <c r="BA5554">
        <v>4357</v>
      </c>
    </row>
    <row r="5555" spans="1:53" x14ac:dyDescent="0.4">
      <c r="A5555">
        <v>5599</v>
      </c>
      <c r="B5555" s="1">
        <v>44948</v>
      </c>
      <c r="C5555">
        <v>1</v>
      </c>
      <c r="D5555" s="1">
        <v>44948.291666666664</v>
      </c>
      <c r="E5555" s="1">
        <v>44948.386805555558</v>
      </c>
      <c r="F5555">
        <v>0</v>
      </c>
      <c r="G5555">
        <v>0</v>
      </c>
      <c r="H5555">
        <v>0</v>
      </c>
      <c r="I5555">
        <v>0</v>
      </c>
      <c r="J5555">
        <v>0</v>
      </c>
      <c r="K5555">
        <v>0</v>
      </c>
      <c r="L5555">
        <v>0</v>
      </c>
      <c r="M5555">
        <v>0</v>
      </c>
      <c r="N5555">
        <v>0</v>
      </c>
      <c r="O5555">
        <v>0</v>
      </c>
      <c r="P5555">
        <v>0</v>
      </c>
      <c r="Q5555">
        <v>0</v>
      </c>
      <c r="R5555">
        <v>0</v>
      </c>
      <c r="S5555">
        <v>0</v>
      </c>
      <c r="T5555">
        <v>0</v>
      </c>
      <c r="U5555">
        <v>0</v>
      </c>
      <c r="V5555">
        <v>0</v>
      </c>
      <c r="W5555">
        <v>1</v>
      </c>
      <c r="X5555">
        <v>0</v>
      </c>
      <c r="Y5555">
        <v>26</v>
      </c>
      <c r="Z5555">
        <v>18</v>
      </c>
      <c r="AA5555">
        <v>74</v>
      </c>
      <c r="AB5555">
        <v>27</v>
      </c>
      <c r="AC5555">
        <v>107</v>
      </c>
      <c r="AD5555">
        <v>25</v>
      </c>
      <c r="AE5555">
        <v>55</v>
      </c>
      <c r="AF5555">
        <v>0</v>
      </c>
      <c r="AG5555">
        <v>50000</v>
      </c>
      <c r="AH5555">
        <v>50000</v>
      </c>
      <c r="AI5555">
        <v>0</v>
      </c>
      <c r="AJ5555">
        <v>0</v>
      </c>
      <c r="AK5555" t="s">
        <v>6</v>
      </c>
      <c r="AL5555">
        <v>0</v>
      </c>
      <c r="AM5555">
        <v>0</v>
      </c>
      <c r="AN5555">
        <v>0</v>
      </c>
      <c r="AO5555">
        <v>0</v>
      </c>
      <c r="AP5555">
        <v>0</v>
      </c>
      <c r="AQ5555">
        <v>0</v>
      </c>
      <c r="AR5555">
        <v>0</v>
      </c>
      <c r="AS5555">
        <v>0</v>
      </c>
      <c r="AT5555">
        <v>0</v>
      </c>
      <c r="AU5555">
        <v>0</v>
      </c>
      <c r="AV5555">
        <v>0</v>
      </c>
      <c r="AW5555">
        <v>0</v>
      </c>
      <c r="AX5555">
        <v>0</v>
      </c>
      <c r="AY5555">
        <v>0</v>
      </c>
      <c r="AZ5555">
        <v>0</v>
      </c>
      <c r="BA5555">
        <v>0</v>
      </c>
    </row>
    <row r="5556" spans="1:53" x14ac:dyDescent="0.4">
      <c r="A5556">
        <v>5600</v>
      </c>
      <c r="B5556" s="1">
        <v>44948</v>
      </c>
      <c r="C5556">
        <v>2</v>
      </c>
      <c r="D5556" s="1">
        <v>44948.386805555558</v>
      </c>
      <c r="E5556" s="1">
        <v>44948.742361111108</v>
      </c>
      <c r="F5556">
        <v>56020</v>
      </c>
      <c r="G5556">
        <v>2640</v>
      </c>
      <c r="H5556">
        <v>0</v>
      </c>
      <c r="I5556">
        <v>0</v>
      </c>
      <c r="J5556">
        <v>0</v>
      </c>
      <c r="K5556">
        <v>1600</v>
      </c>
      <c r="L5556">
        <v>0</v>
      </c>
      <c r="M5556">
        <v>5473</v>
      </c>
      <c r="N5556">
        <v>0</v>
      </c>
      <c r="O5556">
        <v>0</v>
      </c>
      <c r="P5556">
        <v>14230</v>
      </c>
      <c r="Q5556">
        <v>0</v>
      </c>
      <c r="R5556">
        <v>74490</v>
      </c>
      <c r="S5556">
        <v>0</v>
      </c>
      <c r="T5556">
        <v>0</v>
      </c>
      <c r="U5556">
        <v>0</v>
      </c>
      <c r="V5556">
        <v>2</v>
      </c>
      <c r="W5556">
        <v>1</v>
      </c>
      <c r="X5556">
        <v>0</v>
      </c>
      <c r="Y5556">
        <v>66</v>
      </c>
      <c r="Z5556">
        <v>45</v>
      </c>
      <c r="AA5556">
        <v>53</v>
      </c>
      <c r="AB5556">
        <v>30</v>
      </c>
      <c r="AC5556">
        <v>145</v>
      </c>
      <c r="AD5556">
        <v>26</v>
      </c>
      <c r="AE5556">
        <v>60</v>
      </c>
      <c r="AF5556">
        <v>2550</v>
      </c>
      <c r="AG5556">
        <v>124490</v>
      </c>
      <c r="AH5556">
        <v>50000</v>
      </c>
      <c r="AI5556">
        <v>0</v>
      </c>
      <c r="AJ5556">
        <v>103</v>
      </c>
      <c r="AK5556" t="s">
        <v>7</v>
      </c>
      <c r="AL5556">
        <v>0</v>
      </c>
      <c r="AM5556">
        <v>0</v>
      </c>
      <c r="AN5556">
        <v>0</v>
      </c>
      <c r="AO5556">
        <v>0</v>
      </c>
      <c r="AP5556">
        <v>0</v>
      </c>
      <c r="AQ5556">
        <v>0</v>
      </c>
      <c r="AR5556">
        <v>0</v>
      </c>
      <c r="AS5556">
        <v>0</v>
      </c>
      <c r="AT5556">
        <v>0</v>
      </c>
      <c r="AU5556">
        <v>0</v>
      </c>
      <c r="AV5556">
        <v>0</v>
      </c>
      <c r="AW5556">
        <v>0</v>
      </c>
      <c r="AX5556">
        <v>-530</v>
      </c>
      <c r="AY5556">
        <v>52</v>
      </c>
      <c r="AZ5556">
        <v>113</v>
      </c>
      <c r="BA5556">
        <v>8392</v>
      </c>
    </row>
    <row r="5557" spans="1:53" x14ac:dyDescent="0.4">
      <c r="A5557">
        <v>5601</v>
      </c>
      <c r="B5557" s="1">
        <v>44948</v>
      </c>
      <c r="C5557">
        <v>3</v>
      </c>
      <c r="D5557" s="1">
        <v>44948.742361111108</v>
      </c>
      <c r="E5557" s="1">
        <v>44948.947916666664</v>
      </c>
      <c r="F5557">
        <v>18330</v>
      </c>
      <c r="G5557">
        <v>0</v>
      </c>
      <c r="H5557">
        <v>0</v>
      </c>
      <c r="I5557">
        <v>0</v>
      </c>
      <c r="J5557">
        <v>0</v>
      </c>
      <c r="K5557">
        <v>0</v>
      </c>
      <c r="L5557">
        <v>0</v>
      </c>
      <c r="M5557">
        <v>1667</v>
      </c>
      <c r="N5557">
        <v>0</v>
      </c>
      <c r="O5557">
        <v>0</v>
      </c>
      <c r="P5557">
        <v>3890</v>
      </c>
      <c r="Q5557">
        <v>0</v>
      </c>
      <c r="R5557">
        <v>22220</v>
      </c>
      <c r="S5557">
        <v>0</v>
      </c>
      <c r="T5557">
        <v>0</v>
      </c>
      <c r="U5557">
        <v>0</v>
      </c>
      <c r="V5557">
        <v>1</v>
      </c>
      <c r="W5557">
        <v>2</v>
      </c>
      <c r="X5557">
        <v>0</v>
      </c>
      <c r="Y5557">
        <v>87</v>
      </c>
      <c r="Z5557">
        <v>46</v>
      </c>
      <c r="AA5557">
        <v>42</v>
      </c>
      <c r="AB5557">
        <v>26</v>
      </c>
      <c r="AC5557">
        <v>142</v>
      </c>
      <c r="AD5557">
        <v>26</v>
      </c>
      <c r="AE5557">
        <v>64</v>
      </c>
      <c r="AF5557">
        <v>9596</v>
      </c>
      <c r="AG5557">
        <v>146710</v>
      </c>
      <c r="AH5557">
        <v>50000</v>
      </c>
      <c r="AI5557">
        <v>0</v>
      </c>
      <c r="AJ5557">
        <v>108</v>
      </c>
      <c r="AK5557" t="s">
        <v>3</v>
      </c>
      <c r="AL5557">
        <v>0</v>
      </c>
      <c r="AM5557">
        <v>0</v>
      </c>
      <c r="AN5557">
        <v>0</v>
      </c>
      <c r="AO5557">
        <v>0</v>
      </c>
      <c r="AP5557">
        <v>0</v>
      </c>
      <c r="AQ5557">
        <v>0</v>
      </c>
      <c r="AR5557">
        <v>0</v>
      </c>
      <c r="AS5557">
        <v>0</v>
      </c>
      <c r="AT5557">
        <v>0</v>
      </c>
      <c r="AU5557">
        <v>0</v>
      </c>
      <c r="AV5557">
        <v>0</v>
      </c>
      <c r="AW5557">
        <v>0</v>
      </c>
      <c r="AX5557">
        <v>9068</v>
      </c>
      <c r="AY5557">
        <v>6</v>
      </c>
      <c r="AZ5557">
        <v>14</v>
      </c>
      <c r="BA5557">
        <v>1606</v>
      </c>
    </row>
    <row r="5558" spans="1:53" x14ac:dyDescent="0.4">
      <c r="A5558">
        <v>5602</v>
      </c>
      <c r="B5558" s="1">
        <v>44949</v>
      </c>
      <c r="C5558">
        <v>1</v>
      </c>
      <c r="D5558" s="1">
        <v>44949.291666666664</v>
      </c>
      <c r="E5558" s="1">
        <v>44949.443749999999</v>
      </c>
      <c r="F5558">
        <v>0</v>
      </c>
      <c r="G5558">
        <v>0</v>
      </c>
      <c r="H5558">
        <v>0</v>
      </c>
      <c r="I5558">
        <v>0</v>
      </c>
      <c r="J5558">
        <v>0</v>
      </c>
      <c r="K5558">
        <v>0</v>
      </c>
      <c r="L5558">
        <v>0</v>
      </c>
      <c r="M5558">
        <v>0</v>
      </c>
      <c r="N5558">
        <v>0</v>
      </c>
      <c r="O5558">
        <v>0</v>
      </c>
      <c r="P5558">
        <v>0</v>
      </c>
      <c r="Q5558">
        <v>0</v>
      </c>
      <c r="R5558">
        <v>0</v>
      </c>
      <c r="S5558">
        <v>0</v>
      </c>
      <c r="T5558">
        <v>0</v>
      </c>
      <c r="U5558">
        <v>0</v>
      </c>
      <c r="V5558">
        <v>0</v>
      </c>
      <c r="W5558">
        <v>1</v>
      </c>
      <c r="X5558">
        <v>0</v>
      </c>
      <c r="Y5558">
        <v>30</v>
      </c>
      <c r="Z5558">
        <v>13</v>
      </c>
      <c r="AA5558">
        <v>57</v>
      </c>
      <c r="AB5558">
        <v>30</v>
      </c>
      <c r="AC5558">
        <v>111</v>
      </c>
      <c r="AD5558">
        <v>26</v>
      </c>
      <c r="AE5558">
        <v>60</v>
      </c>
      <c r="AF5558">
        <v>0</v>
      </c>
      <c r="AG5558">
        <v>50000</v>
      </c>
      <c r="AH5558">
        <v>50000</v>
      </c>
      <c r="AI5558">
        <v>0</v>
      </c>
      <c r="AJ5558">
        <v>0</v>
      </c>
      <c r="AK5558" t="s">
        <v>6</v>
      </c>
      <c r="AL5558">
        <v>0</v>
      </c>
      <c r="AM5558">
        <v>0</v>
      </c>
      <c r="AN5558">
        <v>0</v>
      </c>
      <c r="AO5558">
        <v>0</v>
      </c>
      <c r="AP5558">
        <v>0</v>
      </c>
      <c r="AQ5558">
        <v>0</v>
      </c>
      <c r="AR5558">
        <v>0</v>
      </c>
      <c r="AS5558">
        <v>0</v>
      </c>
      <c r="AT5558">
        <v>0</v>
      </c>
      <c r="AU5558">
        <v>0</v>
      </c>
      <c r="AV5558">
        <v>0</v>
      </c>
      <c r="AW5558">
        <v>0</v>
      </c>
      <c r="AX5558">
        <v>0</v>
      </c>
      <c r="AY5558">
        <v>0</v>
      </c>
      <c r="AZ5558">
        <v>0</v>
      </c>
      <c r="BA5558">
        <v>0</v>
      </c>
    </row>
    <row r="5559" spans="1:53" x14ac:dyDescent="0.4">
      <c r="A5559">
        <v>5603</v>
      </c>
      <c r="B5559" s="1">
        <v>44949</v>
      </c>
      <c r="C5559">
        <v>2</v>
      </c>
      <c r="D5559" s="1">
        <v>44949.443749999999</v>
      </c>
      <c r="E5559" s="1">
        <v>44949.756249999999</v>
      </c>
      <c r="F5559">
        <v>29060</v>
      </c>
      <c r="G5559">
        <v>2244</v>
      </c>
      <c r="H5559">
        <v>0</v>
      </c>
      <c r="I5559">
        <v>0</v>
      </c>
      <c r="J5559">
        <v>0</v>
      </c>
      <c r="K5559">
        <v>0</v>
      </c>
      <c r="L5559">
        <v>0</v>
      </c>
      <c r="M5559">
        <v>2844</v>
      </c>
      <c r="N5559">
        <v>0</v>
      </c>
      <c r="O5559">
        <v>0</v>
      </c>
      <c r="P5559">
        <v>10080</v>
      </c>
      <c r="Q5559">
        <v>0</v>
      </c>
      <c r="R5559">
        <v>41384</v>
      </c>
      <c r="S5559">
        <v>0</v>
      </c>
      <c r="T5559">
        <v>0</v>
      </c>
      <c r="U5559">
        <v>0</v>
      </c>
      <c r="V5559">
        <v>1</v>
      </c>
      <c r="W5559">
        <v>1</v>
      </c>
      <c r="X5559">
        <v>0</v>
      </c>
      <c r="Y5559">
        <v>53</v>
      </c>
      <c r="Z5559">
        <v>19</v>
      </c>
      <c r="AA5559">
        <v>100</v>
      </c>
      <c r="AB5559">
        <v>22</v>
      </c>
      <c r="AC5559">
        <v>137</v>
      </c>
      <c r="AD5559">
        <v>31</v>
      </c>
      <c r="AE5559">
        <v>59</v>
      </c>
      <c r="AF5559">
        <v>1200</v>
      </c>
      <c r="AG5559">
        <v>91384</v>
      </c>
      <c r="AH5559">
        <v>50000</v>
      </c>
      <c r="AI5559">
        <v>0</v>
      </c>
      <c r="AJ5559">
        <v>102</v>
      </c>
      <c r="AK5559" t="s">
        <v>50</v>
      </c>
      <c r="AL5559">
        <v>0</v>
      </c>
      <c r="AM5559">
        <v>0</v>
      </c>
      <c r="AN5559">
        <v>0</v>
      </c>
      <c r="AO5559">
        <v>0</v>
      </c>
      <c r="AP5559">
        <v>0</v>
      </c>
      <c r="AQ5559">
        <v>0</v>
      </c>
      <c r="AR5559">
        <v>0</v>
      </c>
      <c r="AS5559">
        <v>0</v>
      </c>
      <c r="AT5559">
        <v>0</v>
      </c>
      <c r="AU5559">
        <v>0</v>
      </c>
      <c r="AV5559">
        <v>0</v>
      </c>
      <c r="AW5559">
        <v>0</v>
      </c>
      <c r="AX5559">
        <v>0</v>
      </c>
      <c r="AY5559">
        <v>41</v>
      </c>
      <c r="AZ5559">
        <v>67</v>
      </c>
      <c r="BA5559">
        <v>5271</v>
      </c>
    </row>
    <row r="5560" spans="1:53" x14ac:dyDescent="0.4">
      <c r="A5560">
        <v>5604</v>
      </c>
      <c r="B5560" s="1">
        <v>44949</v>
      </c>
      <c r="C5560">
        <v>3</v>
      </c>
      <c r="D5560" s="1">
        <v>44949.756249999999</v>
      </c>
      <c r="E5560" s="1">
        <v>44949.955555555556</v>
      </c>
      <c r="F5560">
        <v>20440</v>
      </c>
      <c r="G5560">
        <v>0</v>
      </c>
      <c r="H5560">
        <v>0</v>
      </c>
      <c r="I5560">
        <v>0</v>
      </c>
      <c r="J5560">
        <v>0</v>
      </c>
      <c r="K5560">
        <v>1100</v>
      </c>
      <c r="L5560">
        <v>0</v>
      </c>
      <c r="M5560">
        <v>1958</v>
      </c>
      <c r="N5560">
        <v>0</v>
      </c>
      <c r="O5560">
        <v>0</v>
      </c>
      <c r="P5560">
        <v>-4790</v>
      </c>
      <c r="Q5560">
        <v>0</v>
      </c>
      <c r="R5560">
        <v>16750</v>
      </c>
      <c r="S5560">
        <v>0</v>
      </c>
      <c r="T5560">
        <v>0</v>
      </c>
      <c r="U5560">
        <v>0</v>
      </c>
      <c r="V5560">
        <v>1</v>
      </c>
      <c r="W5560">
        <v>1</v>
      </c>
      <c r="X5560">
        <v>0</v>
      </c>
      <c r="Y5560">
        <v>65</v>
      </c>
      <c r="Z5560">
        <v>19</v>
      </c>
      <c r="AA5560">
        <v>101</v>
      </c>
      <c r="AB5560">
        <v>21</v>
      </c>
      <c r="AC5560">
        <v>145</v>
      </c>
      <c r="AD5560">
        <v>31</v>
      </c>
      <c r="AE5560">
        <v>59</v>
      </c>
      <c r="AF5560">
        <v>5820</v>
      </c>
      <c r="AG5560">
        <v>108134</v>
      </c>
      <c r="AH5560">
        <v>50000</v>
      </c>
      <c r="AI5560">
        <v>0</v>
      </c>
      <c r="AJ5560">
        <v>95</v>
      </c>
      <c r="AK5560" t="s">
        <v>21</v>
      </c>
      <c r="AL5560">
        <v>0</v>
      </c>
      <c r="AM5560">
        <v>0</v>
      </c>
      <c r="AN5560">
        <v>0</v>
      </c>
      <c r="AO5560">
        <v>0</v>
      </c>
      <c r="AP5560">
        <v>0</v>
      </c>
      <c r="AQ5560">
        <v>0</v>
      </c>
      <c r="AR5560">
        <v>0</v>
      </c>
      <c r="AS5560">
        <v>0</v>
      </c>
      <c r="AT5560">
        <v>0</v>
      </c>
      <c r="AU5560">
        <v>0</v>
      </c>
      <c r="AV5560">
        <v>0</v>
      </c>
      <c r="AW5560">
        <v>0</v>
      </c>
      <c r="AX5560">
        <v>990</v>
      </c>
      <c r="AY5560">
        <v>9</v>
      </c>
      <c r="AZ5560">
        <v>17</v>
      </c>
      <c r="BA5560">
        <v>1981</v>
      </c>
    </row>
    <row r="5561" spans="1:53" x14ac:dyDescent="0.4">
      <c r="A5561">
        <v>5605</v>
      </c>
      <c r="B5561" s="1">
        <v>44950</v>
      </c>
      <c r="C5561">
        <v>1</v>
      </c>
      <c r="D5561" s="1">
        <v>44950.291666666664</v>
      </c>
      <c r="E5561" s="1">
        <v>44950.450694444444</v>
      </c>
      <c r="F5561">
        <v>0</v>
      </c>
      <c r="G5561">
        <v>0</v>
      </c>
      <c r="H5561">
        <v>0</v>
      </c>
      <c r="I5561">
        <v>0</v>
      </c>
      <c r="J5561">
        <v>0</v>
      </c>
      <c r="K5561">
        <v>0</v>
      </c>
      <c r="L5561">
        <v>0</v>
      </c>
      <c r="M5561">
        <v>0</v>
      </c>
      <c r="N5561">
        <v>0</v>
      </c>
      <c r="O5561">
        <v>0</v>
      </c>
      <c r="P5561">
        <v>0</v>
      </c>
      <c r="Q5561">
        <v>0</v>
      </c>
      <c r="R5561">
        <v>0</v>
      </c>
      <c r="S5561">
        <v>0</v>
      </c>
      <c r="T5561">
        <v>0</v>
      </c>
      <c r="U5561">
        <v>0</v>
      </c>
      <c r="V5561">
        <v>0</v>
      </c>
      <c r="W5561">
        <v>1</v>
      </c>
      <c r="X5561">
        <v>0</v>
      </c>
      <c r="Y5561">
        <v>26</v>
      </c>
      <c r="Z5561">
        <v>13</v>
      </c>
      <c r="AA5561">
        <v>98</v>
      </c>
      <c r="AB5561">
        <v>21</v>
      </c>
      <c r="AC5561">
        <v>144</v>
      </c>
      <c r="AD5561">
        <v>31</v>
      </c>
      <c r="AE5561">
        <v>55</v>
      </c>
      <c r="AF5561">
        <v>0</v>
      </c>
      <c r="AG5561">
        <v>50000</v>
      </c>
      <c r="AH5561">
        <v>50000</v>
      </c>
      <c r="AI5561">
        <v>0</v>
      </c>
      <c r="AJ5561">
        <v>0</v>
      </c>
      <c r="AK5561" t="s">
        <v>6</v>
      </c>
      <c r="AL5561">
        <v>0</v>
      </c>
      <c r="AM5561">
        <v>0</v>
      </c>
      <c r="AN5561">
        <v>0</v>
      </c>
      <c r="AO5561">
        <v>0</v>
      </c>
      <c r="AP5561">
        <v>0</v>
      </c>
      <c r="AQ5561">
        <v>0</v>
      </c>
      <c r="AR5561">
        <v>0</v>
      </c>
      <c r="AS5561">
        <v>0</v>
      </c>
      <c r="AT5561">
        <v>0</v>
      </c>
      <c r="AU5561">
        <v>0</v>
      </c>
      <c r="AV5561">
        <v>0</v>
      </c>
      <c r="AW5561">
        <v>0</v>
      </c>
      <c r="AX5561">
        <v>0</v>
      </c>
      <c r="AY5561">
        <v>0</v>
      </c>
      <c r="AZ5561">
        <v>0</v>
      </c>
      <c r="BA5561">
        <v>0</v>
      </c>
    </row>
    <row r="5562" spans="1:53" x14ac:dyDescent="0.4">
      <c r="A5562">
        <v>5606</v>
      </c>
      <c r="B5562" s="1">
        <v>44950</v>
      </c>
      <c r="C5562">
        <v>2</v>
      </c>
      <c r="D5562" s="1">
        <v>44950.450694444444</v>
      </c>
      <c r="E5562" s="1">
        <v>44950.738194444442</v>
      </c>
      <c r="F5562">
        <v>18550</v>
      </c>
      <c r="G5562">
        <v>1056</v>
      </c>
      <c r="H5562">
        <v>0</v>
      </c>
      <c r="I5562">
        <v>0</v>
      </c>
      <c r="J5562">
        <v>0</v>
      </c>
      <c r="K5562">
        <v>0</v>
      </c>
      <c r="L5562">
        <v>0</v>
      </c>
      <c r="M5562">
        <v>1781</v>
      </c>
      <c r="N5562">
        <v>0</v>
      </c>
      <c r="O5562">
        <v>0</v>
      </c>
      <c r="P5562">
        <v>12680</v>
      </c>
      <c r="Q5562">
        <v>0</v>
      </c>
      <c r="R5562">
        <v>32286</v>
      </c>
      <c r="S5562">
        <v>0</v>
      </c>
      <c r="T5562">
        <v>0</v>
      </c>
      <c r="U5562">
        <v>0</v>
      </c>
      <c r="V5562">
        <v>1</v>
      </c>
      <c r="W5562">
        <v>0</v>
      </c>
      <c r="X5562">
        <v>0</v>
      </c>
      <c r="Y5562">
        <v>48</v>
      </c>
      <c r="Z5562">
        <v>19</v>
      </c>
      <c r="AA5562">
        <v>109</v>
      </c>
      <c r="AB5562">
        <v>20</v>
      </c>
      <c r="AC5562">
        <v>171</v>
      </c>
      <c r="AD5562">
        <v>33</v>
      </c>
      <c r="AE5562">
        <v>61</v>
      </c>
      <c r="AF5562">
        <v>950</v>
      </c>
      <c r="AG5562">
        <v>82286</v>
      </c>
      <c r="AH5562">
        <v>50000</v>
      </c>
      <c r="AI5562">
        <v>0</v>
      </c>
      <c r="AJ5562">
        <v>35</v>
      </c>
      <c r="AK5562" t="s">
        <v>66</v>
      </c>
      <c r="AL5562">
        <v>0</v>
      </c>
      <c r="AM5562">
        <v>0</v>
      </c>
      <c r="AN5562">
        <v>0</v>
      </c>
      <c r="AO5562">
        <v>0</v>
      </c>
      <c r="AP5562">
        <v>0</v>
      </c>
      <c r="AQ5562">
        <v>0</v>
      </c>
      <c r="AR5562">
        <v>0</v>
      </c>
      <c r="AS5562">
        <v>0</v>
      </c>
      <c r="AT5562">
        <v>0</v>
      </c>
      <c r="AU5562">
        <v>0</v>
      </c>
      <c r="AV5562">
        <v>0</v>
      </c>
      <c r="AW5562">
        <v>0</v>
      </c>
      <c r="AX5562">
        <v>0</v>
      </c>
      <c r="AY5562">
        <v>34</v>
      </c>
      <c r="AZ5562">
        <v>50</v>
      </c>
      <c r="BA5562">
        <v>5065</v>
      </c>
    </row>
    <row r="5563" spans="1:53" x14ac:dyDescent="0.4">
      <c r="A5563">
        <v>5607</v>
      </c>
      <c r="B5563" s="1">
        <v>44950</v>
      </c>
      <c r="C5563">
        <v>3</v>
      </c>
      <c r="D5563" s="1">
        <v>44950.738194444442</v>
      </c>
      <c r="E5563" s="1">
        <v>44950.943055555559</v>
      </c>
      <c r="F5563">
        <v>22950</v>
      </c>
      <c r="G5563">
        <v>440</v>
      </c>
      <c r="H5563">
        <v>0</v>
      </c>
      <c r="I5563">
        <v>0</v>
      </c>
      <c r="J5563">
        <v>0</v>
      </c>
      <c r="K5563">
        <v>0</v>
      </c>
      <c r="L5563">
        <v>0</v>
      </c>
      <c r="M5563">
        <v>2125</v>
      </c>
      <c r="N5563">
        <v>0</v>
      </c>
      <c r="O5563">
        <v>0</v>
      </c>
      <c r="P5563">
        <v>-12680</v>
      </c>
      <c r="Q5563">
        <v>0</v>
      </c>
      <c r="R5563">
        <v>10710</v>
      </c>
      <c r="S5563">
        <v>0</v>
      </c>
      <c r="T5563">
        <v>0</v>
      </c>
      <c r="U5563">
        <v>0</v>
      </c>
      <c r="V5563">
        <v>0</v>
      </c>
      <c r="W5563">
        <v>2</v>
      </c>
      <c r="X5563">
        <v>0</v>
      </c>
      <c r="Y5563">
        <v>56</v>
      </c>
      <c r="Z5563">
        <v>19</v>
      </c>
      <c r="AA5563">
        <v>132</v>
      </c>
      <c r="AB5563">
        <v>20</v>
      </c>
      <c r="AC5563">
        <v>161</v>
      </c>
      <c r="AD5563">
        <v>34</v>
      </c>
      <c r="AE5563">
        <v>66</v>
      </c>
      <c r="AF5563">
        <v>1450</v>
      </c>
      <c r="AG5563">
        <v>92996</v>
      </c>
      <c r="AH5563">
        <v>50000</v>
      </c>
      <c r="AI5563">
        <v>0</v>
      </c>
      <c r="AJ5563">
        <v>108</v>
      </c>
      <c r="AK5563" t="s">
        <v>3</v>
      </c>
      <c r="AL5563">
        <v>0</v>
      </c>
      <c r="AM5563">
        <v>0</v>
      </c>
      <c r="AN5563">
        <v>0</v>
      </c>
      <c r="AO5563">
        <v>0</v>
      </c>
      <c r="AP5563">
        <v>0</v>
      </c>
      <c r="AQ5563">
        <v>0</v>
      </c>
      <c r="AR5563">
        <v>0</v>
      </c>
      <c r="AS5563">
        <v>0</v>
      </c>
      <c r="AT5563">
        <v>0</v>
      </c>
      <c r="AU5563">
        <v>0</v>
      </c>
      <c r="AV5563">
        <v>0</v>
      </c>
      <c r="AW5563">
        <v>0</v>
      </c>
      <c r="AX5563">
        <v>0</v>
      </c>
      <c r="AY5563">
        <v>6</v>
      </c>
      <c r="AZ5563">
        <v>10</v>
      </c>
      <c r="BA5563">
        <v>1455</v>
      </c>
    </row>
    <row r="5564" spans="1:53" x14ac:dyDescent="0.4">
      <c r="A5564">
        <v>5608</v>
      </c>
      <c r="B5564" s="1">
        <v>44951</v>
      </c>
      <c r="C5564">
        <v>1</v>
      </c>
      <c r="D5564" s="1">
        <v>44951.291666666664</v>
      </c>
      <c r="E5564" s="1">
        <v>44951.446527777778</v>
      </c>
      <c r="F5564">
        <v>0</v>
      </c>
      <c r="G5564">
        <v>0</v>
      </c>
      <c r="H5564">
        <v>0</v>
      </c>
      <c r="I5564">
        <v>0</v>
      </c>
      <c r="J5564">
        <v>0</v>
      </c>
      <c r="K5564">
        <v>0</v>
      </c>
      <c r="L5564">
        <v>0</v>
      </c>
      <c r="M5564">
        <v>0</v>
      </c>
      <c r="N5564">
        <v>0</v>
      </c>
      <c r="O5564">
        <v>0</v>
      </c>
      <c r="P5564">
        <v>0</v>
      </c>
      <c r="Q5564">
        <v>0</v>
      </c>
      <c r="R5564">
        <v>0</v>
      </c>
      <c r="S5564">
        <v>0</v>
      </c>
      <c r="T5564">
        <v>0</v>
      </c>
      <c r="U5564">
        <v>0</v>
      </c>
      <c r="V5564">
        <v>0</v>
      </c>
      <c r="W5564">
        <v>1</v>
      </c>
      <c r="X5564">
        <v>0</v>
      </c>
      <c r="Y5564">
        <v>25</v>
      </c>
      <c r="Z5564">
        <v>12</v>
      </c>
      <c r="AA5564">
        <v>117</v>
      </c>
      <c r="AB5564">
        <v>20</v>
      </c>
      <c r="AC5564">
        <v>109</v>
      </c>
      <c r="AD5564">
        <v>30</v>
      </c>
      <c r="AE5564">
        <v>60</v>
      </c>
      <c r="AF5564">
        <v>0</v>
      </c>
      <c r="AG5564">
        <v>50000</v>
      </c>
      <c r="AH5564">
        <v>50000</v>
      </c>
      <c r="AI5564">
        <v>0</v>
      </c>
      <c r="AJ5564">
        <v>0</v>
      </c>
      <c r="AK5564" t="s">
        <v>6</v>
      </c>
      <c r="AL5564">
        <v>0</v>
      </c>
      <c r="AM5564">
        <v>0</v>
      </c>
      <c r="AN5564">
        <v>0</v>
      </c>
      <c r="AO5564">
        <v>0</v>
      </c>
      <c r="AP5564">
        <v>0</v>
      </c>
      <c r="AQ5564">
        <v>0</v>
      </c>
      <c r="AR5564">
        <v>0</v>
      </c>
      <c r="AS5564">
        <v>0</v>
      </c>
      <c r="AT5564">
        <v>0</v>
      </c>
      <c r="AU5564">
        <v>0</v>
      </c>
      <c r="AV5564">
        <v>0</v>
      </c>
      <c r="AW5564">
        <v>0</v>
      </c>
      <c r="AX5564">
        <v>0</v>
      </c>
      <c r="AY5564">
        <v>0</v>
      </c>
      <c r="AZ5564">
        <v>0</v>
      </c>
      <c r="BA5564">
        <v>0</v>
      </c>
    </row>
    <row r="5565" spans="1:53" x14ac:dyDescent="0.4">
      <c r="A5565">
        <v>5609</v>
      </c>
      <c r="B5565" s="1">
        <v>44951</v>
      </c>
      <c r="C5565">
        <v>2</v>
      </c>
      <c r="D5565" s="1">
        <v>44951.446527777778</v>
      </c>
      <c r="E5565" s="1">
        <v>44951.740277777775</v>
      </c>
      <c r="F5565">
        <v>16630</v>
      </c>
      <c r="G5565">
        <v>770</v>
      </c>
      <c r="H5565">
        <v>0</v>
      </c>
      <c r="I5565">
        <v>0</v>
      </c>
      <c r="J5565">
        <v>0</v>
      </c>
      <c r="K5565">
        <v>0</v>
      </c>
      <c r="L5565">
        <v>0</v>
      </c>
      <c r="M5565">
        <v>1581</v>
      </c>
      <c r="N5565">
        <v>0</v>
      </c>
      <c r="O5565">
        <v>0</v>
      </c>
      <c r="P5565">
        <v>6000</v>
      </c>
      <c r="Q5565">
        <v>0</v>
      </c>
      <c r="R5565">
        <v>23400</v>
      </c>
      <c r="S5565">
        <v>0</v>
      </c>
      <c r="T5565">
        <v>0</v>
      </c>
      <c r="U5565">
        <v>0</v>
      </c>
      <c r="V5565">
        <v>0</v>
      </c>
      <c r="W5565">
        <v>2</v>
      </c>
      <c r="X5565">
        <v>0</v>
      </c>
      <c r="Y5565">
        <v>41</v>
      </c>
      <c r="Z5565">
        <v>17</v>
      </c>
      <c r="AA5565">
        <v>110</v>
      </c>
      <c r="AB5565">
        <v>21</v>
      </c>
      <c r="AC5565">
        <v>111</v>
      </c>
      <c r="AD5565">
        <v>30</v>
      </c>
      <c r="AE5565">
        <v>60</v>
      </c>
      <c r="AF5565">
        <v>530</v>
      </c>
      <c r="AG5565">
        <v>73400</v>
      </c>
      <c r="AH5565">
        <v>50000</v>
      </c>
      <c r="AI5565">
        <v>0</v>
      </c>
      <c r="AJ5565">
        <v>29</v>
      </c>
      <c r="AK5565" t="s">
        <v>62</v>
      </c>
      <c r="AL5565">
        <v>0</v>
      </c>
      <c r="AM5565">
        <v>0</v>
      </c>
      <c r="AN5565">
        <v>0</v>
      </c>
      <c r="AO5565">
        <v>0</v>
      </c>
      <c r="AP5565">
        <v>0</v>
      </c>
      <c r="AQ5565">
        <v>0</v>
      </c>
      <c r="AR5565">
        <v>0</v>
      </c>
      <c r="AS5565">
        <v>0</v>
      </c>
      <c r="AT5565">
        <v>0</v>
      </c>
      <c r="AU5565">
        <v>0</v>
      </c>
      <c r="AV5565">
        <v>0</v>
      </c>
      <c r="AW5565">
        <v>0</v>
      </c>
      <c r="AX5565">
        <v>0</v>
      </c>
      <c r="AY5565">
        <v>25</v>
      </c>
      <c r="AZ5565">
        <v>38</v>
      </c>
      <c r="BA5565">
        <v>3350</v>
      </c>
    </row>
    <row r="5566" spans="1:53" x14ac:dyDescent="0.4">
      <c r="A5566">
        <v>5610</v>
      </c>
      <c r="B5566" s="1">
        <v>44951</v>
      </c>
      <c r="C5566">
        <v>3</v>
      </c>
      <c r="D5566" s="1">
        <v>44951.740277777775</v>
      </c>
      <c r="E5566" s="1">
        <v>44951.954861111109</v>
      </c>
      <c r="F5566">
        <v>9580</v>
      </c>
      <c r="G5566">
        <v>0</v>
      </c>
      <c r="H5566">
        <v>0</v>
      </c>
      <c r="I5566">
        <v>0</v>
      </c>
      <c r="J5566">
        <v>0</v>
      </c>
      <c r="K5566">
        <v>0</v>
      </c>
      <c r="L5566">
        <v>0</v>
      </c>
      <c r="M5566">
        <v>871</v>
      </c>
      <c r="N5566">
        <v>0</v>
      </c>
      <c r="O5566">
        <v>0</v>
      </c>
      <c r="P5566">
        <v>-6000</v>
      </c>
      <c r="Q5566">
        <v>0</v>
      </c>
      <c r="R5566">
        <v>3580</v>
      </c>
      <c r="S5566">
        <v>0</v>
      </c>
      <c r="T5566">
        <v>0</v>
      </c>
      <c r="U5566">
        <v>0</v>
      </c>
      <c r="V5566">
        <v>0</v>
      </c>
      <c r="W5566">
        <v>2</v>
      </c>
      <c r="X5566">
        <v>0</v>
      </c>
      <c r="Y5566">
        <v>42</v>
      </c>
      <c r="Z5566">
        <v>18</v>
      </c>
      <c r="AA5566">
        <v>121</v>
      </c>
      <c r="AB5566">
        <v>22</v>
      </c>
      <c r="AC5566">
        <v>111</v>
      </c>
      <c r="AD5566">
        <v>30</v>
      </c>
      <c r="AE5566">
        <v>64</v>
      </c>
      <c r="AF5566">
        <v>1556</v>
      </c>
      <c r="AG5566">
        <v>77080</v>
      </c>
      <c r="AH5566">
        <v>50000</v>
      </c>
      <c r="AI5566">
        <v>100</v>
      </c>
      <c r="AJ5566">
        <v>108</v>
      </c>
      <c r="AK5566" t="s">
        <v>3</v>
      </c>
      <c r="AL5566">
        <v>0</v>
      </c>
      <c r="AM5566">
        <v>0</v>
      </c>
      <c r="AN5566">
        <v>0</v>
      </c>
      <c r="AO5566">
        <v>0</v>
      </c>
      <c r="AP5566">
        <v>0</v>
      </c>
      <c r="AQ5566">
        <v>0</v>
      </c>
      <c r="AR5566">
        <v>0</v>
      </c>
      <c r="AS5566">
        <v>0</v>
      </c>
      <c r="AT5566">
        <v>0</v>
      </c>
      <c r="AU5566">
        <v>0</v>
      </c>
      <c r="AV5566">
        <v>0</v>
      </c>
      <c r="AW5566">
        <v>0</v>
      </c>
      <c r="AX5566">
        <v>6050</v>
      </c>
      <c r="AY5566">
        <v>6</v>
      </c>
      <c r="AZ5566">
        <v>13</v>
      </c>
      <c r="BA5566">
        <v>1031</v>
      </c>
    </row>
    <row r="5567" spans="1:53" x14ac:dyDescent="0.4">
      <c r="A5567">
        <v>5611</v>
      </c>
      <c r="B5567" s="1">
        <v>44952</v>
      </c>
      <c r="C5567">
        <v>1</v>
      </c>
      <c r="D5567" s="1">
        <v>44952.291666666664</v>
      </c>
      <c r="E5567" s="1">
        <v>44952.442361111112</v>
      </c>
      <c r="F5567">
        <v>0</v>
      </c>
      <c r="G5567">
        <v>0</v>
      </c>
      <c r="H5567">
        <v>0</v>
      </c>
      <c r="I5567">
        <v>0</v>
      </c>
      <c r="J5567">
        <v>0</v>
      </c>
      <c r="K5567">
        <v>0</v>
      </c>
      <c r="L5567">
        <v>0</v>
      </c>
      <c r="M5567">
        <v>0</v>
      </c>
      <c r="N5567">
        <v>0</v>
      </c>
      <c r="O5567">
        <v>0</v>
      </c>
      <c r="P5567">
        <v>0</v>
      </c>
      <c r="Q5567">
        <v>0</v>
      </c>
      <c r="R5567">
        <v>0</v>
      </c>
      <c r="S5567">
        <v>0</v>
      </c>
      <c r="T5567">
        <v>0</v>
      </c>
      <c r="U5567">
        <v>0</v>
      </c>
      <c r="V5567">
        <v>0</v>
      </c>
      <c r="W5567">
        <v>1</v>
      </c>
      <c r="X5567">
        <v>0</v>
      </c>
      <c r="Y5567">
        <v>25</v>
      </c>
      <c r="Z5567">
        <v>12</v>
      </c>
      <c r="AA5567">
        <v>118</v>
      </c>
      <c r="AB5567">
        <v>20</v>
      </c>
      <c r="AC5567">
        <v>100</v>
      </c>
      <c r="AD5567">
        <v>27</v>
      </c>
      <c r="AE5567">
        <v>65</v>
      </c>
      <c r="AF5567">
        <v>0</v>
      </c>
      <c r="AG5567">
        <v>50000</v>
      </c>
      <c r="AH5567">
        <v>50000</v>
      </c>
      <c r="AI5567">
        <v>0</v>
      </c>
      <c r="AJ5567">
        <v>0</v>
      </c>
      <c r="AK5567" t="s">
        <v>6</v>
      </c>
      <c r="AL5567">
        <v>0</v>
      </c>
      <c r="AM5567">
        <v>0</v>
      </c>
      <c r="AN5567">
        <v>0</v>
      </c>
      <c r="AO5567">
        <v>0</v>
      </c>
      <c r="AP5567">
        <v>0</v>
      </c>
      <c r="AQ5567">
        <v>0</v>
      </c>
      <c r="AR5567">
        <v>0</v>
      </c>
      <c r="AS5567">
        <v>0</v>
      </c>
      <c r="AT5567">
        <v>0</v>
      </c>
      <c r="AU5567">
        <v>0</v>
      </c>
      <c r="AV5567">
        <v>0</v>
      </c>
      <c r="AW5567">
        <v>0</v>
      </c>
      <c r="AX5567">
        <v>0</v>
      </c>
      <c r="AY5567">
        <v>0</v>
      </c>
      <c r="AZ5567">
        <v>0</v>
      </c>
      <c r="BA5567">
        <v>0</v>
      </c>
    </row>
    <row r="5568" spans="1:53" x14ac:dyDescent="0.4">
      <c r="A5568">
        <v>5612</v>
      </c>
      <c r="B5568" s="1">
        <v>44952</v>
      </c>
      <c r="C5568">
        <v>2</v>
      </c>
      <c r="D5568" s="1">
        <v>44952.442361111112</v>
      </c>
      <c r="E5568" s="1">
        <v>44952.738888888889</v>
      </c>
      <c r="F5568">
        <v>19650</v>
      </c>
      <c r="G5568">
        <v>770</v>
      </c>
      <c r="H5568">
        <v>0</v>
      </c>
      <c r="I5568">
        <v>0</v>
      </c>
      <c r="J5568">
        <v>0</v>
      </c>
      <c r="K5568">
        <v>0</v>
      </c>
      <c r="L5568">
        <v>0</v>
      </c>
      <c r="M5568">
        <v>1856</v>
      </c>
      <c r="N5568">
        <v>0</v>
      </c>
      <c r="O5568">
        <v>0</v>
      </c>
      <c r="P5568">
        <v>20060</v>
      </c>
      <c r="Q5568">
        <v>0</v>
      </c>
      <c r="R5568">
        <v>40480</v>
      </c>
      <c r="S5568">
        <v>0</v>
      </c>
      <c r="T5568">
        <v>0</v>
      </c>
      <c r="U5568">
        <v>0</v>
      </c>
      <c r="V5568">
        <v>2</v>
      </c>
      <c r="W5568">
        <v>2</v>
      </c>
      <c r="X5568">
        <v>0</v>
      </c>
      <c r="Y5568">
        <v>36</v>
      </c>
      <c r="Z5568">
        <v>14</v>
      </c>
      <c r="AA5568">
        <v>105</v>
      </c>
      <c r="AB5568">
        <v>22</v>
      </c>
      <c r="AC5568">
        <v>116</v>
      </c>
      <c r="AD5568">
        <v>31</v>
      </c>
      <c r="AE5568">
        <v>65</v>
      </c>
      <c r="AF5568">
        <v>4500</v>
      </c>
      <c r="AG5568">
        <v>90480</v>
      </c>
      <c r="AH5568">
        <v>50000</v>
      </c>
      <c r="AI5568">
        <v>0</v>
      </c>
      <c r="AJ5568">
        <v>119</v>
      </c>
      <c r="AK5568" t="s">
        <v>56</v>
      </c>
      <c r="AL5568">
        <v>0</v>
      </c>
      <c r="AM5568">
        <v>0</v>
      </c>
      <c r="AN5568">
        <v>0</v>
      </c>
      <c r="AO5568">
        <v>0</v>
      </c>
      <c r="AP5568">
        <v>0</v>
      </c>
      <c r="AQ5568">
        <v>0</v>
      </c>
      <c r="AR5568">
        <v>0</v>
      </c>
      <c r="AS5568">
        <v>0</v>
      </c>
      <c r="AT5568">
        <v>0</v>
      </c>
      <c r="AU5568">
        <v>0</v>
      </c>
      <c r="AV5568">
        <v>0</v>
      </c>
      <c r="AW5568">
        <v>0</v>
      </c>
      <c r="AX5568">
        <v>-3990</v>
      </c>
      <c r="AY5568">
        <v>40</v>
      </c>
      <c r="AZ5568">
        <v>61</v>
      </c>
      <c r="BA5568">
        <v>6071</v>
      </c>
    </row>
    <row r="5569" spans="1:53" x14ac:dyDescent="0.4">
      <c r="A5569">
        <v>5613</v>
      </c>
      <c r="B5569" s="1">
        <v>44952</v>
      </c>
      <c r="C5569">
        <v>3</v>
      </c>
      <c r="D5569" s="1">
        <v>44952.738888888889</v>
      </c>
      <c r="E5569" s="1">
        <v>44952.934027777781</v>
      </c>
      <c r="F5569">
        <v>31010</v>
      </c>
      <c r="G5569">
        <v>0</v>
      </c>
      <c r="H5569">
        <v>0</v>
      </c>
      <c r="I5569">
        <v>0</v>
      </c>
      <c r="J5569">
        <v>0</v>
      </c>
      <c r="K5569">
        <v>0</v>
      </c>
      <c r="L5569">
        <v>0</v>
      </c>
      <c r="M5569">
        <v>2818</v>
      </c>
      <c r="N5569">
        <v>0</v>
      </c>
      <c r="O5569">
        <v>0</v>
      </c>
      <c r="P5569">
        <v>-14560</v>
      </c>
      <c r="Q5569">
        <v>0</v>
      </c>
      <c r="R5569">
        <v>16450</v>
      </c>
      <c r="S5569">
        <v>0</v>
      </c>
      <c r="T5569">
        <v>0</v>
      </c>
      <c r="U5569">
        <v>0</v>
      </c>
      <c r="V5569">
        <v>2</v>
      </c>
      <c r="W5569">
        <v>3</v>
      </c>
      <c r="X5569">
        <v>0</v>
      </c>
      <c r="Y5569">
        <v>47</v>
      </c>
      <c r="Z5569">
        <v>13</v>
      </c>
      <c r="AA5569">
        <v>97</v>
      </c>
      <c r="AB5569">
        <v>24</v>
      </c>
      <c r="AC5569">
        <v>115</v>
      </c>
      <c r="AD5569">
        <v>31</v>
      </c>
      <c r="AE5569">
        <v>63</v>
      </c>
      <c r="AF5569">
        <v>6162</v>
      </c>
      <c r="AG5569">
        <v>106930</v>
      </c>
      <c r="AH5569">
        <v>50000</v>
      </c>
      <c r="AI5569">
        <v>0</v>
      </c>
      <c r="AJ5569">
        <v>108</v>
      </c>
      <c r="AK5569" t="s">
        <v>3</v>
      </c>
      <c r="AL5569">
        <v>0</v>
      </c>
      <c r="AM5569">
        <v>0</v>
      </c>
      <c r="AN5569">
        <v>0</v>
      </c>
      <c r="AO5569">
        <v>0</v>
      </c>
      <c r="AP5569">
        <v>0</v>
      </c>
      <c r="AQ5569">
        <v>0</v>
      </c>
      <c r="AR5569">
        <v>0</v>
      </c>
      <c r="AS5569">
        <v>0</v>
      </c>
      <c r="AT5569">
        <v>0</v>
      </c>
      <c r="AU5569">
        <v>0</v>
      </c>
      <c r="AV5569">
        <v>0</v>
      </c>
      <c r="AW5569">
        <v>0</v>
      </c>
      <c r="AX5569">
        <v>1100</v>
      </c>
      <c r="AY5569">
        <v>10</v>
      </c>
      <c r="AZ5569">
        <v>20</v>
      </c>
      <c r="BA5569">
        <v>2794</v>
      </c>
    </row>
    <row r="5570" spans="1:53" x14ac:dyDescent="0.4">
      <c r="A5570">
        <v>5614</v>
      </c>
      <c r="B5570" s="1">
        <v>44953</v>
      </c>
      <c r="C5570">
        <v>1</v>
      </c>
      <c r="D5570" s="1">
        <v>44953.291666666664</v>
      </c>
      <c r="E5570" s="1">
        <v>44953.443749999999</v>
      </c>
      <c r="F5570">
        <v>0</v>
      </c>
      <c r="G5570">
        <v>0</v>
      </c>
      <c r="H5570">
        <v>0</v>
      </c>
      <c r="I5570">
        <v>0</v>
      </c>
      <c r="J5570">
        <v>0</v>
      </c>
      <c r="K5570">
        <v>0</v>
      </c>
      <c r="L5570">
        <v>0</v>
      </c>
      <c r="M5570">
        <v>0</v>
      </c>
      <c r="N5570">
        <v>0</v>
      </c>
      <c r="O5570">
        <v>0</v>
      </c>
      <c r="P5570">
        <v>0</v>
      </c>
      <c r="Q5570">
        <v>0</v>
      </c>
      <c r="R5570">
        <v>0</v>
      </c>
      <c r="S5570">
        <v>0</v>
      </c>
      <c r="T5570">
        <v>0</v>
      </c>
      <c r="U5570">
        <v>0</v>
      </c>
      <c r="V5570">
        <v>0</v>
      </c>
      <c r="W5570">
        <v>0</v>
      </c>
      <c r="X5570">
        <v>0</v>
      </c>
      <c r="Y5570">
        <v>32</v>
      </c>
      <c r="Z5570">
        <v>12</v>
      </c>
      <c r="AA5570">
        <v>95</v>
      </c>
      <c r="AB5570">
        <v>23</v>
      </c>
      <c r="AC5570">
        <v>114</v>
      </c>
      <c r="AD5570">
        <v>30</v>
      </c>
      <c r="AE5570">
        <v>60</v>
      </c>
      <c r="AF5570">
        <v>0</v>
      </c>
      <c r="AG5570">
        <v>50000</v>
      </c>
      <c r="AH5570">
        <v>50000</v>
      </c>
      <c r="AI5570">
        <v>0</v>
      </c>
      <c r="AJ5570">
        <v>0</v>
      </c>
      <c r="AK5570" t="s">
        <v>6</v>
      </c>
      <c r="AL5570">
        <v>0</v>
      </c>
      <c r="AM5570">
        <v>0</v>
      </c>
      <c r="AN5570">
        <v>0</v>
      </c>
      <c r="AO5570">
        <v>0</v>
      </c>
      <c r="AP5570">
        <v>0</v>
      </c>
      <c r="AQ5570">
        <v>0</v>
      </c>
      <c r="AR5570">
        <v>0</v>
      </c>
      <c r="AS5570">
        <v>0</v>
      </c>
      <c r="AT5570">
        <v>0</v>
      </c>
      <c r="AU5570">
        <v>0</v>
      </c>
      <c r="AV5570">
        <v>0</v>
      </c>
      <c r="AW5570">
        <v>0</v>
      </c>
      <c r="AX5570">
        <v>0</v>
      </c>
      <c r="AY5570">
        <v>0</v>
      </c>
      <c r="AZ5570">
        <v>0</v>
      </c>
      <c r="BA5570">
        <v>0</v>
      </c>
    </row>
    <row r="5571" spans="1:53" x14ac:dyDescent="0.4">
      <c r="A5571">
        <v>5615</v>
      </c>
      <c r="B5571" s="1">
        <v>44953</v>
      </c>
      <c r="C5571">
        <v>2</v>
      </c>
      <c r="D5571" s="1">
        <v>44953.443749999999</v>
      </c>
      <c r="E5571" s="1">
        <v>44953.747916666667</v>
      </c>
      <c r="F5571">
        <v>15590</v>
      </c>
      <c r="G5571">
        <v>2420</v>
      </c>
      <c r="H5571">
        <v>0</v>
      </c>
      <c r="I5571">
        <v>0</v>
      </c>
      <c r="J5571">
        <v>50</v>
      </c>
      <c r="K5571">
        <v>0</v>
      </c>
      <c r="L5571">
        <v>0</v>
      </c>
      <c r="M5571">
        <v>1633</v>
      </c>
      <c r="N5571">
        <v>0</v>
      </c>
      <c r="O5571">
        <v>0</v>
      </c>
      <c r="P5571">
        <v>23125</v>
      </c>
      <c r="Q5571">
        <v>0</v>
      </c>
      <c r="R5571">
        <v>41085</v>
      </c>
      <c r="S5571">
        <v>0</v>
      </c>
      <c r="T5571">
        <v>0</v>
      </c>
      <c r="U5571">
        <v>0</v>
      </c>
      <c r="V5571">
        <v>1</v>
      </c>
      <c r="W5571">
        <v>3</v>
      </c>
      <c r="X5571">
        <v>0</v>
      </c>
      <c r="Y5571">
        <v>44</v>
      </c>
      <c r="Z5571">
        <v>19</v>
      </c>
      <c r="AA5571">
        <v>84</v>
      </c>
      <c r="AB5571">
        <v>21</v>
      </c>
      <c r="AC5571">
        <v>172</v>
      </c>
      <c r="AD5571">
        <v>31</v>
      </c>
      <c r="AE5571">
        <v>66</v>
      </c>
      <c r="AF5571">
        <v>1194</v>
      </c>
      <c r="AG5571">
        <v>91085</v>
      </c>
      <c r="AH5571">
        <v>50000</v>
      </c>
      <c r="AI5571">
        <v>0</v>
      </c>
      <c r="AJ5571">
        <v>119</v>
      </c>
      <c r="AK5571" t="s">
        <v>56</v>
      </c>
      <c r="AL5571">
        <v>0</v>
      </c>
      <c r="AM5571">
        <v>0</v>
      </c>
      <c r="AN5571">
        <v>0</v>
      </c>
      <c r="AO5571">
        <v>0</v>
      </c>
      <c r="AP5571">
        <v>0</v>
      </c>
      <c r="AQ5571">
        <v>0</v>
      </c>
      <c r="AR5571">
        <v>0</v>
      </c>
      <c r="AS5571">
        <v>0</v>
      </c>
      <c r="AT5571">
        <v>0</v>
      </c>
      <c r="AU5571">
        <v>0</v>
      </c>
      <c r="AV5571">
        <v>0</v>
      </c>
      <c r="AW5571">
        <v>0</v>
      </c>
      <c r="AX5571">
        <v>-815</v>
      </c>
      <c r="AY5571">
        <v>38</v>
      </c>
      <c r="AZ5571">
        <v>62</v>
      </c>
      <c r="BA5571">
        <v>5156</v>
      </c>
    </row>
    <row r="5572" spans="1:53" x14ac:dyDescent="0.4">
      <c r="A5572">
        <v>5616</v>
      </c>
      <c r="B5572" s="1">
        <v>44953</v>
      </c>
      <c r="C5572">
        <v>3</v>
      </c>
      <c r="D5572" s="1">
        <v>44953.747916666667</v>
      </c>
      <c r="E5572" s="1">
        <v>44954.013888888891</v>
      </c>
      <c r="F5572">
        <v>111765</v>
      </c>
      <c r="G5572">
        <v>5366</v>
      </c>
      <c r="H5572">
        <v>0</v>
      </c>
      <c r="I5572">
        <v>0</v>
      </c>
      <c r="J5572">
        <v>100</v>
      </c>
      <c r="K5572">
        <v>1200</v>
      </c>
      <c r="L5572">
        <v>0</v>
      </c>
      <c r="M5572">
        <v>10747</v>
      </c>
      <c r="N5572">
        <v>0</v>
      </c>
      <c r="O5572">
        <v>0</v>
      </c>
      <c r="P5572">
        <v>-23125</v>
      </c>
      <c r="Q5572">
        <v>0</v>
      </c>
      <c r="R5572">
        <v>95106</v>
      </c>
      <c r="S5572">
        <v>0</v>
      </c>
      <c r="T5572">
        <v>0</v>
      </c>
      <c r="U5572">
        <v>0</v>
      </c>
      <c r="V5572">
        <v>9</v>
      </c>
      <c r="W5572">
        <v>3</v>
      </c>
      <c r="X5572">
        <v>0</v>
      </c>
      <c r="Y5572">
        <v>37</v>
      </c>
      <c r="Z5572">
        <v>25</v>
      </c>
      <c r="AA5572">
        <v>96</v>
      </c>
      <c r="AB5572">
        <v>19</v>
      </c>
      <c r="AC5572">
        <v>174</v>
      </c>
      <c r="AD5572">
        <v>33</v>
      </c>
      <c r="AE5572">
        <v>70</v>
      </c>
      <c r="AF5572">
        <v>19166</v>
      </c>
      <c r="AG5572">
        <v>186191</v>
      </c>
      <c r="AH5572">
        <v>50000</v>
      </c>
      <c r="AI5572">
        <v>0</v>
      </c>
      <c r="AJ5572">
        <v>108</v>
      </c>
      <c r="AK5572" t="s">
        <v>3</v>
      </c>
      <c r="AL5572">
        <v>0</v>
      </c>
      <c r="AM5572">
        <v>0</v>
      </c>
      <c r="AN5572">
        <v>0</v>
      </c>
      <c r="AO5572">
        <v>0</v>
      </c>
      <c r="AP5572">
        <v>0</v>
      </c>
      <c r="AQ5572">
        <v>0</v>
      </c>
      <c r="AR5572">
        <v>0</v>
      </c>
      <c r="AS5572">
        <v>0</v>
      </c>
      <c r="AT5572">
        <v>0</v>
      </c>
      <c r="AU5572">
        <v>0</v>
      </c>
      <c r="AV5572">
        <v>0</v>
      </c>
      <c r="AW5572">
        <v>0</v>
      </c>
      <c r="AX5572">
        <v>8520</v>
      </c>
      <c r="AY5572">
        <v>19</v>
      </c>
      <c r="AZ5572">
        <v>54</v>
      </c>
      <c r="BA5572">
        <v>3212</v>
      </c>
    </row>
    <row r="5573" spans="1:53" x14ac:dyDescent="0.4">
      <c r="A5573">
        <v>5617</v>
      </c>
      <c r="B5573" s="1">
        <v>44954</v>
      </c>
      <c r="C5573">
        <v>1</v>
      </c>
      <c r="D5573" s="1">
        <v>44954.291666666664</v>
      </c>
      <c r="E5573" s="1">
        <v>44954.409722222219</v>
      </c>
      <c r="F5573">
        <v>0</v>
      </c>
      <c r="G5573">
        <v>0</v>
      </c>
      <c r="H5573">
        <v>0</v>
      </c>
      <c r="I5573">
        <v>0</v>
      </c>
      <c r="J5573">
        <v>0</v>
      </c>
      <c r="K5573">
        <v>0</v>
      </c>
      <c r="L5573">
        <v>0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>
        <v>0</v>
      </c>
      <c r="U5573">
        <v>0</v>
      </c>
      <c r="V5573">
        <v>0</v>
      </c>
      <c r="W5573">
        <v>1</v>
      </c>
      <c r="X5573">
        <v>0</v>
      </c>
      <c r="Y5573">
        <v>25</v>
      </c>
      <c r="Z5573">
        <v>13</v>
      </c>
      <c r="AA5573">
        <v>111</v>
      </c>
      <c r="AB5573">
        <v>21</v>
      </c>
      <c r="AC5573">
        <v>117</v>
      </c>
      <c r="AD5573">
        <v>23</v>
      </c>
      <c r="AE5573">
        <v>65</v>
      </c>
      <c r="AF5573">
        <v>0</v>
      </c>
      <c r="AG5573">
        <v>50000</v>
      </c>
      <c r="AH5573">
        <v>50000</v>
      </c>
      <c r="AI5573">
        <v>0</v>
      </c>
      <c r="AJ5573">
        <v>0</v>
      </c>
      <c r="AK5573" t="s">
        <v>6</v>
      </c>
      <c r="AL5573">
        <v>0</v>
      </c>
      <c r="AM5573">
        <v>0</v>
      </c>
      <c r="AN5573">
        <v>0</v>
      </c>
      <c r="AO5573">
        <v>0</v>
      </c>
      <c r="AP5573">
        <v>0</v>
      </c>
      <c r="AQ5573">
        <v>0</v>
      </c>
      <c r="AR5573">
        <v>0</v>
      </c>
      <c r="AS5573">
        <v>0</v>
      </c>
      <c r="AT5573">
        <v>0</v>
      </c>
      <c r="AU5573">
        <v>0</v>
      </c>
      <c r="AV5573">
        <v>0</v>
      </c>
      <c r="AW5573">
        <v>0</v>
      </c>
      <c r="AX5573">
        <v>0</v>
      </c>
      <c r="AY5573">
        <v>0</v>
      </c>
      <c r="AZ5573">
        <v>0</v>
      </c>
      <c r="BA5573">
        <v>0</v>
      </c>
    </row>
    <row r="5574" spans="1:53" x14ac:dyDescent="0.4">
      <c r="A5574">
        <v>5618</v>
      </c>
      <c r="B5574" s="1">
        <v>44954</v>
      </c>
      <c r="C5574">
        <v>2</v>
      </c>
      <c r="D5574" s="1">
        <v>44954.409722222219</v>
      </c>
      <c r="E5574" s="1">
        <v>44954.745833333334</v>
      </c>
      <c r="F5574">
        <v>44820</v>
      </c>
      <c r="G5574">
        <v>2222</v>
      </c>
      <c r="H5574">
        <v>0</v>
      </c>
      <c r="I5574">
        <v>0</v>
      </c>
      <c r="J5574">
        <v>300</v>
      </c>
      <c r="K5574">
        <v>0</v>
      </c>
      <c r="L5574">
        <v>0</v>
      </c>
      <c r="M5574">
        <v>4248</v>
      </c>
      <c r="N5574">
        <v>0</v>
      </c>
      <c r="O5574">
        <v>0</v>
      </c>
      <c r="P5574">
        <v>26630</v>
      </c>
      <c r="Q5574">
        <v>0</v>
      </c>
      <c r="R5574">
        <v>73372</v>
      </c>
      <c r="S5574">
        <v>0</v>
      </c>
      <c r="T5574">
        <v>0</v>
      </c>
      <c r="U5574">
        <v>0</v>
      </c>
      <c r="V5574">
        <v>1</v>
      </c>
      <c r="W5574">
        <v>6</v>
      </c>
      <c r="X5574">
        <v>0</v>
      </c>
      <c r="Y5574">
        <v>51</v>
      </c>
      <c r="Z5574">
        <v>28</v>
      </c>
      <c r="AA5574">
        <v>121</v>
      </c>
      <c r="AB5574">
        <v>26</v>
      </c>
      <c r="AC5574">
        <v>112</v>
      </c>
      <c r="AD5574">
        <v>22</v>
      </c>
      <c r="AE5574">
        <v>62</v>
      </c>
      <c r="AF5574">
        <v>3680</v>
      </c>
      <c r="AG5574">
        <v>123372</v>
      </c>
      <c r="AH5574">
        <v>50000</v>
      </c>
      <c r="AI5574">
        <v>0</v>
      </c>
      <c r="AJ5574">
        <v>29</v>
      </c>
      <c r="AK5574" t="s">
        <v>62</v>
      </c>
      <c r="AL5574">
        <v>0</v>
      </c>
      <c r="AM5574">
        <v>0</v>
      </c>
      <c r="AN5574">
        <v>0</v>
      </c>
      <c r="AO5574">
        <v>0</v>
      </c>
      <c r="AP5574">
        <v>0</v>
      </c>
      <c r="AQ5574">
        <v>0</v>
      </c>
      <c r="AR5574">
        <v>0</v>
      </c>
      <c r="AS5574">
        <v>0</v>
      </c>
      <c r="AT5574">
        <v>0</v>
      </c>
      <c r="AU5574">
        <v>0</v>
      </c>
      <c r="AV5574">
        <v>0</v>
      </c>
      <c r="AW5574">
        <v>0</v>
      </c>
      <c r="AX5574">
        <v>1628</v>
      </c>
      <c r="AY5574">
        <v>53</v>
      </c>
      <c r="AZ5574">
        <v>117</v>
      </c>
      <c r="BA5574">
        <v>8167</v>
      </c>
    </row>
    <row r="5575" spans="1:53" x14ac:dyDescent="0.4">
      <c r="A5575">
        <v>5619</v>
      </c>
      <c r="B5575" s="1">
        <v>44955</v>
      </c>
      <c r="C5575">
        <v>1</v>
      </c>
      <c r="D5575" s="1">
        <v>44955.291666666664</v>
      </c>
      <c r="E5575" s="1">
        <v>44955.405555555553</v>
      </c>
      <c r="F5575">
        <v>0</v>
      </c>
      <c r="G5575">
        <v>0</v>
      </c>
      <c r="H5575">
        <v>0</v>
      </c>
      <c r="I5575">
        <v>0</v>
      </c>
      <c r="J5575">
        <v>0</v>
      </c>
      <c r="K5575">
        <v>0</v>
      </c>
      <c r="L5575">
        <v>0</v>
      </c>
      <c r="M5575">
        <v>0</v>
      </c>
      <c r="N5575">
        <v>0</v>
      </c>
      <c r="O5575">
        <v>0</v>
      </c>
      <c r="P5575">
        <v>0</v>
      </c>
      <c r="Q5575">
        <v>0</v>
      </c>
      <c r="R5575">
        <v>0</v>
      </c>
      <c r="S5575">
        <v>0</v>
      </c>
      <c r="T5575">
        <v>0</v>
      </c>
      <c r="U5575">
        <v>0</v>
      </c>
      <c r="V5575">
        <v>0</v>
      </c>
      <c r="W5575">
        <v>1</v>
      </c>
      <c r="X5575">
        <v>0</v>
      </c>
      <c r="Y5575">
        <v>25</v>
      </c>
      <c r="Z5575">
        <v>12</v>
      </c>
      <c r="AA5575">
        <v>117</v>
      </c>
      <c r="AB5575">
        <v>23</v>
      </c>
      <c r="AC5575">
        <v>99</v>
      </c>
      <c r="AD5575">
        <v>19</v>
      </c>
      <c r="AE5575">
        <v>65</v>
      </c>
      <c r="AF5575">
        <v>0</v>
      </c>
      <c r="AG5575">
        <v>50000</v>
      </c>
      <c r="AH5575">
        <v>50000</v>
      </c>
      <c r="AI5575">
        <v>0</v>
      </c>
      <c r="AJ5575">
        <v>0</v>
      </c>
      <c r="AK5575" t="s">
        <v>6</v>
      </c>
      <c r="AL5575">
        <v>0</v>
      </c>
      <c r="AM5575">
        <v>0</v>
      </c>
      <c r="AN5575">
        <v>0</v>
      </c>
      <c r="AO5575">
        <v>0</v>
      </c>
      <c r="AP5575">
        <v>0</v>
      </c>
      <c r="AQ5575">
        <v>0</v>
      </c>
      <c r="AR5575">
        <v>0</v>
      </c>
      <c r="AS5575">
        <v>0</v>
      </c>
      <c r="AT5575">
        <v>0</v>
      </c>
      <c r="AU5575">
        <v>0</v>
      </c>
      <c r="AV5575">
        <v>0</v>
      </c>
      <c r="AW5575">
        <v>0</v>
      </c>
      <c r="AX5575">
        <v>0</v>
      </c>
      <c r="AY5575">
        <v>0</v>
      </c>
      <c r="AZ5575">
        <v>0</v>
      </c>
      <c r="BA5575">
        <v>0</v>
      </c>
    </row>
    <row r="5576" spans="1:53" x14ac:dyDescent="0.4">
      <c r="A5576">
        <v>5620</v>
      </c>
      <c r="B5576" s="1">
        <v>44955</v>
      </c>
      <c r="C5576">
        <v>2</v>
      </c>
      <c r="D5576" s="1">
        <v>44955.405555555553</v>
      </c>
      <c r="E5576" s="1">
        <v>44955.745833333334</v>
      </c>
      <c r="F5576">
        <v>48350</v>
      </c>
      <c r="G5576">
        <v>1496</v>
      </c>
      <c r="H5576">
        <v>220</v>
      </c>
      <c r="I5576">
        <v>0</v>
      </c>
      <c r="J5576">
        <v>0</v>
      </c>
      <c r="K5576">
        <v>0</v>
      </c>
      <c r="L5576">
        <v>0</v>
      </c>
      <c r="M5576">
        <v>4551</v>
      </c>
      <c r="N5576">
        <v>0</v>
      </c>
      <c r="O5576">
        <v>0</v>
      </c>
      <c r="P5576">
        <v>22830</v>
      </c>
      <c r="Q5576">
        <v>0</v>
      </c>
      <c r="R5576">
        <v>72896</v>
      </c>
      <c r="S5576">
        <v>0</v>
      </c>
      <c r="T5576">
        <v>0</v>
      </c>
      <c r="U5576">
        <v>0</v>
      </c>
      <c r="V5576">
        <v>1</v>
      </c>
      <c r="W5576">
        <v>4</v>
      </c>
      <c r="X5576">
        <v>0</v>
      </c>
      <c r="Y5576">
        <v>66</v>
      </c>
      <c r="Z5576">
        <v>15</v>
      </c>
      <c r="AA5576">
        <v>126</v>
      </c>
      <c r="AB5576">
        <v>22</v>
      </c>
      <c r="AC5576">
        <v>142</v>
      </c>
      <c r="AD5576">
        <v>17</v>
      </c>
      <c r="AE5576">
        <v>61</v>
      </c>
      <c r="AF5576">
        <v>4130</v>
      </c>
      <c r="AG5576">
        <v>122896</v>
      </c>
      <c r="AH5576">
        <v>50000</v>
      </c>
      <c r="AI5576">
        <v>0</v>
      </c>
      <c r="AJ5576">
        <v>118</v>
      </c>
      <c r="AK5576" t="s">
        <v>59</v>
      </c>
      <c r="AL5576">
        <v>0</v>
      </c>
      <c r="AM5576">
        <v>0</v>
      </c>
      <c r="AN5576">
        <v>0</v>
      </c>
      <c r="AO5576">
        <v>0</v>
      </c>
      <c r="AP5576">
        <v>0</v>
      </c>
      <c r="AQ5576">
        <v>0</v>
      </c>
      <c r="AR5576">
        <v>0</v>
      </c>
      <c r="AS5576">
        <v>0</v>
      </c>
      <c r="AT5576">
        <v>0</v>
      </c>
      <c r="AU5576">
        <v>0</v>
      </c>
      <c r="AV5576">
        <v>0</v>
      </c>
      <c r="AW5576">
        <v>0</v>
      </c>
      <c r="AX5576">
        <v>1210</v>
      </c>
      <c r="AY5576">
        <v>53</v>
      </c>
      <c r="AZ5576">
        <v>117</v>
      </c>
      <c r="BA5576">
        <v>8128</v>
      </c>
    </row>
    <row r="5577" spans="1:53" x14ac:dyDescent="0.4">
      <c r="A5577">
        <v>5621</v>
      </c>
      <c r="B5577" s="1">
        <v>44955</v>
      </c>
      <c r="C5577">
        <v>3</v>
      </c>
      <c r="D5577" s="1">
        <v>44955.745833333334</v>
      </c>
      <c r="E5577" s="1">
        <v>44955.951388888891</v>
      </c>
      <c r="F5577">
        <v>43770</v>
      </c>
      <c r="G5577">
        <v>5489</v>
      </c>
      <c r="H5577">
        <v>0</v>
      </c>
      <c r="I5577">
        <v>0</v>
      </c>
      <c r="J5577">
        <v>0</v>
      </c>
      <c r="K5577">
        <v>4620</v>
      </c>
      <c r="L5577">
        <v>0</v>
      </c>
      <c r="M5577">
        <v>4897</v>
      </c>
      <c r="N5577">
        <v>0</v>
      </c>
      <c r="O5577">
        <v>0</v>
      </c>
      <c r="P5577">
        <v>-17730</v>
      </c>
      <c r="Q5577">
        <v>0</v>
      </c>
      <c r="R5577">
        <v>36149</v>
      </c>
      <c r="S5577">
        <v>0</v>
      </c>
      <c r="T5577">
        <v>0</v>
      </c>
      <c r="U5577">
        <v>0</v>
      </c>
      <c r="V5577">
        <v>2</v>
      </c>
      <c r="W5577">
        <v>7</v>
      </c>
      <c r="X5577">
        <v>0</v>
      </c>
      <c r="Y5577">
        <v>78</v>
      </c>
      <c r="Z5577">
        <v>12</v>
      </c>
      <c r="AA5577">
        <v>121</v>
      </c>
      <c r="AB5577">
        <v>17</v>
      </c>
      <c r="AC5577">
        <v>151</v>
      </c>
      <c r="AD5577">
        <v>15</v>
      </c>
      <c r="AE5577">
        <v>60</v>
      </c>
      <c r="AF5577">
        <v>5450</v>
      </c>
      <c r="AG5577">
        <v>159045</v>
      </c>
      <c r="AH5577">
        <v>50000</v>
      </c>
      <c r="AI5577">
        <v>0</v>
      </c>
      <c r="AJ5577">
        <v>94</v>
      </c>
      <c r="AL5577">
        <v>0</v>
      </c>
      <c r="AM5577">
        <v>0</v>
      </c>
      <c r="AN5577">
        <v>0</v>
      </c>
      <c r="AO5577">
        <v>0</v>
      </c>
      <c r="AP5577">
        <v>0</v>
      </c>
      <c r="AQ5577">
        <v>0</v>
      </c>
      <c r="AR5577">
        <v>0</v>
      </c>
      <c r="AS5577">
        <v>0</v>
      </c>
      <c r="AT5577">
        <v>0</v>
      </c>
      <c r="AU5577">
        <v>0</v>
      </c>
      <c r="AV5577">
        <v>0</v>
      </c>
      <c r="AW5577">
        <v>0</v>
      </c>
      <c r="AX5577">
        <v>2400</v>
      </c>
      <c r="AY5577">
        <v>13</v>
      </c>
      <c r="AZ5577">
        <v>25</v>
      </c>
      <c r="BA5577">
        <v>2400</v>
      </c>
    </row>
    <row r="5578" spans="1:53" x14ac:dyDescent="0.4">
      <c r="A5578">
        <v>5622</v>
      </c>
      <c r="B5578" s="1">
        <v>44956</v>
      </c>
      <c r="C5578">
        <v>1</v>
      </c>
      <c r="D5578" s="1">
        <v>44956.291666666664</v>
      </c>
      <c r="E5578" s="1">
        <v>44956.45</v>
      </c>
      <c r="F5578">
        <v>0</v>
      </c>
      <c r="G5578">
        <v>0</v>
      </c>
      <c r="H5578">
        <v>0</v>
      </c>
      <c r="I5578">
        <v>0</v>
      </c>
      <c r="J5578">
        <v>0</v>
      </c>
      <c r="K5578">
        <v>0</v>
      </c>
      <c r="L5578">
        <v>0</v>
      </c>
      <c r="M5578">
        <v>0</v>
      </c>
      <c r="N5578">
        <v>0</v>
      </c>
      <c r="O5578">
        <v>0</v>
      </c>
      <c r="P5578">
        <v>0</v>
      </c>
      <c r="Q5578">
        <v>0</v>
      </c>
      <c r="R5578">
        <v>0</v>
      </c>
      <c r="S5578">
        <v>0</v>
      </c>
      <c r="T5578">
        <v>0</v>
      </c>
      <c r="U5578">
        <v>0</v>
      </c>
      <c r="V5578">
        <v>0</v>
      </c>
      <c r="W5578">
        <v>1</v>
      </c>
      <c r="X5578">
        <v>0</v>
      </c>
      <c r="Y5578">
        <v>25</v>
      </c>
      <c r="Z5578">
        <v>12</v>
      </c>
      <c r="AA5578">
        <v>121</v>
      </c>
      <c r="AB5578">
        <v>16</v>
      </c>
      <c r="AC5578">
        <v>97</v>
      </c>
      <c r="AD5578">
        <v>15</v>
      </c>
      <c r="AE5578">
        <v>55</v>
      </c>
      <c r="AF5578">
        <v>0</v>
      </c>
      <c r="AG5578">
        <v>50000</v>
      </c>
      <c r="AH5578">
        <v>50000</v>
      </c>
      <c r="AI5578">
        <v>0</v>
      </c>
      <c r="AJ5578">
        <v>0</v>
      </c>
      <c r="AK5578" t="s">
        <v>6</v>
      </c>
      <c r="AL5578">
        <v>0</v>
      </c>
      <c r="AM5578">
        <v>0</v>
      </c>
      <c r="AN5578">
        <v>0</v>
      </c>
      <c r="AO5578">
        <v>0</v>
      </c>
      <c r="AP5578">
        <v>0</v>
      </c>
      <c r="AQ5578">
        <v>0</v>
      </c>
      <c r="AR5578">
        <v>0</v>
      </c>
      <c r="AS5578">
        <v>0</v>
      </c>
      <c r="AT5578">
        <v>0</v>
      </c>
      <c r="AU5578">
        <v>0</v>
      </c>
      <c r="AV5578">
        <v>0</v>
      </c>
      <c r="AW5578">
        <v>0</v>
      </c>
      <c r="AX5578">
        <v>0</v>
      </c>
      <c r="AY5578">
        <v>0</v>
      </c>
      <c r="AZ5578">
        <v>0</v>
      </c>
      <c r="BA5578">
        <v>0</v>
      </c>
    </row>
    <row r="5579" spans="1:53" x14ac:dyDescent="0.4">
      <c r="A5579">
        <v>5623</v>
      </c>
      <c r="B5579" s="1">
        <v>44956</v>
      </c>
      <c r="C5579">
        <v>2</v>
      </c>
      <c r="D5579" s="1">
        <v>44956.45</v>
      </c>
      <c r="E5579" s="1">
        <v>44956.746527777781</v>
      </c>
      <c r="F5579">
        <v>15940</v>
      </c>
      <c r="G5579">
        <v>1782</v>
      </c>
      <c r="H5579">
        <v>0</v>
      </c>
      <c r="I5579">
        <v>0</v>
      </c>
      <c r="J5579">
        <v>100</v>
      </c>
      <c r="K5579">
        <v>0</v>
      </c>
      <c r="L5579">
        <v>0</v>
      </c>
      <c r="M5579">
        <v>1601</v>
      </c>
      <c r="N5579">
        <v>0</v>
      </c>
      <c r="O5579">
        <v>0</v>
      </c>
      <c r="P5579">
        <v>18690</v>
      </c>
      <c r="Q5579">
        <v>0</v>
      </c>
      <c r="R5579">
        <v>36312</v>
      </c>
      <c r="S5579">
        <v>0</v>
      </c>
      <c r="T5579">
        <v>0</v>
      </c>
      <c r="U5579">
        <v>0</v>
      </c>
      <c r="V5579">
        <v>3</v>
      </c>
      <c r="W5579">
        <v>1</v>
      </c>
      <c r="X5579">
        <v>0</v>
      </c>
      <c r="Y5579">
        <v>30</v>
      </c>
      <c r="Z5579">
        <v>15</v>
      </c>
      <c r="AA5579">
        <v>114</v>
      </c>
      <c r="AB5579">
        <v>15</v>
      </c>
      <c r="AC5579">
        <v>108</v>
      </c>
      <c r="AD5579">
        <v>17</v>
      </c>
      <c r="AE5579">
        <v>57</v>
      </c>
      <c r="AF5579">
        <v>440</v>
      </c>
      <c r="AG5579">
        <v>86312</v>
      </c>
      <c r="AH5579">
        <v>50000</v>
      </c>
      <c r="AI5579">
        <v>0</v>
      </c>
      <c r="AJ5579">
        <v>29</v>
      </c>
      <c r="AK5579" t="s">
        <v>62</v>
      </c>
      <c r="AL5579">
        <v>0</v>
      </c>
      <c r="AM5579">
        <v>0</v>
      </c>
      <c r="AN5579">
        <v>0</v>
      </c>
      <c r="AO5579">
        <v>0</v>
      </c>
      <c r="AP5579">
        <v>0</v>
      </c>
      <c r="AQ5579">
        <v>0</v>
      </c>
      <c r="AR5579">
        <v>0</v>
      </c>
      <c r="AS5579">
        <v>0</v>
      </c>
      <c r="AT5579">
        <v>0</v>
      </c>
      <c r="AU5579">
        <v>0</v>
      </c>
      <c r="AV5579">
        <v>0</v>
      </c>
      <c r="AW5579">
        <v>0</v>
      </c>
      <c r="AX5579">
        <v>440</v>
      </c>
      <c r="AY5579">
        <v>34</v>
      </c>
      <c r="AZ5579">
        <v>52</v>
      </c>
      <c r="BA5579">
        <v>5192</v>
      </c>
    </row>
    <row r="5580" spans="1:53" x14ac:dyDescent="0.4">
      <c r="A5580">
        <v>5624</v>
      </c>
      <c r="B5580" s="1">
        <v>44957</v>
      </c>
      <c r="C5580">
        <v>1</v>
      </c>
      <c r="D5580" s="1">
        <v>44957.291666666664</v>
      </c>
      <c r="E5580" s="1">
        <v>44957.445833333331</v>
      </c>
      <c r="F5580">
        <v>0</v>
      </c>
      <c r="G5580">
        <v>0</v>
      </c>
      <c r="H5580">
        <v>0</v>
      </c>
      <c r="I5580">
        <v>0</v>
      </c>
      <c r="J5580">
        <v>0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  <c r="S5580">
        <v>0</v>
      </c>
      <c r="T5580">
        <v>0</v>
      </c>
      <c r="U5580">
        <v>0</v>
      </c>
      <c r="V5580">
        <v>0</v>
      </c>
      <c r="W5580">
        <v>1</v>
      </c>
      <c r="X5580">
        <v>0</v>
      </c>
      <c r="Y5580">
        <v>25</v>
      </c>
      <c r="Z5580">
        <v>12</v>
      </c>
      <c r="AA5580">
        <v>121</v>
      </c>
      <c r="AB5580">
        <v>16</v>
      </c>
      <c r="AC5580">
        <v>95</v>
      </c>
      <c r="AD5580">
        <v>18</v>
      </c>
      <c r="AE5580">
        <v>60</v>
      </c>
      <c r="AF5580">
        <v>0</v>
      </c>
      <c r="AG5580">
        <v>50000</v>
      </c>
      <c r="AH5580">
        <v>50000</v>
      </c>
      <c r="AI5580">
        <v>0</v>
      </c>
      <c r="AJ5580">
        <v>0</v>
      </c>
      <c r="AK5580" t="s">
        <v>6</v>
      </c>
      <c r="AL5580">
        <v>0</v>
      </c>
      <c r="AM5580">
        <v>0</v>
      </c>
      <c r="AN5580">
        <v>0</v>
      </c>
      <c r="AO5580">
        <v>0</v>
      </c>
      <c r="AP5580">
        <v>0</v>
      </c>
      <c r="AQ5580">
        <v>0</v>
      </c>
      <c r="AR5580">
        <v>0</v>
      </c>
      <c r="AS5580">
        <v>0</v>
      </c>
      <c r="AT5580">
        <v>0</v>
      </c>
      <c r="AU5580">
        <v>0</v>
      </c>
      <c r="AV5580">
        <v>0</v>
      </c>
      <c r="AW5580">
        <v>0</v>
      </c>
      <c r="AX5580">
        <v>0</v>
      </c>
      <c r="AY5580">
        <v>0</v>
      </c>
      <c r="AZ5580">
        <v>0</v>
      </c>
      <c r="BA5580">
        <v>0</v>
      </c>
    </row>
    <row r="5581" spans="1:53" x14ac:dyDescent="0.4">
      <c r="A5581">
        <v>5625</v>
      </c>
      <c r="B5581" s="1">
        <v>44957</v>
      </c>
      <c r="C5581">
        <v>2</v>
      </c>
      <c r="D5581" s="1">
        <v>44957.445833333331</v>
      </c>
      <c r="E5581" s="1">
        <v>44957.753472222219</v>
      </c>
      <c r="F5581">
        <v>19620</v>
      </c>
      <c r="G5581">
        <v>1078</v>
      </c>
      <c r="H5581">
        <v>0</v>
      </c>
      <c r="I5581">
        <v>0</v>
      </c>
      <c r="J5581">
        <v>100</v>
      </c>
      <c r="K5581">
        <v>0</v>
      </c>
      <c r="L5581">
        <v>0</v>
      </c>
      <c r="M5581">
        <v>1871</v>
      </c>
      <c r="N5581">
        <v>0</v>
      </c>
      <c r="O5581">
        <v>0</v>
      </c>
      <c r="P5581">
        <v>16810</v>
      </c>
      <c r="Q5581">
        <v>0</v>
      </c>
      <c r="R5581">
        <v>37408</v>
      </c>
      <c r="S5581">
        <v>0</v>
      </c>
      <c r="T5581">
        <v>0</v>
      </c>
      <c r="U5581">
        <v>0</v>
      </c>
      <c r="V5581">
        <v>0</v>
      </c>
      <c r="W5581">
        <v>3</v>
      </c>
      <c r="X5581">
        <v>0</v>
      </c>
      <c r="Y5581">
        <v>48</v>
      </c>
      <c r="Z5581">
        <v>13</v>
      </c>
      <c r="AA5581">
        <v>118</v>
      </c>
      <c r="AB5581">
        <v>10</v>
      </c>
      <c r="AC5581">
        <v>123</v>
      </c>
      <c r="AD5581">
        <v>21</v>
      </c>
      <c r="AE5581">
        <v>63</v>
      </c>
      <c r="AF5581">
        <v>4210</v>
      </c>
      <c r="AG5581">
        <v>87408</v>
      </c>
      <c r="AH5581">
        <v>50000</v>
      </c>
      <c r="AI5581">
        <v>0</v>
      </c>
      <c r="AJ5581">
        <v>35</v>
      </c>
      <c r="AK5581" t="s">
        <v>66</v>
      </c>
      <c r="AL5581">
        <v>0</v>
      </c>
      <c r="AM5581">
        <v>0</v>
      </c>
      <c r="AN5581">
        <v>0</v>
      </c>
      <c r="AO5581">
        <v>0</v>
      </c>
      <c r="AP5581">
        <v>0</v>
      </c>
      <c r="AQ5581">
        <v>0</v>
      </c>
      <c r="AR5581">
        <v>0</v>
      </c>
      <c r="AS5581">
        <v>0</v>
      </c>
      <c r="AT5581">
        <v>0</v>
      </c>
      <c r="AU5581">
        <v>0</v>
      </c>
      <c r="AV5581">
        <v>0</v>
      </c>
      <c r="AW5581">
        <v>0</v>
      </c>
      <c r="AX5581">
        <v>-228</v>
      </c>
      <c r="AY5581">
        <v>39</v>
      </c>
      <c r="AZ5581">
        <v>60</v>
      </c>
      <c r="BA5581">
        <v>5489</v>
      </c>
    </row>
    <row r="5582" spans="1:53" x14ac:dyDescent="0.4">
      <c r="A5582">
        <v>5626</v>
      </c>
      <c r="B5582" s="1">
        <v>44957</v>
      </c>
      <c r="C5582">
        <v>3</v>
      </c>
      <c r="D5582" s="1">
        <v>44957.753472222219</v>
      </c>
      <c r="E5582" s="1">
        <v>44957.947916666664</v>
      </c>
      <c r="F5582">
        <v>21690</v>
      </c>
      <c r="G5582">
        <v>902</v>
      </c>
      <c r="H5582">
        <v>0</v>
      </c>
      <c r="I5582">
        <v>0</v>
      </c>
      <c r="J5582">
        <v>0</v>
      </c>
      <c r="K5582">
        <v>0</v>
      </c>
      <c r="L5582">
        <v>0</v>
      </c>
      <c r="M5582">
        <v>2052</v>
      </c>
      <c r="N5582">
        <v>0</v>
      </c>
      <c r="O5582">
        <v>0</v>
      </c>
      <c r="P5582">
        <v>-5410</v>
      </c>
      <c r="Q5582">
        <v>0</v>
      </c>
      <c r="R5582">
        <v>17182</v>
      </c>
      <c r="S5582">
        <v>0</v>
      </c>
      <c r="T5582">
        <v>0</v>
      </c>
      <c r="U5582">
        <v>0</v>
      </c>
      <c r="V5582">
        <v>2</v>
      </c>
      <c r="W5582">
        <v>2</v>
      </c>
      <c r="X5582">
        <v>0</v>
      </c>
      <c r="Y5582">
        <v>49</v>
      </c>
      <c r="Z5582">
        <v>14</v>
      </c>
      <c r="AA5582">
        <v>124</v>
      </c>
      <c r="AB5582">
        <v>12</v>
      </c>
      <c r="AC5582">
        <v>120</v>
      </c>
      <c r="AD5582">
        <v>22</v>
      </c>
      <c r="AE5582">
        <v>70</v>
      </c>
      <c r="AF5582">
        <v>4210</v>
      </c>
      <c r="AG5582">
        <v>104590</v>
      </c>
      <c r="AH5582">
        <v>50000</v>
      </c>
      <c r="AI5582">
        <v>0</v>
      </c>
      <c r="AJ5582">
        <v>108</v>
      </c>
      <c r="AK5582" t="s">
        <v>3</v>
      </c>
      <c r="AL5582">
        <v>0</v>
      </c>
      <c r="AM5582">
        <v>0</v>
      </c>
      <c r="AN5582">
        <v>0</v>
      </c>
      <c r="AO5582">
        <v>0</v>
      </c>
      <c r="AP5582">
        <v>0</v>
      </c>
      <c r="AQ5582">
        <v>0</v>
      </c>
      <c r="AR5582">
        <v>0</v>
      </c>
      <c r="AS5582">
        <v>0</v>
      </c>
      <c r="AT5582">
        <v>0</v>
      </c>
      <c r="AU5582">
        <v>0</v>
      </c>
      <c r="AV5582">
        <v>0</v>
      </c>
      <c r="AW5582">
        <v>0</v>
      </c>
      <c r="AX5582">
        <v>-7800</v>
      </c>
      <c r="AY5582">
        <v>5</v>
      </c>
      <c r="AZ5582">
        <v>12</v>
      </c>
      <c r="BA5582">
        <v>1621</v>
      </c>
    </row>
    <row r="5583" spans="1:53" x14ac:dyDescent="0.4">
      <c r="A5583">
        <v>5627</v>
      </c>
      <c r="B5583" s="1">
        <v>44958</v>
      </c>
      <c r="C5583">
        <v>1</v>
      </c>
      <c r="D5583" s="1">
        <v>44958.291666666664</v>
      </c>
      <c r="E5583" s="1">
        <v>44958.455555555556</v>
      </c>
      <c r="F5583">
        <v>0</v>
      </c>
      <c r="G5583">
        <v>0</v>
      </c>
      <c r="H5583">
        <v>0</v>
      </c>
      <c r="I5583">
        <v>0</v>
      </c>
      <c r="J5583">
        <v>0</v>
      </c>
      <c r="K5583">
        <v>0</v>
      </c>
      <c r="L5583">
        <v>0</v>
      </c>
      <c r="M5583">
        <v>0</v>
      </c>
      <c r="N5583">
        <v>0</v>
      </c>
      <c r="O5583">
        <v>0</v>
      </c>
      <c r="P5583">
        <v>0</v>
      </c>
      <c r="Q5583">
        <v>0</v>
      </c>
      <c r="R5583">
        <v>0</v>
      </c>
      <c r="S5583">
        <v>0</v>
      </c>
      <c r="T5583">
        <v>0</v>
      </c>
      <c r="U5583">
        <v>0</v>
      </c>
      <c r="V5583">
        <v>0</v>
      </c>
      <c r="W5583">
        <v>1</v>
      </c>
      <c r="X5583">
        <v>0</v>
      </c>
      <c r="Y5583">
        <v>25</v>
      </c>
      <c r="Z5583">
        <v>12</v>
      </c>
      <c r="AA5583">
        <v>121</v>
      </c>
      <c r="AB5583">
        <v>13</v>
      </c>
      <c r="AC5583">
        <v>107</v>
      </c>
      <c r="AD5583">
        <v>22</v>
      </c>
      <c r="AE5583">
        <v>70</v>
      </c>
      <c r="AF5583">
        <v>0</v>
      </c>
      <c r="AG5583">
        <v>50000</v>
      </c>
      <c r="AH5583">
        <v>50000</v>
      </c>
      <c r="AI5583">
        <v>0</v>
      </c>
      <c r="AJ5583">
        <v>0</v>
      </c>
      <c r="AK5583" t="s">
        <v>6</v>
      </c>
      <c r="AL5583">
        <v>0</v>
      </c>
      <c r="AM5583">
        <v>0</v>
      </c>
      <c r="AN5583">
        <v>0</v>
      </c>
      <c r="AO5583">
        <v>0</v>
      </c>
      <c r="AP5583">
        <v>0</v>
      </c>
      <c r="AQ5583">
        <v>0</v>
      </c>
      <c r="AR5583">
        <v>0</v>
      </c>
      <c r="AS5583">
        <v>0</v>
      </c>
      <c r="AT5583">
        <v>0</v>
      </c>
      <c r="AU5583">
        <v>0</v>
      </c>
      <c r="AV5583">
        <v>0</v>
      </c>
      <c r="AW5583">
        <v>0</v>
      </c>
      <c r="AX5583">
        <v>0</v>
      </c>
      <c r="AY5583">
        <v>0</v>
      </c>
      <c r="AZ5583">
        <v>0</v>
      </c>
      <c r="BA5583">
        <v>0</v>
      </c>
    </row>
    <row r="5584" spans="1:53" x14ac:dyDescent="0.4">
      <c r="A5584">
        <v>5628</v>
      </c>
      <c r="B5584" s="1">
        <v>44958</v>
      </c>
      <c r="C5584">
        <v>2</v>
      </c>
      <c r="D5584" s="1">
        <v>44958.455555555556</v>
      </c>
      <c r="E5584" s="1">
        <v>44958.748611111114</v>
      </c>
      <c r="F5584">
        <v>25580</v>
      </c>
      <c r="G5584">
        <v>462</v>
      </c>
      <c r="H5584">
        <v>0</v>
      </c>
      <c r="I5584">
        <v>0</v>
      </c>
      <c r="J5584">
        <v>0</v>
      </c>
      <c r="K5584">
        <v>0</v>
      </c>
      <c r="L5584">
        <v>0</v>
      </c>
      <c r="M5584">
        <v>2368</v>
      </c>
      <c r="N5584">
        <v>0</v>
      </c>
      <c r="O5584">
        <v>0</v>
      </c>
      <c r="P5584">
        <v>13470</v>
      </c>
      <c r="Q5584">
        <v>0</v>
      </c>
      <c r="R5584">
        <v>39512</v>
      </c>
      <c r="S5584">
        <v>0</v>
      </c>
      <c r="T5584">
        <v>0</v>
      </c>
      <c r="U5584">
        <v>0</v>
      </c>
      <c r="V5584">
        <v>1</v>
      </c>
      <c r="W5584">
        <v>1</v>
      </c>
      <c r="X5584">
        <v>0</v>
      </c>
      <c r="Y5584">
        <v>46</v>
      </c>
      <c r="Z5584">
        <v>24</v>
      </c>
      <c r="AA5584">
        <v>143</v>
      </c>
      <c r="AB5584">
        <v>14</v>
      </c>
      <c r="AC5584">
        <v>131</v>
      </c>
      <c r="AD5584">
        <v>24</v>
      </c>
      <c r="AE5584">
        <v>82</v>
      </c>
      <c r="AF5584">
        <v>0</v>
      </c>
      <c r="AG5584">
        <v>89512</v>
      </c>
      <c r="AH5584">
        <v>50000</v>
      </c>
      <c r="AI5584">
        <v>0</v>
      </c>
      <c r="AJ5584">
        <v>29</v>
      </c>
      <c r="AK5584" t="s">
        <v>62</v>
      </c>
      <c r="AL5584">
        <v>0</v>
      </c>
      <c r="AM5584">
        <v>0</v>
      </c>
      <c r="AN5584">
        <v>0</v>
      </c>
      <c r="AO5584">
        <v>0</v>
      </c>
      <c r="AP5584">
        <v>0</v>
      </c>
      <c r="AQ5584">
        <v>0</v>
      </c>
      <c r="AR5584">
        <v>0</v>
      </c>
      <c r="AS5584">
        <v>0</v>
      </c>
      <c r="AT5584">
        <v>0</v>
      </c>
      <c r="AU5584">
        <v>0</v>
      </c>
      <c r="AV5584">
        <v>0</v>
      </c>
      <c r="AW5584">
        <v>0</v>
      </c>
      <c r="AX5584">
        <v>748</v>
      </c>
      <c r="AY5584">
        <v>37</v>
      </c>
      <c r="AZ5584">
        <v>62</v>
      </c>
      <c r="BA5584">
        <v>5690</v>
      </c>
    </row>
    <row r="5585" spans="1:53" x14ac:dyDescent="0.4">
      <c r="A5585">
        <v>5629</v>
      </c>
      <c r="B5585" s="1">
        <v>44958</v>
      </c>
      <c r="C5585">
        <v>3</v>
      </c>
      <c r="D5585" s="1">
        <v>44958.748611111114</v>
      </c>
      <c r="E5585" s="1">
        <v>44958.940972222219</v>
      </c>
      <c r="F5585">
        <v>16550</v>
      </c>
      <c r="G5585">
        <v>2398</v>
      </c>
      <c r="H5585">
        <v>0</v>
      </c>
      <c r="I5585">
        <v>0</v>
      </c>
      <c r="J5585">
        <v>0</v>
      </c>
      <c r="K5585">
        <v>0</v>
      </c>
      <c r="L5585">
        <v>0</v>
      </c>
      <c r="M5585">
        <v>1721</v>
      </c>
      <c r="N5585">
        <v>0</v>
      </c>
      <c r="O5585">
        <v>0</v>
      </c>
      <c r="P5585">
        <v>-7220</v>
      </c>
      <c r="Q5585">
        <v>0</v>
      </c>
      <c r="R5585">
        <v>11728</v>
      </c>
      <c r="S5585">
        <v>0</v>
      </c>
      <c r="T5585">
        <v>0</v>
      </c>
      <c r="U5585">
        <v>0</v>
      </c>
      <c r="V5585">
        <v>1</v>
      </c>
      <c r="W5585">
        <v>1</v>
      </c>
      <c r="X5585">
        <v>0</v>
      </c>
      <c r="Y5585">
        <v>54</v>
      </c>
      <c r="Z5585">
        <v>31</v>
      </c>
      <c r="AA5585">
        <v>145</v>
      </c>
      <c r="AB5585">
        <v>14</v>
      </c>
      <c r="AC5585">
        <v>133</v>
      </c>
      <c r="AD5585">
        <v>25</v>
      </c>
      <c r="AE5585">
        <v>85</v>
      </c>
      <c r="AF5585">
        <v>0</v>
      </c>
      <c r="AG5585">
        <v>101240</v>
      </c>
      <c r="AH5585">
        <v>50000</v>
      </c>
      <c r="AI5585">
        <v>0</v>
      </c>
      <c r="AJ5585">
        <v>108</v>
      </c>
      <c r="AK5585" t="s">
        <v>3</v>
      </c>
      <c r="AL5585">
        <v>0</v>
      </c>
      <c r="AM5585">
        <v>0</v>
      </c>
      <c r="AN5585">
        <v>0</v>
      </c>
      <c r="AO5585">
        <v>0</v>
      </c>
      <c r="AP5585">
        <v>0</v>
      </c>
      <c r="AQ5585">
        <v>0</v>
      </c>
      <c r="AR5585">
        <v>0</v>
      </c>
      <c r="AS5585">
        <v>0</v>
      </c>
      <c r="AT5585">
        <v>0</v>
      </c>
      <c r="AU5585">
        <v>0</v>
      </c>
      <c r="AV5585">
        <v>0</v>
      </c>
      <c r="AW5585">
        <v>0</v>
      </c>
      <c r="AX5585">
        <v>14850</v>
      </c>
      <c r="AY5585">
        <v>8</v>
      </c>
      <c r="AZ5585">
        <v>23</v>
      </c>
      <c r="BA5585">
        <v>1579</v>
      </c>
    </row>
    <row r="5586" spans="1:53" x14ac:dyDescent="0.4">
      <c r="A5586">
        <v>5630</v>
      </c>
      <c r="B5586" s="1">
        <v>44959</v>
      </c>
      <c r="C5586">
        <v>1</v>
      </c>
      <c r="D5586" s="1">
        <v>44959.291666666664</v>
      </c>
      <c r="E5586" s="1">
        <v>44959.461111111108</v>
      </c>
      <c r="F5586">
        <v>0</v>
      </c>
      <c r="G5586">
        <v>0</v>
      </c>
      <c r="H5586">
        <v>0</v>
      </c>
      <c r="I5586">
        <v>0</v>
      </c>
      <c r="J5586">
        <v>0</v>
      </c>
      <c r="K5586">
        <v>0</v>
      </c>
      <c r="L5586">
        <v>0</v>
      </c>
      <c r="M5586">
        <v>0</v>
      </c>
      <c r="N5586">
        <v>0</v>
      </c>
      <c r="O5586">
        <v>0</v>
      </c>
      <c r="P5586">
        <v>2612</v>
      </c>
      <c r="Q5586">
        <v>0</v>
      </c>
      <c r="R5586">
        <v>2612</v>
      </c>
      <c r="S5586">
        <v>0</v>
      </c>
      <c r="T5586">
        <v>0</v>
      </c>
      <c r="U5586">
        <v>0</v>
      </c>
      <c r="V5586">
        <v>0</v>
      </c>
      <c r="W5586">
        <v>1</v>
      </c>
      <c r="X5586">
        <v>0</v>
      </c>
      <c r="Y5586">
        <v>27</v>
      </c>
      <c r="Z5586">
        <v>13</v>
      </c>
      <c r="AA5586">
        <v>119</v>
      </c>
      <c r="AB5586">
        <v>14</v>
      </c>
      <c r="AC5586">
        <v>130</v>
      </c>
      <c r="AD5586">
        <v>25</v>
      </c>
      <c r="AE5586">
        <v>87</v>
      </c>
      <c r="AF5586">
        <v>0</v>
      </c>
      <c r="AG5586">
        <v>52612</v>
      </c>
      <c r="AH5586">
        <v>50000</v>
      </c>
      <c r="AI5586">
        <v>0</v>
      </c>
      <c r="AJ5586">
        <v>119</v>
      </c>
      <c r="AK5586" t="s">
        <v>56</v>
      </c>
      <c r="AL5586">
        <v>0</v>
      </c>
      <c r="AM5586">
        <v>0</v>
      </c>
      <c r="AN5586">
        <v>0</v>
      </c>
      <c r="AO5586">
        <v>0</v>
      </c>
      <c r="AP5586">
        <v>0</v>
      </c>
      <c r="AQ5586">
        <v>0</v>
      </c>
      <c r="AR5586">
        <v>0</v>
      </c>
      <c r="AS5586">
        <v>0</v>
      </c>
      <c r="AT5586">
        <v>0</v>
      </c>
      <c r="AU5586">
        <v>0</v>
      </c>
      <c r="AV5586">
        <v>0</v>
      </c>
      <c r="AW5586">
        <v>0</v>
      </c>
      <c r="AX5586">
        <v>-2150</v>
      </c>
      <c r="AY5586">
        <v>2</v>
      </c>
      <c r="AZ5586">
        <v>3</v>
      </c>
      <c r="BA5586">
        <v>8</v>
      </c>
    </row>
    <row r="5587" spans="1:53" x14ac:dyDescent="0.4">
      <c r="A5587">
        <v>5631</v>
      </c>
      <c r="B5587" s="1">
        <v>44959</v>
      </c>
      <c r="C5587">
        <v>2</v>
      </c>
      <c r="D5587" s="1">
        <v>44959.461111111108</v>
      </c>
      <c r="E5587" s="1">
        <v>44959.753472222219</v>
      </c>
      <c r="F5587">
        <v>23770</v>
      </c>
      <c r="G5587">
        <v>770</v>
      </c>
      <c r="H5587">
        <v>0</v>
      </c>
      <c r="I5587">
        <v>0</v>
      </c>
      <c r="J5587">
        <v>400</v>
      </c>
      <c r="K5587">
        <v>0</v>
      </c>
      <c r="L5587">
        <v>0</v>
      </c>
      <c r="M5587">
        <v>2194</v>
      </c>
      <c r="N5587">
        <v>0</v>
      </c>
      <c r="O5587">
        <v>0</v>
      </c>
      <c r="P5587">
        <v>14958</v>
      </c>
      <c r="Q5587">
        <v>0</v>
      </c>
      <c r="R5587">
        <v>39098</v>
      </c>
      <c r="S5587">
        <v>0</v>
      </c>
      <c r="T5587">
        <v>0</v>
      </c>
      <c r="U5587">
        <v>0</v>
      </c>
      <c r="V5587">
        <v>5</v>
      </c>
      <c r="W5587">
        <v>0</v>
      </c>
      <c r="X5587">
        <v>0</v>
      </c>
      <c r="Y5587">
        <v>15</v>
      </c>
      <c r="Z5587">
        <v>19</v>
      </c>
      <c r="AA5587">
        <v>122</v>
      </c>
      <c r="AB5587">
        <v>10</v>
      </c>
      <c r="AC5587">
        <v>137</v>
      </c>
      <c r="AD5587">
        <v>25</v>
      </c>
      <c r="AE5587">
        <v>85</v>
      </c>
      <c r="AF5587">
        <v>2930</v>
      </c>
      <c r="AG5587">
        <v>91710</v>
      </c>
      <c r="AH5587">
        <v>50000</v>
      </c>
      <c r="AI5587">
        <v>0</v>
      </c>
      <c r="AJ5587">
        <v>103</v>
      </c>
      <c r="AK5587" t="s">
        <v>7</v>
      </c>
      <c r="AL5587">
        <v>0</v>
      </c>
      <c r="AM5587">
        <v>0</v>
      </c>
      <c r="AN5587">
        <v>0</v>
      </c>
      <c r="AO5587">
        <v>0</v>
      </c>
      <c r="AP5587">
        <v>0</v>
      </c>
      <c r="AQ5587">
        <v>0</v>
      </c>
      <c r="AR5587">
        <v>0</v>
      </c>
      <c r="AS5587">
        <v>0</v>
      </c>
      <c r="AT5587">
        <v>0</v>
      </c>
      <c r="AU5587">
        <v>0</v>
      </c>
      <c r="AV5587">
        <v>0</v>
      </c>
      <c r="AW5587">
        <v>0</v>
      </c>
      <c r="AX5587">
        <v>282</v>
      </c>
      <c r="AY5587">
        <v>37</v>
      </c>
      <c r="AZ5587">
        <v>63</v>
      </c>
      <c r="BA5587">
        <v>5875</v>
      </c>
    </row>
    <row r="5588" spans="1:53" x14ac:dyDescent="0.4">
      <c r="A5588">
        <v>5632</v>
      </c>
      <c r="B5588" s="1">
        <v>44959</v>
      </c>
      <c r="C5588">
        <v>3</v>
      </c>
      <c r="D5588" s="1">
        <v>44959.753472222219</v>
      </c>
      <c r="E5588" s="1">
        <v>44959.956944444442</v>
      </c>
      <c r="F5588">
        <v>21060</v>
      </c>
      <c r="G5588">
        <v>1342</v>
      </c>
      <c r="H5588">
        <v>0</v>
      </c>
      <c r="I5588">
        <v>0</v>
      </c>
      <c r="J5588">
        <v>200</v>
      </c>
      <c r="K5588">
        <v>1100</v>
      </c>
      <c r="L5588">
        <v>0</v>
      </c>
      <c r="M5588">
        <v>2117</v>
      </c>
      <c r="N5588">
        <v>0</v>
      </c>
      <c r="O5588">
        <v>0</v>
      </c>
      <c r="P5588">
        <v>13120</v>
      </c>
      <c r="Q5588">
        <v>0</v>
      </c>
      <c r="R5588">
        <v>36422</v>
      </c>
      <c r="S5588">
        <v>0</v>
      </c>
      <c r="T5588">
        <v>0</v>
      </c>
      <c r="U5588">
        <v>0</v>
      </c>
      <c r="V5588">
        <v>6</v>
      </c>
      <c r="W5588">
        <v>0</v>
      </c>
      <c r="X5588">
        <v>0</v>
      </c>
      <c r="Y5588">
        <v>26</v>
      </c>
      <c r="Z5588">
        <v>18</v>
      </c>
      <c r="AA5588">
        <v>118</v>
      </c>
      <c r="AB5588">
        <v>12</v>
      </c>
      <c r="AC5588">
        <v>142</v>
      </c>
      <c r="AD5588">
        <v>24</v>
      </c>
      <c r="AE5588">
        <v>84</v>
      </c>
      <c r="AF5588">
        <v>19108</v>
      </c>
      <c r="AG5588">
        <v>128132</v>
      </c>
      <c r="AH5588">
        <v>50000</v>
      </c>
      <c r="AI5588">
        <v>0</v>
      </c>
      <c r="AJ5588">
        <v>108</v>
      </c>
      <c r="AK5588" t="s">
        <v>3</v>
      </c>
      <c r="AL5588">
        <v>0</v>
      </c>
      <c r="AM5588">
        <v>0</v>
      </c>
      <c r="AN5588">
        <v>0</v>
      </c>
      <c r="AO5588">
        <v>0</v>
      </c>
      <c r="AP5588">
        <v>0</v>
      </c>
      <c r="AQ5588">
        <v>0</v>
      </c>
      <c r="AR5588">
        <v>0</v>
      </c>
      <c r="AS5588">
        <v>0</v>
      </c>
      <c r="AT5588">
        <v>0</v>
      </c>
      <c r="AU5588">
        <v>0</v>
      </c>
      <c r="AV5588">
        <v>0</v>
      </c>
      <c r="AW5588">
        <v>0</v>
      </c>
      <c r="AX5588">
        <v>8107</v>
      </c>
      <c r="AY5588">
        <v>11</v>
      </c>
      <c r="AZ5588">
        <v>33</v>
      </c>
      <c r="BA5588">
        <v>1681</v>
      </c>
    </row>
    <row r="5589" spans="1:53" x14ac:dyDescent="0.4">
      <c r="A5589">
        <v>5633</v>
      </c>
      <c r="B5589" s="1">
        <v>44960</v>
      </c>
      <c r="C5589">
        <v>1</v>
      </c>
      <c r="D5589" s="1">
        <v>44960.291666666664</v>
      </c>
      <c r="E5589" s="1">
        <v>44960.448611111111</v>
      </c>
      <c r="F5589">
        <v>0</v>
      </c>
      <c r="G5589">
        <v>0</v>
      </c>
      <c r="H5589">
        <v>0</v>
      </c>
      <c r="I5589">
        <v>0</v>
      </c>
      <c r="J5589">
        <v>0</v>
      </c>
      <c r="K5589">
        <v>0</v>
      </c>
      <c r="L5589">
        <v>0</v>
      </c>
      <c r="M5589">
        <v>0</v>
      </c>
      <c r="N5589">
        <v>0</v>
      </c>
      <c r="O5589">
        <v>0</v>
      </c>
      <c r="P5589">
        <v>0</v>
      </c>
      <c r="Q5589">
        <v>0</v>
      </c>
      <c r="R5589">
        <v>0</v>
      </c>
      <c r="S5589">
        <v>0</v>
      </c>
      <c r="T5589">
        <v>0</v>
      </c>
      <c r="U5589">
        <v>0</v>
      </c>
      <c r="V5589">
        <v>0</v>
      </c>
      <c r="W5589">
        <v>0</v>
      </c>
      <c r="X5589">
        <v>0</v>
      </c>
      <c r="Y5589">
        <v>30</v>
      </c>
      <c r="Z5589">
        <v>14</v>
      </c>
      <c r="AA5589">
        <v>113</v>
      </c>
      <c r="AB5589">
        <v>9</v>
      </c>
      <c r="AC5589">
        <v>105</v>
      </c>
      <c r="AD5589">
        <v>24</v>
      </c>
      <c r="AE5589">
        <v>80</v>
      </c>
      <c r="AF5589">
        <v>0</v>
      </c>
      <c r="AG5589">
        <v>50000</v>
      </c>
      <c r="AH5589">
        <v>50000</v>
      </c>
      <c r="AI5589">
        <v>0</v>
      </c>
      <c r="AJ5589">
        <v>0</v>
      </c>
      <c r="AK5589" t="s">
        <v>6</v>
      </c>
      <c r="AL5589">
        <v>0</v>
      </c>
      <c r="AM5589">
        <v>0</v>
      </c>
      <c r="AN5589">
        <v>0</v>
      </c>
      <c r="AO5589">
        <v>0</v>
      </c>
      <c r="AP5589">
        <v>0</v>
      </c>
      <c r="AQ5589">
        <v>0</v>
      </c>
      <c r="AR5589">
        <v>0</v>
      </c>
      <c r="AS5589">
        <v>0</v>
      </c>
      <c r="AT5589">
        <v>0</v>
      </c>
      <c r="AU5589">
        <v>0</v>
      </c>
      <c r="AV5589">
        <v>0</v>
      </c>
      <c r="AW5589">
        <v>0</v>
      </c>
      <c r="AX5589">
        <v>0</v>
      </c>
      <c r="AY5589">
        <v>0</v>
      </c>
      <c r="AZ5589">
        <v>0</v>
      </c>
      <c r="BA5589">
        <v>0</v>
      </c>
    </row>
    <row r="5590" spans="1:53" x14ac:dyDescent="0.4">
      <c r="A5590">
        <v>5634</v>
      </c>
      <c r="B5590" s="1">
        <v>44960</v>
      </c>
      <c r="C5590">
        <v>2</v>
      </c>
      <c r="D5590" s="1">
        <v>44960.448611111111</v>
      </c>
      <c r="E5590" s="1">
        <v>44960.749305555553</v>
      </c>
      <c r="F5590">
        <v>27460</v>
      </c>
      <c r="G5590">
        <v>1782</v>
      </c>
      <c r="H5590">
        <v>0</v>
      </c>
      <c r="I5590">
        <v>0</v>
      </c>
      <c r="J5590">
        <v>200</v>
      </c>
      <c r="K5590">
        <v>0</v>
      </c>
      <c r="L5590">
        <v>0</v>
      </c>
      <c r="M5590">
        <v>2640</v>
      </c>
      <c r="N5590">
        <v>0</v>
      </c>
      <c r="O5590">
        <v>0</v>
      </c>
      <c r="P5590">
        <v>29650</v>
      </c>
      <c r="Q5590">
        <v>0</v>
      </c>
      <c r="R5590">
        <v>58692</v>
      </c>
      <c r="S5590">
        <v>0</v>
      </c>
      <c r="T5590">
        <v>0</v>
      </c>
      <c r="U5590">
        <v>0</v>
      </c>
      <c r="V5590">
        <v>1</v>
      </c>
      <c r="W5590">
        <v>1</v>
      </c>
      <c r="X5590">
        <v>0</v>
      </c>
      <c r="Y5590">
        <v>76</v>
      </c>
      <c r="Z5590">
        <v>18</v>
      </c>
      <c r="AA5590">
        <v>58</v>
      </c>
      <c r="AB5590">
        <v>8</v>
      </c>
      <c r="AC5590">
        <v>132</v>
      </c>
      <c r="AD5590">
        <v>26</v>
      </c>
      <c r="AE5590">
        <v>82</v>
      </c>
      <c r="AF5590">
        <v>960</v>
      </c>
      <c r="AG5590">
        <v>108692</v>
      </c>
      <c r="AH5590">
        <v>50000</v>
      </c>
      <c r="AI5590">
        <v>0</v>
      </c>
      <c r="AJ5590">
        <v>35</v>
      </c>
      <c r="AK5590" t="s">
        <v>66</v>
      </c>
      <c r="AL5590">
        <v>0</v>
      </c>
      <c r="AM5590">
        <v>0</v>
      </c>
      <c r="AN5590">
        <v>0</v>
      </c>
      <c r="AO5590">
        <v>0</v>
      </c>
      <c r="AP5590">
        <v>0</v>
      </c>
      <c r="AQ5590">
        <v>0</v>
      </c>
      <c r="AR5590">
        <v>0</v>
      </c>
      <c r="AS5590">
        <v>0</v>
      </c>
      <c r="AT5590">
        <v>0</v>
      </c>
      <c r="AU5590">
        <v>0</v>
      </c>
      <c r="AV5590">
        <v>0</v>
      </c>
      <c r="AW5590">
        <v>0</v>
      </c>
      <c r="AX5590">
        <v>-1590</v>
      </c>
      <c r="AY5590">
        <v>42</v>
      </c>
      <c r="AZ5590">
        <v>86</v>
      </c>
      <c r="BA5590">
        <v>6975</v>
      </c>
    </row>
    <row r="5591" spans="1:53" x14ac:dyDescent="0.4">
      <c r="A5591">
        <v>5635</v>
      </c>
      <c r="B5591" s="1">
        <v>44960</v>
      </c>
      <c r="C5591">
        <v>3</v>
      </c>
      <c r="D5591" s="1">
        <v>44960.749305555553</v>
      </c>
      <c r="E5591" s="1">
        <v>44960.950694444444</v>
      </c>
      <c r="F5591">
        <v>31450</v>
      </c>
      <c r="G5591">
        <v>0</v>
      </c>
      <c r="H5591">
        <v>0</v>
      </c>
      <c r="I5591">
        <v>0</v>
      </c>
      <c r="J5591">
        <v>0</v>
      </c>
      <c r="K5591">
        <v>3600</v>
      </c>
      <c r="L5591">
        <v>0</v>
      </c>
      <c r="M5591">
        <v>3187</v>
      </c>
      <c r="N5591">
        <v>0</v>
      </c>
      <c r="O5591">
        <v>0</v>
      </c>
      <c r="P5591">
        <v>-26050</v>
      </c>
      <c r="Q5591">
        <v>0</v>
      </c>
      <c r="R5591">
        <v>9000</v>
      </c>
      <c r="S5591">
        <v>0</v>
      </c>
      <c r="T5591">
        <v>0</v>
      </c>
      <c r="U5591">
        <v>0</v>
      </c>
      <c r="V5591">
        <v>1</v>
      </c>
      <c r="W5591">
        <v>1</v>
      </c>
      <c r="X5591">
        <v>0</v>
      </c>
      <c r="Y5591">
        <v>77</v>
      </c>
      <c r="Z5591">
        <v>21</v>
      </c>
      <c r="AA5591">
        <v>64</v>
      </c>
      <c r="AB5591">
        <v>8</v>
      </c>
      <c r="AC5591">
        <v>146</v>
      </c>
      <c r="AD5591">
        <v>26</v>
      </c>
      <c r="AE5591">
        <v>82</v>
      </c>
      <c r="AF5591">
        <v>6720</v>
      </c>
      <c r="AG5591">
        <v>117692</v>
      </c>
      <c r="AH5591">
        <v>50000</v>
      </c>
      <c r="AI5591">
        <v>0</v>
      </c>
      <c r="AJ5591">
        <v>108</v>
      </c>
      <c r="AK5591" t="s">
        <v>3</v>
      </c>
      <c r="AL5591">
        <v>0</v>
      </c>
      <c r="AM5591">
        <v>0</v>
      </c>
      <c r="AN5591">
        <v>0</v>
      </c>
      <c r="AO5591">
        <v>0</v>
      </c>
      <c r="AP5591">
        <v>0</v>
      </c>
      <c r="AQ5591">
        <v>0</v>
      </c>
      <c r="AR5591">
        <v>0</v>
      </c>
      <c r="AS5591">
        <v>0</v>
      </c>
      <c r="AT5591">
        <v>0</v>
      </c>
      <c r="AU5591">
        <v>0</v>
      </c>
      <c r="AV5591">
        <v>0</v>
      </c>
      <c r="AW5591">
        <v>0</v>
      </c>
      <c r="AX5591">
        <v>3720</v>
      </c>
      <c r="AY5591">
        <v>8</v>
      </c>
      <c r="AZ5591">
        <v>14</v>
      </c>
      <c r="BA5591">
        <v>1852</v>
      </c>
    </row>
    <row r="5592" spans="1:53" x14ac:dyDescent="0.4">
      <c r="A5592">
        <v>5636</v>
      </c>
      <c r="B5592" s="1">
        <v>44961</v>
      </c>
      <c r="C5592">
        <v>1</v>
      </c>
      <c r="D5592" s="1">
        <v>44961.291666666664</v>
      </c>
      <c r="E5592" s="1">
        <v>44961.393750000003</v>
      </c>
      <c r="F5592">
        <v>0</v>
      </c>
      <c r="G5592">
        <v>0</v>
      </c>
      <c r="H5592">
        <v>0</v>
      </c>
      <c r="I5592">
        <v>0</v>
      </c>
      <c r="J5592">
        <v>0</v>
      </c>
      <c r="K5592">
        <v>0</v>
      </c>
      <c r="L5592">
        <v>0</v>
      </c>
      <c r="M5592">
        <v>0</v>
      </c>
      <c r="N5592">
        <v>0</v>
      </c>
      <c r="O5592">
        <v>0</v>
      </c>
      <c r="P5592">
        <v>0</v>
      </c>
      <c r="Q5592">
        <v>0</v>
      </c>
      <c r="R5592">
        <v>0</v>
      </c>
      <c r="S5592">
        <v>0</v>
      </c>
      <c r="T5592">
        <v>0</v>
      </c>
      <c r="U5592">
        <v>0</v>
      </c>
      <c r="V5592">
        <v>0</v>
      </c>
      <c r="W5592">
        <v>1</v>
      </c>
      <c r="X5592">
        <v>0</v>
      </c>
      <c r="Y5592">
        <v>29</v>
      </c>
      <c r="Z5592">
        <v>13</v>
      </c>
      <c r="AA5592">
        <v>77</v>
      </c>
      <c r="AB5592">
        <v>10</v>
      </c>
      <c r="AC5592">
        <v>109</v>
      </c>
      <c r="AD5592">
        <v>26</v>
      </c>
      <c r="AE5592">
        <v>80</v>
      </c>
      <c r="AF5592">
        <v>0</v>
      </c>
      <c r="AG5592">
        <v>50000</v>
      </c>
      <c r="AH5592">
        <v>50000</v>
      </c>
      <c r="AI5592">
        <v>0</v>
      </c>
      <c r="AJ5592">
        <v>0</v>
      </c>
      <c r="AK5592" t="s">
        <v>6</v>
      </c>
      <c r="AL5592">
        <v>0</v>
      </c>
      <c r="AM5592">
        <v>0</v>
      </c>
      <c r="AN5592">
        <v>0</v>
      </c>
      <c r="AO5592">
        <v>0</v>
      </c>
      <c r="AP5592">
        <v>0</v>
      </c>
      <c r="AQ5592">
        <v>0</v>
      </c>
      <c r="AR5592">
        <v>0</v>
      </c>
      <c r="AS5592">
        <v>0</v>
      </c>
      <c r="AT5592">
        <v>0</v>
      </c>
      <c r="AU5592">
        <v>0</v>
      </c>
      <c r="AV5592">
        <v>0</v>
      </c>
      <c r="AW5592">
        <v>0</v>
      </c>
      <c r="AX5592">
        <v>0</v>
      </c>
      <c r="AY5592">
        <v>0</v>
      </c>
      <c r="AZ5592">
        <v>0</v>
      </c>
      <c r="BA5592">
        <v>0</v>
      </c>
    </row>
    <row r="5593" spans="1:53" x14ac:dyDescent="0.4">
      <c r="A5593">
        <v>5637</v>
      </c>
      <c r="B5593" s="1">
        <v>44961</v>
      </c>
      <c r="C5593">
        <v>2</v>
      </c>
      <c r="D5593" s="1">
        <v>44961.393750000003</v>
      </c>
      <c r="E5593" s="1">
        <v>44961.740277777775</v>
      </c>
      <c r="F5593">
        <v>40220</v>
      </c>
      <c r="G5593">
        <v>2684</v>
      </c>
      <c r="H5593">
        <v>0</v>
      </c>
      <c r="I5593">
        <v>0</v>
      </c>
      <c r="J5593">
        <v>400</v>
      </c>
      <c r="K5593">
        <v>0</v>
      </c>
      <c r="L5593">
        <v>0</v>
      </c>
      <c r="M5593">
        <v>3862</v>
      </c>
      <c r="N5593">
        <v>0</v>
      </c>
      <c r="O5593">
        <v>0</v>
      </c>
      <c r="P5593">
        <v>16700</v>
      </c>
      <c r="Q5593">
        <v>0</v>
      </c>
      <c r="R5593">
        <v>59204</v>
      </c>
      <c r="S5593">
        <v>0</v>
      </c>
      <c r="T5593">
        <v>0</v>
      </c>
      <c r="U5593">
        <v>0</v>
      </c>
      <c r="V5593">
        <v>3</v>
      </c>
      <c r="W5593">
        <v>0</v>
      </c>
      <c r="X5593">
        <v>0</v>
      </c>
      <c r="Y5593">
        <v>52</v>
      </c>
      <c r="Z5593">
        <v>19</v>
      </c>
      <c r="AA5593">
        <v>87</v>
      </c>
      <c r="AB5593">
        <v>12</v>
      </c>
      <c r="AC5593">
        <v>116</v>
      </c>
      <c r="AD5593">
        <v>28</v>
      </c>
      <c r="AE5593">
        <v>78</v>
      </c>
      <c r="AF5593">
        <v>7026</v>
      </c>
      <c r="AG5593">
        <v>109204</v>
      </c>
      <c r="AH5593">
        <v>50000</v>
      </c>
      <c r="AI5593">
        <v>0</v>
      </c>
      <c r="AJ5593">
        <v>118</v>
      </c>
      <c r="AK5593" t="s">
        <v>59</v>
      </c>
      <c r="AL5593">
        <v>0</v>
      </c>
      <c r="AM5593">
        <v>0</v>
      </c>
      <c r="AN5593">
        <v>0</v>
      </c>
      <c r="AO5593">
        <v>0</v>
      </c>
      <c r="AP5593">
        <v>0</v>
      </c>
      <c r="AQ5593">
        <v>0</v>
      </c>
      <c r="AR5593">
        <v>0</v>
      </c>
      <c r="AS5593">
        <v>0</v>
      </c>
      <c r="AT5593">
        <v>0</v>
      </c>
      <c r="AU5593">
        <v>0</v>
      </c>
      <c r="AV5593">
        <v>0</v>
      </c>
      <c r="AW5593">
        <v>0</v>
      </c>
      <c r="AX5593">
        <v>2128</v>
      </c>
      <c r="AY5593">
        <v>51</v>
      </c>
      <c r="AZ5593">
        <v>94</v>
      </c>
      <c r="BA5593">
        <v>7162</v>
      </c>
    </row>
    <row r="5594" spans="1:53" x14ac:dyDescent="0.4">
      <c r="A5594">
        <v>5638</v>
      </c>
      <c r="B5594" s="1">
        <v>44961</v>
      </c>
      <c r="C5594">
        <v>3</v>
      </c>
      <c r="D5594" s="1">
        <v>44961.740277777775</v>
      </c>
      <c r="E5594" s="1">
        <v>44961.978472222225</v>
      </c>
      <c r="F5594">
        <v>100890</v>
      </c>
      <c r="G5594">
        <v>7788</v>
      </c>
      <c r="H5594">
        <v>0</v>
      </c>
      <c r="I5594">
        <v>0</v>
      </c>
      <c r="J5594">
        <v>0</v>
      </c>
      <c r="K5594">
        <v>1440</v>
      </c>
      <c r="L5594">
        <v>0</v>
      </c>
      <c r="M5594">
        <v>10010</v>
      </c>
      <c r="N5594">
        <v>0</v>
      </c>
      <c r="O5594">
        <v>0</v>
      </c>
      <c r="P5594">
        <v>-8935</v>
      </c>
      <c r="Q5594">
        <v>0</v>
      </c>
      <c r="R5594">
        <v>101183</v>
      </c>
      <c r="S5594">
        <v>0</v>
      </c>
      <c r="T5594">
        <v>0</v>
      </c>
      <c r="U5594">
        <v>0</v>
      </c>
      <c r="V5594">
        <v>5</v>
      </c>
      <c r="W5594">
        <v>4</v>
      </c>
      <c r="X5594">
        <v>0</v>
      </c>
      <c r="Y5594">
        <v>100</v>
      </c>
      <c r="Z5594">
        <v>22</v>
      </c>
      <c r="AA5594">
        <v>115</v>
      </c>
      <c r="AB5594">
        <v>10</v>
      </c>
      <c r="AC5594">
        <v>119</v>
      </c>
      <c r="AD5594">
        <v>25</v>
      </c>
      <c r="AE5594">
        <v>70</v>
      </c>
      <c r="AF5594">
        <v>16002</v>
      </c>
      <c r="AG5594">
        <v>210387</v>
      </c>
      <c r="AH5594">
        <v>50000</v>
      </c>
      <c r="AI5594">
        <v>0</v>
      </c>
      <c r="AJ5594">
        <v>108</v>
      </c>
      <c r="AK5594" t="s">
        <v>3</v>
      </c>
      <c r="AL5594">
        <v>0</v>
      </c>
      <c r="AM5594">
        <v>0</v>
      </c>
      <c r="AN5594">
        <v>0</v>
      </c>
      <c r="AO5594">
        <v>0</v>
      </c>
      <c r="AP5594">
        <v>0</v>
      </c>
      <c r="AQ5594">
        <v>0</v>
      </c>
      <c r="AR5594">
        <v>0</v>
      </c>
      <c r="AS5594">
        <v>0</v>
      </c>
      <c r="AT5594">
        <v>0</v>
      </c>
      <c r="AU5594">
        <v>0</v>
      </c>
      <c r="AV5594">
        <v>0</v>
      </c>
      <c r="AW5594">
        <v>0</v>
      </c>
      <c r="AX5594">
        <v>107490</v>
      </c>
      <c r="AY5594">
        <v>26</v>
      </c>
      <c r="AZ5594">
        <v>98</v>
      </c>
      <c r="BA5594">
        <v>4146</v>
      </c>
    </row>
    <row r="5595" spans="1:53" x14ac:dyDescent="0.4">
      <c r="A5595">
        <v>5639</v>
      </c>
      <c r="B5595" s="1">
        <v>44962</v>
      </c>
      <c r="C5595">
        <v>1</v>
      </c>
      <c r="D5595" s="1">
        <v>44962.291666666664</v>
      </c>
      <c r="E5595" s="1">
        <v>44962.406944444447</v>
      </c>
      <c r="F5595">
        <v>0</v>
      </c>
      <c r="G5595">
        <v>0</v>
      </c>
      <c r="H5595">
        <v>0</v>
      </c>
      <c r="I5595">
        <v>0</v>
      </c>
      <c r="J5595">
        <v>0</v>
      </c>
      <c r="K5595">
        <v>0</v>
      </c>
      <c r="L5595">
        <v>0</v>
      </c>
      <c r="M5595">
        <v>0</v>
      </c>
      <c r="N5595">
        <v>0</v>
      </c>
      <c r="O5595">
        <v>0</v>
      </c>
      <c r="P5595">
        <v>0</v>
      </c>
      <c r="Q5595">
        <v>0</v>
      </c>
      <c r="R5595">
        <v>0</v>
      </c>
      <c r="S5595">
        <v>0</v>
      </c>
      <c r="T5595">
        <v>0</v>
      </c>
      <c r="U5595">
        <v>0</v>
      </c>
      <c r="V5595">
        <v>0</v>
      </c>
      <c r="W5595">
        <v>1</v>
      </c>
      <c r="X5595">
        <v>0</v>
      </c>
      <c r="Y5595">
        <v>25</v>
      </c>
      <c r="Z5595">
        <v>14</v>
      </c>
      <c r="AA5595">
        <v>111</v>
      </c>
      <c r="AB5595">
        <v>12</v>
      </c>
      <c r="AC5595">
        <v>111</v>
      </c>
      <c r="AD5595">
        <v>25</v>
      </c>
      <c r="AE5595">
        <v>65</v>
      </c>
      <c r="AF5595">
        <v>0</v>
      </c>
      <c r="AG5595">
        <v>50000</v>
      </c>
      <c r="AH5595">
        <v>50000</v>
      </c>
      <c r="AI5595">
        <v>0</v>
      </c>
      <c r="AJ5595">
        <v>0</v>
      </c>
      <c r="AK5595" t="s">
        <v>6</v>
      </c>
      <c r="AL5595">
        <v>0</v>
      </c>
      <c r="AM5595">
        <v>0</v>
      </c>
      <c r="AN5595">
        <v>0</v>
      </c>
      <c r="AO5595">
        <v>0</v>
      </c>
      <c r="AP5595">
        <v>0</v>
      </c>
      <c r="AQ5595">
        <v>0</v>
      </c>
      <c r="AR5595">
        <v>0</v>
      </c>
      <c r="AS5595">
        <v>0</v>
      </c>
      <c r="AT5595">
        <v>0</v>
      </c>
      <c r="AU5595">
        <v>0</v>
      </c>
      <c r="AV5595">
        <v>0</v>
      </c>
      <c r="AW5595">
        <v>0</v>
      </c>
      <c r="AX5595">
        <v>0</v>
      </c>
      <c r="AY5595">
        <v>0</v>
      </c>
      <c r="AZ5595">
        <v>0</v>
      </c>
      <c r="BA5595">
        <v>0</v>
      </c>
    </row>
    <row r="5596" spans="1:53" x14ac:dyDescent="0.4">
      <c r="A5596">
        <v>5640</v>
      </c>
      <c r="B5596" s="1">
        <v>44962</v>
      </c>
      <c r="C5596">
        <v>2</v>
      </c>
      <c r="D5596" s="1">
        <v>44962.406944444447</v>
      </c>
      <c r="E5596" s="1">
        <v>44962.745138888888</v>
      </c>
      <c r="F5596">
        <v>47650</v>
      </c>
      <c r="G5596">
        <v>1936</v>
      </c>
      <c r="H5596">
        <v>0</v>
      </c>
      <c r="I5596">
        <v>0</v>
      </c>
      <c r="J5596">
        <v>0</v>
      </c>
      <c r="K5596">
        <v>0</v>
      </c>
      <c r="L5596">
        <v>0</v>
      </c>
      <c r="M5596">
        <v>4506</v>
      </c>
      <c r="N5596">
        <v>0</v>
      </c>
      <c r="O5596">
        <v>0</v>
      </c>
      <c r="P5596">
        <v>15890</v>
      </c>
      <c r="Q5596">
        <v>0</v>
      </c>
      <c r="R5596">
        <v>65476</v>
      </c>
      <c r="S5596">
        <v>0</v>
      </c>
      <c r="T5596">
        <v>0</v>
      </c>
      <c r="U5596">
        <v>0</v>
      </c>
      <c r="V5596">
        <v>1</v>
      </c>
      <c r="W5596">
        <v>3</v>
      </c>
      <c r="X5596">
        <v>0</v>
      </c>
      <c r="Y5596">
        <v>65</v>
      </c>
      <c r="Z5596">
        <v>17</v>
      </c>
      <c r="AA5596">
        <v>116</v>
      </c>
      <c r="AB5596">
        <v>18</v>
      </c>
      <c r="AC5596">
        <v>132</v>
      </c>
      <c r="AD5596">
        <v>28</v>
      </c>
      <c r="AE5596">
        <v>86</v>
      </c>
      <c r="AF5596">
        <v>2930</v>
      </c>
      <c r="AG5596">
        <v>115476</v>
      </c>
      <c r="AH5596">
        <v>50000</v>
      </c>
      <c r="AI5596">
        <v>0</v>
      </c>
      <c r="AJ5596">
        <v>118</v>
      </c>
      <c r="AK5596" t="s">
        <v>59</v>
      </c>
      <c r="AL5596">
        <v>0</v>
      </c>
      <c r="AM5596">
        <v>0</v>
      </c>
      <c r="AN5596">
        <v>0</v>
      </c>
      <c r="AO5596">
        <v>0</v>
      </c>
      <c r="AP5596">
        <v>0</v>
      </c>
      <c r="AQ5596">
        <v>0</v>
      </c>
      <c r="AR5596">
        <v>0</v>
      </c>
      <c r="AS5596">
        <v>0</v>
      </c>
      <c r="AT5596">
        <v>0</v>
      </c>
      <c r="AU5596">
        <v>0</v>
      </c>
      <c r="AV5596">
        <v>0</v>
      </c>
      <c r="AW5596">
        <v>0</v>
      </c>
      <c r="AX5596">
        <v>4516</v>
      </c>
      <c r="AY5596">
        <v>54</v>
      </c>
      <c r="AZ5596">
        <v>109</v>
      </c>
      <c r="BA5596">
        <v>7517</v>
      </c>
    </row>
    <row r="5597" spans="1:53" x14ac:dyDescent="0.4">
      <c r="A5597">
        <v>5641</v>
      </c>
      <c r="B5597" s="1">
        <v>44963</v>
      </c>
      <c r="C5597">
        <v>1</v>
      </c>
      <c r="D5597" s="1">
        <v>44963.291666666664</v>
      </c>
      <c r="E5597" s="1">
        <v>44963.449305555558</v>
      </c>
      <c r="F5597">
        <v>0</v>
      </c>
      <c r="G5597">
        <v>0</v>
      </c>
      <c r="H5597">
        <v>0</v>
      </c>
      <c r="I5597">
        <v>0</v>
      </c>
      <c r="J5597">
        <v>0</v>
      </c>
      <c r="K5597">
        <v>0</v>
      </c>
      <c r="L5597">
        <v>0</v>
      </c>
      <c r="M5597">
        <v>0</v>
      </c>
      <c r="N5597">
        <v>0</v>
      </c>
      <c r="O5597">
        <v>0</v>
      </c>
      <c r="P5597">
        <v>0</v>
      </c>
      <c r="Q5597">
        <v>0</v>
      </c>
      <c r="R5597">
        <v>0</v>
      </c>
      <c r="S5597">
        <v>0</v>
      </c>
      <c r="T5597">
        <v>0</v>
      </c>
      <c r="U5597">
        <v>0</v>
      </c>
      <c r="V5597">
        <v>0</v>
      </c>
      <c r="W5597">
        <v>1</v>
      </c>
      <c r="X5597">
        <v>0</v>
      </c>
      <c r="Y5597">
        <v>25</v>
      </c>
      <c r="Z5597">
        <v>12</v>
      </c>
      <c r="AA5597">
        <v>117</v>
      </c>
      <c r="AB5597">
        <v>18</v>
      </c>
      <c r="AC5597">
        <v>122</v>
      </c>
      <c r="AD5597">
        <v>26</v>
      </c>
      <c r="AE5597">
        <v>50</v>
      </c>
      <c r="AF5597">
        <v>0</v>
      </c>
      <c r="AG5597">
        <v>50000</v>
      </c>
      <c r="AH5597">
        <v>50000</v>
      </c>
      <c r="AI5597">
        <v>0</v>
      </c>
      <c r="AJ5597">
        <v>0</v>
      </c>
      <c r="AK5597" t="s">
        <v>6</v>
      </c>
      <c r="AL5597">
        <v>0</v>
      </c>
      <c r="AM5597">
        <v>0</v>
      </c>
      <c r="AN5597">
        <v>0</v>
      </c>
      <c r="AO5597">
        <v>0</v>
      </c>
      <c r="AP5597">
        <v>0</v>
      </c>
      <c r="AQ5597">
        <v>0</v>
      </c>
      <c r="AR5597">
        <v>0</v>
      </c>
      <c r="AS5597">
        <v>0</v>
      </c>
      <c r="AT5597">
        <v>0</v>
      </c>
      <c r="AU5597">
        <v>0</v>
      </c>
      <c r="AV5597">
        <v>0</v>
      </c>
      <c r="AW5597">
        <v>0</v>
      </c>
      <c r="AX5597">
        <v>0</v>
      </c>
      <c r="AY5597">
        <v>0</v>
      </c>
      <c r="AZ5597">
        <v>0</v>
      </c>
      <c r="BA5597">
        <v>0</v>
      </c>
    </row>
    <row r="5598" spans="1:53" x14ac:dyDescent="0.4">
      <c r="A5598">
        <v>5642</v>
      </c>
      <c r="B5598" s="1">
        <v>44963</v>
      </c>
      <c r="C5598">
        <v>2</v>
      </c>
      <c r="D5598" s="1">
        <v>44963.449305555558</v>
      </c>
      <c r="E5598" s="1">
        <v>44963.743750000001</v>
      </c>
      <c r="F5598">
        <v>33140</v>
      </c>
      <c r="G5598">
        <v>0</v>
      </c>
      <c r="H5598">
        <v>0</v>
      </c>
      <c r="I5598">
        <v>0</v>
      </c>
      <c r="J5598">
        <v>100</v>
      </c>
      <c r="K5598">
        <v>0</v>
      </c>
      <c r="L5598">
        <v>0</v>
      </c>
      <c r="M5598">
        <v>3002</v>
      </c>
      <c r="N5598">
        <v>0</v>
      </c>
      <c r="O5598">
        <v>0</v>
      </c>
      <c r="P5598">
        <v>23740</v>
      </c>
      <c r="Q5598">
        <v>0</v>
      </c>
      <c r="R5598">
        <v>56780</v>
      </c>
      <c r="S5598">
        <v>0</v>
      </c>
      <c r="T5598">
        <v>0</v>
      </c>
      <c r="U5598">
        <v>0</v>
      </c>
      <c r="V5598">
        <v>2</v>
      </c>
      <c r="W5598">
        <v>0</v>
      </c>
      <c r="X5598">
        <v>0</v>
      </c>
      <c r="Y5598">
        <v>59</v>
      </c>
      <c r="Z5598">
        <v>23</v>
      </c>
      <c r="AA5598">
        <v>118</v>
      </c>
      <c r="AB5598">
        <v>16</v>
      </c>
      <c r="AC5598">
        <v>140</v>
      </c>
      <c r="AD5598">
        <v>26</v>
      </c>
      <c r="AE5598">
        <v>50</v>
      </c>
      <c r="AF5598">
        <v>2100</v>
      </c>
      <c r="AG5598">
        <v>106780</v>
      </c>
      <c r="AH5598">
        <v>50000</v>
      </c>
      <c r="AI5598">
        <v>0</v>
      </c>
      <c r="AJ5598">
        <v>119</v>
      </c>
      <c r="AK5598" t="s">
        <v>56</v>
      </c>
      <c r="AL5598">
        <v>0</v>
      </c>
      <c r="AM5598">
        <v>0</v>
      </c>
      <c r="AN5598">
        <v>0</v>
      </c>
      <c r="AO5598">
        <v>0</v>
      </c>
      <c r="AP5598">
        <v>0</v>
      </c>
      <c r="AQ5598">
        <v>0</v>
      </c>
      <c r="AR5598">
        <v>0</v>
      </c>
      <c r="AS5598">
        <v>0</v>
      </c>
      <c r="AT5598">
        <v>0</v>
      </c>
      <c r="AU5598">
        <v>0</v>
      </c>
      <c r="AV5598">
        <v>0</v>
      </c>
      <c r="AW5598">
        <v>0</v>
      </c>
      <c r="AX5598">
        <v>-1960</v>
      </c>
      <c r="AY5598">
        <v>45</v>
      </c>
      <c r="AZ5598">
        <v>89</v>
      </c>
      <c r="BA5598">
        <v>6808</v>
      </c>
    </row>
    <row r="5599" spans="1:53" x14ac:dyDescent="0.4">
      <c r="A5599">
        <v>5643</v>
      </c>
      <c r="B5599" s="1">
        <v>44963</v>
      </c>
      <c r="C5599">
        <v>3</v>
      </c>
      <c r="D5599" s="1">
        <v>44963.743750000001</v>
      </c>
      <c r="E5599" s="1">
        <v>44963.919444444444</v>
      </c>
      <c r="F5599">
        <v>32825</v>
      </c>
      <c r="G5599">
        <v>1056</v>
      </c>
      <c r="H5599">
        <v>0</v>
      </c>
      <c r="I5599">
        <v>0</v>
      </c>
      <c r="J5599">
        <v>100</v>
      </c>
      <c r="K5599">
        <v>0</v>
      </c>
      <c r="L5599">
        <v>0</v>
      </c>
      <c r="M5599">
        <v>3070</v>
      </c>
      <c r="N5599">
        <v>0</v>
      </c>
      <c r="O5599">
        <v>0</v>
      </c>
      <c r="P5599">
        <v>-19410</v>
      </c>
      <c r="Q5599">
        <v>0</v>
      </c>
      <c r="R5599">
        <v>14371</v>
      </c>
      <c r="S5599">
        <v>0</v>
      </c>
      <c r="T5599">
        <v>0</v>
      </c>
      <c r="U5599">
        <v>0</v>
      </c>
      <c r="V5599">
        <v>3</v>
      </c>
      <c r="W5599">
        <v>0</v>
      </c>
      <c r="X5599">
        <v>0</v>
      </c>
      <c r="Y5599">
        <v>63</v>
      </c>
      <c r="Z5599">
        <v>24</v>
      </c>
      <c r="AA5599">
        <v>115</v>
      </c>
      <c r="AB5599">
        <v>17</v>
      </c>
      <c r="AC5599">
        <v>152</v>
      </c>
      <c r="AD5599">
        <v>26</v>
      </c>
      <c r="AE5599">
        <v>51</v>
      </c>
      <c r="AF5599">
        <v>2100</v>
      </c>
      <c r="AG5599">
        <v>121151</v>
      </c>
      <c r="AH5599">
        <v>50000</v>
      </c>
      <c r="AI5599">
        <v>0</v>
      </c>
      <c r="AJ5599">
        <v>95</v>
      </c>
      <c r="AK5599" t="s">
        <v>21</v>
      </c>
      <c r="AL5599">
        <v>0</v>
      </c>
      <c r="AM5599">
        <v>0</v>
      </c>
      <c r="AN5599">
        <v>0</v>
      </c>
      <c r="AO5599">
        <v>0</v>
      </c>
      <c r="AP5599">
        <v>0</v>
      </c>
      <c r="AQ5599">
        <v>0</v>
      </c>
      <c r="AR5599">
        <v>0</v>
      </c>
      <c r="AS5599">
        <v>0</v>
      </c>
      <c r="AT5599">
        <v>0</v>
      </c>
      <c r="AU5599">
        <v>0</v>
      </c>
      <c r="AV5599">
        <v>0</v>
      </c>
      <c r="AW5599">
        <v>0</v>
      </c>
      <c r="AX5599">
        <v>1320</v>
      </c>
      <c r="AY5599">
        <v>7</v>
      </c>
      <c r="AZ5599">
        <v>17</v>
      </c>
      <c r="BA5599">
        <v>2390</v>
      </c>
    </row>
    <row r="5600" spans="1:53" x14ac:dyDescent="0.4">
      <c r="A5600">
        <v>5644</v>
      </c>
      <c r="B5600" s="1">
        <v>44964</v>
      </c>
      <c r="C5600">
        <v>1</v>
      </c>
      <c r="D5600" s="1">
        <v>44964.291666666664</v>
      </c>
      <c r="E5600" s="1">
        <v>44964.45</v>
      </c>
      <c r="F5600">
        <v>0</v>
      </c>
      <c r="G5600">
        <v>0</v>
      </c>
      <c r="H5600">
        <v>0</v>
      </c>
      <c r="I5600">
        <v>0</v>
      </c>
      <c r="J5600">
        <v>0</v>
      </c>
      <c r="K5600">
        <v>0</v>
      </c>
      <c r="L5600">
        <v>0</v>
      </c>
      <c r="M5600">
        <v>0</v>
      </c>
      <c r="N5600">
        <v>0</v>
      </c>
      <c r="O5600">
        <v>0</v>
      </c>
      <c r="P5600">
        <v>0</v>
      </c>
      <c r="Q5600">
        <v>0</v>
      </c>
      <c r="R5600">
        <v>0</v>
      </c>
      <c r="S5600">
        <v>0</v>
      </c>
      <c r="T5600">
        <v>0</v>
      </c>
      <c r="U5600">
        <v>0</v>
      </c>
      <c r="V5600">
        <v>0</v>
      </c>
      <c r="W5600">
        <v>0</v>
      </c>
      <c r="X5600">
        <v>0</v>
      </c>
      <c r="Y5600">
        <v>29</v>
      </c>
      <c r="Z5600">
        <v>15</v>
      </c>
      <c r="AA5600">
        <v>112</v>
      </c>
      <c r="AB5600">
        <v>18</v>
      </c>
      <c r="AC5600">
        <v>122</v>
      </c>
      <c r="AD5600">
        <v>26</v>
      </c>
      <c r="AE5600">
        <v>50</v>
      </c>
      <c r="AF5600">
        <v>0</v>
      </c>
      <c r="AG5600">
        <v>50000</v>
      </c>
      <c r="AH5600">
        <v>50000</v>
      </c>
      <c r="AI5600">
        <v>0</v>
      </c>
      <c r="AJ5600">
        <v>0</v>
      </c>
      <c r="AK5600" t="s">
        <v>6</v>
      </c>
      <c r="AL5600">
        <v>0</v>
      </c>
      <c r="AM5600">
        <v>0</v>
      </c>
      <c r="AN5600">
        <v>0</v>
      </c>
      <c r="AO5600">
        <v>0</v>
      </c>
      <c r="AP5600">
        <v>0</v>
      </c>
      <c r="AQ5600">
        <v>0</v>
      </c>
      <c r="AR5600">
        <v>0</v>
      </c>
      <c r="AS5600">
        <v>0</v>
      </c>
      <c r="AT5600">
        <v>0</v>
      </c>
      <c r="AU5600">
        <v>0</v>
      </c>
      <c r="AV5600">
        <v>0</v>
      </c>
      <c r="AW5600">
        <v>0</v>
      </c>
      <c r="AX5600">
        <v>0</v>
      </c>
      <c r="AY5600">
        <v>0</v>
      </c>
      <c r="AZ5600">
        <v>0</v>
      </c>
      <c r="BA5600">
        <v>0</v>
      </c>
    </row>
    <row r="5601" spans="1:53" x14ac:dyDescent="0.4">
      <c r="A5601">
        <v>5645</v>
      </c>
      <c r="B5601" s="1">
        <v>44964</v>
      </c>
      <c r="C5601">
        <v>2</v>
      </c>
      <c r="D5601" s="1">
        <v>44964.45</v>
      </c>
      <c r="E5601" s="1">
        <v>44964.749305555553</v>
      </c>
      <c r="F5601">
        <v>17900</v>
      </c>
      <c r="G5601">
        <v>594</v>
      </c>
      <c r="H5601">
        <v>0</v>
      </c>
      <c r="I5601">
        <v>0</v>
      </c>
      <c r="J5601">
        <v>300</v>
      </c>
      <c r="K5601">
        <v>0</v>
      </c>
      <c r="L5601">
        <v>0</v>
      </c>
      <c r="M5601">
        <v>1654</v>
      </c>
      <c r="N5601">
        <v>0</v>
      </c>
      <c r="O5601">
        <v>0</v>
      </c>
      <c r="P5601">
        <v>16320</v>
      </c>
      <c r="Q5601">
        <v>0</v>
      </c>
      <c r="R5601">
        <v>34514</v>
      </c>
      <c r="S5601">
        <v>0</v>
      </c>
      <c r="T5601">
        <v>0</v>
      </c>
      <c r="U5601">
        <v>0</v>
      </c>
      <c r="V5601">
        <v>0</v>
      </c>
      <c r="W5601">
        <v>0</v>
      </c>
      <c r="X5601">
        <v>0</v>
      </c>
      <c r="Y5601">
        <v>58</v>
      </c>
      <c r="Z5601">
        <v>23</v>
      </c>
      <c r="AA5601">
        <v>120</v>
      </c>
      <c r="AB5601">
        <v>20</v>
      </c>
      <c r="AC5601">
        <v>130</v>
      </c>
      <c r="AD5601">
        <v>26</v>
      </c>
      <c r="AE5601">
        <v>54</v>
      </c>
      <c r="AF5601">
        <v>530</v>
      </c>
      <c r="AG5601">
        <v>84514</v>
      </c>
      <c r="AH5601">
        <v>50000</v>
      </c>
      <c r="AI5601">
        <v>0</v>
      </c>
      <c r="AJ5601">
        <v>118</v>
      </c>
      <c r="AK5601" t="s">
        <v>59</v>
      </c>
      <c r="AL5601">
        <v>0</v>
      </c>
      <c r="AM5601">
        <v>0</v>
      </c>
      <c r="AN5601">
        <v>0</v>
      </c>
      <c r="AO5601">
        <v>0</v>
      </c>
      <c r="AP5601">
        <v>0</v>
      </c>
      <c r="AQ5601">
        <v>0</v>
      </c>
      <c r="AR5601">
        <v>0</v>
      </c>
      <c r="AS5601">
        <v>0</v>
      </c>
      <c r="AT5601">
        <v>0</v>
      </c>
      <c r="AU5601">
        <v>0</v>
      </c>
      <c r="AV5601">
        <v>0</v>
      </c>
      <c r="AW5601">
        <v>0</v>
      </c>
      <c r="AX5601">
        <v>-1500</v>
      </c>
      <c r="AY5601">
        <v>35</v>
      </c>
      <c r="AZ5601">
        <v>56</v>
      </c>
      <c r="BA5601">
        <v>4724</v>
      </c>
    </row>
    <row r="5602" spans="1:53" x14ac:dyDescent="0.4">
      <c r="A5602">
        <v>5646</v>
      </c>
      <c r="B5602" s="1">
        <v>44965</v>
      </c>
      <c r="C5602">
        <v>1</v>
      </c>
      <c r="D5602" s="1">
        <v>44965.291666666664</v>
      </c>
      <c r="E5602" s="1">
        <v>44965.450694444444</v>
      </c>
      <c r="F5602">
        <v>0</v>
      </c>
      <c r="G5602">
        <v>0</v>
      </c>
      <c r="H5602">
        <v>0</v>
      </c>
      <c r="I5602">
        <v>0</v>
      </c>
      <c r="J5602">
        <v>0</v>
      </c>
      <c r="K5602">
        <v>0</v>
      </c>
      <c r="L5602">
        <v>0</v>
      </c>
      <c r="M5602">
        <v>0</v>
      </c>
      <c r="N5602">
        <v>0</v>
      </c>
      <c r="O5602">
        <v>0</v>
      </c>
      <c r="P5602">
        <v>0</v>
      </c>
      <c r="Q5602">
        <v>0</v>
      </c>
      <c r="R5602">
        <v>0</v>
      </c>
      <c r="S5602">
        <v>0</v>
      </c>
      <c r="T5602">
        <v>0</v>
      </c>
      <c r="U5602">
        <v>0</v>
      </c>
      <c r="V5602">
        <v>0</v>
      </c>
      <c r="W5602">
        <v>1</v>
      </c>
      <c r="X5602">
        <v>0</v>
      </c>
      <c r="Y5602">
        <v>23</v>
      </c>
      <c r="Z5602">
        <v>14</v>
      </c>
      <c r="AA5602">
        <v>127</v>
      </c>
      <c r="AB5602">
        <v>18</v>
      </c>
      <c r="AC5602">
        <v>122</v>
      </c>
      <c r="AD5602">
        <v>26</v>
      </c>
      <c r="AE5602">
        <v>50</v>
      </c>
      <c r="AF5602">
        <v>0</v>
      </c>
      <c r="AG5602">
        <v>50000</v>
      </c>
      <c r="AH5602">
        <v>50000</v>
      </c>
      <c r="AI5602">
        <v>0</v>
      </c>
      <c r="AJ5602">
        <v>0</v>
      </c>
      <c r="AK5602" t="s">
        <v>6</v>
      </c>
      <c r="AL5602">
        <v>0</v>
      </c>
      <c r="AM5602">
        <v>0</v>
      </c>
      <c r="AN5602">
        <v>0</v>
      </c>
      <c r="AO5602">
        <v>0</v>
      </c>
      <c r="AP5602">
        <v>0</v>
      </c>
      <c r="AQ5602">
        <v>0</v>
      </c>
      <c r="AR5602">
        <v>0</v>
      </c>
      <c r="AS5602">
        <v>0</v>
      </c>
      <c r="AT5602">
        <v>0</v>
      </c>
      <c r="AU5602">
        <v>0</v>
      </c>
      <c r="AV5602">
        <v>0</v>
      </c>
      <c r="AW5602">
        <v>0</v>
      </c>
      <c r="AX5602">
        <v>0</v>
      </c>
      <c r="AY5602">
        <v>0</v>
      </c>
      <c r="AZ5602">
        <v>0</v>
      </c>
      <c r="BA5602">
        <v>0</v>
      </c>
    </row>
    <row r="5603" spans="1:53" x14ac:dyDescent="0.4">
      <c r="A5603">
        <v>5647</v>
      </c>
      <c r="B5603" s="1">
        <v>44965</v>
      </c>
      <c r="C5603">
        <v>2</v>
      </c>
      <c r="D5603" s="1">
        <v>44965.450694444444</v>
      </c>
      <c r="E5603" s="1">
        <v>44965.741666666669</v>
      </c>
      <c r="F5603">
        <v>26220</v>
      </c>
      <c r="G5603">
        <v>0</v>
      </c>
      <c r="H5603">
        <v>0</v>
      </c>
      <c r="I5603">
        <v>0</v>
      </c>
      <c r="J5603">
        <v>200</v>
      </c>
      <c r="K5603">
        <v>0</v>
      </c>
      <c r="L5603">
        <v>0</v>
      </c>
      <c r="M5603">
        <v>2364</v>
      </c>
      <c r="N5603">
        <v>0</v>
      </c>
      <c r="O5603">
        <v>0</v>
      </c>
      <c r="P5603">
        <v>12850</v>
      </c>
      <c r="Q5603">
        <v>0</v>
      </c>
      <c r="R5603">
        <v>38870</v>
      </c>
      <c r="S5603">
        <v>0</v>
      </c>
      <c r="T5603">
        <v>0</v>
      </c>
      <c r="U5603">
        <v>0</v>
      </c>
      <c r="V5603">
        <v>2</v>
      </c>
      <c r="W5603">
        <v>0</v>
      </c>
      <c r="X5603">
        <v>0</v>
      </c>
      <c r="Y5603">
        <v>37</v>
      </c>
      <c r="Z5603">
        <v>24</v>
      </c>
      <c r="AA5603">
        <v>164</v>
      </c>
      <c r="AB5603">
        <v>16</v>
      </c>
      <c r="AC5603">
        <v>139</v>
      </c>
      <c r="AD5603">
        <v>26</v>
      </c>
      <c r="AE5603">
        <v>50</v>
      </c>
      <c r="AF5603">
        <v>1100</v>
      </c>
      <c r="AG5603">
        <v>88870</v>
      </c>
      <c r="AH5603">
        <v>50000</v>
      </c>
      <c r="AI5603">
        <v>0</v>
      </c>
      <c r="AJ5603">
        <v>103</v>
      </c>
      <c r="AK5603" t="s">
        <v>7</v>
      </c>
      <c r="AL5603">
        <v>0</v>
      </c>
      <c r="AM5603">
        <v>0</v>
      </c>
      <c r="AN5603">
        <v>0</v>
      </c>
      <c r="AO5603">
        <v>0</v>
      </c>
      <c r="AP5603">
        <v>0</v>
      </c>
      <c r="AQ5603">
        <v>0</v>
      </c>
      <c r="AR5603">
        <v>0</v>
      </c>
      <c r="AS5603">
        <v>0</v>
      </c>
      <c r="AT5603">
        <v>0</v>
      </c>
      <c r="AU5603">
        <v>0</v>
      </c>
      <c r="AV5603">
        <v>0</v>
      </c>
      <c r="AW5603">
        <v>0</v>
      </c>
      <c r="AX5603">
        <v>594</v>
      </c>
      <c r="AY5603">
        <v>39</v>
      </c>
      <c r="AZ5603">
        <v>63</v>
      </c>
      <c r="BA5603">
        <v>5346</v>
      </c>
    </row>
    <row r="5604" spans="1:53" x14ac:dyDescent="0.4">
      <c r="A5604">
        <v>5648</v>
      </c>
      <c r="B5604" s="1">
        <v>44965</v>
      </c>
      <c r="C5604">
        <v>3</v>
      </c>
      <c r="D5604" s="1">
        <v>44965.741666666669</v>
      </c>
      <c r="E5604" s="1">
        <v>44965.950694444444</v>
      </c>
      <c r="F5604">
        <v>14740</v>
      </c>
      <c r="G5604">
        <v>594</v>
      </c>
      <c r="H5604">
        <v>0</v>
      </c>
      <c r="I5604">
        <v>0</v>
      </c>
      <c r="J5604">
        <v>100</v>
      </c>
      <c r="K5604">
        <v>0</v>
      </c>
      <c r="L5604">
        <v>0</v>
      </c>
      <c r="M5604">
        <v>1384</v>
      </c>
      <c r="N5604">
        <v>0</v>
      </c>
      <c r="O5604">
        <v>0</v>
      </c>
      <c r="P5604">
        <v>-12850</v>
      </c>
      <c r="Q5604">
        <v>0</v>
      </c>
      <c r="R5604">
        <v>2384</v>
      </c>
      <c r="S5604">
        <v>0</v>
      </c>
      <c r="T5604">
        <v>0</v>
      </c>
      <c r="U5604">
        <v>0</v>
      </c>
      <c r="V5604">
        <v>2</v>
      </c>
      <c r="W5604">
        <v>0</v>
      </c>
      <c r="X5604">
        <v>0</v>
      </c>
      <c r="Y5604">
        <v>32</v>
      </c>
      <c r="Z5604">
        <v>24</v>
      </c>
      <c r="AA5604">
        <v>166</v>
      </c>
      <c r="AB5604">
        <v>19</v>
      </c>
      <c r="AC5604">
        <v>147</v>
      </c>
      <c r="AD5604">
        <v>26</v>
      </c>
      <c r="AE5604">
        <v>56</v>
      </c>
      <c r="AF5604">
        <v>8048</v>
      </c>
      <c r="AG5604">
        <v>91254</v>
      </c>
      <c r="AH5604">
        <v>50000</v>
      </c>
      <c r="AI5604">
        <v>0</v>
      </c>
      <c r="AJ5604">
        <v>102</v>
      </c>
      <c r="AK5604" t="s">
        <v>50</v>
      </c>
      <c r="AL5604">
        <v>0</v>
      </c>
      <c r="AM5604">
        <v>0</v>
      </c>
      <c r="AN5604">
        <v>0</v>
      </c>
      <c r="AO5604">
        <v>0</v>
      </c>
      <c r="AP5604">
        <v>0</v>
      </c>
      <c r="AQ5604">
        <v>0</v>
      </c>
      <c r="AR5604">
        <v>0</v>
      </c>
      <c r="AS5604">
        <v>0</v>
      </c>
      <c r="AT5604">
        <v>0</v>
      </c>
      <c r="AU5604">
        <v>0</v>
      </c>
      <c r="AV5604">
        <v>0</v>
      </c>
      <c r="AW5604">
        <v>0</v>
      </c>
      <c r="AX5604">
        <v>9000</v>
      </c>
      <c r="AY5604">
        <v>5</v>
      </c>
      <c r="AZ5604">
        <v>9</v>
      </c>
      <c r="BA5604">
        <v>1690</v>
      </c>
    </row>
    <row r="5605" spans="1:53" x14ac:dyDescent="0.4">
      <c r="A5605">
        <v>5649</v>
      </c>
      <c r="B5605" s="1">
        <v>44966</v>
      </c>
      <c r="C5605">
        <v>1</v>
      </c>
      <c r="D5605" s="1">
        <v>44966.291666666664</v>
      </c>
      <c r="E5605" s="1">
        <v>44966.447222222225</v>
      </c>
      <c r="F5605">
        <v>0</v>
      </c>
      <c r="G5605">
        <v>0</v>
      </c>
      <c r="H5605">
        <v>0</v>
      </c>
      <c r="I5605">
        <v>0</v>
      </c>
      <c r="J5605">
        <v>0</v>
      </c>
      <c r="K5605">
        <v>0</v>
      </c>
      <c r="L5605">
        <v>0</v>
      </c>
      <c r="M5605">
        <v>0</v>
      </c>
      <c r="N5605">
        <v>0</v>
      </c>
      <c r="O5605">
        <v>0</v>
      </c>
      <c r="P5605">
        <v>0</v>
      </c>
      <c r="Q5605">
        <v>0</v>
      </c>
      <c r="R5605">
        <v>0</v>
      </c>
      <c r="S5605">
        <v>0</v>
      </c>
      <c r="T5605">
        <v>0</v>
      </c>
      <c r="U5605">
        <v>0</v>
      </c>
      <c r="V5605">
        <v>0</v>
      </c>
      <c r="W5605">
        <v>0</v>
      </c>
      <c r="X5605">
        <v>0</v>
      </c>
      <c r="Y5605">
        <v>30</v>
      </c>
      <c r="Z5605">
        <v>14</v>
      </c>
      <c r="AA5605">
        <v>107</v>
      </c>
      <c r="AB5605">
        <v>19</v>
      </c>
      <c r="AC5605">
        <v>117</v>
      </c>
      <c r="AD5605">
        <v>25</v>
      </c>
      <c r="AE5605">
        <v>55</v>
      </c>
      <c r="AF5605">
        <v>0</v>
      </c>
      <c r="AG5605">
        <v>50000</v>
      </c>
      <c r="AH5605">
        <v>50000</v>
      </c>
      <c r="AI5605">
        <v>0</v>
      </c>
      <c r="AJ5605">
        <v>0</v>
      </c>
      <c r="AK5605" t="s">
        <v>6</v>
      </c>
      <c r="AL5605">
        <v>0</v>
      </c>
      <c r="AM5605">
        <v>0</v>
      </c>
      <c r="AN5605">
        <v>0</v>
      </c>
      <c r="AO5605">
        <v>0</v>
      </c>
      <c r="AP5605">
        <v>0</v>
      </c>
      <c r="AQ5605">
        <v>0</v>
      </c>
      <c r="AR5605">
        <v>0</v>
      </c>
      <c r="AS5605">
        <v>0</v>
      </c>
      <c r="AT5605">
        <v>0</v>
      </c>
      <c r="AU5605">
        <v>0</v>
      </c>
      <c r="AV5605">
        <v>0</v>
      </c>
      <c r="AW5605">
        <v>0</v>
      </c>
      <c r="AX5605">
        <v>0</v>
      </c>
      <c r="AY5605">
        <v>0</v>
      </c>
      <c r="AZ5605">
        <v>0</v>
      </c>
      <c r="BA5605">
        <v>0</v>
      </c>
    </row>
    <row r="5606" spans="1:53" x14ac:dyDescent="0.4">
      <c r="A5606">
        <v>5650</v>
      </c>
      <c r="B5606" s="1">
        <v>44966</v>
      </c>
      <c r="C5606">
        <v>2</v>
      </c>
      <c r="D5606" s="1">
        <v>44966.447222222225</v>
      </c>
      <c r="E5606" s="1">
        <v>44966.754166666666</v>
      </c>
      <c r="F5606">
        <v>22340</v>
      </c>
      <c r="G5606">
        <v>748</v>
      </c>
      <c r="H5606">
        <v>0</v>
      </c>
      <c r="I5606">
        <v>0</v>
      </c>
      <c r="J5606">
        <v>100</v>
      </c>
      <c r="K5606">
        <v>0</v>
      </c>
      <c r="L5606">
        <v>0</v>
      </c>
      <c r="M5606">
        <v>2089</v>
      </c>
      <c r="N5606">
        <v>0</v>
      </c>
      <c r="O5606">
        <v>0</v>
      </c>
      <c r="P5606">
        <v>16740</v>
      </c>
      <c r="Q5606">
        <v>0</v>
      </c>
      <c r="R5606">
        <v>39728</v>
      </c>
      <c r="S5606">
        <v>0</v>
      </c>
      <c r="T5606">
        <v>0</v>
      </c>
      <c r="U5606">
        <v>0</v>
      </c>
      <c r="V5606">
        <v>2</v>
      </c>
      <c r="W5606">
        <v>0</v>
      </c>
      <c r="X5606">
        <v>0</v>
      </c>
      <c r="Y5606">
        <v>42</v>
      </c>
      <c r="Z5606">
        <v>17</v>
      </c>
      <c r="AA5606">
        <v>141</v>
      </c>
      <c r="AB5606">
        <v>15</v>
      </c>
      <c r="AC5606">
        <v>130</v>
      </c>
      <c r="AD5606">
        <v>27</v>
      </c>
      <c r="AE5606">
        <v>63</v>
      </c>
      <c r="AF5606">
        <v>2880</v>
      </c>
      <c r="AG5606">
        <v>89728</v>
      </c>
      <c r="AH5606">
        <v>50000</v>
      </c>
      <c r="AI5606">
        <v>0</v>
      </c>
      <c r="AJ5606">
        <v>35</v>
      </c>
      <c r="AK5606" t="s">
        <v>66</v>
      </c>
      <c r="AL5606">
        <v>0</v>
      </c>
      <c r="AM5606">
        <v>0</v>
      </c>
      <c r="AN5606">
        <v>0</v>
      </c>
      <c r="AO5606">
        <v>0</v>
      </c>
      <c r="AP5606">
        <v>0</v>
      </c>
      <c r="AQ5606">
        <v>0</v>
      </c>
      <c r="AR5606">
        <v>0</v>
      </c>
      <c r="AS5606">
        <v>0</v>
      </c>
      <c r="AT5606">
        <v>0</v>
      </c>
      <c r="AU5606">
        <v>0</v>
      </c>
      <c r="AV5606">
        <v>0</v>
      </c>
      <c r="AW5606">
        <v>0</v>
      </c>
      <c r="AX5606">
        <v>318</v>
      </c>
      <c r="AY5606">
        <v>42</v>
      </c>
      <c r="AZ5606">
        <v>63</v>
      </c>
      <c r="BA5606">
        <v>5532</v>
      </c>
    </row>
    <row r="5607" spans="1:53" x14ac:dyDescent="0.4">
      <c r="A5607">
        <v>5651</v>
      </c>
      <c r="B5607" s="1">
        <v>44966</v>
      </c>
      <c r="C5607">
        <v>3</v>
      </c>
      <c r="D5607" s="1">
        <v>44966.754166666666</v>
      </c>
      <c r="E5607" s="1">
        <v>44966.954861111109</v>
      </c>
      <c r="F5607">
        <v>22880</v>
      </c>
      <c r="G5607">
        <v>1518</v>
      </c>
      <c r="H5607">
        <v>0</v>
      </c>
      <c r="I5607">
        <v>0</v>
      </c>
      <c r="J5607">
        <v>0</v>
      </c>
      <c r="K5607">
        <v>0</v>
      </c>
      <c r="L5607">
        <v>0</v>
      </c>
      <c r="M5607">
        <v>2216</v>
      </c>
      <c r="N5607">
        <v>0</v>
      </c>
      <c r="O5607">
        <v>0</v>
      </c>
      <c r="P5607">
        <v>-14240</v>
      </c>
      <c r="Q5607">
        <v>0</v>
      </c>
      <c r="R5607">
        <v>10158</v>
      </c>
      <c r="S5607">
        <v>0</v>
      </c>
      <c r="T5607">
        <v>0</v>
      </c>
      <c r="U5607">
        <v>0</v>
      </c>
      <c r="V5607">
        <v>0</v>
      </c>
      <c r="W5607">
        <v>3</v>
      </c>
      <c r="X5607">
        <v>0</v>
      </c>
      <c r="Y5607">
        <v>51</v>
      </c>
      <c r="Z5607">
        <v>21</v>
      </c>
      <c r="AA5607">
        <v>153</v>
      </c>
      <c r="AB5607">
        <v>16</v>
      </c>
      <c r="AC5607">
        <v>127</v>
      </c>
      <c r="AD5607">
        <v>27</v>
      </c>
      <c r="AE5607">
        <v>61</v>
      </c>
      <c r="AF5607">
        <v>5820</v>
      </c>
      <c r="AG5607">
        <v>99886</v>
      </c>
      <c r="AH5607">
        <v>50000</v>
      </c>
      <c r="AI5607">
        <v>0</v>
      </c>
      <c r="AJ5607">
        <v>108</v>
      </c>
      <c r="AK5607" t="s">
        <v>3</v>
      </c>
      <c r="AL5607">
        <v>0</v>
      </c>
      <c r="AM5607">
        <v>0</v>
      </c>
      <c r="AN5607">
        <v>0</v>
      </c>
      <c r="AO5607">
        <v>0</v>
      </c>
      <c r="AP5607">
        <v>0</v>
      </c>
      <c r="AQ5607">
        <v>0</v>
      </c>
      <c r="AR5607">
        <v>0</v>
      </c>
      <c r="AS5607">
        <v>0</v>
      </c>
      <c r="AT5607">
        <v>0</v>
      </c>
      <c r="AU5607">
        <v>0</v>
      </c>
      <c r="AV5607">
        <v>0</v>
      </c>
      <c r="AW5607">
        <v>0</v>
      </c>
      <c r="AX5607">
        <v>1100</v>
      </c>
      <c r="AY5607">
        <v>7</v>
      </c>
      <c r="AZ5607">
        <v>11</v>
      </c>
      <c r="BA5607">
        <v>2383</v>
      </c>
    </row>
    <row r="5608" spans="1:53" x14ac:dyDescent="0.4">
      <c r="A5608">
        <v>5652</v>
      </c>
      <c r="B5608" s="1">
        <v>44967</v>
      </c>
      <c r="C5608">
        <v>1</v>
      </c>
      <c r="D5608" s="1">
        <v>44967.291666666664</v>
      </c>
      <c r="E5608" s="1">
        <v>44967.439583333333</v>
      </c>
      <c r="F5608">
        <v>0</v>
      </c>
      <c r="G5608">
        <v>0</v>
      </c>
      <c r="H5608">
        <v>0</v>
      </c>
      <c r="I5608">
        <v>0</v>
      </c>
      <c r="J5608">
        <v>0</v>
      </c>
      <c r="K5608">
        <v>0</v>
      </c>
      <c r="L5608">
        <v>0</v>
      </c>
      <c r="M5608">
        <v>0</v>
      </c>
      <c r="N5608">
        <v>0</v>
      </c>
      <c r="O5608">
        <v>0</v>
      </c>
      <c r="P5608">
        <v>0</v>
      </c>
      <c r="Q5608">
        <v>0</v>
      </c>
      <c r="R5608">
        <v>0</v>
      </c>
      <c r="S5608">
        <v>0</v>
      </c>
      <c r="T5608">
        <v>0</v>
      </c>
      <c r="U5608">
        <v>0</v>
      </c>
      <c r="V5608">
        <v>0</v>
      </c>
      <c r="W5608">
        <v>1</v>
      </c>
      <c r="X5608">
        <v>0</v>
      </c>
      <c r="Y5608">
        <v>25</v>
      </c>
      <c r="Z5608">
        <v>11</v>
      </c>
      <c r="AA5608">
        <v>125</v>
      </c>
      <c r="AB5608">
        <v>16</v>
      </c>
      <c r="AC5608">
        <v>101</v>
      </c>
      <c r="AD5608">
        <v>26</v>
      </c>
      <c r="AE5608">
        <v>60</v>
      </c>
      <c r="AF5608">
        <v>0</v>
      </c>
      <c r="AG5608">
        <v>50000</v>
      </c>
      <c r="AH5608">
        <v>50000</v>
      </c>
      <c r="AI5608">
        <v>0</v>
      </c>
      <c r="AJ5608">
        <v>0</v>
      </c>
      <c r="AK5608" t="s">
        <v>6</v>
      </c>
      <c r="AL5608">
        <v>0</v>
      </c>
      <c r="AM5608">
        <v>0</v>
      </c>
      <c r="AN5608">
        <v>0</v>
      </c>
      <c r="AO5608">
        <v>0</v>
      </c>
      <c r="AP5608">
        <v>0</v>
      </c>
      <c r="AQ5608">
        <v>0</v>
      </c>
      <c r="AR5608">
        <v>0</v>
      </c>
      <c r="AS5608">
        <v>0</v>
      </c>
      <c r="AT5608">
        <v>0</v>
      </c>
      <c r="AU5608">
        <v>0</v>
      </c>
      <c r="AV5608">
        <v>0</v>
      </c>
      <c r="AW5608">
        <v>0</v>
      </c>
      <c r="AX5608">
        <v>0</v>
      </c>
      <c r="AY5608">
        <v>0</v>
      </c>
      <c r="AZ5608">
        <v>0</v>
      </c>
      <c r="BA5608">
        <v>0</v>
      </c>
    </row>
    <row r="5609" spans="1:53" x14ac:dyDescent="0.4">
      <c r="A5609">
        <v>5653</v>
      </c>
      <c r="B5609" s="1">
        <v>44967</v>
      </c>
      <c r="C5609">
        <v>2</v>
      </c>
      <c r="D5609" s="1">
        <v>44967.439583333333</v>
      </c>
      <c r="E5609" s="1">
        <v>44967.738888888889</v>
      </c>
      <c r="F5609">
        <v>21630</v>
      </c>
      <c r="G5609">
        <v>1056</v>
      </c>
      <c r="H5609">
        <v>0</v>
      </c>
      <c r="I5609">
        <v>0</v>
      </c>
      <c r="J5609">
        <v>100</v>
      </c>
      <c r="K5609">
        <v>0</v>
      </c>
      <c r="L5609">
        <v>0</v>
      </c>
      <c r="M5609">
        <v>2052</v>
      </c>
      <c r="N5609">
        <v>0</v>
      </c>
      <c r="O5609">
        <v>0</v>
      </c>
      <c r="P5609">
        <v>17410</v>
      </c>
      <c r="Q5609">
        <v>0</v>
      </c>
      <c r="R5609">
        <v>39996</v>
      </c>
      <c r="S5609">
        <v>0</v>
      </c>
      <c r="T5609">
        <v>0</v>
      </c>
      <c r="U5609">
        <v>0</v>
      </c>
      <c r="V5609">
        <v>2</v>
      </c>
      <c r="W5609">
        <v>0</v>
      </c>
      <c r="X5609">
        <v>0</v>
      </c>
      <c r="Y5609">
        <v>49</v>
      </c>
      <c r="Z5609">
        <v>16</v>
      </c>
      <c r="AA5609">
        <v>73</v>
      </c>
      <c r="AB5609">
        <v>6</v>
      </c>
      <c r="AC5609">
        <v>100</v>
      </c>
      <c r="AD5609">
        <v>26</v>
      </c>
      <c r="AE5609">
        <v>56</v>
      </c>
      <c r="AF5609">
        <v>4260</v>
      </c>
      <c r="AG5609">
        <v>90046</v>
      </c>
      <c r="AH5609">
        <v>50000</v>
      </c>
      <c r="AI5609">
        <v>50</v>
      </c>
      <c r="AJ5609">
        <v>35</v>
      </c>
      <c r="AK5609" t="s">
        <v>66</v>
      </c>
      <c r="AL5609">
        <v>0</v>
      </c>
      <c r="AM5609">
        <v>0</v>
      </c>
      <c r="AN5609">
        <v>0</v>
      </c>
      <c r="AO5609">
        <v>0</v>
      </c>
      <c r="AP5609">
        <v>0</v>
      </c>
      <c r="AQ5609">
        <v>0</v>
      </c>
      <c r="AR5609">
        <v>0</v>
      </c>
      <c r="AS5609">
        <v>0</v>
      </c>
      <c r="AT5609">
        <v>0</v>
      </c>
      <c r="AU5609">
        <v>0</v>
      </c>
      <c r="AV5609">
        <v>0</v>
      </c>
      <c r="AW5609">
        <v>0</v>
      </c>
      <c r="AX5609">
        <v>0</v>
      </c>
      <c r="AY5609">
        <v>37</v>
      </c>
      <c r="AZ5609">
        <v>62</v>
      </c>
      <c r="BA5609">
        <v>5363</v>
      </c>
    </row>
    <row r="5610" spans="1:53" x14ac:dyDescent="0.4">
      <c r="A5610">
        <v>5654</v>
      </c>
      <c r="B5610" s="1">
        <v>44967</v>
      </c>
      <c r="C5610">
        <v>3</v>
      </c>
      <c r="D5610" s="1">
        <v>44967.738888888889</v>
      </c>
      <c r="E5610" s="1">
        <v>44967.964583333334</v>
      </c>
      <c r="F5610">
        <v>51110</v>
      </c>
      <c r="G5610">
        <v>5863</v>
      </c>
      <c r="H5610">
        <v>0</v>
      </c>
      <c r="I5610">
        <v>0</v>
      </c>
      <c r="J5610">
        <v>100</v>
      </c>
      <c r="K5610">
        <v>0</v>
      </c>
      <c r="L5610">
        <v>0</v>
      </c>
      <c r="M5610">
        <v>5169</v>
      </c>
      <c r="N5610">
        <v>0</v>
      </c>
      <c r="O5610">
        <v>0</v>
      </c>
      <c r="P5610">
        <v>-17410</v>
      </c>
      <c r="Q5610">
        <v>0</v>
      </c>
      <c r="R5610">
        <v>39463</v>
      </c>
      <c r="S5610">
        <v>0</v>
      </c>
      <c r="T5610">
        <v>0</v>
      </c>
      <c r="U5610">
        <v>0</v>
      </c>
      <c r="V5610">
        <v>2</v>
      </c>
      <c r="W5610">
        <v>2</v>
      </c>
      <c r="X5610">
        <v>0</v>
      </c>
      <c r="Y5610">
        <v>67</v>
      </c>
      <c r="Z5610">
        <v>16</v>
      </c>
      <c r="AA5610">
        <v>80</v>
      </c>
      <c r="AB5610">
        <v>5</v>
      </c>
      <c r="AC5610">
        <v>92</v>
      </c>
      <c r="AD5610">
        <v>26</v>
      </c>
      <c r="AE5610">
        <v>54</v>
      </c>
      <c r="AF5610">
        <v>15105</v>
      </c>
      <c r="AG5610">
        <v>129459</v>
      </c>
      <c r="AH5610">
        <v>50000</v>
      </c>
      <c r="AI5610">
        <v>0</v>
      </c>
      <c r="AJ5610">
        <v>74</v>
      </c>
      <c r="AK5610" t="s">
        <v>64</v>
      </c>
      <c r="AL5610">
        <v>0</v>
      </c>
      <c r="AM5610">
        <v>0</v>
      </c>
      <c r="AN5610">
        <v>0</v>
      </c>
      <c r="AO5610">
        <v>0</v>
      </c>
      <c r="AP5610">
        <v>0</v>
      </c>
      <c r="AQ5610">
        <v>0</v>
      </c>
      <c r="AR5610">
        <v>0</v>
      </c>
      <c r="AS5610">
        <v>0</v>
      </c>
      <c r="AT5610">
        <v>0</v>
      </c>
      <c r="AU5610">
        <v>0</v>
      </c>
      <c r="AV5610">
        <v>0</v>
      </c>
      <c r="AW5610">
        <v>0</v>
      </c>
      <c r="AX5610">
        <v>6120</v>
      </c>
      <c r="AY5610">
        <v>17</v>
      </c>
      <c r="AZ5610">
        <v>38</v>
      </c>
      <c r="BA5610">
        <v>2615</v>
      </c>
    </row>
    <row r="5611" spans="1:53" x14ac:dyDescent="0.4">
      <c r="A5611">
        <v>5655</v>
      </c>
      <c r="B5611" s="1">
        <v>44968</v>
      </c>
      <c r="C5611">
        <v>1</v>
      </c>
      <c r="D5611" s="1">
        <v>44968.291666666664</v>
      </c>
      <c r="E5611" s="1">
        <v>44968.40625</v>
      </c>
      <c r="F5611">
        <v>0</v>
      </c>
      <c r="G5611">
        <v>0</v>
      </c>
      <c r="H5611">
        <v>0</v>
      </c>
      <c r="I5611">
        <v>0</v>
      </c>
      <c r="J5611">
        <v>0</v>
      </c>
      <c r="K5611">
        <v>0</v>
      </c>
      <c r="L5611">
        <v>0</v>
      </c>
      <c r="M5611">
        <v>0</v>
      </c>
      <c r="N5611">
        <v>0</v>
      </c>
      <c r="O5611">
        <v>0</v>
      </c>
      <c r="P5611">
        <v>0</v>
      </c>
      <c r="Q5611">
        <v>0</v>
      </c>
      <c r="R5611">
        <v>0</v>
      </c>
      <c r="S5611">
        <v>0</v>
      </c>
      <c r="T5611">
        <v>0</v>
      </c>
      <c r="U5611">
        <v>0</v>
      </c>
      <c r="V5611">
        <v>0</v>
      </c>
      <c r="W5611">
        <v>1</v>
      </c>
      <c r="X5611">
        <v>0</v>
      </c>
      <c r="Y5611">
        <v>30</v>
      </c>
      <c r="Z5611">
        <v>9</v>
      </c>
      <c r="AA5611">
        <v>90</v>
      </c>
      <c r="AB5611">
        <v>9</v>
      </c>
      <c r="AC5611">
        <v>89</v>
      </c>
      <c r="AD5611">
        <v>22</v>
      </c>
      <c r="AE5611">
        <v>50</v>
      </c>
      <c r="AF5611">
        <v>0</v>
      </c>
      <c r="AG5611">
        <v>50000</v>
      </c>
      <c r="AH5611">
        <v>50000</v>
      </c>
      <c r="AI5611">
        <v>0</v>
      </c>
      <c r="AJ5611">
        <v>0</v>
      </c>
      <c r="AK5611" t="s">
        <v>6</v>
      </c>
      <c r="AL5611">
        <v>0</v>
      </c>
      <c r="AM5611">
        <v>0</v>
      </c>
      <c r="AN5611">
        <v>0</v>
      </c>
      <c r="AO5611">
        <v>0</v>
      </c>
      <c r="AP5611">
        <v>0</v>
      </c>
      <c r="AQ5611">
        <v>0</v>
      </c>
      <c r="AR5611">
        <v>0</v>
      </c>
      <c r="AS5611">
        <v>0</v>
      </c>
      <c r="AT5611">
        <v>0</v>
      </c>
      <c r="AU5611">
        <v>0</v>
      </c>
      <c r="AV5611">
        <v>0</v>
      </c>
      <c r="AW5611">
        <v>0</v>
      </c>
      <c r="AX5611">
        <v>0</v>
      </c>
      <c r="AY5611">
        <v>0</v>
      </c>
      <c r="AZ5611">
        <v>0</v>
      </c>
      <c r="BA5611">
        <v>0</v>
      </c>
    </row>
    <row r="5612" spans="1:53" x14ac:dyDescent="0.4">
      <c r="A5612">
        <v>5656</v>
      </c>
      <c r="B5612" s="1">
        <v>44968</v>
      </c>
      <c r="C5612">
        <v>2</v>
      </c>
      <c r="D5612" s="1">
        <v>44968.40625</v>
      </c>
      <c r="E5612" s="1">
        <v>44968.745833333334</v>
      </c>
      <c r="F5612">
        <v>35810</v>
      </c>
      <c r="G5612">
        <v>748</v>
      </c>
      <c r="H5612">
        <v>0</v>
      </c>
      <c r="I5612">
        <v>0</v>
      </c>
      <c r="J5612">
        <v>200</v>
      </c>
      <c r="K5612">
        <v>800</v>
      </c>
      <c r="L5612">
        <v>0</v>
      </c>
      <c r="M5612">
        <v>3375</v>
      </c>
      <c r="N5612">
        <v>0</v>
      </c>
      <c r="O5612">
        <v>0</v>
      </c>
      <c r="P5612">
        <v>14260</v>
      </c>
      <c r="Q5612">
        <v>0</v>
      </c>
      <c r="R5612">
        <v>51418</v>
      </c>
      <c r="S5612">
        <v>0</v>
      </c>
      <c r="T5612">
        <v>0</v>
      </c>
      <c r="U5612">
        <v>0</v>
      </c>
      <c r="V5612">
        <v>1</v>
      </c>
      <c r="W5612">
        <v>0</v>
      </c>
      <c r="X5612">
        <v>0</v>
      </c>
      <c r="Y5612">
        <v>68</v>
      </c>
      <c r="Z5612">
        <v>24</v>
      </c>
      <c r="AA5612">
        <v>83</v>
      </c>
      <c r="AB5612">
        <v>17</v>
      </c>
      <c r="AC5612">
        <v>104</v>
      </c>
      <c r="AD5612">
        <v>23</v>
      </c>
      <c r="AE5612">
        <v>53</v>
      </c>
      <c r="AF5612">
        <v>1060</v>
      </c>
      <c r="AG5612">
        <v>101418</v>
      </c>
      <c r="AH5612">
        <v>50000</v>
      </c>
      <c r="AI5612">
        <v>0</v>
      </c>
      <c r="AJ5612">
        <v>118</v>
      </c>
      <c r="AK5612" t="s">
        <v>59</v>
      </c>
      <c r="AL5612">
        <v>0</v>
      </c>
      <c r="AM5612">
        <v>0</v>
      </c>
      <c r="AN5612">
        <v>0</v>
      </c>
      <c r="AO5612">
        <v>0</v>
      </c>
      <c r="AP5612">
        <v>0</v>
      </c>
      <c r="AQ5612">
        <v>0</v>
      </c>
      <c r="AR5612">
        <v>0</v>
      </c>
      <c r="AS5612">
        <v>0</v>
      </c>
      <c r="AT5612">
        <v>0</v>
      </c>
      <c r="AU5612">
        <v>0</v>
      </c>
      <c r="AV5612">
        <v>0</v>
      </c>
      <c r="AW5612">
        <v>0</v>
      </c>
      <c r="AX5612">
        <v>128</v>
      </c>
      <c r="AY5612">
        <v>46</v>
      </c>
      <c r="AZ5612">
        <v>82</v>
      </c>
      <c r="BA5612">
        <v>6768</v>
      </c>
    </row>
    <row r="5613" spans="1:53" x14ac:dyDescent="0.4">
      <c r="A5613">
        <v>5657</v>
      </c>
      <c r="B5613" s="1">
        <v>44968</v>
      </c>
      <c r="C5613">
        <v>3</v>
      </c>
      <c r="D5613" s="1">
        <v>44968.745833333334</v>
      </c>
      <c r="E5613" s="1">
        <v>44969.165277777778</v>
      </c>
      <c r="F5613">
        <v>236220</v>
      </c>
      <c r="G5613">
        <v>10263</v>
      </c>
      <c r="H5613">
        <v>0</v>
      </c>
      <c r="I5613">
        <v>0</v>
      </c>
      <c r="J5613">
        <v>0</v>
      </c>
      <c r="K5613">
        <v>11900</v>
      </c>
      <c r="L5613">
        <v>0</v>
      </c>
      <c r="M5613">
        <v>23490</v>
      </c>
      <c r="N5613">
        <v>0</v>
      </c>
      <c r="O5613">
        <v>0</v>
      </c>
      <c r="P5613">
        <v>11060</v>
      </c>
      <c r="Q5613">
        <v>0</v>
      </c>
      <c r="R5613">
        <v>269443</v>
      </c>
      <c r="S5613">
        <v>0</v>
      </c>
      <c r="T5613">
        <v>0</v>
      </c>
      <c r="U5613">
        <v>0</v>
      </c>
      <c r="V5613">
        <v>15</v>
      </c>
      <c r="W5613">
        <v>5</v>
      </c>
      <c r="X5613">
        <v>0</v>
      </c>
      <c r="Y5613">
        <v>101</v>
      </c>
      <c r="Z5613">
        <v>30</v>
      </c>
      <c r="AA5613">
        <v>102</v>
      </c>
      <c r="AB5613">
        <v>24</v>
      </c>
      <c r="AC5613">
        <v>95</v>
      </c>
      <c r="AD5613">
        <v>19</v>
      </c>
      <c r="AE5613">
        <v>40</v>
      </c>
      <c r="AF5613">
        <v>67376</v>
      </c>
      <c r="AG5613">
        <v>370861</v>
      </c>
      <c r="AH5613">
        <v>50000</v>
      </c>
      <c r="AI5613">
        <v>0</v>
      </c>
      <c r="AJ5613">
        <v>108</v>
      </c>
      <c r="AK5613" t="s">
        <v>3</v>
      </c>
      <c r="AL5613">
        <v>0</v>
      </c>
      <c r="AM5613">
        <v>0</v>
      </c>
      <c r="AN5613">
        <v>0</v>
      </c>
      <c r="AO5613">
        <v>0</v>
      </c>
      <c r="AP5613">
        <v>0</v>
      </c>
      <c r="AQ5613">
        <v>0</v>
      </c>
      <c r="AR5613">
        <v>0</v>
      </c>
      <c r="AS5613">
        <v>0</v>
      </c>
      <c r="AT5613">
        <v>0</v>
      </c>
      <c r="AU5613">
        <v>0</v>
      </c>
      <c r="AV5613">
        <v>0</v>
      </c>
      <c r="AW5613">
        <v>0</v>
      </c>
      <c r="AX5613">
        <v>1639</v>
      </c>
      <c r="AY5613">
        <v>33</v>
      </c>
      <c r="AZ5613">
        <v>113</v>
      </c>
      <c r="BA5613">
        <v>5451</v>
      </c>
    </row>
    <row r="5614" spans="1:53" x14ac:dyDescent="0.4">
      <c r="A5614">
        <v>5658</v>
      </c>
      <c r="B5614" s="1">
        <v>44969</v>
      </c>
      <c r="C5614">
        <v>1</v>
      </c>
      <c r="D5614" s="1">
        <v>44969.291666666664</v>
      </c>
      <c r="E5614" s="1">
        <v>44969.418055555558</v>
      </c>
      <c r="F5614">
        <v>0</v>
      </c>
      <c r="G5614">
        <v>0</v>
      </c>
      <c r="H5614">
        <v>0</v>
      </c>
      <c r="I5614">
        <v>0</v>
      </c>
      <c r="J5614">
        <v>0</v>
      </c>
      <c r="K5614">
        <v>0</v>
      </c>
      <c r="L5614">
        <v>0</v>
      </c>
      <c r="M5614">
        <v>0</v>
      </c>
      <c r="N5614">
        <v>0</v>
      </c>
      <c r="O5614">
        <v>0</v>
      </c>
      <c r="P5614">
        <v>4660</v>
      </c>
      <c r="Q5614">
        <v>0</v>
      </c>
      <c r="R5614">
        <v>4660</v>
      </c>
      <c r="S5614">
        <v>0</v>
      </c>
      <c r="T5614">
        <v>0</v>
      </c>
      <c r="U5614">
        <v>0</v>
      </c>
      <c r="V5614">
        <v>0</v>
      </c>
      <c r="W5614">
        <v>1</v>
      </c>
      <c r="X5614">
        <v>0</v>
      </c>
      <c r="Y5614">
        <v>27</v>
      </c>
      <c r="Z5614">
        <v>12</v>
      </c>
      <c r="AA5614">
        <v>133</v>
      </c>
      <c r="AB5614">
        <v>22</v>
      </c>
      <c r="AC5614">
        <v>107</v>
      </c>
      <c r="AD5614">
        <v>18</v>
      </c>
      <c r="AE5614">
        <v>40</v>
      </c>
      <c r="AF5614">
        <v>1060</v>
      </c>
      <c r="AG5614">
        <v>54660</v>
      </c>
      <c r="AH5614">
        <v>50000</v>
      </c>
      <c r="AI5614">
        <v>0</v>
      </c>
      <c r="AJ5614">
        <v>29</v>
      </c>
      <c r="AK5614" t="s">
        <v>62</v>
      </c>
      <c r="AL5614">
        <v>0</v>
      </c>
      <c r="AM5614">
        <v>0</v>
      </c>
      <c r="AN5614">
        <v>0</v>
      </c>
      <c r="AO5614">
        <v>0</v>
      </c>
      <c r="AP5614">
        <v>0</v>
      </c>
      <c r="AQ5614">
        <v>0</v>
      </c>
      <c r="AR5614">
        <v>0</v>
      </c>
      <c r="AS5614">
        <v>0</v>
      </c>
      <c r="AT5614">
        <v>0</v>
      </c>
      <c r="AU5614">
        <v>0</v>
      </c>
      <c r="AV5614">
        <v>0</v>
      </c>
      <c r="AW5614">
        <v>0</v>
      </c>
      <c r="AX5614">
        <v>-3460</v>
      </c>
      <c r="AY5614">
        <v>4</v>
      </c>
      <c r="AZ5614">
        <v>8</v>
      </c>
      <c r="BA5614">
        <v>27</v>
      </c>
    </row>
    <row r="5615" spans="1:53" x14ac:dyDescent="0.4">
      <c r="A5615">
        <v>5659</v>
      </c>
      <c r="B5615" s="1">
        <v>44969</v>
      </c>
      <c r="C5615">
        <v>2</v>
      </c>
      <c r="D5615" s="1">
        <v>44969.418055555558</v>
      </c>
      <c r="E5615" s="1">
        <v>44969.749305555553</v>
      </c>
      <c r="F5615">
        <v>39090</v>
      </c>
      <c r="G5615">
        <v>4336</v>
      </c>
      <c r="H5615">
        <v>0</v>
      </c>
      <c r="I5615">
        <v>0</v>
      </c>
      <c r="J5615">
        <v>300</v>
      </c>
      <c r="K5615">
        <v>400</v>
      </c>
      <c r="L5615">
        <v>0</v>
      </c>
      <c r="M5615">
        <v>3954</v>
      </c>
      <c r="N5615">
        <v>0</v>
      </c>
      <c r="O5615">
        <v>0</v>
      </c>
      <c r="P5615">
        <v>9990</v>
      </c>
      <c r="Q5615">
        <v>0</v>
      </c>
      <c r="R5615">
        <v>53516</v>
      </c>
      <c r="S5615">
        <v>0</v>
      </c>
      <c r="T5615">
        <v>0</v>
      </c>
      <c r="U5615">
        <v>0</v>
      </c>
      <c r="V5615">
        <v>2</v>
      </c>
      <c r="W5615">
        <v>0</v>
      </c>
      <c r="X5615">
        <v>0</v>
      </c>
      <c r="Y5615">
        <v>52</v>
      </c>
      <c r="Z5615">
        <v>22</v>
      </c>
      <c r="AA5615">
        <v>143</v>
      </c>
      <c r="AB5615">
        <v>23</v>
      </c>
      <c r="AC5615">
        <v>137</v>
      </c>
      <c r="AD5615">
        <v>15</v>
      </c>
      <c r="AE5615">
        <v>36</v>
      </c>
      <c r="AF5615">
        <v>8245</v>
      </c>
      <c r="AG5615">
        <v>108176</v>
      </c>
      <c r="AH5615">
        <v>50000</v>
      </c>
      <c r="AI5615">
        <v>0</v>
      </c>
      <c r="AJ5615">
        <v>29</v>
      </c>
      <c r="AK5615" t="s">
        <v>62</v>
      </c>
      <c r="AL5615">
        <v>0</v>
      </c>
      <c r="AM5615">
        <v>0</v>
      </c>
      <c r="AN5615">
        <v>0</v>
      </c>
      <c r="AO5615">
        <v>0</v>
      </c>
      <c r="AP5615">
        <v>0</v>
      </c>
      <c r="AQ5615">
        <v>0</v>
      </c>
      <c r="AR5615">
        <v>0</v>
      </c>
      <c r="AS5615">
        <v>0</v>
      </c>
      <c r="AT5615">
        <v>0</v>
      </c>
      <c r="AU5615">
        <v>0</v>
      </c>
      <c r="AV5615">
        <v>0</v>
      </c>
      <c r="AW5615">
        <v>0</v>
      </c>
      <c r="AX5615">
        <v>3176</v>
      </c>
      <c r="AY5615">
        <v>38</v>
      </c>
      <c r="AZ5615">
        <v>82</v>
      </c>
      <c r="BA5615">
        <v>6398</v>
      </c>
    </row>
    <row r="5616" spans="1:53" x14ac:dyDescent="0.4">
      <c r="A5616">
        <v>5660</v>
      </c>
      <c r="B5616" s="1">
        <v>44969</v>
      </c>
      <c r="C5616">
        <v>3</v>
      </c>
      <c r="D5616" s="1">
        <v>44969.749305555553</v>
      </c>
      <c r="E5616" s="1">
        <v>44970.038888888892</v>
      </c>
      <c r="F5616">
        <v>63380</v>
      </c>
      <c r="G5616">
        <v>9064</v>
      </c>
      <c r="H5616">
        <v>0</v>
      </c>
      <c r="I5616">
        <v>0</v>
      </c>
      <c r="J5616">
        <v>0</v>
      </c>
      <c r="K5616">
        <v>800</v>
      </c>
      <c r="L5616">
        <v>0</v>
      </c>
      <c r="M5616">
        <v>6657</v>
      </c>
      <c r="N5616">
        <v>0</v>
      </c>
      <c r="O5616">
        <v>0</v>
      </c>
      <c r="P5616">
        <v>-4150</v>
      </c>
      <c r="Q5616">
        <v>0</v>
      </c>
      <c r="R5616">
        <v>69094</v>
      </c>
      <c r="S5616">
        <v>0</v>
      </c>
      <c r="T5616">
        <v>0</v>
      </c>
      <c r="U5616">
        <v>0</v>
      </c>
      <c r="V5616">
        <v>6</v>
      </c>
      <c r="W5616">
        <v>1</v>
      </c>
      <c r="X5616">
        <v>0</v>
      </c>
      <c r="Y5616">
        <v>59</v>
      </c>
      <c r="Z5616">
        <v>23</v>
      </c>
      <c r="AA5616">
        <v>161</v>
      </c>
      <c r="AB5616">
        <v>30</v>
      </c>
      <c r="AC5616">
        <v>149</v>
      </c>
      <c r="AD5616">
        <v>13</v>
      </c>
      <c r="AE5616">
        <v>32</v>
      </c>
      <c r="AF5616">
        <v>22583</v>
      </c>
      <c r="AG5616">
        <v>177270</v>
      </c>
      <c r="AH5616">
        <v>50000</v>
      </c>
      <c r="AI5616">
        <v>0</v>
      </c>
      <c r="AJ5616">
        <v>108</v>
      </c>
      <c r="AK5616" t="s">
        <v>3</v>
      </c>
      <c r="AL5616">
        <v>0</v>
      </c>
      <c r="AM5616">
        <v>0</v>
      </c>
      <c r="AN5616">
        <v>0</v>
      </c>
      <c r="AO5616">
        <v>0</v>
      </c>
      <c r="AP5616">
        <v>0</v>
      </c>
      <c r="AQ5616">
        <v>0</v>
      </c>
      <c r="AR5616">
        <v>0</v>
      </c>
      <c r="AS5616">
        <v>0</v>
      </c>
      <c r="AT5616">
        <v>0</v>
      </c>
      <c r="AU5616">
        <v>0</v>
      </c>
      <c r="AV5616">
        <v>0</v>
      </c>
      <c r="AW5616">
        <v>0</v>
      </c>
      <c r="AX5616">
        <v>0</v>
      </c>
      <c r="AY5616">
        <v>14</v>
      </c>
      <c r="AZ5616">
        <v>43</v>
      </c>
      <c r="BA5616">
        <v>2377</v>
      </c>
    </row>
    <row r="5617" spans="1:53" x14ac:dyDescent="0.4">
      <c r="A5617">
        <v>5661</v>
      </c>
      <c r="B5617" s="1">
        <v>44970</v>
      </c>
      <c r="C5617">
        <v>1</v>
      </c>
      <c r="D5617" s="1">
        <v>44970.291666666664</v>
      </c>
      <c r="E5617" s="1">
        <v>44970.445833333331</v>
      </c>
      <c r="F5617">
        <v>0</v>
      </c>
      <c r="G5617">
        <v>0</v>
      </c>
      <c r="H5617">
        <v>0</v>
      </c>
      <c r="I5617">
        <v>0</v>
      </c>
      <c r="J5617">
        <v>0</v>
      </c>
      <c r="K5617">
        <v>0</v>
      </c>
      <c r="L5617">
        <v>0</v>
      </c>
      <c r="M5617">
        <v>0</v>
      </c>
      <c r="N5617">
        <v>0</v>
      </c>
      <c r="O5617">
        <v>0</v>
      </c>
      <c r="P5617">
        <v>0</v>
      </c>
      <c r="Q5617">
        <v>0</v>
      </c>
      <c r="R5617">
        <v>0</v>
      </c>
      <c r="S5617">
        <v>0</v>
      </c>
      <c r="T5617">
        <v>0</v>
      </c>
      <c r="U5617">
        <v>0</v>
      </c>
      <c r="V5617">
        <v>0</v>
      </c>
      <c r="W5617">
        <v>1</v>
      </c>
      <c r="X5617">
        <v>0</v>
      </c>
      <c r="Y5617">
        <v>24</v>
      </c>
      <c r="Z5617">
        <v>11</v>
      </c>
      <c r="AA5617">
        <v>132</v>
      </c>
      <c r="AB5617">
        <v>25</v>
      </c>
      <c r="AC5617">
        <v>96</v>
      </c>
      <c r="AD5617">
        <v>12</v>
      </c>
      <c r="AE5617">
        <v>30</v>
      </c>
      <c r="AF5617">
        <v>0</v>
      </c>
      <c r="AG5617">
        <v>50000</v>
      </c>
      <c r="AH5617">
        <v>50000</v>
      </c>
      <c r="AI5617">
        <v>0</v>
      </c>
      <c r="AJ5617">
        <v>0</v>
      </c>
      <c r="AK5617" t="s">
        <v>6</v>
      </c>
      <c r="AL5617">
        <v>0</v>
      </c>
      <c r="AM5617">
        <v>0</v>
      </c>
      <c r="AN5617">
        <v>0</v>
      </c>
      <c r="AO5617">
        <v>0</v>
      </c>
      <c r="AP5617">
        <v>0</v>
      </c>
      <c r="AQ5617">
        <v>0</v>
      </c>
      <c r="AR5617">
        <v>0</v>
      </c>
      <c r="AS5617">
        <v>0</v>
      </c>
      <c r="AT5617">
        <v>0</v>
      </c>
      <c r="AU5617">
        <v>0</v>
      </c>
      <c r="AV5617">
        <v>0</v>
      </c>
      <c r="AW5617">
        <v>0</v>
      </c>
      <c r="AX5617">
        <v>0</v>
      </c>
      <c r="AY5617">
        <v>0</v>
      </c>
      <c r="AZ5617">
        <v>0</v>
      </c>
      <c r="BA5617">
        <v>0</v>
      </c>
    </row>
    <row r="5618" spans="1:53" x14ac:dyDescent="0.4">
      <c r="A5618">
        <v>5662</v>
      </c>
      <c r="B5618" s="1">
        <v>44970</v>
      </c>
      <c r="C5618">
        <v>2</v>
      </c>
      <c r="D5618" s="1">
        <v>44970.445833333331</v>
      </c>
      <c r="E5618" s="1">
        <v>44970.737500000003</v>
      </c>
      <c r="F5618">
        <v>20530</v>
      </c>
      <c r="G5618">
        <v>924</v>
      </c>
      <c r="H5618">
        <v>0</v>
      </c>
      <c r="I5618">
        <v>0</v>
      </c>
      <c r="J5618">
        <v>170</v>
      </c>
      <c r="K5618">
        <v>400</v>
      </c>
      <c r="L5618">
        <v>0</v>
      </c>
      <c r="M5618">
        <v>1971</v>
      </c>
      <c r="N5618">
        <v>0</v>
      </c>
      <c r="O5618">
        <v>0</v>
      </c>
      <c r="P5618">
        <v>7220</v>
      </c>
      <c r="Q5618">
        <v>0</v>
      </c>
      <c r="R5618">
        <v>28904</v>
      </c>
      <c r="S5618">
        <v>0</v>
      </c>
      <c r="T5618">
        <v>0</v>
      </c>
      <c r="U5618">
        <v>0</v>
      </c>
      <c r="V5618">
        <v>1</v>
      </c>
      <c r="W5618">
        <v>1</v>
      </c>
      <c r="X5618">
        <v>0</v>
      </c>
      <c r="Y5618">
        <v>40</v>
      </c>
      <c r="Z5618">
        <v>16</v>
      </c>
      <c r="AA5618">
        <v>118</v>
      </c>
      <c r="AB5618">
        <v>19</v>
      </c>
      <c r="AC5618">
        <v>105</v>
      </c>
      <c r="AD5618">
        <v>12</v>
      </c>
      <c r="AE5618">
        <v>24</v>
      </c>
      <c r="AF5618">
        <v>2020</v>
      </c>
      <c r="AG5618">
        <v>78904</v>
      </c>
      <c r="AH5618">
        <v>50000</v>
      </c>
      <c r="AI5618">
        <v>0</v>
      </c>
      <c r="AJ5618">
        <v>119</v>
      </c>
      <c r="AK5618" t="s">
        <v>56</v>
      </c>
      <c r="AL5618">
        <v>0</v>
      </c>
      <c r="AM5618">
        <v>0</v>
      </c>
      <c r="AN5618">
        <v>0</v>
      </c>
      <c r="AO5618">
        <v>0</v>
      </c>
      <c r="AP5618">
        <v>0</v>
      </c>
      <c r="AQ5618">
        <v>0</v>
      </c>
      <c r="AR5618">
        <v>0</v>
      </c>
      <c r="AS5618">
        <v>0</v>
      </c>
      <c r="AT5618">
        <v>0</v>
      </c>
      <c r="AU5618">
        <v>0</v>
      </c>
      <c r="AV5618">
        <v>0</v>
      </c>
      <c r="AW5618">
        <v>0</v>
      </c>
      <c r="AX5618">
        <v>0</v>
      </c>
      <c r="AY5618">
        <v>29</v>
      </c>
      <c r="AZ5618">
        <v>47</v>
      </c>
      <c r="BA5618">
        <v>3664</v>
      </c>
    </row>
    <row r="5619" spans="1:53" x14ac:dyDescent="0.4">
      <c r="A5619">
        <v>5663</v>
      </c>
      <c r="B5619" s="1">
        <v>44970</v>
      </c>
      <c r="C5619">
        <v>3</v>
      </c>
      <c r="D5619" s="1">
        <v>44970.737500000003</v>
      </c>
      <c r="E5619" s="1">
        <v>44970.938888888886</v>
      </c>
      <c r="F5619">
        <v>15550</v>
      </c>
      <c r="G5619">
        <v>0</v>
      </c>
      <c r="H5619">
        <v>0</v>
      </c>
      <c r="I5619">
        <v>0</v>
      </c>
      <c r="J5619">
        <v>0</v>
      </c>
      <c r="K5619">
        <v>0</v>
      </c>
      <c r="L5619">
        <v>0</v>
      </c>
      <c r="M5619">
        <v>1412</v>
      </c>
      <c r="N5619">
        <v>0</v>
      </c>
      <c r="O5619">
        <v>0</v>
      </c>
      <c r="P5619">
        <v>-7220</v>
      </c>
      <c r="Q5619">
        <v>0</v>
      </c>
      <c r="R5619">
        <v>8330</v>
      </c>
      <c r="S5619">
        <v>0</v>
      </c>
      <c r="T5619">
        <v>0</v>
      </c>
      <c r="U5619">
        <v>0</v>
      </c>
      <c r="V5619">
        <v>2</v>
      </c>
      <c r="W5619">
        <v>0</v>
      </c>
      <c r="X5619">
        <v>0</v>
      </c>
      <c r="Y5619">
        <v>44</v>
      </c>
      <c r="Z5619">
        <v>16</v>
      </c>
      <c r="AA5619">
        <v>106</v>
      </c>
      <c r="AB5619">
        <v>18</v>
      </c>
      <c r="AC5619">
        <v>110</v>
      </c>
      <c r="AD5619">
        <v>12</v>
      </c>
      <c r="AE5619">
        <v>24</v>
      </c>
      <c r="AF5619">
        <v>2550</v>
      </c>
      <c r="AG5619">
        <v>87234</v>
      </c>
      <c r="AH5619">
        <v>50000</v>
      </c>
      <c r="AI5619">
        <v>0</v>
      </c>
      <c r="AJ5619">
        <v>36</v>
      </c>
      <c r="AL5619">
        <v>0</v>
      </c>
      <c r="AM5619">
        <v>0</v>
      </c>
      <c r="AN5619">
        <v>0</v>
      </c>
      <c r="AO5619">
        <v>0</v>
      </c>
      <c r="AP5619">
        <v>0</v>
      </c>
      <c r="AQ5619">
        <v>0</v>
      </c>
      <c r="AR5619">
        <v>0</v>
      </c>
      <c r="AS5619">
        <v>0</v>
      </c>
      <c r="AT5619">
        <v>0</v>
      </c>
      <c r="AU5619">
        <v>0</v>
      </c>
      <c r="AV5619">
        <v>0</v>
      </c>
      <c r="AW5619">
        <v>0</v>
      </c>
      <c r="AX5619">
        <v>1650</v>
      </c>
      <c r="AY5619">
        <v>7</v>
      </c>
      <c r="AZ5619">
        <v>13</v>
      </c>
      <c r="BA5619">
        <v>1427</v>
      </c>
    </row>
    <row r="5620" spans="1:53" x14ac:dyDescent="0.4">
      <c r="A5620">
        <v>5664</v>
      </c>
      <c r="B5620" s="1">
        <v>44970</v>
      </c>
      <c r="C5620">
        <v>4</v>
      </c>
      <c r="D5620" s="1">
        <v>44970.938888888886</v>
      </c>
      <c r="E5620" s="1">
        <v>44971.13958333333</v>
      </c>
      <c r="F5620">
        <v>3300</v>
      </c>
      <c r="G5620">
        <v>0</v>
      </c>
      <c r="H5620">
        <v>0</v>
      </c>
      <c r="I5620">
        <v>0</v>
      </c>
      <c r="J5620">
        <v>0</v>
      </c>
      <c r="K5620">
        <v>0</v>
      </c>
      <c r="L5620">
        <v>0</v>
      </c>
      <c r="M5620">
        <v>300</v>
      </c>
      <c r="N5620">
        <v>0</v>
      </c>
      <c r="O5620">
        <v>0</v>
      </c>
      <c r="P5620">
        <v>0</v>
      </c>
      <c r="Q5620">
        <v>0</v>
      </c>
      <c r="R5620">
        <v>3300</v>
      </c>
      <c r="S5620">
        <v>0</v>
      </c>
      <c r="T5620">
        <v>0</v>
      </c>
      <c r="U5620">
        <v>0</v>
      </c>
      <c r="V5620">
        <v>2</v>
      </c>
      <c r="W5620">
        <v>0</v>
      </c>
      <c r="X5620">
        <v>0</v>
      </c>
      <c r="Y5620">
        <v>46</v>
      </c>
      <c r="Z5620">
        <v>18</v>
      </c>
      <c r="AA5620">
        <v>109</v>
      </c>
      <c r="AB5620">
        <v>18</v>
      </c>
      <c r="AC5620">
        <v>110</v>
      </c>
      <c r="AD5620">
        <v>12</v>
      </c>
      <c r="AE5620">
        <v>24</v>
      </c>
      <c r="AF5620">
        <v>2550</v>
      </c>
      <c r="AG5620">
        <v>90534</v>
      </c>
      <c r="AH5620">
        <v>50000</v>
      </c>
      <c r="AI5620">
        <v>0</v>
      </c>
      <c r="AJ5620">
        <v>108</v>
      </c>
      <c r="AK5620" t="s">
        <v>3</v>
      </c>
      <c r="AL5620">
        <v>0</v>
      </c>
      <c r="AM5620">
        <v>0</v>
      </c>
      <c r="AN5620">
        <v>0</v>
      </c>
      <c r="AO5620">
        <v>0</v>
      </c>
      <c r="AP5620">
        <v>0</v>
      </c>
      <c r="AQ5620">
        <v>0</v>
      </c>
      <c r="AR5620">
        <v>0</v>
      </c>
      <c r="AS5620">
        <v>0</v>
      </c>
      <c r="AT5620">
        <v>0</v>
      </c>
      <c r="AU5620">
        <v>0</v>
      </c>
      <c r="AV5620">
        <v>0</v>
      </c>
      <c r="AW5620">
        <v>0</v>
      </c>
      <c r="AX5620">
        <v>0</v>
      </c>
      <c r="AY5620">
        <v>0</v>
      </c>
      <c r="AZ5620">
        <v>0</v>
      </c>
      <c r="BA5620">
        <v>75</v>
      </c>
    </row>
    <row r="5621" spans="1:53" x14ac:dyDescent="0.4">
      <c r="A5621">
        <v>5665</v>
      </c>
      <c r="B5621" s="1">
        <v>44971</v>
      </c>
      <c r="C5621">
        <v>1</v>
      </c>
      <c r="D5621" s="1">
        <v>44971.291666666664</v>
      </c>
      <c r="E5621" s="1">
        <v>44971.442361111112</v>
      </c>
      <c r="F5621">
        <v>0</v>
      </c>
      <c r="G5621">
        <v>0</v>
      </c>
      <c r="H5621">
        <v>0</v>
      </c>
      <c r="I5621">
        <v>0</v>
      </c>
      <c r="J5621">
        <v>0</v>
      </c>
      <c r="K5621">
        <v>0</v>
      </c>
      <c r="L5621">
        <v>0</v>
      </c>
      <c r="M5621">
        <v>0</v>
      </c>
      <c r="N5621">
        <v>0</v>
      </c>
      <c r="O5621">
        <v>0</v>
      </c>
      <c r="P5621">
        <v>0</v>
      </c>
      <c r="Q5621">
        <v>0</v>
      </c>
      <c r="R5621">
        <v>0</v>
      </c>
      <c r="S5621">
        <v>0</v>
      </c>
      <c r="T5621">
        <v>0</v>
      </c>
      <c r="U5621">
        <v>0</v>
      </c>
      <c r="V5621">
        <v>0</v>
      </c>
      <c r="W5621">
        <v>0</v>
      </c>
      <c r="X5621">
        <v>0</v>
      </c>
      <c r="Y5621">
        <v>31</v>
      </c>
      <c r="Z5621">
        <v>13</v>
      </c>
      <c r="AA5621">
        <v>105</v>
      </c>
      <c r="AB5621">
        <v>18</v>
      </c>
      <c r="AC5621">
        <v>102</v>
      </c>
      <c r="AD5621">
        <v>12</v>
      </c>
      <c r="AE5621">
        <v>20</v>
      </c>
      <c r="AF5621">
        <v>0</v>
      </c>
      <c r="AG5621">
        <v>50000</v>
      </c>
      <c r="AH5621">
        <v>50000</v>
      </c>
      <c r="AI5621">
        <v>0</v>
      </c>
      <c r="AJ5621">
        <v>0</v>
      </c>
      <c r="AK5621" t="s">
        <v>6</v>
      </c>
      <c r="AL5621">
        <v>0</v>
      </c>
      <c r="AM5621">
        <v>0</v>
      </c>
      <c r="AN5621">
        <v>0</v>
      </c>
      <c r="AO5621">
        <v>0</v>
      </c>
      <c r="AP5621">
        <v>0</v>
      </c>
      <c r="AQ5621">
        <v>0</v>
      </c>
      <c r="AR5621">
        <v>0</v>
      </c>
      <c r="AS5621">
        <v>0</v>
      </c>
      <c r="AT5621">
        <v>0</v>
      </c>
      <c r="AU5621">
        <v>0</v>
      </c>
      <c r="AV5621">
        <v>0</v>
      </c>
      <c r="AW5621">
        <v>0</v>
      </c>
      <c r="AX5621">
        <v>0</v>
      </c>
      <c r="AY5621">
        <v>0</v>
      </c>
      <c r="AZ5621">
        <v>0</v>
      </c>
      <c r="BA5621">
        <v>0</v>
      </c>
    </row>
    <row r="5622" spans="1:53" x14ac:dyDescent="0.4">
      <c r="A5622">
        <v>5666</v>
      </c>
      <c r="B5622" s="1">
        <v>44971</v>
      </c>
      <c r="C5622">
        <v>2</v>
      </c>
      <c r="D5622" s="1">
        <v>44971.442361111112</v>
      </c>
      <c r="E5622" s="1">
        <v>44971.756249999999</v>
      </c>
      <c r="F5622">
        <v>25310</v>
      </c>
      <c r="G5622">
        <v>308</v>
      </c>
      <c r="H5622">
        <v>0</v>
      </c>
      <c r="I5622">
        <v>0</v>
      </c>
      <c r="J5622">
        <v>200</v>
      </c>
      <c r="K5622">
        <v>0</v>
      </c>
      <c r="L5622">
        <v>0</v>
      </c>
      <c r="M5622">
        <v>2310</v>
      </c>
      <c r="N5622">
        <v>0</v>
      </c>
      <c r="O5622">
        <v>0</v>
      </c>
      <c r="P5622">
        <v>22570</v>
      </c>
      <c r="Q5622">
        <v>0</v>
      </c>
      <c r="R5622">
        <v>47988</v>
      </c>
      <c r="S5622">
        <v>0</v>
      </c>
      <c r="T5622">
        <v>0</v>
      </c>
      <c r="U5622">
        <v>0</v>
      </c>
      <c r="V5622">
        <v>0</v>
      </c>
      <c r="W5622">
        <v>4</v>
      </c>
      <c r="X5622">
        <v>0</v>
      </c>
      <c r="Y5622">
        <v>51</v>
      </c>
      <c r="Z5622">
        <v>22</v>
      </c>
      <c r="AA5622">
        <v>93</v>
      </c>
      <c r="AB5622">
        <v>16</v>
      </c>
      <c r="AC5622">
        <v>123</v>
      </c>
      <c r="AD5622">
        <v>12</v>
      </c>
      <c r="AE5622">
        <v>18</v>
      </c>
      <c r="AF5622">
        <v>4580</v>
      </c>
      <c r="AG5622">
        <v>97988</v>
      </c>
      <c r="AH5622">
        <v>50000</v>
      </c>
      <c r="AI5622">
        <v>0</v>
      </c>
      <c r="AJ5622">
        <v>35</v>
      </c>
      <c r="AK5622" t="s">
        <v>66</v>
      </c>
      <c r="AL5622">
        <v>0</v>
      </c>
      <c r="AM5622">
        <v>0</v>
      </c>
      <c r="AN5622">
        <v>0</v>
      </c>
      <c r="AO5622">
        <v>0</v>
      </c>
      <c r="AP5622">
        <v>0</v>
      </c>
      <c r="AQ5622">
        <v>0</v>
      </c>
      <c r="AR5622">
        <v>0</v>
      </c>
      <c r="AS5622">
        <v>0</v>
      </c>
      <c r="AT5622">
        <v>0</v>
      </c>
      <c r="AU5622">
        <v>0</v>
      </c>
      <c r="AV5622">
        <v>0</v>
      </c>
      <c r="AW5622">
        <v>0</v>
      </c>
      <c r="AX5622">
        <v>-5330</v>
      </c>
      <c r="AY5622">
        <v>51</v>
      </c>
      <c r="AZ5622">
        <v>78</v>
      </c>
      <c r="BA5622">
        <v>6705</v>
      </c>
    </row>
    <row r="5623" spans="1:53" x14ac:dyDescent="0.4">
      <c r="A5623">
        <v>5667</v>
      </c>
      <c r="B5623" s="1">
        <v>44971</v>
      </c>
      <c r="C5623">
        <v>3</v>
      </c>
      <c r="D5623" s="1">
        <v>44971.756249999999</v>
      </c>
      <c r="E5623" s="1">
        <v>44971.945833333331</v>
      </c>
      <c r="F5623">
        <v>33630</v>
      </c>
      <c r="G5623">
        <v>0</v>
      </c>
      <c r="H5623">
        <v>0</v>
      </c>
      <c r="I5623">
        <v>0</v>
      </c>
      <c r="J5623">
        <v>400</v>
      </c>
      <c r="K5623">
        <v>1100</v>
      </c>
      <c r="L5623">
        <v>0</v>
      </c>
      <c r="M5623">
        <v>3119</v>
      </c>
      <c r="N5623">
        <v>0</v>
      </c>
      <c r="O5623">
        <v>0</v>
      </c>
      <c r="P5623">
        <v>-13820</v>
      </c>
      <c r="Q5623">
        <v>0</v>
      </c>
      <c r="R5623">
        <v>20510</v>
      </c>
      <c r="S5623">
        <v>0</v>
      </c>
      <c r="T5623">
        <v>0</v>
      </c>
      <c r="U5623">
        <v>0</v>
      </c>
      <c r="V5623">
        <v>0</v>
      </c>
      <c r="W5623">
        <v>5</v>
      </c>
      <c r="X5623">
        <v>0</v>
      </c>
      <c r="Y5623">
        <v>59</v>
      </c>
      <c r="Z5623">
        <v>20</v>
      </c>
      <c r="AA5623">
        <v>96</v>
      </c>
      <c r="AB5623">
        <v>20</v>
      </c>
      <c r="AC5623">
        <v>111</v>
      </c>
      <c r="AD5623">
        <v>12</v>
      </c>
      <c r="AE5623">
        <v>22</v>
      </c>
      <c r="AF5623">
        <v>12706</v>
      </c>
      <c r="AG5623">
        <v>118498</v>
      </c>
      <c r="AH5623">
        <v>50000</v>
      </c>
      <c r="AI5623">
        <v>0</v>
      </c>
      <c r="AJ5623">
        <v>116</v>
      </c>
      <c r="AL5623">
        <v>0</v>
      </c>
      <c r="AM5623">
        <v>0</v>
      </c>
      <c r="AN5623">
        <v>0</v>
      </c>
      <c r="AO5623">
        <v>0</v>
      </c>
      <c r="AP5623">
        <v>0</v>
      </c>
      <c r="AQ5623">
        <v>0</v>
      </c>
      <c r="AR5623">
        <v>0</v>
      </c>
      <c r="AS5623">
        <v>0</v>
      </c>
      <c r="AT5623">
        <v>0</v>
      </c>
      <c r="AU5623">
        <v>0</v>
      </c>
      <c r="AV5623">
        <v>0</v>
      </c>
      <c r="AW5623">
        <v>0</v>
      </c>
      <c r="AX5623">
        <v>6756</v>
      </c>
      <c r="AY5623">
        <v>12</v>
      </c>
      <c r="AZ5623">
        <v>26</v>
      </c>
      <c r="BA5623">
        <v>2976</v>
      </c>
    </row>
    <row r="5624" spans="1:53" x14ac:dyDescent="0.4">
      <c r="A5624">
        <v>5668</v>
      </c>
      <c r="B5624" s="1">
        <v>44971</v>
      </c>
      <c r="C5624">
        <v>4</v>
      </c>
      <c r="D5624" s="1">
        <v>44971.945833333331</v>
      </c>
      <c r="E5624" s="1">
        <v>44972.09375</v>
      </c>
      <c r="F5624">
        <v>22110</v>
      </c>
      <c r="G5624">
        <v>616</v>
      </c>
      <c r="H5624">
        <v>0</v>
      </c>
      <c r="I5624">
        <v>0</v>
      </c>
      <c r="J5624">
        <v>0</v>
      </c>
      <c r="K5624">
        <v>0</v>
      </c>
      <c r="L5624">
        <v>0</v>
      </c>
      <c r="M5624">
        <v>2066</v>
      </c>
      <c r="N5624">
        <v>0</v>
      </c>
      <c r="O5624">
        <v>0</v>
      </c>
      <c r="P5624">
        <v>9660</v>
      </c>
      <c r="Q5624">
        <v>0</v>
      </c>
      <c r="R5624">
        <v>32386</v>
      </c>
      <c r="S5624">
        <v>0</v>
      </c>
      <c r="T5624">
        <v>0</v>
      </c>
      <c r="U5624">
        <v>0</v>
      </c>
      <c r="V5624">
        <v>2</v>
      </c>
      <c r="W5624">
        <v>6</v>
      </c>
      <c r="X5624">
        <v>0</v>
      </c>
      <c r="Y5624">
        <v>65</v>
      </c>
      <c r="Z5624">
        <v>19</v>
      </c>
      <c r="AA5624">
        <v>96</v>
      </c>
      <c r="AB5624">
        <v>16</v>
      </c>
      <c r="AC5624">
        <v>100</v>
      </c>
      <c r="AD5624">
        <v>12</v>
      </c>
      <c r="AE5624">
        <v>18</v>
      </c>
      <c r="AF5624">
        <v>14906</v>
      </c>
      <c r="AG5624">
        <v>150884</v>
      </c>
      <c r="AH5624">
        <v>50000</v>
      </c>
      <c r="AI5624">
        <v>0</v>
      </c>
      <c r="AJ5624">
        <v>103</v>
      </c>
      <c r="AK5624" t="s">
        <v>7</v>
      </c>
      <c r="AL5624">
        <v>0</v>
      </c>
      <c r="AM5624">
        <v>0</v>
      </c>
      <c r="AN5624">
        <v>0</v>
      </c>
      <c r="AO5624">
        <v>0</v>
      </c>
      <c r="AP5624">
        <v>0</v>
      </c>
      <c r="AQ5624">
        <v>0</v>
      </c>
      <c r="AR5624">
        <v>0</v>
      </c>
      <c r="AS5624">
        <v>0</v>
      </c>
      <c r="AT5624">
        <v>0</v>
      </c>
      <c r="AU5624">
        <v>0</v>
      </c>
      <c r="AV5624">
        <v>0</v>
      </c>
      <c r="AW5624">
        <v>0</v>
      </c>
      <c r="AX5624">
        <v>385</v>
      </c>
      <c r="AY5624">
        <v>3</v>
      </c>
      <c r="AZ5624">
        <v>9</v>
      </c>
      <c r="BA5624">
        <v>676</v>
      </c>
    </row>
    <row r="5625" spans="1:53" x14ac:dyDescent="0.4">
      <c r="A5625">
        <v>5669</v>
      </c>
      <c r="B5625" s="1">
        <v>44972</v>
      </c>
      <c r="C5625">
        <v>1</v>
      </c>
      <c r="D5625" s="1">
        <v>44972.291666666664</v>
      </c>
      <c r="E5625" s="1">
        <v>44972.445833333331</v>
      </c>
      <c r="F5625">
        <v>0</v>
      </c>
      <c r="G5625">
        <v>0</v>
      </c>
      <c r="H5625">
        <v>0</v>
      </c>
      <c r="I5625">
        <v>0</v>
      </c>
      <c r="J5625">
        <v>0</v>
      </c>
      <c r="K5625">
        <v>0</v>
      </c>
      <c r="L5625">
        <v>0</v>
      </c>
      <c r="M5625">
        <v>0</v>
      </c>
      <c r="N5625">
        <v>0</v>
      </c>
      <c r="O5625">
        <v>0</v>
      </c>
      <c r="P5625">
        <v>0</v>
      </c>
      <c r="Q5625">
        <v>0</v>
      </c>
      <c r="R5625">
        <v>0</v>
      </c>
      <c r="S5625">
        <v>0</v>
      </c>
      <c r="T5625">
        <v>0</v>
      </c>
      <c r="U5625">
        <v>0</v>
      </c>
      <c r="V5625">
        <v>0</v>
      </c>
      <c r="W5625">
        <v>0</v>
      </c>
      <c r="X5625">
        <v>0</v>
      </c>
      <c r="Y5625">
        <v>30</v>
      </c>
      <c r="Z5625">
        <v>17</v>
      </c>
      <c r="AA5625">
        <v>96</v>
      </c>
      <c r="AB5625">
        <v>16</v>
      </c>
      <c r="AC5625">
        <v>102</v>
      </c>
      <c r="AD5625">
        <v>12</v>
      </c>
      <c r="AE5625">
        <v>20</v>
      </c>
      <c r="AF5625">
        <v>0</v>
      </c>
      <c r="AG5625">
        <v>50000</v>
      </c>
      <c r="AH5625">
        <v>50000</v>
      </c>
      <c r="AI5625">
        <v>0</v>
      </c>
      <c r="AJ5625">
        <v>0</v>
      </c>
      <c r="AK5625" t="s">
        <v>6</v>
      </c>
      <c r="AL5625">
        <v>0</v>
      </c>
      <c r="AM5625">
        <v>0</v>
      </c>
      <c r="AN5625">
        <v>0</v>
      </c>
      <c r="AO5625">
        <v>0</v>
      </c>
      <c r="AP5625">
        <v>0</v>
      </c>
      <c r="AQ5625">
        <v>0</v>
      </c>
      <c r="AR5625">
        <v>0</v>
      </c>
      <c r="AS5625">
        <v>0</v>
      </c>
      <c r="AT5625">
        <v>0</v>
      </c>
      <c r="AU5625">
        <v>0</v>
      </c>
      <c r="AV5625">
        <v>0</v>
      </c>
      <c r="AW5625">
        <v>0</v>
      </c>
      <c r="AX5625">
        <v>0</v>
      </c>
      <c r="AY5625">
        <v>0</v>
      </c>
      <c r="AZ5625">
        <v>0</v>
      </c>
      <c r="BA5625">
        <v>0</v>
      </c>
    </row>
    <row r="5626" spans="1:53" x14ac:dyDescent="0.4">
      <c r="A5626">
        <v>5670</v>
      </c>
      <c r="B5626" s="1">
        <v>44972</v>
      </c>
      <c r="C5626">
        <v>2</v>
      </c>
      <c r="D5626" s="1">
        <v>44972.445833333331</v>
      </c>
      <c r="E5626" s="1">
        <v>44972.742361111108</v>
      </c>
      <c r="F5626">
        <v>29940</v>
      </c>
      <c r="G5626">
        <v>308</v>
      </c>
      <c r="H5626">
        <v>0</v>
      </c>
      <c r="I5626">
        <v>0</v>
      </c>
      <c r="J5626">
        <v>300</v>
      </c>
      <c r="K5626">
        <v>0</v>
      </c>
      <c r="L5626">
        <v>0</v>
      </c>
      <c r="M5626">
        <v>2724</v>
      </c>
      <c r="N5626">
        <v>0</v>
      </c>
      <c r="O5626">
        <v>0</v>
      </c>
      <c r="P5626">
        <v>18770</v>
      </c>
      <c r="Q5626">
        <v>0</v>
      </c>
      <c r="R5626">
        <v>48718</v>
      </c>
      <c r="S5626">
        <v>0</v>
      </c>
      <c r="T5626">
        <v>0</v>
      </c>
      <c r="U5626">
        <v>0</v>
      </c>
      <c r="V5626">
        <v>1</v>
      </c>
      <c r="W5626">
        <v>1</v>
      </c>
      <c r="X5626">
        <v>0</v>
      </c>
      <c r="Y5626">
        <v>62</v>
      </c>
      <c r="Z5626">
        <v>21</v>
      </c>
      <c r="AA5626">
        <v>59</v>
      </c>
      <c r="AB5626">
        <v>21</v>
      </c>
      <c r="AC5626">
        <v>114</v>
      </c>
      <c r="AD5626">
        <v>12</v>
      </c>
      <c r="AE5626">
        <v>18</v>
      </c>
      <c r="AF5626">
        <v>3050</v>
      </c>
      <c r="AG5626">
        <v>98718</v>
      </c>
      <c r="AH5626">
        <v>50000</v>
      </c>
      <c r="AI5626">
        <v>0</v>
      </c>
      <c r="AJ5626">
        <v>29</v>
      </c>
      <c r="AK5626" t="s">
        <v>62</v>
      </c>
      <c r="AL5626">
        <v>0</v>
      </c>
      <c r="AM5626">
        <v>0</v>
      </c>
      <c r="AN5626">
        <v>0</v>
      </c>
      <c r="AO5626">
        <v>0</v>
      </c>
      <c r="AP5626">
        <v>0</v>
      </c>
      <c r="AQ5626">
        <v>0</v>
      </c>
      <c r="AR5626">
        <v>0</v>
      </c>
      <c r="AS5626">
        <v>0</v>
      </c>
      <c r="AT5626">
        <v>0</v>
      </c>
      <c r="AU5626">
        <v>0</v>
      </c>
      <c r="AV5626">
        <v>0</v>
      </c>
      <c r="AW5626">
        <v>0</v>
      </c>
      <c r="AX5626">
        <v>0</v>
      </c>
      <c r="AY5626">
        <v>46</v>
      </c>
      <c r="AZ5626">
        <v>78</v>
      </c>
      <c r="BA5626">
        <v>6906</v>
      </c>
    </row>
    <row r="5627" spans="1:53" x14ac:dyDescent="0.4">
      <c r="A5627">
        <v>5671</v>
      </c>
      <c r="B5627" s="1">
        <v>44972</v>
      </c>
      <c r="C5627">
        <v>3</v>
      </c>
      <c r="D5627" s="1">
        <v>44972.742361111108</v>
      </c>
      <c r="E5627" s="1">
        <v>44972.946527777778</v>
      </c>
      <c r="F5627">
        <v>24120</v>
      </c>
      <c r="G5627">
        <v>0</v>
      </c>
      <c r="H5627">
        <v>0</v>
      </c>
      <c r="I5627">
        <v>0</v>
      </c>
      <c r="J5627">
        <v>0</v>
      </c>
      <c r="K5627">
        <v>0</v>
      </c>
      <c r="L5627">
        <v>0</v>
      </c>
      <c r="M5627">
        <v>2190</v>
      </c>
      <c r="N5627">
        <v>0</v>
      </c>
      <c r="O5627">
        <v>0</v>
      </c>
      <c r="P5627">
        <v>-18770</v>
      </c>
      <c r="Q5627">
        <v>0</v>
      </c>
      <c r="R5627">
        <v>5350</v>
      </c>
      <c r="S5627">
        <v>0</v>
      </c>
      <c r="T5627">
        <v>0</v>
      </c>
      <c r="U5627">
        <v>0</v>
      </c>
      <c r="V5627">
        <v>1</v>
      </c>
      <c r="W5627">
        <v>2</v>
      </c>
      <c r="X5627">
        <v>0</v>
      </c>
      <c r="Y5627">
        <v>60</v>
      </c>
      <c r="Z5627">
        <v>20</v>
      </c>
      <c r="AA5627">
        <v>65</v>
      </c>
      <c r="AB5627">
        <v>21</v>
      </c>
      <c r="AC5627">
        <v>106</v>
      </c>
      <c r="AD5627">
        <v>15</v>
      </c>
      <c r="AE5627">
        <v>23</v>
      </c>
      <c r="AF5627">
        <v>5360</v>
      </c>
      <c r="AG5627">
        <v>104068</v>
      </c>
      <c r="AH5627">
        <v>50000</v>
      </c>
      <c r="AI5627">
        <v>0</v>
      </c>
      <c r="AJ5627">
        <v>108</v>
      </c>
      <c r="AK5627" t="s">
        <v>3</v>
      </c>
      <c r="AL5627">
        <v>0</v>
      </c>
      <c r="AM5627">
        <v>0</v>
      </c>
      <c r="AN5627">
        <v>0</v>
      </c>
      <c r="AO5627">
        <v>0</v>
      </c>
      <c r="AP5627">
        <v>0</v>
      </c>
      <c r="AQ5627">
        <v>0</v>
      </c>
      <c r="AR5627">
        <v>0</v>
      </c>
      <c r="AS5627">
        <v>0</v>
      </c>
      <c r="AT5627">
        <v>0</v>
      </c>
      <c r="AU5627">
        <v>0</v>
      </c>
      <c r="AV5627">
        <v>0</v>
      </c>
      <c r="AW5627">
        <v>0</v>
      </c>
      <c r="AX5627">
        <v>0</v>
      </c>
      <c r="AY5627">
        <v>4</v>
      </c>
      <c r="AZ5627">
        <v>6</v>
      </c>
      <c r="BA5627">
        <v>1586</v>
      </c>
    </row>
    <row r="5628" spans="1:53" x14ac:dyDescent="0.4">
      <c r="A5628">
        <v>5672</v>
      </c>
      <c r="B5628" s="1">
        <v>44973</v>
      </c>
      <c r="C5628">
        <v>1</v>
      </c>
      <c r="D5628" s="1">
        <v>44973.291666666664</v>
      </c>
      <c r="E5628" s="1">
        <v>44973.444444444445</v>
      </c>
      <c r="F5628">
        <v>0</v>
      </c>
      <c r="G5628">
        <v>0</v>
      </c>
      <c r="H5628">
        <v>0</v>
      </c>
      <c r="I5628">
        <v>0</v>
      </c>
      <c r="J5628">
        <v>0</v>
      </c>
      <c r="K5628">
        <v>0</v>
      </c>
      <c r="L5628">
        <v>0</v>
      </c>
      <c r="M5628">
        <v>0</v>
      </c>
      <c r="N5628">
        <v>0</v>
      </c>
      <c r="O5628">
        <v>0</v>
      </c>
      <c r="P5628">
        <v>0</v>
      </c>
      <c r="Q5628">
        <v>0</v>
      </c>
      <c r="R5628">
        <v>0</v>
      </c>
      <c r="S5628">
        <v>0</v>
      </c>
      <c r="T5628">
        <v>0</v>
      </c>
      <c r="U5628">
        <v>0</v>
      </c>
      <c r="V5628">
        <v>0</v>
      </c>
      <c r="W5628">
        <v>1</v>
      </c>
      <c r="X5628">
        <v>0</v>
      </c>
      <c r="Y5628">
        <v>30</v>
      </c>
      <c r="Z5628">
        <v>11</v>
      </c>
      <c r="AA5628">
        <v>72</v>
      </c>
      <c r="AB5628">
        <v>23</v>
      </c>
      <c r="AC5628">
        <v>106</v>
      </c>
      <c r="AD5628">
        <v>14</v>
      </c>
      <c r="AE5628">
        <v>20</v>
      </c>
      <c r="AF5628">
        <v>0</v>
      </c>
      <c r="AG5628">
        <v>50000</v>
      </c>
      <c r="AH5628">
        <v>50000</v>
      </c>
      <c r="AI5628">
        <v>0</v>
      </c>
      <c r="AJ5628">
        <v>0</v>
      </c>
      <c r="AK5628" t="s">
        <v>6</v>
      </c>
      <c r="AL5628">
        <v>0</v>
      </c>
      <c r="AM5628">
        <v>0</v>
      </c>
      <c r="AN5628">
        <v>0</v>
      </c>
      <c r="AO5628">
        <v>0</v>
      </c>
      <c r="AP5628">
        <v>0</v>
      </c>
      <c r="AQ5628">
        <v>0</v>
      </c>
      <c r="AR5628">
        <v>0</v>
      </c>
      <c r="AS5628">
        <v>0</v>
      </c>
      <c r="AT5628">
        <v>0</v>
      </c>
      <c r="AU5628">
        <v>0</v>
      </c>
      <c r="AV5628">
        <v>0</v>
      </c>
      <c r="AW5628">
        <v>0</v>
      </c>
      <c r="AX5628">
        <v>0</v>
      </c>
      <c r="AY5628">
        <v>0</v>
      </c>
      <c r="AZ5628">
        <v>0</v>
      </c>
      <c r="BA5628">
        <v>0</v>
      </c>
    </row>
    <row r="5629" spans="1:53" x14ac:dyDescent="0.4">
      <c r="A5629">
        <v>5673</v>
      </c>
      <c r="B5629" s="1">
        <v>44973</v>
      </c>
      <c r="C5629">
        <v>2</v>
      </c>
      <c r="D5629" s="1">
        <v>44973.444444444445</v>
      </c>
      <c r="E5629" s="1">
        <v>44973.772916666669</v>
      </c>
      <c r="F5629">
        <v>25950</v>
      </c>
      <c r="G5629">
        <v>0</v>
      </c>
      <c r="H5629">
        <v>0</v>
      </c>
      <c r="I5629">
        <v>0</v>
      </c>
      <c r="J5629">
        <v>300</v>
      </c>
      <c r="K5629">
        <v>0</v>
      </c>
      <c r="L5629">
        <v>0</v>
      </c>
      <c r="M5629">
        <v>2331</v>
      </c>
      <c r="N5629">
        <v>0</v>
      </c>
      <c r="O5629">
        <v>0</v>
      </c>
      <c r="P5629">
        <v>12820</v>
      </c>
      <c r="Q5629">
        <v>0</v>
      </c>
      <c r="R5629">
        <v>38470</v>
      </c>
      <c r="S5629">
        <v>0</v>
      </c>
      <c r="T5629">
        <v>0</v>
      </c>
      <c r="U5629">
        <v>0</v>
      </c>
      <c r="V5629">
        <v>3</v>
      </c>
      <c r="W5629">
        <v>0</v>
      </c>
      <c r="X5629">
        <v>0</v>
      </c>
      <c r="Y5629">
        <v>27</v>
      </c>
      <c r="Z5629">
        <v>19</v>
      </c>
      <c r="AA5629">
        <v>140</v>
      </c>
      <c r="AB5629">
        <v>19</v>
      </c>
      <c r="AC5629">
        <v>122</v>
      </c>
      <c r="AD5629">
        <v>24</v>
      </c>
      <c r="AE5629">
        <v>70</v>
      </c>
      <c r="AF5629">
        <v>5710</v>
      </c>
      <c r="AG5629">
        <v>88570</v>
      </c>
      <c r="AH5629">
        <v>50000</v>
      </c>
      <c r="AI5629">
        <v>100</v>
      </c>
      <c r="AJ5629">
        <v>35</v>
      </c>
      <c r="AK5629" t="s">
        <v>66</v>
      </c>
      <c r="AL5629">
        <v>0</v>
      </c>
      <c r="AM5629">
        <v>0</v>
      </c>
      <c r="AN5629">
        <v>0</v>
      </c>
      <c r="AO5629">
        <v>0</v>
      </c>
      <c r="AP5629">
        <v>0</v>
      </c>
      <c r="AQ5629">
        <v>0</v>
      </c>
      <c r="AR5629">
        <v>0</v>
      </c>
      <c r="AS5629">
        <v>0</v>
      </c>
      <c r="AT5629">
        <v>0</v>
      </c>
      <c r="AU5629">
        <v>0</v>
      </c>
      <c r="AV5629">
        <v>0</v>
      </c>
      <c r="AW5629">
        <v>0</v>
      </c>
      <c r="AX5629">
        <v>-1150</v>
      </c>
      <c r="AY5629">
        <v>42</v>
      </c>
      <c r="AZ5629">
        <v>66</v>
      </c>
      <c r="BA5629">
        <v>5755</v>
      </c>
    </row>
    <row r="5630" spans="1:53" x14ac:dyDescent="0.4">
      <c r="A5630">
        <v>5674</v>
      </c>
      <c r="B5630" s="1">
        <v>44973</v>
      </c>
      <c r="C5630">
        <v>3</v>
      </c>
      <c r="D5630" s="1">
        <v>44973.772916666669</v>
      </c>
      <c r="E5630" s="1">
        <v>44973.938194444447</v>
      </c>
      <c r="F5630">
        <v>29940</v>
      </c>
      <c r="G5630">
        <v>4697</v>
      </c>
      <c r="H5630">
        <v>0</v>
      </c>
      <c r="I5630">
        <v>0</v>
      </c>
      <c r="J5630">
        <v>0</v>
      </c>
      <c r="K5630">
        <v>0</v>
      </c>
      <c r="L5630">
        <v>0</v>
      </c>
      <c r="M5630">
        <v>3148</v>
      </c>
      <c r="N5630">
        <v>0</v>
      </c>
      <c r="O5630">
        <v>0</v>
      </c>
      <c r="P5630">
        <v>-10030</v>
      </c>
      <c r="Q5630">
        <v>0</v>
      </c>
      <c r="R5630">
        <v>24607</v>
      </c>
      <c r="S5630">
        <v>0</v>
      </c>
      <c r="T5630">
        <v>0</v>
      </c>
      <c r="U5630">
        <v>0</v>
      </c>
      <c r="V5630">
        <v>5</v>
      </c>
      <c r="W5630">
        <v>0</v>
      </c>
      <c r="X5630">
        <v>0</v>
      </c>
      <c r="Y5630">
        <v>25</v>
      </c>
      <c r="Z5630">
        <v>20</v>
      </c>
      <c r="AA5630">
        <v>138</v>
      </c>
      <c r="AB5630">
        <v>22</v>
      </c>
      <c r="AC5630">
        <v>117</v>
      </c>
      <c r="AD5630">
        <v>25</v>
      </c>
      <c r="AE5630">
        <v>68</v>
      </c>
      <c r="AF5630">
        <v>11914</v>
      </c>
      <c r="AG5630">
        <v>113177</v>
      </c>
      <c r="AH5630">
        <v>50000</v>
      </c>
      <c r="AI5630">
        <v>100</v>
      </c>
      <c r="AJ5630">
        <v>36</v>
      </c>
      <c r="AL5630">
        <v>0</v>
      </c>
      <c r="AM5630">
        <v>0</v>
      </c>
      <c r="AN5630">
        <v>0</v>
      </c>
      <c r="AO5630">
        <v>0</v>
      </c>
      <c r="AP5630">
        <v>0</v>
      </c>
      <c r="AQ5630">
        <v>0</v>
      </c>
      <c r="AR5630">
        <v>0</v>
      </c>
      <c r="AS5630">
        <v>0</v>
      </c>
      <c r="AT5630">
        <v>0</v>
      </c>
      <c r="AU5630">
        <v>0</v>
      </c>
      <c r="AV5630">
        <v>0</v>
      </c>
      <c r="AW5630">
        <v>0</v>
      </c>
      <c r="AX5630">
        <v>1650</v>
      </c>
      <c r="AY5630">
        <v>7</v>
      </c>
      <c r="AZ5630">
        <v>17</v>
      </c>
      <c r="BA5630">
        <v>1699</v>
      </c>
    </row>
    <row r="5631" spans="1:53" x14ac:dyDescent="0.4">
      <c r="A5631">
        <v>5675</v>
      </c>
      <c r="B5631" s="1">
        <v>44974</v>
      </c>
      <c r="C5631">
        <v>1</v>
      </c>
      <c r="D5631" s="1">
        <v>44974.291666666664</v>
      </c>
      <c r="E5631" s="1">
        <v>44974.450694444444</v>
      </c>
      <c r="F5631">
        <v>0</v>
      </c>
      <c r="G5631">
        <v>0</v>
      </c>
      <c r="H5631">
        <v>0</v>
      </c>
      <c r="I5631">
        <v>0</v>
      </c>
      <c r="J5631">
        <v>0</v>
      </c>
      <c r="K5631">
        <v>0</v>
      </c>
      <c r="L5631">
        <v>0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>
        <v>0</v>
      </c>
      <c r="U5631">
        <v>0</v>
      </c>
      <c r="V5631">
        <v>0</v>
      </c>
      <c r="W5631">
        <v>0</v>
      </c>
      <c r="X5631">
        <v>0</v>
      </c>
      <c r="Y5631">
        <v>26</v>
      </c>
      <c r="Z5631">
        <v>18</v>
      </c>
      <c r="AA5631">
        <v>125</v>
      </c>
      <c r="AB5631">
        <v>23</v>
      </c>
      <c r="AC5631">
        <v>116</v>
      </c>
      <c r="AD5631">
        <v>25</v>
      </c>
      <c r="AE5631">
        <v>65</v>
      </c>
      <c r="AF5631">
        <v>0</v>
      </c>
      <c r="AG5631">
        <v>50000</v>
      </c>
      <c r="AH5631">
        <v>50000</v>
      </c>
      <c r="AI5631">
        <v>0</v>
      </c>
      <c r="AJ5631">
        <v>0</v>
      </c>
      <c r="AK5631" t="s">
        <v>6</v>
      </c>
      <c r="AL5631">
        <v>0</v>
      </c>
      <c r="AM5631">
        <v>0</v>
      </c>
      <c r="AN5631">
        <v>0</v>
      </c>
      <c r="AO5631">
        <v>0</v>
      </c>
      <c r="AP5631">
        <v>0</v>
      </c>
      <c r="AQ5631">
        <v>0</v>
      </c>
      <c r="AR5631">
        <v>0</v>
      </c>
      <c r="AS5631">
        <v>0</v>
      </c>
      <c r="AT5631">
        <v>0</v>
      </c>
      <c r="AU5631">
        <v>0</v>
      </c>
      <c r="AV5631">
        <v>0</v>
      </c>
      <c r="AW5631">
        <v>0</v>
      </c>
      <c r="AX5631">
        <v>0</v>
      </c>
      <c r="AY5631">
        <v>0</v>
      </c>
      <c r="AZ5631">
        <v>0</v>
      </c>
      <c r="BA5631">
        <v>0</v>
      </c>
    </row>
    <row r="5632" spans="1:53" x14ac:dyDescent="0.4">
      <c r="A5632">
        <v>5676</v>
      </c>
      <c r="B5632" s="1">
        <v>44974</v>
      </c>
      <c r="C5632">
        <v>2</v>
      </c>
      <c r="D5632" s="1">
        <v>44974.450694444444</v>
      </c>
      <c r="E5632" s="1">
        <v>44974.741666666669</v>
      </c>
      <c r="F5632">
        <v>25840</v>
      </c>
      <c r="G5632">
        <v>946</v>
      </c>
      <c r="H5632">
        <v>0</v>
      </c>
      <c r="I5632">
        <v>0</v>
      </c>
      <c r="J5632">
        <v>0</v>
      </c>
      <c r="K5632">
        <v>0</v>
      </c>
      <c r="L5632">
        <v>0</v>
      </c>
      <c r="M5632">
        <v>2434</v>
      </c>
      <c r="N5632">
        <v>0</v>
      </c>
      <c r="O5632">
        <v>0</v>
      </c>
      <c r="P5632">
        <v>24610</v>
      </c>
      <c r="Q5632">
        <v>0</v>
      </c>
      <c r="R5632">
        <v>51396</v>
      </c>
      <c r="S5632">
        <v>0</v>
      </c>
      <c r="T5632">
        <v>0</v>
      </c>
      <c r="U5632">
        <v>0</v>
      </c>
      <c r="V5632">
        <v>1</v>
      </c>
      <c r="W5632">
        <v>2</v>
      </c>
      <c r="X5632">
        <v>0</v>
      </c>
      <c r="Y5632">
        <v>46</v>
      </c>
      <c r="Z5632">
        <v>25</v>
      </c>
      <c r="AA5632">
        <v>138</v>
      </c>
      <c r="AB5632">
        <v>16</v>
      </c>
      <c r="AC5632">
        <v>130</v>
      </c>
      <c r="AD5632">
        <v>23</v>
      </c>
      <c r="AE5632">
        <v>61</v>
      </c>
      <c r="AF5632">
        <v>6830</v>
      </c>
      <c r="AG5632">
        <v>101406</v>
      </c>
      <c r="AH5632">
        <v>50000</v>
      </c>
      <c r="AI5632">
        <v>10</v>
      </c>
      <c r="AJ5632">
        <v>35</v>
      </c>
      <c r="AK5632" t="s">
        <v>66</v>
      </c>
      <c r="AL5632">
        <v>0</v>
      </c>
      <c r="AM5632">
        <v>0</v>
      </c>
      <c r="AN5632">
        <v>0</v>
      </c>
      <c r="AO5632">
        <v>0</v>
      </c>
      <c r="AP5632">
        <v>0</v>
      </c>
      <c r="AQ5632">
        <v>0</v>
      </c>
      <c r="AR5632">
        <v>0</v>
      </c>
      <c r="AS5632">
        <v>0</v>
      </c>
      <c r="AT5632">
        <v>0</v>
      </c>
      <c r="AU5632">
        <v>0</v>
      </c>
      <c r="AV5632">
        <v>0</v>
      </c>
      <c r="AW5632">
        <v>0</v>
      </c>
      <c r="AX5632">
        <v>588</v>
      </c>
      <c r="AY5632">
        <v>42</v>
      </c>
      <c r="AZ5632">
        <v>81</v>
      </c>
      <c r="BA5632">
        <v>6352</v>
      </c>
    </row>
    <row r="5633" spans="1:53" x14ac:dyDescent="0.4">
      <c r="A5633">
        <v>5677</v>
      </c>
      <c r="B5633" s="1">
        <v>44975</v>
      </c>
      <c r="C5633">
        <v>1</v>
      </c>
      <c r="D5633" s="1">
        <v>44975.291666666664</v>
      </c>
      <c r="E5633" s="1">
        <v>44975.404166666667</v>
      </c>
      <c r="F5633">
        <v>0</v>
      </c>
      <c r="G5633">
        <v>0</v>
      </c>
      <c r="H5633">
        <v>0</v>
      </c>
      <c r="I5633">
        <v>0</v>
      </c>
      <c r="J5633">
        <v>0</v>
      </c>
      <c r="K5633">
        <v>0</v>
      </c>
      <c r="L5633">
        <v>0</v>
      </c>
      <c r="M5633">
        <v>0</v>
      </c>
      <c r="N5633">
        <v>0</v>
      </c>
      <c r="O5633">
        <v>0</v>
      </c>
      <c r="P5633">
        <v>0</v>
      </c>
      <c r="Q5633">
        <v>0</v>
      </c>
      <c r="R5633">
        <v>0</v>
      </c>
      <c r="S5633">
        <v>0</v>
      </c>
      <c r="T5633">
        <v>0</v>
      </c>
      <c r="U5633">
        <v>0</v>
      </c>
      <c r="V5633">
        <v>0</v>
      </c>
      <c r="W5633">
        <v>1</v>
      </c>
      <c r="X5633">
        <v>0</v>
      </c>
      <c r="Y5633">
        <v>25</v>
      </c>
      <c r="Z5633">
        <v>12</v>
      </c>
      <c r="AA5633">
        <v>120</v>
      </c>
      <c r="AB5633">
        <v>14</v>
      </c>
      <c r="AC5633">
        <v>115</v>
      </c>
      <c r="AD5633">
        <v>20</v>
      </c>
      <c r="AE5633">
        <v>50</v>
      </c>
      <c r="AF5633">
        <v>0</v>
      </c>
      <c r="AG5633">
        <v>50000</v>
      </c>
      <c r="AH5633">
        <v>50000</v>
      </c>
      <c r="AI5633">
        <v>0</v>
      </c>
      <c r="AJ5633">
        <v>0</v>
      </c>
      <c r="AK5633" t="s">
        <v>6</v>
      </c>
      <c r="AL5633">
        <v>0</v>
      </c>
      <c r="AM5633">
        <v>0</v>
      </c>
      <c r="AN5633">
        <v>0</v>
      </c>
      <c r="AO5633">
        <v>0</v>
      </c>
      <c r="AP5633">
        <v>0</v>
      </c>
      <c r="AQ5633">
        <v>0</v>
      </c>
      <c r="AR5633">
        <v>0</v>
      </c>
      <c r="AS5633">
        <v>0</v>
      </c>
      <c r="AT5633">
        <v>0</v>
      </c>
      <c r="AU5633">
        <v>0</v>
      </c>
      <c r="AV5633">
        <v>0</v>
      </c>
      <c r="AW5633">
        <v>0</v>
      </c>
      <c r="AX5633">
        <v>0</v>
      </c>
      <c r="AY5633">
        <v>0</v>
      </c>
      <c r="AZ5633">
        <v>0</v>
      </c>
      <c r="BA5633">
        <v>0</v>
      </c>
    </row>
    <row r="5634" spans="1:53" x14ac:dyDescent="0.4">
      <c r="A5634">
        <v>5678</v>
      </c>
      <c r="B5634" s="1">
        <v>44975</v>
      </c>
      <c r="C5634">
        <v>2</v>
      </c>
      <c r="D5634" s="1">
        <v>44975.404166666667</v>
      </c>
      <c r="E5634" s="1">
        <v>44975.748611111114</v>
      </c>
      <c r="F5634">
        <v>44870</v>
      </c>
      <c r="G5634">
        <v>1936</v>
      </c>
      <c r="H5634">
        <v>0</v>
      </c>
      <c r="I5634">
        <v>0</v>
      </c>
      <c r="J5634">
        <v>300</v>
      </c>
      <c r="K5634">
        <v>0</v>
      </c>
      <c r="L5634">
        <v>0</v>
      </c>
      <c r="M5634">
        <v>4226</v>
      </c>
      <c r="N5634">
        <v>0</v>
      </c>
      <c r="O5634">
        <v>0</v>
      </c>
      <c r="P5634">
        <v>13480</v>
      </c>
      <c r="Q5634">
        <v>0</v>
      </c>
      <c r="R5634">
        <v>59986</v>
      </c>
      <c r="S5634">
        <v>0</v>
      </c>
      <c r="T5634">
        <v>0</v>
      </c>
      <c r="U5634">
        <v>0</v>
      </c>
      <c r="V5634">
        <v>1</v>
      </c>
      <c r="W5634">
        <v>0</v>
      </c>
      <c r="X5634">
        <v>0</v>
      </c>
      <c r="Y5634">
        <v>72</v>
      </c>
      <c r="Z5634">
        <v>21</v>
      </c>
      <c r="AA5634">
        <v>112</v>
      </c>
      <c r="AB5634">
        <v>13</v>
      </c>
      <c r="AC5634">
        <v>158</v>
      </c>
      <c r="AD5634">
        <v>20</v>
      </c>
      <c r="AE5634">
        <v>56</v>
      </c>
      <c r="AF5634">
        <v>3900</v>
      </c>
      <c r="AG5634">
        <v>109986</v>
      </c>
      <c r="AH5634">
        <v>50000</v>
      </c>
      <c r="AI5634">
        <v>0</v>
      </c>
      <c r="AJ5634">
        <v>118</v>
      </c>
      <c r="AK5634" t="s">
        <v>59</v>
      </c>
      <c r="AL5634">
        <v>0</v>
      </c>
      <c r="AM5634">
        <v>0</v>
      </c>
      <c r="AN5634">
        <v>0</v>
      </c>
      <c r="AO5634">
        <v>0</v>
      </c>
      <c r="AP5634">
        <v>0</v>
      </c>
      <c r="AQ5634">
        <v>0</v>
      </c>
      <c r="AR5634">
        <v>0</v>
      </c>
      <c r="AS5634">
        <v>0</v>
      </c>
      <c r="AT5634">
        <v>0</v>
      </c>
      <c r="AU5634">
        <v>0</v>
      </c>
      <c r="AV5634">
        <v>0</v>
      </c>
      <c r="AW5634">
        <v>0</v>
      </c>
      <c r="AX5634">
        <v>-1702</v>
      </c>
      <c r="AY5634">
        <v>49</v>
      </c>
      <c r="AZ5634">
        <v>95</v>
      </c>
      <c r="BA5634">
        <v>7775</v>
      </c>
    </row>
    <row r="5635" spans="1:53" x14ac:dyDescent="0.4">
      <c r="A5635">
        <v>5679</v>
      </c>
      <c r="B5635" s="1">
        <v>44975</v>
      </c>
      <c r="C5635">
        <v>3</v>
      </c>
      <c r="D5635" s="1">
        <v>44975.748611111114</v>
      </c>
      <c r="E5635" s="1">
        <v>44975.956944444442</v>
      </c>
      <c r="F5635">
        <v>52900</v>
      </c>
      <c r="G5635">
        <v>418</v>
      </c>
      <c r="H5635">
        <v>0</v>
      </c>
      <c r="I5635">
        <v>0</v>
      </c>
      <c r="J5635">
        <v>0</v>
      </c>
      <c r="K5635">
        <v>0</v>
      </c>
      <c r="L5635">
        <v>0</v>
      </c>
      <c r="M5635">
        <v>4846</v>
      </c>
      <c r="N5635">
        <v>0</v>
      </c>
      <c r="O5635">
        <v>0</v>
      </c>
      <c r="P5635">
        <v>-10080</v>
      </c>
      <c r="Q5635">
        <v>0</v>
      </c>
      <c r="R5635">
        <v>43238</v>
      </c>
      <c r="S5635">
        <v>0</v>
      </c>
      <c r="T5635">
        <v>0</v>
      </c>
      <c r="U5635">
        <v>0</v>
      </c>
      <c r="V5635">
        <v>3</v>
      </c>
      <c r="W5635">
        <v>0</v>
      </c>
      <c r="X5635">
        <v>0</v>
      </c>
      <c r="Y5635">
        <v>84</v>
      </c>
      <c r="Z5635">
        <v>21</v>
      </c>
      <c r="AA5635">
        <v>107</v>
      </c>
      <c r="AB5635">
        <v>15</v>
      </c>
      <c r="AC5635">
        <v>167</v>
      </c>
      <c r="AD5635">
        <v>20</v>
      </c>
      <c r="AE5635">
        <v>54</v>
      </c>
      <c r="AF5635">
        <v>15450</v>
      </c>
      <c r="AG5635">
        <v>153224</v>
      </c>
      <c r="AH5635">
        <v>50000</v>
      </c>
      <c r="AI5635">
        <v>0</v>
      </c>
      <c r="AJ5635">
        <v>108</v>
      </c>
      <c r="AK5635" t="s">
        <v>3</v>
      </c>
      <c r="AL5635">
        <v>0</v>
      </c>
      <c r="AM5635">
        <v>0</v>
      </c>
      <c r="AN5635">
        <v>0</v>
      </c>
      <c r="AO5635">
        <v>0</v>
      </c>
      <c r="AP5635">
        <v>0</v>
      </c>
      <c r="AQ5635">
        <v>0</v>
      </c>
      <c r="AR5635">
        <v>0</v>
      </c>
      <c r="AS5635">
        <v>0</v>
      </c>
      <c r="AT5635">
        <v>0</v>
      </c>
      <c r="AU5635">
        <v>0</v>
      </c>
      <c r="AV5635">
        <v>0</v>
      </c>
      <c r="AW5635">
        <v>0</v>
      </c>
      <c r="AX5635">
        <v>42844</v>
      </c>
      <c r="AY5635">
        <v>24</v>
      </c>
      <c r="AZ5635">
        <v>54</v>
      </c>
      <c r="BA5635">
        <v>3130</v>
      </c>
    </row>
    <row r="5636" spans="1:53" x14ac:dyDescent="0.4">
      <c r="A5636">
        <v>5680</v>
      </c>
      <c r="B5636" s="1">
        <v>44976</v>
      </c>
      <c r="C5636">
        <v>1</v>
      </c>
      <c r="D5636" s="1">
        <v>44976.291666666664</v>
      </c>
      <c r="E5636" s="1">
        <v>44976.40902777778</v>
      </c>
      <c r="F5636">
        <v>0</v>
      </c>
      <c r="G5636">
        <v>0</v>
      </c>
      <c r="H5636">
        <v>0</v>
      </c>
      <c r="I5636">
        <v>0</v>
      </c>
      <c r="J5636">
        <v>0</v>
      </c>
      <c r="K5636">
        <v>0</v>
      </c>
      <c r="L5636">
        <v>0</v>
      </c>
      <c r="M5636">
        <v>0</v>
      </c>
      <c r="N5636">
        <v>0</v>
      </c>
      <c r="O5636">
        <v>0</v>
      </c>
      <c r="P5636">
        <v>0</v>
      </c>
      <c r="Q5636">
        <v>0</v>
      </c>
      <c r="R5636">
        <v>0</v>
      </c>
      <c r="S5636">
        <v>0</v>
      </c>
      <c r="T5636">
        <v>0</v>
      </c>
      <c r="U5636">
        <v>0</v>
      </c>
      <c r="V5636">
        <v>0</v>
      </c>
      <c r="W5636">
        <v>1</v>
      </c>
      <c r="X5636">
        <v>0</v>
      </c>
      <c r="Y5636">
        <v>28</v>
      </c>
      <c r="Z5636">
        <v>12</v>
      </c>
      <c r="AA5636">
        <v>91</v>
      </c>
      <c r="AB5636">
        <v>17</v>
      </c>
      <c r="AC5636">
        <v>91</v>
      </c>
      <c r="AD5636">
        <v>19</v>
      </c>
      <c r="AE5636">
        <v>45</v>
      </c>
      <c r="AF5636">
        <v>0</v>
      </c>
      <c r="AG5636">
        <v>50000</v>
      </c>
      <c r="AH5636">
        <v>50000</v>
      </c>
      <c r="AI5636">
        <v>0</v>
      </c>
      <c r="AJ5636">
        <v>0</v>
      </c>
      <c r="AK5636" t="s">
        <v>6</v>
      </c>
      <c r="AL5636">
        <v>0</v>
      </c>
      <c r="AM5636">
        <v>0</v>
      </c>
      <c r="AN5636">
        <v>0</v>
      </c>
      <c r="AO5636">
        <v>0</v>
      </c>
      <c r="AP5636">
        <v>0</v>
      </c>
      <c r="AQ5636">
        <v>0</v>
      </c>
      <c r="AR5636">
        <v>0</v>
      </c>
      <c r="AS5636">
        <v>0</v>
      </c>
      <c r="AT5636">
        <v>0</v>
      </c>
      <c r="AU5636">
        <v>0</v>
      </c>
      <c r="AV5636">
        <v>0</v>
      </c>
      <c r="AW5636">
        <v>0</v>
      </c>
      <c r="AX5636">
        <v>0</v>
      </c>
      <c r="AY5636">
        <v>0</v>
      </c>
      <c r="AZ5636">
        <v>0</v>
      </c>
      <c r="BA5636">
        <v>0</v>
      </c>
    </row>
    <row r="5637" spans="1:53" x14ac:dyDescent="0.4">
      <c r="A5637">
        <v>5681</v>
      </c>
      <c r="B5637" s="1">
        <v>44976</v>
      </c>
      <c r="C5637">
        <v>2</v>
      </c>
      <c r="D5637" s="1">
        <v>44976.40902777778</v>
      </c>
      <c r="E5637" s="1">
        <v>44976.742361111108</v>
      </c>
      <c r="F5637">
        <v>45700</v>
      </c>
      <c r="G5637">
        <v>3234</v>
      </c>
      <c r="H5637">
        <v>220</v>
      </c>
      <c r="I5637">
        <v>0</v>
      </c>
      <c r="J5637">
        <v>500</v>
      </c>
      <c r="K5637">
        <v>0</v>
      </c>
      <c r="L5637">
        <v>0</v>
      </c>
      <c r="M5637">
        <v>4421</v>
      </c>
      <c r="N5637">
        <v>0</v>
      </c>
      <c r="O5637">
        <v>0</v>
      </c>
      <c r="P5637">
        <v>17550</v>
      </c>
      <c r="Q5637">
        <v>0</v>
      </c>
      <c r="R5637">
        <v>66204</v>
      </c>
      <c r="S5637">
        <v>0</v>
      </c>
      <c r="T5637">
        <v>0</v>
      </c>
      <c r="U5637">
        <v>0</v>
      </c>
      <c r="V5637">
        <v>1</v>
      </c>
      <c r="W5637">
        <v>1</v>
      </c>
      <c r="X5637">
        <v>0</v>
      </c>
      <c r="Y5637">
        <v>64</v>
      </c>
      <c r="Z5637">
        <v>23</v>
      </c>
      <c r="AA5637">
        <v>107</v>
      </c>
      <c r="AB5637">
        <v>26</v>
      </c>
      <c r="AC5637">
        <v>115</v>
      </c>
      <c r="AD5637">
        <v>18</v>
      </c>
      <c r="AE5637">
        <v>41</v>
      </c>
      <c r="AF5637">
        <v>12423</v>
      </c>
      <c r="AG5637">
        <v>116204</v>
      </c>
      <c r="AH5637">
        <v>50000</v>
      </c>
      <c r="AI5637">
        <v>0</v>
      </c>
      <c r="AJ5637">
        <v>103</v>
      </c>
      <c r="AK5637" t="s">
        <v>7</v>
      </c>
      <c r="AL5637">
        <v>0</v>
      </c>
      <c r="AM5637">
        <v>0</v>
      </c>
      <c r="AN5637">
        <v>0</v>
      </c>
      <c r="AO5637">
        <v>0</v>
      </c>
      <c r="AP5637">
        <v>0</v>
      </c>
      <c r="AQ5637">
        <v>0</v>
      </c>
      <c r="AR5637">
        <v>0</v>
      </c>
      <c r="AS5637">
        <v>0</v>
      </c>
      <c r="AT5637">
        <v>0</v>
      </c>
      <c r="AU5637">
        <v>0</v>
      </c>
      <c r="AV5637">
        <v>0</v>
      </c>
      <c r="AW5637">
        <v>0</v>
      </c>
      <c r="AX5637">
        <v>-1060</v>
      </c>
      <c r="AY5637">
        <v>51</v>
      </c>
      <c r="AZ5637">
        <v>99</v>
      </c>
      <c r="BA5637">
        <v>7809</v>
      </c>
    </row>
    <row r="5638" spans="1:53" x14ac:dyDescent="0.4">
      <c r="A5638">
        <v>5682</v>
      </c>
      <c r="B5638" s="1">
        <v>44976</v>
      </c>
      <c r="C5638">
        <v>3</v>
      </c>
      <c r="D5638" s="1">
        <v>44976.742361111108</v>
      </c>
      <c r="E5638" s="1">
        <v>44976.963194444441</v>
      </c>
      <c r="F5638">
        <v>60970</v>
      </c>
      <c r="G5638">
        <v>2684</v>
      </c>
      <c r="H5638">
        <v>0</v>
      </c>
      <c r="I5638">
        <v>0</v>
      </c>
      <c r="J5638">
        <v>100</v>
      </c>
      <c r="K5638">
        <v>0</v>
      </c>
      <c r="L5638">
        <v>0</v>
      </c>
      <c r="M5638">
        <v>5774</v>
      </c>
      <c r="N5638">
        <v>0</v>
      </c>
      <c r="O5638">
        <v>0</v>
      </c>
      <c r="P5638">
        <v>-7070</v>
      </c>
      <c r="Q5638">
        <v>0</v>
      </c>
      <c r="R5638">
        <v>56484</v>
      </c>
      <c r="S5638">
        <v>0</v>
      </c>
      <c r="T5638">
        <v>0</v>
      </c>
      <c r="U5638">
        <v>0</v>
      </c>
      <c r="V5638">
        <v>5</v>
      </c>
      <c r="W5638">
        <v>1</v>
      </c>
      <c r="X5638">
        <v>0</v>
      </c>
      <c r="Y5638">
        <v>67</v>
      </c>
      <c r="Z5638">
        <v>20</v>
      </c>
      <c r="AA5638">
        <v>114</v>
      </c>
      <c r="AB5638">
        <v>20</v>
      </c>
      <c r="AC5638">
        <v>128</v>
      </c>
      <c r="AD5638">
        <v>20</v>
      </c>
      <c r="AE5638">
        <v>46</v>
      </c>
      <c r="AF5638">
        <v>26862</v>
      </c>
      <c r="AG5638">
        <v>172688</v>
      </c>
      <c r="AH5638">
        <v>50000</v>
      </c>
      <c r="AI5638">
        <v>0</v>
      </c>
      <c r="AJ5638">
        <v>108</v>
      </c>
      <c r="AK5638" t="s">
        <v>3</v>
      </c>
      <c r="AL5638">
        <v>0</v>
      </c>
      <c r="AM5638">
        <v>0</v>
      </c>
      <c r="AN5638">
        <v>0</v>
      </c>
      <c r="AO5638">
        <v>0</v>
      </c>
      <c r="AP5638">
        <v>0</v>
      </c>
      <c r="AQ5638">
        <v>0</v>
      </c>
      <c r="AR5638">
        <v>0</v>
      </c>
      <c r="AS5638">
        <v>0</v>
      </c>
      <c r="AT5638">
        <v>0</v>
      </c>
      <c r="AU5638">
        <v>0</v>
      </c>
      <c r="AV5638">
        <v>0</v>
      </c>
      <c r="AW5638">
        <v>0</v>
      </c>
      <c r="AX5638">
        <v>3465</v>
      </c>
      <c r="AY5638">
        <v>16</v>
      </c>
      <c r="AZ5638">
        <v>45</v>
      </c>
      <c r="BA5638">
        <v>3032</v>
      </c>
    </row>
    <row r="5639" spans="1:53" x14ac:dyDescent="0.4">
      <c r="A5639">
        <v>5683</v>
      </c>
      <c r="B5639" s="1">
        <v>44977</v>
      </c>
      <c r="C5639">
        <v>1</v>
      </c>
      <c r="D5639" s="1">
        <v>44977.291666666664</v>
      </c>
      <c r="E5639" s="1">
        <v>44977.445833333331</v>
      </c>
      <c r="F5639">
        <v>0</v>
      </c>
      <c r="G5639">
        <v>0</v>
      </c>
      <c r="H5639">
        <v>0</v>
      </c>
      <c r="I5639">
        <v>0</v>
      </c>
      <c r="J5639">
        <v>0</v>
      </c>
      <c r="K5639">
        <v>0</v>
      </c>
      <c r="L5639">
        <v>0</v>
      </c>
      <c r="M5639">
        <v>0</v>
      </c>
      <c r="N5639">
        <v>0</v>
      </c>
      <c r="O5639">
        <v>0</v>
      </c>
      <c r="P5639">
        <v>0</v>
      </c>
      <c r="Q5639">
        <v>0</v>
      </c>
      <c r="R5639">
        <v>0</v>
      </c>
      <c r="S5639">
        <v>0</v>
      </c>
      <c r="T5639">
        <v>0</v>
      </c>
      <c r="U5639">
        <v>0</v>
      </c>
      <c r="V5639">
        <v>0</v>
      </c>
      <c r="W5639">
        <v>1</v>
      </c>
      <c r="X5639">
        <v>0</v>
      </c>
      <c r="Y5639">
        <v>25</v>
      </c>
      <c r="Z5639">
        <v>11</v>
      </c>
      <c r="AA5639">
        <v>121</v>
      </c>
      <c r="AB5639">
        <v>20</v>
      </c>
      <c r="AC5639">
        <v>126</v>
      </c>
      <c r="AD5639">
        <v>19</v>
      </c>
      <c r="AE5639">
        <v>45</v>
      </c>
      <c r="AF5639">
        <v>0</v>
      </c>
      <c r="AG5639">
        <v>50000</v>
      </c>
      <c r="AH5639">
        <v>50000</v>
      </c>
      <c r="AI5639">
        <v>0</v>
      </c>
      <c r="AJ5639">
        <v>0</v>
      </c>
      <c r="AK5639" t="s">
        <v>6</v>
      </c>
      <c r="AL5639">
        <v>0</v>
      </c>
      <c r="AM5639">
        <v>0</v>
      </c>
      <c r="AN5639">
        <v>0</v>
      </c>
      <c r="AO5639">
        <v>0</v>
      </c>
      <c r="AP5639">
        <v>0</v>
      </c>
      <c r="AQ5639">
        <v>0</v>
      </c>
      <c r="AR5639">
        <v>0</v>
      </c>
      <c r="AS5639">
        <v>0</v>
      </c>
      <c r="AT5639">
        <v>0</v>
      </c>
      <c r="AU5639">
        <v>0</v>
      </c>
      <c r="AV5639">
        <v>0</v>
      </c>
      <c r="AW5639">
        <v>0</v>
      </c>
      <c r="AX5639">
        <v>0</v>
      </c>
      <c r="AY5639">
        <v>0</v>
      </c>
      <c r="AZ5639">
        <v>0</v>
      </c>
      <c r="BA5639">
        <v>0</v>
      </c>
    </row>
    <row r="5640" spans="1:53" x14ac:dyDescent="0.4">
      <c r="A5640">
        <v>5684</v>
      </c>
      <c r="B5640" s="1">
        <v>44977</v>
      </c>
      <c r="C5640">
        <v>2</v>
      </c>
      <c r="D5640" s="1">
        <v>44977.445833333331</v>
      </c>
      <c r="E5640" s="1">
        <v>44977.743055555555</v>
      </c>
      <c r="F5640">
        <v>32100</v>
      </c>
      <c r="G5640">
        <v>2376</v>
      </c>
      <c r="H5640">
        <v>0</v>
      </c>
      <c r="I5640">
        <v>0</v>
      </c>
      <c r="J5640">
        <v>0</v>
      </c>
      <c r="K5640">
        <v>0</v>
      </c>
      <c r="L5640">
        <v>0</v>
      </c>
      <c r="M5640">
        <v>3135</v>
      </c>
      <c r="N5640">
        <v>0</v>
      </c>
      <c r="O5640">
        <v>0</v>
      </c>
      <c r="P5640">
        <v>22370</v>
      </c>
      <c r="Q5640">
        <v>0</v>
      </c>
      <c r="R5640">
        <v>56846</v>
      </c>
      <c r="S5640">
        <v>0</v>
      </c>
      <c r="T5640">
        <v>0</v>
      </c>
      <c r="U5640">
        <v>0</v>
      </c>
      <c r="V5640">
        <v>2</v>
      </c>
      <c r="W5640">
        <v>1</v>
      </c>
      <c r="X5640">
        <v>0</v>
      </c>
      <c r="Y5640">
        <v>45</v>
      </c>
      <c r="Z5640">
        <v>37</v>
      </c>
      <c r="AA5640">
        <v>136</v>
      </c>
      <c r="AB5640">
        <v>29</v>
      </c>
      <c r="AC5640">
        <v>149</v>
      </c>
      <c r="AD5640">
        <v>21</v>
      </c>
      <c r="AE5640">
        <v>41</v>
      </c>
      <c r="AF5640">
        <v>1660</v>
      </c>
      <c r="AG5640">
        <v>106846</v>
      </c>
      <c r="AH5640">
        <v>50000</v>
      </c>
      <c r="AI5640">
        <v>0</v>
      </c>
      <c r="AJ5640">
        <v>119</v>
      </c>
      <c r="AK5640" t="s">
        <v>56</v>
      </c>
      <c r="AL5640">
        <v>0</v>
      </c>
      <c r="AM5640">
        <v>0</v>
      </c>
      <c r="AN5640">
        <v>0</v>
      </c>
      <c r="AO5640">
        <v>0</v>
      </c>
      <c r="AP5640">
        <v>0</v>
      </c>
      <c r="AQ5640">
        <v>0</v>
      </c>
      <c r="AR5640">
        <v>0</v>
      </c>
      <c r="AS5640">
        <v>0</v>
      </c>
      <c r="AT5640">
        <v>0</v>
      </c>
      <c r="AU5640">
        <v>0</v>
      </c>
      <c r="AV5640">
        <v>0</v>
      </c>
      <c r="AW5640">
        <v>0</v>
      </c>
      <c r="AX5640">
        <v>-1200</v>
      </c>
      <c r="AY5640">
        <v>46</v>
      </c>
      <c r="AZ5640">
        <v>88</v>
      </c>
      <c r="BA5640">
        <v>6303</v>
      </c>
    </row>
    <row r="5641" spans="1:53" x14ac:dyDescent="0.4">
      <c r="A5641">
        <v>5685</v>
      </c>
      <c r="B5641" s="1">
        <v>44978</v>
      </c>
      <c r="C5641">
        <v>1</v>
      </c>
      <c r="D5641" s="1">
        <v>44978.291666666664</v>
      </c>
      <c r="E5641" s="1">
        <v>44978.445833333331</v>
      </c>
      <c r="F5641">
        <v>0</v>
      </c>
      <c r="G5641">
        <v>0</v>
      </c>
      <c r="H5641">
        <v>0</v>
      </c>
      <c r="I5641">
        <v>0</v>
      </c>
      <c r="J5641">
        <v>0</v>
      </c>
      <c r="K5641">
        <v>0</v>
      </c>
      <c r="L5641">
        <v>0</v>
      </c>
      <c r="M5641">
        <v>0</v>
      </c>
      <c r="N5641">
        <v>0</v>
      </c>
      <c r="O5641">
        <v>0</v>
      </c>
      <c r="P5641">
        <v>0</v>
      </c>
      <c r="Q5641">
        <v>0</v>
      </c>
      <c r="R5641">
        <v>0</v>
      </c>
      <c r="S5641">
        <v>0</v>
      </c>
      <c r="T5641">
        <v>0</v>
      </c>
      <c r="U5641">
        <v>0</v>
      </c>
      <c r="V5641">
        <v>0</v>
      </c>
      <c r="W5641">
        <v>0</v>
      </c>
      <c r="X5641">
        <v>0</v>
      </c>
      <c r="Y5641">
        <v>27</v>
      </c>
      <c r="Z5641">
        <v>15</v>
      </c>
      <c r="AA5641">
        <v>126</v>
      </c>
      <c r="AB5641">
        <v>31</v>
      </c>
      <c r="AC5641">
        <v>121</v>
      </c>
      <c r="AD5641">
        <v>20</v>
      </c>
      <c r="AE5641">
        <v>40</v>
      </c>
      <c r="AF5641">
        <v>0</v>
      </c>
      <c r="AG5641">
        <v>50000</v>
      </c>
      <c r="AH5641">
        <v>50000</v>
      </c>
      <c r="AI5641">
        <v>0</v>
      </c>
      <c r="AJ5641">
        <v>0</v>
      </c>
      <c r="AK5641" t="s">
        <v>6</v>
      </c>
      <c r="AL5641">
        <v>0</v>
      </c>
      <c r="AM5641">
        <v>0</v>
      </c>
      <c r="AN5641">
        <v>0</v>
      </c>
      <c r="AO5641">
        <v>0</v>
      </c>
      <c r="AP5641">
        <v>0</v>
      </c>
      <c r="AQ5641">
        <v>0</v>
      </c>
      <c r="AR5641">
        <v>0</v>
      </c>
      <c r="AS5641">
        <v>0</v>
      </c>
      <c r="AT5641">
        <v>0</v>
      </c>
      <c r="AU5641">
        <v>0</v>
      </c>
      <c r="AV5641">
        <v>0</v>
      </c>
      <c r="AW5641">
        <v>0</v>
      </c>
      <c r="AX5641">
        <v>0</v>
      </c>
      <c r="AY5641">
        <v>0</v>
      </c>
      <c r="AZ5641">
        <v>0</v>
      </c>
      <c r="BA5641">
        <v>0</v>
      </c>
    </row>
    <row r="5642" spans="1:53" x14ac:dyDescent="0.4">
      <c r="A5642">
        <v>5686</v>
      </c>
      <c r="B5642" s="1">
        <v>44978</v>
      </c>
      <c r="C5642">
        <v>2</v>
      </c>
      <c r="D5642" s="1">
        <v>44978.445833333331</v>
      </c>
      <c r="E5642" s="1">
        <v>44978.744444444441</v>
      </c>
      <c r="F5642">
        <v>30050</v>
      </c>
      <c r="G5642">
        <v>594</v>
      </c>
      <c r="H5642">
        <v>0</v>
      </c>
      <c r="I5642">
        <v>0</v>
      </c>
      <c r="J5642">
        <v>300</v>
      </c>
      <c r="K5642">
        <v>0</v>
      </c>
      <c r="L5642">
        <v>0</v>
      </c>
      <c r="M5642">
        <v>2760</v>
      </c>
      <c r="N5642">
        <v>0</v>
      </c>
      <c r="O5642">
        <v>0</v>
      </c>
      <c r="P5642">
        <v>31440</v>
      </c>
      <c r="Q5642">
        <v>0</v>
      </c>
      <c r="R5642">
        <v>61784</v>
      </c>
      <c r="S5642">
        <v>0</v>
      </c>
      <c r="T5642">
        <v>0</v>
      </c>
      <c r="U5642">
        <v>0</v>
      </c>
      <c r="V5642">
        <v>1</v>
      </c>
      <c r="W5642">
        <v>1</v>
      </c>
      <c r="X5642">
        <v>0</v>
      </c>
      <c r="Y5642">
        <v>70</v>
      </c>
      <c r="Z5642">
        <v>25</v>
      </c>
      <c r="AA5642">
        <v>104</v>
      </c>
      <c r="AB5642">
        <v>37</v>
      </c>
      <c r="AC5642">
        <v>130</v>
      </c>
      <c r="AD5642">
        <v>20</v>
      </c>
      <c r="AE5642">
        <v>34</v>
      </c>
      <c r="AF5642">
        <v>600</v>
      </c>
      <c r="AG5642">
        <v>111784</v>
      </c>
      <c r="AH5642">
        <v>50000</v>
      </c>
      <c r="AI5642">
        <v>0</v>
      </c>
      <c r="AJ5642">
        <v>35</v>
      </c>
      <c r="AK5642" t="s">
        <v>66</v>
      </c>
      <c r="AL5642">
        <v>0</v>
      </c>
      <c r="AM5642">
        <v>0</v>
      </c>
      <c r="AN5642">
        <v>0</v>
      </c>
      <c r="AO5642">
        <v>0</v>
      </c>
      <c r="AP5642">
        <v>0</v>
      </c>
      <c r="AQ5642">
        <v>0</v>
      </c>
      <c r="AR5642">
        <v>0</v>
      </c>
      <c r="AS5642">
        <v>0</v>
      </c>
      <c r="AT5642">
        <v>0</v>
      </c>
      <c r="AU5642">
        <v>0</v>
      </c>
      <c r="AV5642">
        <v>0</v>
      </c>
      <c r="AW5642">
        <v>0</v>
      </c>
      <c r="AX5642">
        <v>-1730</v>
      </c>
      <c r="AY5642">
        <v>44</v>
      </c>
      <c r="AZ5642">
        <v>98</v>
      </c>
      <c r="BA5642">
        <v>6780</v>
      </c>
    </row>
    <row r="5643" spans="1:53" x14ac:dyDescent="0.4">
      <c r="A5643">
        <v>5687</v>
      </c>
      <c r="B5643" s="1">
        <v>44978</v>
      </c>
      <c r="C5643">
        <v>3</v>
      </c>
      <c r="D5643" s="1">
        <v>44978.744444444441</v>
      </c>
      <c r="E5643" s="1">
        <v>44978.952777777777</v>
      </c>
      <c r="F5643">
        <v>48420</v>
      </c>
      <c r="G5643">
        <v>1518</v>
      </c>
      <c r="H5643">
        <v>0</v>
      </c>
      <c r="I5643">
        <v>0</v>
      </c>
      <c r="J5643">
        <v>100</v>
      </c>
      <c r="K5643">
        <v>0</v>
      </c>
      <c r="L5643">
        <v>0</v>
      </c>
      <c r="M5643">
        <v>4532</v>
      </c>
      <c r="N5643">
        <v>0</v>
      </c>
      <c r="O5643">
        <v>0</v>
      </c>
      <c r="P5643">
        <v>-26710</v>
      </c>
      <c r="Q5643">
        <v>0</v>
      </c>
      <c r="R5643">
        <v>23128</v>
      </c>
      <c r="S5643">
        <v>0</v>
      </c>
      <c r="T5643">
        <v>0</v>
      </c>
      <c r="U5643">
        <v>0</v>
      </c>
      <c r="V5643">
        <v>2</v>
      </c>
      <c r="W5643">
        <v>1</v>
      </c>
      <c r="X5643">
        <v>0</v>
      </c>
      <c r="Y5643">
        <v>78</v>
      </c>
      <c r="Z5643">
        <v>25</v>
      </c>
      <c r="AA5643">
        <v>96</v>
      </c>
      <c r="AB5643">
        <v>37</v>
      </c>
      <c r="AC5643">
        <v>118</v>
      </c>
      <c r="AD5643">
        <v>20</v>
      </c>
      <c r="AE5643">
        <v>32</v>
      </c>
      <c r="AF5643">
        <v>6650</v>
      </c>
      <c r="AG5643">
        <v>134912</v>
      </c>
      <c r="AH5643">
        <v>50000</v>
      </c>
      <c r="AI5643">
        <v>0</v>
      </c>
      <c r="AJ5643">
        <v>36</v>
      </c>
      <c r="AL5643">
        <v>0</v>
      </c>
      <c r="AM5643">
        <v>0</v>
      </c>
      <c r="AN5643">
        <v>0</v>
      </c>
      <c r="AO5643">
        <v>0</v>
      </c>
      <c r="AP5643">
        <v>0</v>
      </c>
      <c r="AQ5643">
        <v>0</v>
      </c>
      <c r="AR5643">
        <v>0</v>
      </c>
      <c r="AS5643">
        <v>0</v>
      </c>
      <c r="AT5643">
        <v>0</v>
      </c>
      <c r="AU5643">
        <v>0</v>
      </c>
      <c r="AV5643">
        <v>0</v>
      </c>
      <c r="AW5643">
        <v>0</v>
      </c>
      <c r="AX5643">
        <v>10324</v>
      </c>
      <c r="AY5643">
        <v>11</v>
      </c>
      <c r="AZ5643">
        <v>23</v>
      </c>
      <c r="BA5643">
        <v>2799</v>
      </c>
    </row>
    <row r="5644" spans="1:53" x14ac:dyDescent="0.4">
      <c r="A5644">
        <v>5688</v>
      </c>
      <c r="B5644" s="1">
        <v>44979</v>
      </c>
      <c r="C5644">
        <v>1</v>
      </c>
      <c r="D5644" s="1">
        <v>44979.291666666664</v>
      </c>
      <c r="E5644" s="1">
        <v>44979.453472222223</v>
      </c>
      <c r="F5644">
        <v>0</v>
      </c>
      <c r="G5644">
        <v>0</v>
      </c>
      <c r="H5644">
        <v>0</v>
      </c>
      <c r="I5644">
        <v>0</v>
      </c>
      <c r="J5644">
        <v>0</v>
      </c>
      <c r="K5644">
        <v>0</v>
      </c>
      <c r="L5644">
        <v>0</v>
      </c>
      <c r="M5644">
        <v>0</v>
      </c>
      <c r="N5644">
        <v>0</v>
      </c>
      <c r="O5644">
        <v>0</v>
      </c>
      <c r="P5644">
        <v>0</v>
      </c>
      <c r="Q5644">
        <v>0</v>
      </c>
      <c r="R5644">
        <v>0</v>
      </c>
      <c r="S5644">
        <v>0</v>
      </c>
      <c r="T5644">
        <v>0</v>
      </c>
      <c r="U5644">
        <v>0</v>
      </c>
      <c r="V5644">
        <v>0</v>
      </c>
      <c r="W5644">
        <v>1</v>
      </c>
      <c r="X5644">
        <v>0</v>
      </c>
      <c r="Y5644">
        <v>25</v>
      </c>
      <c r="Z5644">
        <v>15</v>
      </c>
      <c r="AA5644">
        <v>95</v>
      </c>
      <c r="AB5644">
        <v>35</v>
      </c>
      <c r="AC5644">
        <v>112</v>
      </c>
      <c r="AD5644">
        <v>20</v>
      </c>
      <c r="AE5644">
        <v>30</v>
      </c>
      <c r="AF5644">
        <v>0</v>
      </c>
      <c r="AG5644">
        <v>50000</v>
      </c>
      <c r="AH5644">
        <v>50000</v>
      </c>
      <c r="AI5644">
        <v>0</v>
      </c>
      <c r="AJ5644">
        <v>0</v>
      </c>
      <c r="AK5644" t="s">
        <v>6</v>
      </c>
      <c r="AL5644">
        <v>0</v>
      </c>
      <c r="AM5644">
        <v>0</v>
      </c>
      <c r="AN5644">
        <v>0</v>
      </c>
      <c r="AO5644">
        <v>0</v>
      </c>
      <c r="AP5644">
        <v>0</v>
      </c>
      <c r="AQ5644">
        <v>0</v>
      </c>
      <c r="AR5644">
        <v>0</v>
      </c>
      <c r="AS5644">
        <v>0</v>
      </c>
      <c r="AT5644">
        <v>0</v>
      </c>
      <c r="AU5644">
        <v>0</v>
      </c>
      <c r="AV5644">
        <v>0</v>
      </c>
      <c r="AW5644">
        <v>0</v>
      </c>
      <c r="AX5644">
        <v>0</v>
      </c>
      <c r="AY5644">
        <v>0</v>
      </c>
      <c r="AZ5644">
        <v>0</v>
      </c>
      <c r="BA5644">
        <v>0</v>
      </c>
    </row>
    <row r="5645" spans="1:53" x14ac:dyDescent="0.4">
      <c r="A5645">
        <v>5689</v>
      </c>
      <c r="B5645" s="1">
        <v>44979</v>
      </c>
      <c r="C5645">
        <v>2</v>
      </c>
      <c r="D5645" s="1">
        <v>44979.453472222223</v>
      </c>
      <c r="E5645" s="1">
        <v>44979.748611111114</v>
      </c>
      <c r="F5645">
        <v>24910</v>
      </c>
      <c r="G5645">
        <v>1650</v>
      </c>
      <c r="H5645">
        <v>0</v>
      </c>
      <c r="I5645">
        <v>0</v>
      </c>
      <c r="J5645">
        <v>100</v>
      </c>
      <c r="K5645">
        <v>0</v>
      </c>
      <c r="L5645">
        <v>0</v>
      </c>
      <c r="M5645">
        <v>2402</v>
      </c>
      <c r="N5645">
        <v>0</v>
      </c>
      <c r="O5645">
        <v>0</v>
      </c>
      <c r="P5645">
        <v>27850</v>
      </c>
      <c r="Q5645">
        <v>0</v>
      </c>
      <c r="R5645">
        <v>54310</v>
      </c>
      <c r="S5645">
        <v>0</v>
      </c>
      <c r="T5645">
        <v>0</v>
      </c>
      <c r="U5645">
        <v>0</v>
      </c>
      <c r="V5645">
        <v>1</v>
      </c>
      <c r="W5645">
        <v>2</v>
      </c>
      <c r="X5645">
        <v>0</v>
      </c>
      <c r="Y5645">
        <v>58</v>
      </c>
      <c r="Z5645">
        <v>26</v>
      </c>
      <c r="AA5645">
        <v>80</v>
      </c>
      <c r="AB5645">
        <v>32</v>
      </c>
      <c r="AC5645">
        <v>131</v>
      </c>
      <c r="AD5645">
        <v>22</v>
      </c>
      <c r="AE5645">
        <v>30</v>
      </c>
      <c r="AF5645">
        <v>2260</v>
      </c>
      <c r="AG5645">
        <v>104310</v>
      </c>
      <c r="AH5645">
        <v>50000</v>
      </c>
      <c r="AI5645">
        <v>0</v>
      </c>
      <c r="AJ5645">
        <v>103</v>
      </c>
      <c r="AK5645" t="s">
        <v>7</v>
      </c>
      <c r="AL5645">
        <v>0</v>
      </c>
      <c r="AM5645">
        <v>0</v>
      </c>
      <c r="AN5645">
        <v>0</v>
      </c>
      <c r="AO5645">
        <v>0</v>
      </c>
      <c r="AP5645">
        <v>0</v>
      </c>
      <c r="AQ5645">
        <v>0</v>
      </c>
      <c r="AR5645">
        <v>0</v>
      </c>
      <c r="AS5645">
        <v>0</v>
      </c>
      <c r="AT5645">
        <v>0</v>
      </c>
      <c r="AU5645">
        <v>0</v>
      </c>
      <c r="AV5645">
        <v>0</v>
      </c>
      <c r="AW5645">
        <v>0</v>
      </c>
      <c r="AX5645">
        <v>858</v>
      </c>
      <c r="AY5645">
        <v>38</v>
      </c>
      <c r="AZ5645">
        <v>77</v>
      </c>
      <c r="BA5645">
        <v>7490</v>
      </c>
    </row>
    <row r="5646" spans="1:53" x14ac:dyDescent="0.4">
      <c r="A5646">
        <v>5690</v>
      </c>
      <c r="B5646" s="1">
        <v>44979</v>
      </c>
      <c r="C5646">
        <v>3</v>
      </c>
      <c r="D5646" s="1">
        <v>44979.748611111114</v>
      </c>
      <c r="E5646" s="1">
        <v>44979.996527777781</v>
      </c>
      <c r="F5646">
        <v>77000</v>
      </c>
      <c r="G5646">
        <v>8679</v>
      </c>
      <c r="H5646">
        <v>0</v>
      </c>
      <c r="I5646">
        <v>0</v>
      </c>
      <c r="J5646">
        <v>0</v>
      </c>
      <c r="K5646">
        <v>0</v>
      </c>
      <c r="L5646">
        <v>0</v>
      </c>
      <c r="M5646">
        <v>7790</v>
      </c>
      <c r="N5646">
        <v>0</v>
      </c>
      <c r="O5646">
        <v>0</v>
      </c>
      <c r="P5646">
        <v>-13690</v>
      </c>
      <c r="Q5646">
        <v>0</v>
      </c>
      <c r="R5646">
        <v>71989</v>
      </c>
      <c r="S5646">
        <v>0</v>
      </c>
      <c r="T5646">
        <v>0</v>
      </c>
      <c r="U5646">
        <v>0</v>
      </c>
      <c r="V5646">
        <v>3</v>
      </c>
      <c r="W5646">
        <v>7</v>
      </c>
      <c r="X5646">
        <v>0</v>
      </c>
      <c r="Y5646">
        <v>67</v>
      </c>
      <c r="Z5646">
        <v>26</v>
      </c>
      <c r="AA5646">
        <v>64</v>
      </c>
      <c r="AB5646">
        <v>28</v>
      </c>
      <c r="AC5646">
        <v>110</v>
      </c>
      <c r="AD5646">
        <v>22</v>
      </c>
      <c r="AE5646">
        <v>24</v>
      </c>
      <c r="AF5646">
        <v>22265</v>
      </c>
      <c r="AG5646">
        <v>176299</v>
      </c>
      <c r="AH5646">
        <v>50000</v>
      </c>
      <c r="AI5646">
        <v>0</v>
      </c>
      <c r="AJ5646">
        <v>95</v>
      </c>
      <c r="AK5646" t="s">
        <v>21</v>
      </c>
      <c r="AL5646">
        <v>0</v>
      </c>
      <c r="AM5646">
        <v>0</v>
      </c>
      <c r="AN5646">
        <v>0</v>
      </c>
      <c r="AO5646">
        <v>0</v>
      </c>
      <c r="AP5646">
        <v>0</v>
      </c>
      <c r="AQ5646">
        <v>0</v>
      </c>
      <c r="AR5646">
        <v>0</v>
      </c>
      <c r="AS5646">
        <v>0</v>
      </c>
      <c r="AT5646">
        <v>0</v>
      </c>
      <c r="AU5646">
        <v>0</v>
      </c>
      <c r="AV5646">
        <v>0</v>
      </c>
      <c r="AW5646">
        <v>0</v>
      </c>
      <c r="AX5646">
        <v>12120</v>
      </c>
      <c r="AY5646">
        <v>17</v>
      </c>
      <c r="AZ5646">
        <v>48</v>
      </c>
      <c r="BA5646">
        <v>2333</v>
      </c>
    </row>
    <row r="5647" spans="1:53" x14ac:dyDescent="0.4">
      <c r="A5647">
        <v>5691</v>
      </c>
      <c r="B5647" s="1">
        <v>44980</v>
      </c>
      <c r="C5647">
        <v>1</v>
      </c>
      <c r="D5647" s="1">
        <v>44980.291666666664</v>
      </c>
      <c r="E5647" s="1">
        <v>44980.404861111114</v>
      </c>
      <c r="F5647">
        <v>0</v>
      </c>
      <c r="G5647">
        <v>0</v>
      </c>
      <c r="H5647">
        <v>0</v>
      </c>
      <c r="I5647">
        <v>0</v>
      </c>
      <c r="J5647">
        <v>0</v>
      </c>
      <c r="K5647">
        <v>0</v>
      </c>
      <c r="L5647">
        <v>0</v>
      </c>
      <c r="M5647">
        <v>0</v>
      </c>
      <c r="N5647">
        <v>0</v>
      </c>
      <c r="O5647">
        <v>0</v>
      </c>
      <c r="P5647">
        <v>0</v>
      </c>
      <c r="Q5647">
        <v>0</v>
      </c>
      <c r="R5647">
        <v>0</v>
      </c>
      <c r="S5647">
        <v>0</v>
      </c>
      <c r="T5647">
        <v>0</v>
      </c>
      <c r="U5647">
        <v>0</v>
      </c>
      <c r="V5647">
        <v>0</v>
      </c>
      <c r="W5647">
        <v>1</v>
      </c>
      <c r="X5647">
        <v>0</v>
      </c>
      <c r="Y5647">
        <v>25</v>
      </c>
      <c r="Z5647">
        <v>18</v>
      </c>
      <c r="AA5647">
        <v>85</v>
      </c>
      <c r="AB5647">
        <v>26</v>
      </c>
      <c r="AC5647">
        <v>106</v>
      </c>
      <c r="AD5647">
        <v>23</v>
      </c>
      <c r="AE5647">
        <v>25</v>
      </c>
      <c r="AF5647">
        <v>0</v>
      </c>
      <c r="AG5647">
        <v>50000</v>
      </c>
      <c r="AH5647">
        <v>50000</v>
      </c>
      <c r="AI5647">
        <v>0</v>
      </c>
      <c r="AJ5647">
        <v>0</v>
      </c>
      <c r="AK5647" t="s">
        <v>6</v>
      </c>
      <c r="AL5647">
        <v>0</v>
      </c>
      <c r="AM5647">
        <v>0</v>
      </c>
      <c r="AN5647">
        <v>0</v>
      </c>
      <c r="AO5647">
        <v>0</v>
      </c>
      <c r="AP5647">
        <v>0</v>
      </c>
      <c r="AQ5647">
        <v>0</v>
      </c>
      <c r="AR5647">
        <v>0</v>
      </c>
      <c r="AS5647">
        <v>0</v>
      </c>
      <c r="AT5647">
        <v>0</v>
      </c>
      <c r="AU5647">
        <v>0</v>
      </c>
      <c r="AV5647">
        <v>0</v>
      </c>
      <c r="AW5647">
        <v>0</v>
      </c>
      <c r="AX5647">
        <v>0</v>
      </c>
      <c r="AY5647">
        <v>0</v>
      </c>
      <c r="AZ5647">
        <v>0</v>
      </c>
      <c r="BA5647">
        <v>0</v>
      </c>
    </row>
    <row r="5648" spans="1:53" x14ac:dyDescent="0.4">
      <c r="A5648">
        <v>5692</v>
      </c>
      <c r="B5648" s="1">
        <v>44980</v>
      </c>
      <c r="C5648">
        <v>2</v>
      </c>
      <c r="D5648" s="1">
        <v>44980.404861111114</v>
      </c>
      <c r="E5648" s="1">
        <v>44980.745138888888</v>
      </c>
      <c r="F5648">
        <v>70260</v>
      </c>
      <c r="G5648">
        <v>3256</v>
      </c>
      <c r="H5648">
        <v>0</v>
      </c>
      <c r="I5648">
        <v>0</v>
      </c>
      <c r="J5648">
        <v>400</v>
      </c>
      <c r="K5648">
        <v>0</v>
      </c>
      <c r="L5648">
        <v>0</v>
      </c>
      <c r="M5648">
        <v>6643</v>
      </c>
      <c r="N5648">
        <v>0</v>
      </c>
      <c r="O5648">
        <v>0</v>
      </c>
      <c r="P5648">
        <v>18360</v>
      </c>
      <c r="Q5648">
        <v>0</v>
      </c>
      <c r="R5648">
        <v>91476</v>
      </c>
      <c r="S5648">
        <v>0</v>
      </c>
      <c r="T5648">
        <v>0</v>
      </c>
      <c r="U5648">
        <v>0</v>
      </c>
      <c r="V5648">
        <v>3</v>
      </c>
      <c r="W5648">
        <v>3</v>
      </c>
      <c r="X5648">
        <v>0</v>
      </c>
      <c r="Y5648">
        <v>48</v>
      </c>
      <c r="Z5648">
        <v>44</v>
      </c>
      <c r="AA5648">
        <v>152</v>
      </c>
      <c r="AB5648">
        <v>40</v>
      </c>
      <c r="AC5648">
        <v>145</v>
      </c>
      <c r="AD5648">
        <v>24</v>
      </c>
      <c r="AE5648">
        <v>18</v>
      </c>
      <c r="AF5648">
        <v>7688</v>
      </c>
      <c r="AG5648">
        <v>141476</v>
      </c>
      <c r="AH5648">
        <v>50000</v>
      </c>
      <c r="AI5648">
        <v>0</v>
      </c>
      <c r="AJ5648">
        <v>119</v>
      </c>
      <c r="AK5648" t="s">
        <v>56</v>
      </c>
      <c r="AL5648">
        <v>0</v>
      </c>
      <c r="AM5648">
        <v>0</v>
      </c>
      <c r="AN5648">
        <v>0</v>
      </c>
      <c r="AO5648">
        <v>0</v>
      </c>
      <c r="AP5648">
        <v>0</v>
      </c>
      <c r="AQ5648">
        <v>0</v>
      </c>
      <c r="AR5648">
        <v>0</v>
      </c>
      <c r="AS5648">
        <v>0</v>
      </c>
      <c r="AT5648">
        <v>0</v>
      </c>
      <c r="AU5648">
        <v>0</v>
      </c>
      <c r="AV5648">
        <v>0</v>
      </c>
      <c r="AW5648">
        <v>0</v>
      </c>
      <c r="AX5648">
        <v>748</v>
      </c>
      <c r="AY5648">
        <v>53</v>
      </c>
      <c r="AZ5648">
        <v>144</v>
      </c>
      <c r="BA5648">
        <v>7687</v>
      </c>
    </row>
    <row r="5649" spans="1:53" x14ac:dyDescent="0.4">
      <c r="A5649">
        <v>5693</v>
      </c>
      <c r="B5649" s="1">
        <v>44980</v>
      </c>
      <c r="C5649">
        <v>3</v>
      </c>
      <c r="D5649" s="1">
        <v>44980.745138888888</v>
      </c>
      <c r="E5649" s="1">
        <v>44980.949305555558</v>
      </c>
      <c r="F5649">
        <v>29325</v>
      </c>
      <c r="G5649">
        <v>1034</v>
      </c>
      <c r="H5649">
        <v>0</v>
      </c>
      <c r="I5649">
        <v>0</v>
      </c>
      <c r="J5649">
        <v>0</v>
      </c>
      <c r="K5649">
        <v>0</v>
      </c>
      <c r="L5649">
        <v>0</v>
      </c>
      <c r="M5649">
        <v>2762</v>
      </c>
      <c r="N5649">
        <v>0</v>
      </c>
      <c r="O5649">
        <v>0</v>
      </c>
      <c r="P5649">
        <v>-10710</v>
      </c>
      <c r="Q5649">
        <v>0</v>
      </c>
      <c r="R5649">
        <v>19649</v>
      </c>
      <c r="S5649">
        <v>0</v>
      </c>
      <c r="T5649">
        <v>0</v>
      </c>
      <c r="U5649">
        <v>0</v>
      </c>
      <c r="V5649">
        <v>3</v>
      </c>
      <c r="W5649">
        <v>5</v>
      </c>
      <c r="X5649">
        <v>0</v>
      </c>
      <c r="Y5649">
        <v>57</v>
      </c>
      <c r="Z5649">
        <v>44</v>
      </c>
      <c r="AA5649">
        <v>158</v>
      </c>
      <c r="AB5649">
        <v>41</v>
      </c>
      <c r="AC5649">
        <v>146</v>
      </c>
      <c r="AD5649">
        <v>22</v>
      </c>
      <c r="AE5649">
        <v>17</v>
      </c>
      <c r="AF5649">
        <v>7688</v>
      </c>
      <c r="AG5649">
        <v>161125</v>
      </c>
      <c r="AH5649">
        <v>50000</v>
      </c>
      <c r="AI5649">
        <v>0</v>
      </c>
      <c r="AJ5649">
        <v>103</v>
      </c>
      <c r="AK5649" t="s">
        <v>7</v>
      </c>
      <c r="AL5649">
        <v>0</v>
      </c>
      <c r="AM5649">
        <v>0</v>
      </c>
      <c r="AN5649">
        <v>0</v>
      </c>
      <c r="AO5649">
        <v>0</v>
      </c>
      <c r="AP5649">
        <v>0</v>
      </c>
      <c r="AQ5649">
        <v>0</v>
      </c>
      <c r="AR5649">
        <v>0</v>
      </c>
      <c r="AS5649">
        <v>0</v>
      </c>
      <c r="AT5649">
        <v>0</v>
      </c>
      <c r="AU5649">
        <v>0</v>
      </c>
      <c r="AV5649">
        <v>0</v>
      </c>
      <c r="AW5649">
        <v>0</v>
      </c>
      <c r="AX5649">
        <v>-6000</v>
      </c>
      <c r="AY5649">
        <v>8</v>
      </c>
      <c r="AZ5649">
        <v>17</v>
      </c>
      <c r="BA5649">
        <v>2074</v>
      </c>
    </row>
    <row r="5650" spans="1:53" x14ac:dyDescent="0.4">
      <c r="A5650">
        <v>5694</v>
      </c>
      <c r="B5650" s="1">
        <v>44981</v>
      </c>
      <c r="C5650">
        <v>1</v>
      </c>
      <c r="D5650" s="1">
        <v>44981.291666666664</v>
      </c>
      <c r="E5650" s="1">
        <v>44981.450694444444</v>
      </c>
      <c r="F5650">
        <v>0</v>
      </c>
      <c r="G5650">
        <v>0</v>
      </c>
      <c r="H5650">
        <v>0</v>
      </c>
      <c r="I5650">
        <v>0</v>
      </c>
      <c r="J5650">
        <v>0</v>
      </c>
      <c r="K5650">
        <v>0</v>
      </c>
      <c r="L5650">
        <v>0</v>
      </c>
      <c r="M5650">
        <v>0</v>
      </c>
      <c r="N5650">
        <v>0</v>
      </c>
      <c r="O5650">
        <v>0</v>
      </c>
      <c r="P5650">
        <v>0</v>
      </c>
      <c r="Q5650">
        <v>0</v>
      </c>
      <c r="R5650">
        <v>0</v>
      </c>
      <c r="S5650">
        <v>0</v>
      </c>
      <c r="T5650">
        <v>0</v>
      </c>
      <c r="U5650">
        <v>0</v>
      </c>
      <c r="V5650">
        <v>0</v>
      </c>
      <c r="W5650">
        <v>1</v>
      </c>
      <c r="X5650">
        <v>0</v>
      </c>
      <c r="Y5650">
        <v>25</v>
      </c>
      <c r="Z5650">
        <v>13</v>
      </c>
      <c r="AA5650">
        <v>107</v>
      </c>
      <c r="AB5650">
        <v>29</v>
      </c>
      <c r="AC5650">
        <v>123</v>
      </c>
      <c r="AD5650">
        <v>21</v>
      </c>
      <c r="AE5650">
        <v>15</v>
      </c>
      <c r="AF5650">
        <v>0</v>
      </c>
      <c r="AG5650">
        <v>50000</v>
      </c>
      <c r="AH5650">
        <v>50000</v>
      </c>
      <c r="AI5650">
        <v>0</v>
      </c>
      <c r="AJ5650">
        <v>0</v>
      </c>
      <c r="AK5650" t="s">
        <v>6</v>
      </c>
      <c r="AL5650">
        <v>0</v>
      </c>
      <c r="AM5650">
        <v>0</v>
      </c>
      <c r="AN5650">
        <v>0</v>
      </c>
      <c r="AO5650">
        <v>0</v>
      </c>
      <c r="AP5650">
        <v>0</v>
      </c>
      <c r="AQ5650">
        <v>0</v>
      </c>
      <c r="AR5650">
        <v>0</v>
      </c>
      <c r="AS5650">
        <v>0</v>
      </c>
      <c r="AT5650">
        <v>0</v>
      </c>
      <c r="AU5650">
        <v>0</v>
      </c>
      <c r="AV5650">
        <v>0</v>
      </c>
      <c r="AW5650">
        <v>0</v>
      </c>
      <c r="AX5650">
        <v>0</v>
      </c>
      <c r="AY5650">
        <v>0</v>
      </c>
      <c r="AZ5650">
        <v>0</v>
      </c>
      <c r="BA5650">
        <v>0</v>
      </c>
    </row>
    <row r="5651" spans="1:53" x14ac:dyDescent="0.4">
      <c r="A5651">
        <v>5695</v>
      </c>
      <c r="B5651" s="1">
        <v>44981</v>
      </c>
      <c r="C5651">
        <v>2</v>
      </c>
      <c r="D5651" s="1">
        <v>44981.450694444444</v>
      </c>
      <c r="E5651" s="1">
        <v>44981.73541666667</v>
      </c>
      <c r="F5651">
        <v>30410</v>
      </c>
      <c r="G5651">
        <v>4422</v>
      </c>
      <c r="H5651">
        <v>0</v>
      </c>
      <c r="I5651">
        <v>0</v>
      </c>
      <c r="J5651">
        <v>300</v>
      </c>
      <c r="K5651">
        <v>200</v>
      </c>
      <c r="L5651">
        <v>0</v>
      </c>
      <c r="M5651">
        <v>3155</v>
      </c>
      <c r="N5651">
        <v>0</v>
      </c>
      <c r="O5651">
        <v>0</v>
      </c>
      <c r="P5651">
        <v>15874</v>
      </c>
      <c r="Q5651">
        <v>0</v>
      </c>
      <c r="R5651">
        <v>50606</v>
      </c>
      <c r="S5651">
        <v>0</v>
      </c>
      <c r="T5651">
        <v>0</v>
      </c>
      <c r="U5651">
        <v>0</v>
      </c>
      <c r="V5651">
        <v>5</v>
      </c>
      <c r="W5651">
        <v>1</v>
      </c>
      <c r="X5651">
        <v>0</v>
      </c>
      <c r="Y5651">
        <v>22</v>
      </c>
      <c r="Z5651">
        <v>16</v>
      </c>
      <c r="AA5651">
        <v>107</v>
      </c>
      <c r="AB5651">
        <v>33</v>
      </c>
      <c r="AC5651">
        <v>148</v>
      </c>
      <c r="AD5651">
        <v>20</v>
      </c>
      <c r="AE5651">
        <v>16</v>
      </c>
      <c r="AF5651">
        <v>1660</v>
      </c>
      <c r="AG5651">
        <v>100606</v>
      </c>
      <c r="AH5651">
        <v>50000</v>
      </c>
      <c r="AI5651">
        <v>0</v>
      </c>
      <c r="AJ5651">
        <v>103</v>
      </c>
      <c r="AK5651" t="s">
        <v>7</v>
      </c>
      <c r="AL5651">
        <v>0</v>
      </c>
      <c r="AM5651">
        <v>0</v>
      </c>
      <c r="AN5651">
        <v>0</v>
      </c>
      <c r="AO5651">
        <v>0</v>
      </c>
      <c r="AP5651">
        <v>0</v>
      </c>
      <c r="AQ5651">
        <v>0</v>
      </c>
      <c r="AR5651">
        <v>0</v>
      </c>
      <c r="AS5651">
        <v>0</v>
      </c>
      <c r="AT5651">
        <v>0</v>
      </c>
      <c r="AU5651">
        <v>0</v>
      </c>
      <c r="AV5651">
        <v>0</v>
      </c>
      <c r="AW5651">
        <v>0</v>
      </c>
      <c r="AX5651">
        <v>-1200</v>
      </c>
      <c r="AY5651">
        <v>44</v>
      </c>
      <c r="AZ5651">
        <v>74</v>
      </c>
      <c r="BA5651">
        <v>6680</v>
      </c>
    </row>
    <row r="5652" spans="1:53" x14ac:dyDescent="0.4">
      <c r="A5652">
        <v>5696</v>
      </c>
      <c r="B5652" s="1">
        <v>44981</v>
      </c>
      <c r="C5652">
        <v>3</v>
      </c>
      <c r="D5652" s="1">
        <v>44981.73541666667</v>
      </c>
      <c r="E5652" s="1">
        <v>44982.079861111109</v>
      </c>
      <c r="F5652">
        <v>116280</v>
      </c>
      <c r="G5652">
        <v>3828</v>
      </c>
      <c r="H5652">
        <v>0</v>
      </c>
      <c r="I5652">
        <v>0</v>
      </c>
      <c r="J5652">
        <v>0</v>
      </c>
      <c r="K5652">
        <v>0</v>
      </c>
      <c r="L5652">
        <v>0</v>
      </c>
      <c r="M5652">
        <v>10915</v>
      </c>
      <c r="N5652">
        <v>0</v>
      </c>
      <c r="O5652">
        <v>0</v>
      </c>
      <c r="P5652">
        <v>11946</v>
      </c>
      <c r="Q5652">
        <v>0</v>
      </c>
      <c r="R5652">
        <v>132054</v>
      </c>
      <c r="S5652">
        <v>0</v>
      </c>
      <c r="T5652">
        <v>0</v>
      </c>
      <c r="U5652">
        <v>0</v>
      </c>
      <c r="V5652">
        <v>12</v>
      </c>
      <c r="W5652">
        <v>1</v>
      </c>
      <c r="X5652">
        <v>0</v>
      </c>
      <c r="Y5652">
        <v>50</v>
      </c>
      <c r="Z5652">
        <v>23</v>
      </c>
      <c r="AA5652">
        <v>122</v>
      </c>
      <c r="AB5652">
        <v>31</v>
      </c>
      <c r="AC5652">
        <v>141</v>
      </c>
      <c r="AD5652">
        <v>19</v>
      </c>
      <c r="AE5652">
        <v>13</v>
      </c>
      <c r="AF5652">
        <v>30892</v>
      </c>
      <c r="AG5652">
        <v>232660</v>
      </c>
      <c r="AH5652">
        <v>50000</v>
      </c>
      <c r="AI5652">
        <v>0</v>
      </c>
      <c r="AJ5652">
        <v>108</v>
      </c>
      <c r="AK5652" t="s">
        <v>3</v>
      </c>
      <c r="AL5652">
        <v>0</v>
      </c>
      <c r="AM5652">
        <v>0</v>
      </c>
      <c r="AN5652">
        <v>0</v>
      </c>
      <c r="AO5652">
        <v>0</v>
      </c>
      <c r="AP5652">
        <v>0</v>
      </c>
      <c r="AQ5652">
        <v>0</v>
      </c>
      <c r="AR5652">
        <v>0</v>
      </c>
      <c r="AS5652">
        <v>0</v>
      </c>
      <c r="AT5652">
        <v>0</v>
      </c>
      <c r="AU5652">
        <v>0</v>
      </c>
      <c r="AV5652">
        <v>0</v>
      </c>
      <c r="AW5652">
        <v>0</v>
      </c>
      <c r="AX5652">
        <v>2840</v>
      </c>
      <c r="AY5652">
        <v>24</v>
      </c>
      <c r="AZ5652">
        <v>70</v>
      </c>
      <c r="BA5652">
        <v>4002</v>
      </c>
    </row>
    <row r="5653" spans="1:53" x14ac:dyDescent="0.4">
      <c r="A5653">
        <v>5697</v>
      </c>
      <c r="B5653" s="1">
        <v>44982</v>
      </c>
      <c r="C5653">
        <v>1</v>
      </c>
      <c r="D5653" s="1">
        <v>44982.291666666664</v>
      </c>
      <c r="E5653" s="1">
        <v>44982.411805555559</v>
      </c>
      <c r="F5653">
        <v>0</v>
      </c>
      <c r="G5653">
        <v>0</v>
      </c>
      <c r="H5653">
        <v>0</v>
      </c>
      <c r="I5653">
        <v>0</v>
      </c>
      <c r="J5653">
        <v>0</v>
      </c>
      <c r="K5653">
        <v>0</v>
      </c>
      <c r="L5653">
        <v>0</v>
      </c>
      <c r="M5653">
        <v>0</v>
      </c>
      <c r="N5653">
        <v>0</v>
      </c>
      <c r="O5653">
        <v>0</v>
      </c>
      <c r="P5653">
        <v>0</v>
      </c>
      <c r="Q5653">
        <v>0</v>
      </c>
      <c r="R5653">
        <v>0</v>
      </c>
      <c r="S5653">
        <v>0</v>
      </c>
      <c r="T5653">
        <v>0</v>
      </c>
      <c r="U5653">
        <v>0</v>
      </c>
      <c r="V5653">
        <v>0</v>
      </c>
      <c r="W5653">
        <v>1</v>
      </c>
      <c r="X5653">
        <v>0</v>
      </c>
      <c r="Y5653">
        <v>25</v>
      </c>
      <c r="Z5653">
        <v>11</v>
      </c>
      <c r="AA5653">
        <v>116</v>
      </c>
      <c r="AB5653">
        <v>30</v>
      </c>
      <c r="AC5653">
        <v>130</v>
      </c>
      <c r="AD5653">
        <v>18</v>
      </c>
      <c r="AE5653">
        <v>10</v>
      </c>
      <c r="AF5653">
        <v>0</v>
      </c>
      <c r="AG5653">
        <v>50000</v>
      </c>
      <c r="AH5653">
        <v>50000</v>
      </c>
      <c r="AI5653">
        <v>0</v>
      </c>
      <c r="AJ5653">
        <v>0</v>
      </c>
      <c r="AK5653" t="s">
        <v>6</v>
      </c>
      <c r="AL5653">
        <v>0</v>
      </c>
      <c r="AM5653">
        <v>0</v>
      </c>
      <c r="AN5653">
        <v>0</v>
      </c>
      <c r="AO5653">
        <v>0</v>
      </c>
      <c r="AP5653">
        <v>0</v>
      </c>
      <c r="AQ5653">
        <v>0</v>
      </c>
      <c r="AR5653">
        <v>0</v>
      </c>
      <c r="AS5653">
        <v>0</v>
      </c>
      <c r="AT5653">
        <v>0</v>
      </c>
      <c r="AU5653">
        <v>0</v>
      </c>
      <c r="AV5653">
        <v>0</v>
      </c>
      <c r="AW5653">
        <v>0</v>
      </c>
      <c r="AX5653">
        <v>0</v>
      </c>
      <c r="AY5653">
        <v>0</v>
      </c>
      <c r="AZ5653">
        <v>0</v>
      </c>
      <c r="BA5653">
        <v>0</v>
      </c>
    </row>
    <row r="5654" spans="1:53" x14ac:dyDescent="0.4">
      <c r="A5654">
        <v>5698</v>
      </c>
      <c r="B5654" s="1">
        <v>44982</v>
      </c>
      <c r="C5654">
        <v>2</v>
      </c>
      <c r="D5654" s="1">
        <v>44982.411805555559</v>
      </c>
      <c r="E5654" s="1">
        <v>44982.749305555553</v>
      </c>
      <c r="F5654">
        <v>50100</v>
      </c>
      <c r="G5654">
        <v>1496</v>
      </c>
      <c r="H5654">
        <v>0</v>
      </c>
      <c r="I5654">
        <v>0</v>
      </c>
      <c r="J5654">
        <v>200</v>
      </c>
      <c r="K5654">
        <v>0</v>
      </c>
      <c r="L5654">
        <v>0</v>
      </c>
      <c r="M5654">
        <v>4669</v>
      </c>
      <c r="N5654">
        <v>0</v>
      </c>
      <c r="O5654">
        <v>0</v>
      </c>
      <c r="P5654">
        <v>11450</v>
      </c>
      <c r="Q5654">
        <v>0</v>
      </c>
      <c r="R5654">
        <v>62846</v>
      </c>
      <c r="S5654">
        <v>0</v>
      </c>
      <c r="T5654">
        <v>0</v>
      </c>
      <c r="U5654">
        <v>0</v>
      </c>
      <c r="V5654">
        <v>0</v>
      </c>
      <c r="W5654">
        <v>6</v>
      </c>
      <c r="X5654">
        <v>0</v>
      </c>
      <c r="Y5654">
        <v>47</v>
      </c>
      <c r="Z5654">
        <v>31</v>
      </c>
      <c r="AA5654">
        <v>135</v>
      </c>
      <c r="AB5654">
        <v>44</v>
      </c>
      <c r="AC5654">
        <v>183</v>
      </c>
      <c r="AD5654">
        <v>19</v>
      </c>
      <c r="AE5654">
        <v>13</v>
      </c>
      <c r="AF5654">
        <v>2708</v>
      </c>
      <c r="AG5654">
        <v>112846</v>
      </c>
      <c r="AH5654">
        <v>50000</v>
      </c>
      <c r="AI5654">
        <v>0</v>
      </c>
      <c r="AJ5654">
        <v>36</v>
      </c>
      <c r="AL5654">
        <v>0</v>
      </c>
      <c r="AM5654">
        <v>0</v>
      </c>
      <c r="AN5654">
        <v>0</v>
      </c>
      <c r="AO5654">
        <v>0</v>
      </c>
      <c r="AP5654">
        <v>0</v>
      </c>
      <c r="AQ5654">
        <v>0</v>
      </c>
      <c r="AR5654">
        <v>0</v>
      </c>
      <c r="AS5654">
        <v>0</v>
      </c>
      <c r="AT5654">
        <v>0</v>
      </c>
      <c r="AU5654">
        <v>0</v>
      </c>
      <c r="AV5654">
        <v>0</v>
      </c>
      <c r="AW5654">
        <v>0</v>
      </c>
      <c r="AX5654">
        <v>594</v>
      </c>
      <c r="AY5654">
        <v>52</v>
      </c>
      <c r="AZ5654">
        <v>103</v>
      </c>
      <c r="BA5654">
        <v>8041</v>
      </c>
    </row>
    <row r="5655" spans="1:53" x14ac:dyDescent="0.4">
      <c r="A5655">
        <v>5699</v>
      </c>
      <c r="B5655" s="1">
        <v>44982</v>
      </c>
      <c r="C5655">
        <v>3</v>
      </c>
      <c r="D5655" s="1">
        <v>44982.749305555553</v>
      </c>
      <c r="E5655" s="1">
        <v>44982.95</v>
      </c>
      <c r="F5655">
        <v>108490</v>
      </c>
      <c r="G5655">
        <v>8429</v>
      </c>
      <c r="H5655">
        <v>0</v>
      </c>
      <c r="I5655">
        <v>0</v>
      </c>
      <c r="J5655">
        <v>100</v>
      </c>
      <c r="K5655">
        <v>0</v>
      </c>
      <c r="L5655">
        <v>0</v>
      </c>
      <c r="M5655">
        <v>10618</v>
      </c>
      <c r="N5655">
        <v>0</v>
      </c>
      <c r="O5655">
        <v>0</v>
      </c>
      <c r="P5655">
        <v>-11450</v>
      </c>
      <c r="Q5655">
        <v>0</v>
      </c>
      <c r="R5655">
        <v>105369</v>
      </c>
      <c r="S5655">
        <v>0</v>
      </c>
      <c r="T5655">
        <v>0</v>
      </c>
      <c r="U5655">
        <v>0</v>
      </c>
      <c r="V5655">
        <v>6</v>
      </c>
      <c r="W5655">
        <v>8</v>
      </c>
      <c r="X5655">
        <v>0</v>
      </c>
      <c r="Y5655">
        <v>72</v>
      </c>
      <c r="Z5655">
        <v>30</v>
      </c>
      <c r="AA5655">
        <v>131</v>
      </c>
      <c r="AB5655">
        <v>41</v>
      </c>
      <c r="AC5655">
        <v>186</v>
      </c>
      <c r="AD5655">
        <v>17</v>
      </c>
      <c r="AE5655">
        <v>12</v>
      </c>
      <c r="AF5655">
        <v>14108</v>
      </c>
      <c r="AG5655">
        <v>218215</v>
      </c>
      <c r="AH5655">
        <v>50000</v>
      </c>
      <c r="AI5655">
        <v>0</v>
      </c>
      <c r="AJ5655">
        <v>108</v>
      </c>
      <c r="AK5655" t="s">
        <v>3</v>
      </c>
      <c r="AL5655">
        <v>0</v>
      </c>
      <c r="AM5655">
        <v>0</v>
      </c>
      <c r="AN5655">
        <v>0</v>
      </c>
      <c r="AO5655">
        <v>0</v>
      </c>
      <c r="AP5655">
        <v>0</v>
      </c>
      <c r="AQ5655">
        <v>0</v>
      </c>
      <c r="AR5655">
        <v>0</v>
      </c>
      <c r="AS5655">
        <v>0</v>
      </c>
      <c r="AT5655">
        <v>0</v>
      </c>
      <c r="AU5655">
        <v>0</v>
      </c>
      <c r="AV5655">
        <v>0</v>
      </c>
      <c r="AW5655">
        <v>0</v>
      </c>
      <c r="AX5655">
        <v>36719</v>
      </c>
      <c r="AY5655">
        <v>25</v>
      </c>
      <c r="AZ5655">
        <v>89</v>
      </c>
      <c r="BA5655">
        <v>3173</v>
      </c>
    </row>
    <row r="5656" spans="1:53" x14ac:dyDescent="0.4">
      <c r="A5656">
        <v>5700</v>
      </c>
      <c r="B5656" s="1">
        <v>44983</v>
      </c>
      <c r="C5656">
        <v>1</v>
      </c>
      <c r="D5656" s="1">
        <v>44983.291666666664</v>
      </c>
      <c r="E5656" s="1">
        <v>44983.390277777777</v>
      </c>
      <c r="F5656">
        <v>0</v>
      </c>
      <c r="G5656">
        <v>0</v>
      </c>
      <c r="H5656">
        <v>0</v>
      </c>
      <c r="I5656">
        <v>0</v>
      </c>
      <c r="J5656">
        <v>0</v>
      </c>
      <c r="K5656">
        <v>0</v>
      </c>
      <c r="L5656">
        <v>0</v>
      </c>
      <c r="M5656">
        <v>0</v>
      </c>
      <c r="N5656">
        <v>0</v>
      </c>
      <c r="O5656">
        <v>0</v>
      </c>
      <c r="P5656">
        <v>0</v>
      </c>
      <c r="Q5656">
        <v>0</v>
      </c>
      <c r="R5656">
        <v>0</v>
      </c>
      <c r="S5656">
        <v>0</v>
      </c>
      <c r="T5656">
        <v>0</v>
      </c>
      <c r="U5656">
        <v>0</v>
      </c>
      <c r="V5656">
        <v>0</v>
      </c>
      <c r="W5656">
        <v>1</v>
      </c>
      <c r="X5656">
        <v>0</v>
      </c>
      <c r="Y5656">
        <v>25</v>
      </c>
      <c r="Z5656">
        <v>10</v>
      </c>
      <c r="AA5656">
        <v>123</v>
      </c>
      <c r="AB5656">
        <v>28</v>
      </c>
      <c r="AC5656">
        <v>120</v>
      </c>
      <c r="AD5656">
        <v>16</v>
      </c>
      <c r="AE5656">
        <v>20</v>
      </c>
      <c r="AF5656">
        <v>0</v>
      </c>
      <c r="AG5656">
        <v>50000</v>
      </c>
      <c r="AH5656">
        <v>50000</v>
      </c>
      <c r="AI5656">
        <v>0</v>
      </c>
      <c r="AJ5656">
        <v>0</v>
      </c>
      <c r="AK5656" t="s">
        <v>6</v>
      </c>
      <c r="AL5656">
        <v>0</v>
      </c>
      <c r="AM5656">
        <v>0</v>
      </c>
      <c r="AN5656">
        <v>0</v>
      </c>
      <c r="AO5656">
        <v>0</v>
      </c>
      <c r="AP5656">
        <v>0</v>
      </c>
      <c r="AQ5656">
        <v>0</v>
      </c>
      <c r="AR5656">
        <v>0</v>
      </c>
      <c r="AS5656">
        <v>0</v>
      </c>
      <c r="AT5656">
        <v>0</v>
      </c>
      <c r="AU5656">
        <v>0</v>
      </c>
      <c r="AV5656">
        <v>0</v>
      </c>
      <c r="AW5656">
        <v>0</v>
      </c>
      <c r="AX5656">
        <v>0</v>
      </c>
      <c r="AY5656">
        <v>0</v>
      </c>
      <c r="AZ5656">
        <v>0</v>
      </c>
      <c r="BA5656">
        <v>0</v>
      </c>
    </row>
    <row r="5657" spans="1:53" x14ac:dyDescent="0.4">
      <c r="A5657">
        <v>5701</v>
      </c>
      <c r="B5657" s="1">
        <v>44983</v>
      </c>
      <c r="C5657">
        <v>2</v>
      </c>
      <c r="D5657" s="1">
        <v>44983.390277777777</v>
      </c>
      <c r="E5657" s="1">
        <v>44983.727777777778</v>
      </c>
      <c r="F5657">
        <v>46275</v>
      </c>
      <c r="G5657">
        <v>3564</v>
      </c>
      <c r="H5657">
        <v>0</v>
      </c>
      <c r="I5657">
        <v>0</v>
      </c>
      <c r="J5657">
        <v>100</v>
      </c>
      <c r="K5657">
        <v>0</v>
      </c>
      <c r="L5657">
        <v>0</v>
      </c>
      <c r="M5657">
        <v>4520</v>
      </c>
      <c r="N5657">
        <v>0</v>
      </c>
      <c r="O5657">
        <v>0</v>
      </c>
      <c r="P5657">
        <v>31950</v>
      </c>
      <c r="Q5657">
        <v>0</v>
      </c>
      <c r="R5657">
        <v>81689</v>
      </c>
      <c r="S5657">
        <v>0</v>
      </c>
      <c r="T5657">
        <v>0</v>
      </c>
      <c r="U5657">
        <v>0</v>
      </c>
      <c r="V5657">
        <v>2</v>
      </c>
      <c r="W5657">
        <v>5</v>
      </c>
      <c r="X5657">
        <v>0</v>
      </c>
      <c r="Y5657">
        <v>53</v>
      </c>
      <c r="Z5657">
        <v>27</v>
      </c>
      <c r="AA5657">
        <v>115</v>
      </c>
      <c r="AB5657">
        <v>25</v>
      </c>
      <c r="AC5657">
        <v>130</v>
      </c>
      <c r="AD5657">
        <v>14</v>
      </c>
      <c r="AE5657">
        <v>14</v>
      </c>
      <c r="AF5657">
        <v>6055</v>
      </c>
      <c r="AG5657">
        <v>131689</v>
      </c>
      <c r="AH5657">
        <v>50000</v>
      </c>
      <c r="AI5657">
        <v>0</v>
      </c>
      <c r="AJ5657">
        <v>115</v>
      </c>
      <c r="AK5657" t="s">
        <v>55</v>
      </c>
      <c r="AL5657">
        <v>0</v>
      </c>
      <c r="AM5657">
        <v>0</v>
      </c>
      <c r="AN5657">
        <v>0</v>
      </c>
      <c r="AO5657">
        <v>0</v>
      </c>
      <c r="AP5657">
        <v>0</v>
      </c>
      <c r="AQ5657">
        <v>0</v>
      </c>
      <c r="AR5657">
        <v>0</v>
      </c>
      <c r="AS5657">
        <v>0</v>
      </c>
      <c r="AT5657">
        <v>0</v>
      </c>
      <c r="AU5657">
        <v>0</v>
      </c>
      <c r="AV5657">
        <v>0</v>
      </c>
      <c r="AW5657">
        <v>0</v>
      </c>
      <c r="AX5657">
        <v>-1060</v>
      </c>
      <c r="AY5657">
        <v>56</v>
      </c>
      <c r="AZ5657">
        <v>126</v>
      </c>
      <c r="BA5657">
        <v>8023</v>
      </c>
    </row>
    <row r="5658" spans="1:53" x14ac:dyDescent="0.4">
      <c r="A5658">
        <v>5702</v>
      </c>
      <c r="B5658" s="1">
        <v>44983</v>
      </c>
      <c r="C5658">
        <v>3</v>
      </c>
      <c r="D5658" s="1">
        <v>44983.727777777778</v>
      </c>
      <c r="E5658" s="1">
        <v>44983.99722222222</v>
      </c>
      <c r="F5658">
        <v>62470</v>
      </c>
      <c r="G5658">
        <v>0</v>
      </c>
      <c r="H5658">
        <v>0</v>
      </c>
      <c r="I5658">
        <v>0</v>
      </c>
      <c r="J5658">
        <v>100</v>
      </c>
      <c r="K5658">
        <v>1600</v>
      </c>
      <c r="L5658">
        <v>0</v>
      </c>
      <c r="M5658">
        <v>5811</v>
      </c>
      <c r="N5658">
        <v>0</v>
      </c>
      <c r="O5658">
        <v>0</v>
      </c>
      <c r="P5658">
        <v>-31950</v>
      </c>
      <c r="Q5658">
        <v>0</v>
      </c>
      <c r="R5658">
        <v>32020</v>
      </c>
      <c r="S5658">
        <v>0</v>
      </c>
      <c r="T5658">
        <v>0</v>
      </c>
      <c r="U5658">
        <v>0</v>
      </c>
      <c r="V5658">
        <v>4</v>
      </c>
      <c r="W5658">
        <v>6</v>
      </c>
      <c r="X5658">
        <v>0</v>
      </c>
      <c r="Y5658">
        <v>58</v>
      </c>
      <c r="Z5658">
        <v>25</v>
      </c>
      <c r="AA5658">
        <v>105</v>
      </c>
      <c r="AB5658">
        <v>30</v>
      </c>
      <c r="AC5658">
        <v>126</v>
      </c>
      <c r="AD5658">
        <v>14</v>
      </c>
      <c r="AE5658">
        <v>18</v>
      </c>
      <c r="AF5658">
        <v>9861</v>
      </c>
      <c r="AG5658">
        <v>163709</v>
      </c>
      <c r="AH5658">
        <v>50000</v>
      </c>
      <c r="AI5658">
        <v>0</v>
      </c>
      <c r="AJ5658">
        <v>108</v>
      </c>
      <c r="AK5658" t="s">
        <v>3</v>
      </c>
      <c r="AL5658">
        <v>0</v>
      </c>
      <c r="AM5658">
        <v>0</v>
      </c>
      <c r="AN5658">
        <v>0</v>
      </c>
      <c r="AO5658">
        <v>0</v>
      </c>
      <c r="AP5658">
        <v>0</v>
      </c>
      <c r="AQ5658">
        <v>0</v>
      </c>
      <c r="AR5658">
        <v>0</v>
      </c>
      <c r="AS5658">
        <v>0</v>
      </c>
      <c r="AT5658">
        <v>0</v>
      </c>
      <c r="AU5658">
        <v>0</v>
      </c>
      <c r="AV5658">
        <v>0</v>
      </c>
      <c r="AW5658">
        <v>0</v>
      </c>
      <c r="AX5658">
        <v>0</v>
      </c>
      <c r="AY5658">
        <v>13</v>
      </c>
      <c r="AZ5658">
        <v>30</v>
      </c>
      <c r="BA5658">
        <v>2703</v>
      </c>
    </row>
    <row r="5659" spans="1:53" x14ac:dyDescent="0.4">
      <c r="A5659">
        <v>5703</v>
      </c>
      <c r="B5659" s="1">
        <v>44984</v>
      </c>
      <c r="C5659">
        <v>1</v>
      </c>
      <c r="D5659" s="1">
        <v>44984.291666666664</v>
      </c>
      <c r="E5659" s="1">
        <v>44984.443749999999</v>
      </c>
      <c r="F5659">
        <v>0</v>
      </c>
      <c r="G5659">
        <v>0</v>
      </c>
      <c r="H5659">
        <v>0</v>
      </c>
      <c r="I5659">
        <v>0</v>
      </c>
      <c r="J5659">
        <v>0</v>
      </c>
      <c r="K5659">
        <v>0</v>
      </c>
      <c r="L5659">
        <v>0</v>
      </c>
      <c r="M5659">
        <v>0</v>
      </c>
      <c r="N5659">
        <v>0</v>
      </c>
      <c r="O5659">
        <v>0</v>
      </c>
      <c r="P5659">
        <v>0</v>
      </c>
      <c r="Q5659">
        <v>0</v>
      </c>
      <c r="R5659">
        <v>0</v>
      </c>
      <c r="S5659">
        <v>0</v>
      </c>
      <c r="T5659">
        <v>0</v>
      </c>
      <c r="U5659">
        <v>0</v>
      </c>
      <c r="V5659">
        <v>0</v>
      </c>
      <c r="W5659">
        <v>1</v>
      </c>
      <c r="X5659">
        <v>0</v>
      </c>
      <c r="Y5659">
        <v>25</v>
      </c>
      <c r="Z5659">
        <v>12</v>
      </c>
      <c r="AA5659">
        <v>116</v>
      </c>
      <c r="AB5659">
        <v>23</v>
      </c>
      <c r="AC5659">
        <v>115</v>
      </c>
      <c r="AD5659">
        <v>15</v>
      </c>
      <c r="AE5659">
        <v>25</v>
      </c>
      <c r="AF5659">
        <v>0</v>
      </c>
      <c r="AG5659">
        <v>50000</v>
      </c>
      <c r="AH5659">
        <v>50000</v>
      </c>
      <c r="AI5659">
        <v>0</v>
      </c>
      <c r="AJ5659">
        <v>0</v>
      </c>
      <c r="AK5659" t="s">
        <v>6</v>
      </c>
      <c r="AL5659">
        <v>0</v>
      </c>
      <c r="AM5659">
        <v>0</v>
      </c>
      <c r="AN5659">
        <v>0</v>
      </c>
      <c r="AO5659">
        <v>0</v>
      </c>
      <c r="AP5659">
        <v>0</v>
      </c>
      <c r="AQ5659">
        <v>0</v>
      </c>
      <c r="AR5659">
        <v>0</v>
      </c>
      <c r="AS5659">
        <v>0</v>
      </c>
      <c r="AT5659">
        <v>0</v>
      </c>
      <c r="AU5659">
        <v>0</v>
      </c>
      <c r="AV5659">
        <v>0</v>
      </c>
      <c r="AW5659">
        <v>0</v>
      </c>
      <c r="AX5659">
        <v>0</v>
      </c>
      <c r="AY5659">
        <v>0</v>
      </c>
      <c r="AZ5659">
        <v>0</v>
      </c>
      <c r="BA5659">
        <v>0</v>
      </c>
    </row>
    <row r="5660" spans="1:53" x14ac:dyDescent="0.4">
      <c r="A5660">
        <v>5704</v>
      </c>
      <c r="B5660" s="1">
        <v>44984</v>
      </c>
      <c r="C5660">
        <v>2</v>
      </c>
      <c r="D5660" s="1">
        <v>44984.443749999999</v>
      </c>
      <c r="E5660" s="1">
        <v>44984.74722222222</v>
      </c>
      <c r="F5660">
        <v>26890</v>
      </c>
      <c r="G5660">
        <v>0</v>
      </c>
      <c r="H5660">
        <v>0</v>
      </c>
      <c r="I5660">
        <v>0</v>
      </c>
      <c r="J5660">
        <v>0</v>
      </c>
      <c r="K5660">
        <v>0</v>
      </c>
      <c r="L5660">
        <v>0</v>
      </c>
      <c r="M5660">
        <v>2444</v>
      </c>
      <c r="N5660">
        <v>0</v>
      </c>
      <c r="O5660">
        <v>0</v>
      </c>
      <c r="P5660">
        <v>21330</v>
      </c>
      <c r="Q5660">
        <v>0</v>
      </c>
      <c r="R5660">
        <v>48220</v>
      </c>
      <c r="S5660">
        <v>0</v>
      </c>
      <c r="T5660">
        <v>0</v>
      </c>
      <c r="U5660">
        <v>0</v>
      </c>
      <c r="V5660">
        <v>1</v>
      </c>
      <c r="W5660">
        <v>3</v>
      </c>
      <c r="X5660">
        <v>0</v>
      </c>
      <c r="Y5660">
        <v>48</v>
      </c>
      <c r="Z5660">
        <v>18</v>
      </c>
      <c r="AA5660">
        <v>114</v>
      </c>
      <c r="AB5660">
        <v>32</v>
      </c>
      <c r="AC5660">
        <v>132</v>
      </c>
      <c r="AD5660">
        <v>15</v>
      </c>
      <c r="AE5660">
        <v>25</v>
      </c>
      <c r="AF5660">
        <v>1800</v>
      </c>
      <c r="AG5660">
        <v>98220</v>
      </c>
      <c r="AH5660">
        <v>50000</v>
      </c>
      <c r="AI5660">
        <v>0</v>
      </c>
      <c r="AJ5660">
        <v>29</v>
      </c>
      <c r="AK5660" t="s">
        <v>62</v>
      </c>
      <c r="AL5660">
        <v>0</v>
      </c>
      <c r="AM5660">
        <v>0</v>
      </c>
      <c r="AN5660">
        <v>0</v>
      </c>
      <c r="AO5660">
        <v>0</v>
      </c>
      <c r="AP5660">
        <v>0</v>
      </c>
      <c r="AQ5660">
        <v>0</v>
      </c>
      <c r="AR5660">
        <v>0</v>
      </c>
      <c r="AS5660">
        <v>0</v>
      </c>
      <c r="AT5660">
        <v>0</v>
      </c>
      <c r="AU5660">
        <v>0</v>
      </c>
      <c r="AV5660">
        <v>0</v>
      </c>
      <c r="AW5660">
        <v>0</v>
      </c>
      <c r="AX5660">
        <v>-892</v>
      </c>
      <c r="AY5660">
        <v>45</v>
      </c>
      <c r="AZ5660">
        <v>77</v>
      </c>
      <c r="BA5660">
        <v>6725</v>
      </c>
    </row>
    <row r="5661" spans="1:53" x14ac:dyDescent="0.4">
      <c r="A5661">
        <v>5705</v>
      </c>
      <c r="B5661" s="1">
        <v>44985</v>
      </c>
      <c r="C5661">
        <v>1</v>
      </c>
      <c r="D5661" s="1">
        <v>44985.291666666664</v>
      </c>
      <c r="E5661" s="1">
        <v>44985.44027777778</v>
      </c>
      <c r="F5661">
        <v>0</v>
      </c>
      <c r="G5661">
        <v>0</v>
      </c>
      <c r="H5661">
        <v>0</v>
      </c>
      <c r="I5661">
        <v>0</v>
      </c>
      <c r="J5661">
        <v>0</v>
      </c>
      <c r="K5661">
        <v>0</v>
      </c>
      <c r="L5661">
        <v>0</v>
      </c>
      <c r="M5661">
        <v>0</v>
      </c>
      <c r="N5661">
        <v>0</v>
      </c>
      <c r="O5661">
        <v>0</v>
      </c>
      <c r="P5661">
        <v>0</v>
      </c>
      <c r="Q5661">
        <v>0</v>
      </c>
      <c r="R5661">
        <v>0</v>
      </c>
      <c r="S5661">
        <v>0</v>
      </c>
      <c r="T5661">
        <v>0</v>
      </c>
      <c r="U5661">
        <v>0</v>
      </c>
      <c r="V5661">
        <v>0</v>
      </c>
      <c r="W5661">
        <v>1</v>
      </c>
      <c r="X5661">
        <v>0</v>
      </c>
      <c r="Y5661">
        <v>24</v>
      </c>
      <c r="Z5661">
        <v>15</v>
      </c>
      <c r="AA5661">
        <v>107</v>
      </c>
      <c r="AB5661">
        <v>28</v>
      </c>
      <c r="AC5661">
        <v>130</v>
      </c>
      <c r="AD5661">
        <v>14</v>
      </c>
      <c r="AE5661">
        <v>30</v>
      </c>
      <c r="AF5661">
        <v>0</v>
      </c>
      <c r="AG5661">
        <v>50000</v>
      </c>
      <c r="AH5661">
        <v>50000</v>
      </c>
      <c r="AI5661">
        <v>0</v>
      </c>
      <c r="AJ5661">
        <v>0</v>
      </c>
      <c r="AK5661" t="s">
        <v>6</v>
      </c>
      <c r="AL5661">
        <v>0</v>
      </c>
      <c r="AM5661">
        <v>0</v>
      </c>
      <c r="AN5661">
        <v>0</v>
      </c>
      <c r="AO5661">
        <v>0</v>
      </c>
      <c r="AP5661">
        <v>0</v>
      </c>
      <c r="AQ5661">
        <v>0</v>
      </c>
      <c r="AR5661">
        <v>0</v>
      </c>
      <c r="AS5661">
        <v>0</v>
      </c>
      <c r="AT5661">
        <v>0</v>
      </c>
      <c r="AU5661">
        <v>0</v>
      </c>
      <c r="AV5661">
        <v>0</v>
      </c>
      <c r="AW5661">
        <v>0</v>
      </c>
      <c r="AX5661">
        <v>0</v>
      </c>
      <c r="AY5661">
        <v>0</v>
      </c>
      <c r="AZ5661">
        <v>0</v>
      </c>
      <c r="BA5661">
        <v>0</v>
      </c>
    </row>
    <row r="5662" spans="1:53" x14ac:dyDescent="0.4">
      <c r="A5662">
        <v>5706</v>
      </c>
      <c r="B5662" s="1">
        <v>44985</v>
      </c>
      <c r="C5662">
        <v>2</v>
      </c>
      <c r="D5662" s="1">
        <v>44985.44027777778</v>
      </c>
      <c r="E5662" s="1">
        <v>44985.754861111112</v>
      </c>
      <c r="F5662">
        <v>29280</v>
      </c>
      <c r="G5662">
        <v>3498</v>
      </c>
      <c r="H5662">
        <v>0</v>
      </c>
      <c r="I5662">
        <v>0</v>
      </c>
      <c r="J5662">
        <v>300</v>
      </c>
      <c r="K5662">
        <v>0</v>
      </c>
      <c r="L5662">
        <v>0</v>
      </c>
      <c r="M5662">
        <v>2954</v>
      </c>
      <c r="N5662">
        <v>0</v>
      </c>
      <c r="O5662">
        <v>0</v>
      </c>
      <c r="P5662">
        <v>21950</v>
      </c>
      <c r="Q5662">
        <v>0</v>
      </c>
      <c r="R5662">
        <v>54428</v>
      </c>
      <c r="S5662">
        <v>0</v>
      </c>
      <c r="T5662">
        <v>0</v>
      </c>
      <c r="U5662">
        <v>0</v>
      </c>
      <c r="V5662">
        <v>1</v>
      </c>
      <c r="W5662">
        <v>5</v>
      </c>
      <c r="X5662">
        <v>0</v>
      </c>
      <c r="Y5662">
        <v>36</v>
      </c>
      <c r="Z5662">
        <v>27</v>
      </c>
      <c r="AA5662">
        <v>110</v>
      </c>
      <c r="AB5662">
        <v>34</v>
      </c>
      <c r="AC5662">
        <v>145</v>
      </c>
      <c r="AD5662">
        <v>14</v>
      </c>
      <c r="AE5662">
        <v>32</v>
      </c>
      <c r="AF5662">
        <v>5676</v>
      </c>
      <c r="AG5662">
        <v>104428</v>
      </c>
      <c r="AH5662">
        <v>50000</v>
      </c>
      <c r="AI5662">
        <v>0</v>
      </c>
      <c r="AJ5662">
        <v>35</v>
      </c>
      <c r="AK5662" t="s">
        <v>66</v>
      </c>
      <c r="AL5662">
        <v>0</v>
      </c>
      <c r="AM5662">
        <v>0</v>
      </c>
      <c r="AN5662">
        <v>0</v>
      </c>
      <c r="AO5662">
        <v>0</v>
      </c>
      <c r="AP5662">
        <v>0</v>
      </c>
      <c r="AQ5662">
        <v>0</v>
      </c>
      <c r="AR5662">
        <v>0</v>
      </c>
      <c r="AS5662">
        <v>0</v>
      </c>
      <c r="AT5662">
        <v>0</v>
      </c>
      <c r="AU5662">
        <v>0</v>
      </c>
      <c r="AV5662">
        <v>0</v>
      </c>
      <c r="AW5662">
        <v>0</v>
      </c>
      <c r="AX5662">
        <v>0</v>
      </c>
      <c r="AY5662">
        <v>46</v>
      </c>
      <c r="AZ5662">
        <v>79</v>
      </c>
      <c r="BA5662">
        <v>7084</v>
      </c>
    </row>
    <row r="5663" spans="1:53" x14ac:dyDescent="0.4">
      <c r="A5663">
        <v>5707</v>
      </c>
      <c r="B5663" s="1">
        <v>44985</v>
      </c>
      <c r="C5663">
        <v>3</v>
      </c>
      <c r="D5663" s="1">
        <v>44985.754861111112</v>
      </c>
      <c r="E5663" s="1">
        <v>44985.949305555558</v>
      </c>
      <c r="F5663">
        <v>32290</v>
      </c>
      <c r="G5663">
        <v>0</v>
      </c>
      <c r="H5663">
        <v>0</v>
      </c>
      <c r="I5663">
        <v>0</v>
      </c>
      <c r="J5663">
        <v>0</v>
      </c>
      <c r="K5663">
        <v>0</v>
      </c>
      <c r="L5663">
        <v>0</v>
      </c>
      <c r="M5663">
        <v>2934</v>
      </c>
      <c r="N5663">
        <v>0</v>
      </c>
      <c r="O5663">
        <v>0</v>
      </c>
      <c r="P5663">
        <v>-13870</v>
      </c>
      <c r="Q5663">
        <v>0</v>
      </c>
      <c r="R5663">
        <v>18420</v>
      </c>
      <c r="S5663">
        <v>0</v>
      </c>
      <c r="T5663">
        <v>0</v>
      </c>
      <c r="U5663">
        <v>0</v>
      </c>
      <c r="V5663">
        <v>1</v>
      </c>
      <c r="W5663">
        <v>6</v>
      </c>
      <c r="X5663">
        <v>0</v>
      </c>
      <c r="Y5663">
        <v>47</v>
      </c>
      <c r="Z5663">
        <v>29</v>
      </c>
      <c r="AA5663">
        <v>99</v>
      </c>
      <c r="AB5663">
        <v>34</v>
      </c>
      <c r="AC5663">
        <v>142</v>
      </c>
      <c r="AD5663">
        <v>14</v>
      </c>
      <c r="AE5663">
        <v>32</v>
      </c>
      <c r="AF5663">
        <v>8226</v>
      </c>
      <c r="AG5663">
        <v>122848</v>
      </c>
      <c r="AH5663">
        <v>50000</v>
      </c>
      <c r="AI5663">
        <v>0</v>
      </c>
      <c r="AJ5663">
        <v>94</v>
      </c>
      <c r="AL5663">
        <v>0</v>
      </c>
      <c r="AM5663">
        <v>0</v>
      </c>
      <c r="AN5663">
        <v>0</v>
      </c>
      <c r="AO5663">
        <v>0</v>
      </c>
      <c r="AP5663">
        <v>0</v>
      </c>
      <c r="AQ5663">
        <v>0</v>
      </c>
      <c r="AR5663">
        <v>0</v>
      </c>
      <c r="AS5663">
        <v>0</v>
      </c>
      <c r="AT5663">
        <v>0</v>
      </c>
      <c r="AU5663">
        <v>0</v>
      </c>
      <c r="AV5663">
        <v>0</v>
      </c>
      <c r="AW5663">
        <v>0</v>
      </c>
      <c r="AX5663">
        <v>2475</v>
      </c>
      <c r="AY5663">
        <v>12</v>
      </c>
      <c r="AZ5663">
        <v>20</v>
      </c>
      <c r="BA5663">
        <v>2731</v>
      </c>
    </row>
    <row r="5664" spans="1:53" x14ac:dyDescent="0.4">
      <c r="A5664">
        <v>5708</v>
      </c>
      <c r="B5664" s="1">
        <v>44985</v>
      </c>
      <c r="C5664">
        <v>4</v>
      </c>
      <c r="D5664" s="1">
        <v>44985.949305555558</v>
      </c>
      <c r="E5664" s="1">
        <v>44986.089583333334</v>
      </c>
      <c r="F5664">
        <v>11710</v>
      </c>
      <c r="G5664">
        <v>0</v>
      </c>
      <c r="H5664">
        <v>0</v>
      </c>
      <c r="I5664">
        <v>0</v>
      </c>
      <c r="J5664">
        <v>0</v>
      </c>
      <c r="K5664">
        <v>0</v>
      </c>
      <c r="L5664">
        <v>0</v>
      </c>
      <c r="M5664">
        <v>1065</v>
      </c>
      <c r="N5664">
        <v>0</v>
      </c>
      <c r="O5664">
        <v>0</v>
      </c>
      <c r="P5664">
        <v>-2030</v>
      </c>
      <c r="Q5664">
        <v>0</v>
      </c>
      <c r="R5664">
        <v>9680</v>
      </c>
      <c r="S5664">
        <v>0</v>
      </c>
      <c r="T5664">
        <v>0</v>
      </c>
      <c r="U5664">
        <v>0</v>
      </c>
      <c r="V5664">
        <v>2</v>
      </c>
      <c r="W5664">
        <v>7</v>
      </c>
      <c r="X5664">
        <v>0</v>
      </c>
      <c r="Y5664">
        <v>44</v>
      </c>
      <c r="Z5664">
        <v>25</v>
      </c>
      <c r="AA5664">
        <v>95</v>
      </c>
      <c r="AB5664">
        <v>35</v>
      </c>
      <c r="AC5664">
        <v>142</v>
      </c>
      <c r="AD5664">
        <v>17</v>
      </c>
      <c r="AE5664">
        <v>47</v>
      </c>
      <c r="AF5664">
        <v>8226</v>
      </c>
      <c r="AG5664">
        <v>132528</v>
      </c>
      <c r="AH5664">
        <v>50000</v>
      </c>
      <c r="AI5664">
        <v>0</v>
      </c>
      <c r="AJ5664">
        <v>108</v>
      </c>
      <c r="AK5664" t="s">
        <v>3</v>
      </c>
      <c r="AL5664">
        <v>0</v>
      </c>
      <c r="AM5664">
        <v>0</v>
      </c>
      <c r="AN5664">
        <v>0</v>
      </c>
      <c r="AO5664">
        <v>0</v>
      </c>
      <c r="AP5664">
        <v>0</v>
      </c>
      <c r="AQ5664">
        <v>0</v>
      </c>
      <c r="AR5664">
        <v>0</v>
      </c>
      <c r="AS5664">
        <v>0</v>
      </c>
      <c r="AT5664">
        <v>0</v>
      </c>
      <c r="AU5664">
        <v>0</v>
      </c>
      <c r="AV5664">
        <v>0</v>
      </c>
      <c r="AW5664">
        <v>0</v>
      </c>
      <c r="AX5664">
        <v>-3150</v>
      </c>
      <c r="AY5664">
        <v>3</v>
      </c>
      <c r="AZ5664">
        <v>5</v>
      </c>
      <c r="BA5664">
        <v>455</v>
      </c>
    </row>
    <row r="5665" spans="1:53" x14ac:dyDescent="0.4">
      <c r="A5665">
        <v>5709</v>
      </c>
      <c r="B5665" s="1">
        <v>44986</v>
      </c>
      <c r="C5665">
        <v>1</v>
      </c>
      <c r="D5665" s="1">
        <v>44986.291666666664</v>
      </c>
      <c r="E5665" s="1">
        <v>44986.445833333331</v>
      </c>
      <c r="F5665">
        <v>0</v>
      </c>
      <c r="G5665">
        <v>0</v>
      </c>
      <c r="H5665">
        <v>0</v>
      </c>
      <c r="I5665">
        <v>0</v>
      </c>
      <c r="J5665">
        <v>0</v>
      </c>
      <c r="K5665">
        <v>0</v>
      </c>
      <c r="L5665">
        <v>0</v>
      </c>
      <c r="M5665">
        <v>0</v>
      </c>
      <c r="N5665">
        <v>0</v>
      </c>
      <c r="O5665">
        <v>0</v>
      </c>
      <c r="P5665">
        <v>0</v>
      </c>
      <c r="Q5665">
        <v>0</v>
      </c>
      <c r="R5665">
        <v>0</v>
      </c>
      <c r="S5665">
        <v>0</v>
      </c>
      <c r="T5665">
        <v>0</v>
      </c>
      <c r="U5665">
        <v>0</v>
      </c>
      <c r="V5665">
        <v>0</v>
      </c>
      <c r="W5665">
        <v>1</v>
      </c>
      <c r="X5665">
        <v>0</v>
      </c>
      <c r="Y5665">
        <v>25</v>
      </c>
      <c r="Z5665">
        <v>15</v>
      </c>
      <c r="AA5665">
        <v>100</v>
      </c>
      <c r="AB5665">
        <v>29</v>
      </c>
      <c r="AC5665">
        <v>92</v>
      </c>
      <c r="AD5665">
        <v>17</v>
      </c>
      <c r="AE5665">
        <v>45</v>
      </c>
      <c r="AF5665">
        <v>0</v>
      </c>
      <c r="AG5665">
        <v>50000</v>
      </c>
      <c r="AH5665">
        <v>50000</v>
      </c>
      <c r="AI5665">
        <v>0</v>
      </c>
      <c r="AJ5665">
        <v>0</v>
      </c>
      <c r="AK5665" t="s">
        <v>6</v>
      </c>
      <c r="AL5665">
        <v>0</v>
      </c>
      <c r="AM5665">
        <v>0</v>
      </c>
      <c r="AN5665">
        <v>0</v>
      </c>
      <c r="AO5665">
        <v>0</v>
      </c>
      <c r="AP5665">
        <v>0</v>
      </c>
      <c r="AQ5665">
        <v>0</v>
      </c>
      <c r="AR5665">
        <v>0</v>
      </c>
      <c r="AS5665">
        <v>0</v>
      </c>
      <c r="AT5665">
        <v>0</v>
      </c>
      <c r="AU5665">
        <v>0</v>
      </c>
      <c r="AV5665">
        <v>0</v>
      </c>
      <c r="AW5665">
        <v>0</v>
      </c>
      <c r="AX5665">
        <v>0</v>
      </c>
      <c r="AY5665">
        <v>0</v>
      </c>
      <c r="AZ5665">
        <v>0</v>
      </c>
      <c r="BA5665">
        <v>0</v>
      </c>
    </row>
    <row r="5666" spans="1:53" x14ac:dyDescent="0.4">
      <c r="A5666">
        <v>5710</v>
      </c>
      <c r="B5666" s="1">
        <v>44986</v>
      </c>
      <c r="C5666">
        <v>2</v>
      </c>
      <c r="D5666" s="1">
        <v>44986.445833333331</v>
      </c>
      <c r="E5666" s="1">
        <v>44986.730555555558</v>
      </c>
      <c r="F5666">
        <v>25930</v>
      </c>
      <c r="G5666">
        <v>1188</v>
      </c>
      <c r="H5666">
        <v>0</v>
      </c>
      <c r="I5666">
        <v>0</v>
      </c>
      <c r="J5666">
        <v>100</v>
      </c>
      <c r="K5666">
        <v>0</v>
      </c>
      <c r="L5666">
        <v>0</v>
      </c>
      <c r="M5666">
        <v>2457</v>
      </c>
      <c r="N5666">
        <v>0</v>
      </c>
      <c r="O5666">
        <v>0</v>
      </c>
      <c r="P5666">
        <v>19960</v>
      </c>
      <c r="Q5666">
        <v>0</v>
      </c>
      <c r="R5666">
        <v>46978</v>
      </c>
      <c r="S5666">
        <v>0</v>
      </c>
      <c r="T5666">
        <v>0</v>
      </c>
      <c r="U5666">
        <v>0</v>
      </c>
      <c r="V5666">
        <v>1</v>
      </c>
      <c r="W5666">
        <v>1</v>
      </c>
      <c r="X5666">
        <v>0</v>
      </c>
      <c r="Y5666">
        <v>56</v>
      </c>
      <c r="Z5666">
        <v>18</v>
      </c>
      <c r="AA5666">
        <v>103</v>
      </c>
      <c r="AB5666">
        <v>26</v>
      </c>
      <c r="AC5666">
        <v>105</v>
      </c>
      <c r="AD5666">
        <v>16</v>
      </c>
      <c r="AE5666">
        <v>45</v>
      </c>
      <c r="AF5666">
        <v>4203</v>
      </c>
      <c r="AG5666">
        <v>96978</v>
      </c>
      <c r="AH5666">
        <v>50000</v>
      </c>
      <c r="AI5666">
        <v>0</v>
      </c>
      <c r="AJ5666">
        <v>29</v>
      </c>
      <c r="AK5666" t="s">
        <v>62</v>
      </c>
      <c r="AL5666">
        <v>0</v>
      </c>
      <c r="AM5666">
        <v>0</v>
      </c>
      <c r="AN5666">
        <v>0</v>
      </c>
      <c r="AO5666">
        <v>0</v>
      </c>
      <c r="AP5666">
        <v>0</v>
      </c>
      <c r="AQ5666">
        <v>0</v>
      </c>
      <c r="AR5666">
        <v>0</v>
      </c>
      <c r="AS5666">
        <v>0</v>
      </c>
      <c r="AT5666">
        <v>0</v>
      </c>
      <c r="AU5666">
        <v>0</v>
      </c>
      <c r="AV5666">
        <v>0</v>
      </c>
      <c r="AW5666">
        <v>0</v>
      </c>
      <c r="AX5666">
        <v>700</v>
      </c>
      <c r="AY5666">
        <v>40</v>
      </c>
      <c r="AZ5666">
        <v>73</v>
      </c>
      <c r="BA5666">
        <v>5978</v>
      </c>
    </row>
    <row r="5667" spans="1:53" x14ac:dyDescent="0.4">
      <c r="A5667">
        <v>5711</v>
      </c>
      <c r="B5667" s="1">
        <v>44986</v>
      </c>
      <c r="C5667">
        <v>3</v>
      </c>
      <c r="D5667" s="1">
        <v>44986.730555555558</v>
      </c>
      <c r="E5667" s="1">
        <v>44986.953472222223</v>
      </c>
      <c r="F5667">
        <v>45500</v>
      </c>
      <c r="G5667">
        <v>3828</v>
      </c>
      <c r="H5667">
        <v>0</v>
      </c>
      <c r="I5667">
        <v>0</v>
      </c>
      <c r="J5667">
        <v>100</v>
      </c>
      <c r="K5667">
        <v>400</v>
      </c>
      <c r="L5667">
        <v>0</v>
      </c>
      <c r="M5667">
        <v>4510</v>
      </c>
      <c r="N5667">
        <v>0</v>
      </c>
      <c r="O5667">
        <v>0</v>
      </c>
      <c r="P5667">
        <v>-8380</v>
      </c>
      <c r="Q5667">
        <v>0</v>
      </c>
      <c r="R5667">
        <v>41248</v>
      </c>
      <c r="S5667">
        <v>0</v>
      </c>
      <c r="T5667">
        <v>0</v>
      </c>
      <c r="U5667">
        <v>0</v>
      </c>
      <c r="V5667">
        <v>2</v>
      </c>
      <c r="W5667">
        <v>2</v>
      </c>
      <c r="X5667">
        <v>0</v>
      </c>
      <c r="Y5667">
        <v>71</v>
      </c>
      <c r="Z5667">
        <v>21</v>
      </c>
      <c r="AA5667">
        <v>101</v>
      </c>
      <c r="AB5667">
        <v>26</v>
      </c>
      <c r="AC5667">
        <v>107</v>
      </c>
      <c r="AD5667">
        <v>17</v>
      </c>
      <c r="AE5667">
        <v>46</v>
      </c>
      <c r="AF5667">
        <v>14125</v>
      </c>
      <c r="AG5667">
        <v>138226</v>
      </c>
      <c r="AH5667">
        <v>50000</v>
      </c>
      <c r="AI5667">
        <v>0</v>
      </c>
      <c r="AJ5667">
        <v>108</v>
      </c>
      <c r="AK5667" t="s">
        <v>3</v>
      </c>
      <c r="AL5667">
        <v>0</v>
      </c>
      <c r="AM5667">
        <v>0</v>
      </c>
      <c r="AN5667">
        <v>0</v>
      </c>
      <c r="AO5667">
        <v>0</v>
      </c>
      <c r="AP5667">
        <v>0</v>
      </c>
      <c r="AQ5667">
        <v>0</v>
      </c>
      <c r="AR5667">
        <v>0</v>
      </c>
      <c r="AS5667">
        <v>0</v>
      </c>
      <c r="AT5667">
        <v>0</v>
      </c>
      <c r="AU5667">
        <v>0</v>
      </c>
      <c r="AV5667">
        <v>0</v>
      </c>
      <c r="AW5667">
        <v>0</v>
      </c>
      <c r="AX5667">
        <v>13840</v>
      </c>
      <c r="AY5667">
        <v>18</v>
      </c>
      <c r="AZ5667">
        <v>39</v>
      </c>
      <c r="BA5667">
        <v>3008</v>
      </c>
    </row>
    <row r="5668" spans="1:53" x14ac:dyDescent="0.4">
      <c r="A5668">
        <v>5712</v>
      </c>
      <c r="B5668" s="1">
        <v>44987</v>
      </c>
      <c r="C5668">
        <v>1</v>
      </c>
      <c r="D5668" s="1">
        <v>44987.291666666664</v>
      </c>
      <c r="E5668" s="1">
        <v>44987.441666666666</v>
      </c>
      <c r="F5668">
        <v>0</v>
      </c>
      <c r="G5668">
        <v>0</v>
      </c>
      <c r="H5668">
        <v>0</v>
      </c>
      <c r="I5668">
        <v>0</v>
      </c>
      <c r="J5668">
        <v>0</v>
      </c>
      <c r="K5668">
        <v>0</v>
      </c>
      <c r="L5668">
        <v>0</v>
      </c>
      <c r="M5668">
        <v>0</v>
      </c>
      <c r="N5668">
        <v>0</v>
      </c>
      <c r="O5668">
        <v>0</v>
      </c>
      <c r="P5668">
        <v>0</v>
      </c>
      <c r="Q5668">
        <v>0</v>
      </c>
      <c r="R5668">
        <v>0</v>
      </c>
      <c r="S5668">
        <v>0</v>
      </c>
      <c r="T5668">
        <v>0</v>
      </c>
      <c r="U5668">
        <v>0</v>
      </c>
      <c r="V5668">
        <v>0</v>
      </c>
      <c r="W5668">
        <v>1</v>
      </c>
      <c r="X5668">
        <v>0</v>
      </c>
      <c r="Y5668">
        <v>25</v>
      </c>
      <c r="Z5668">
        <v>16</v>
      </c>
      <c r="AA5668">
        <v>98</v>
      </c>
      <c r="AB5668">
        <v>21</v>
      </c>
      <c r="AC5668">
        <v>102</v>
      </c>
      <c r="AD5668">
        <v>17</v>
      </c>
      <c r="AE5668">
        <v>45</v>
      </c>
      <c r="AF5668">
        <v>0</v>
      </c>
      <c r="AG5668">
        <v>50000</v>
      </c>
      <c r="AH5668">
        <v>50000</v>
      </c>
      <c r="AI5668">
        <v>0</v>
      </c>
      <c r="AJ5668">
        <v>0</v>
      </c>
      <c r="AK5668" t="s">
        <v>6</v>
      </c>
      <c r="AL5668">
        <v>0</v>
      </c>
      <c r="AM5668">
        <v>0</v>
      </c>
      <c r="AN5668">
        <v>0</v>
      </c>
      <c r="AO5668">
        <v>0</v>
      </c>
      <c r="AP5668">
        <v>0</v>
      </c>
      <c r="AQ5668">
        <v>0</v>
      </c>
      <c r="AR5668">
        <v>0</v>
      </c>
      <c r="AS5668">
        <v>0</v>
      </c>
      <c r="AT5668">
        <v>0</v>
      </c>
      <c r="AU5668">
        <v>0</v>
      </c>
      <c r="AV5668">
        <v>0</v>
      </c>
      <c r="AW5668">
        <v>0</v>
      </c>
      <c r="AX5668">
        <v>0</v>
      </c>
      <c r="AY5668">
        <v>0</v>
      </c>
      <c r="AZ5668">
        <v>0</v>
      </c>
      <c r="BA5668">
        <v>0</v>
      </c>
    </row>
    <row r="5669" spans="1:53" x14ac:dyDescent="0.4">
      <c r="A5669">
        <v>5713</v>
      </c>
      <c r="B5669" s="1">
        <v>44987</v>
      </c>
      <c r="C5669">
        <v>2</v>
      </c>
      <c r="D5669" s="1">
        <v>44987.441666666666</v>
      </c>
      <c r="E5669" s="1">
        <v>44987.752083333333</v>
      </c>
      <c r="F5669">
        <v>29190</v>
      </c>
      <c r="G5669">
        <v>594</v>
      </c>
      <c r="H5669">
        <v>0</v>
      </c>
      <c r="I5669">
        <v>0</v>
      </c>
      <c r="J5669">
        <v>100</v>
      </c>
      <c r="K5669">
        <v>0</v>
      </c>
      <c r="L5669">
        <v>0</v>
      </c>
      <c r="M5669">
        <v>2698</v>
      </c>
      <c r="N5669">
        <v>0</v>
      </c>
      <c r="O5669">
        <v>0</v>
      </c>
      <c r="P5669">
        <v>27740</v>
      </c>
      <c r="Q5669">
        <v>0</v>
      </c>
      <c r="R5669">
        <v>57424</v>
      </c>
      <c r="S5669">
        <v>0</v>
      </c>
      <c r="T5669">
        <v>0</v>
      </c>
      <c r="U5669">
        <v>0</v>
      </c>
      <c r="V5669">
        <v>2</v>
      </c>
      <c r="W5669">
        <v>2</v>
      </c>
      <c r="X5669">
        <v>0</v>
      </c>
      <c r="Y5669">
        <v>43</v>
      </c>
      <c r="Z5669">
        <v>32</v>
      </c>
      <c r="AA5669">
        <v>137</v>
      </c>
      <c r="AB5669">
        <v>25</v>
      </c>
      <c r="AC5669">
        <v>122</v>
      </c>
      <c r="AD5669">
        <v>17</v>
      </c>
      <c r="AE5669">
        <v>49</v>
      </c>
      <c r="AF5669">
        <v>2120</v>
      </c>
      <c r="AG5669">
        <v>107424</v>
      </c>
      <c r="AH5669">
        <v>50000</v>
      </c>
      <c r="AI5669">
        <v>0</v>
      </c>
      <c r="AJ5669">
        <v>29</v>
      </c>
      <c r="AK5669" t="s">
        <v>62</v>
      </c>
      <c r="AL5669">
        <v>0</v>
      </c>
      <c r="AM5669">
        <v>0</v>
      </c>
      <c r="AN5669">
        <v>0</v>
      </c>
      <c r="AO5669">
        <v>0</v>
      </c>
      <c r="AP5669">
        <v>0</v>
      </c>
      <c r="AQ5669">
        <v>0</v>
      </c>
      <c r="AR5669">
        <v>0</v>
      </c>
      <c r="AS5669">
        <v>0</v>
      </c>
      <c r="AT5669">
        <v>0</v>
      </c>
      <c r="AU5669">
        <v>0</v>
      </c>
      <c r="AV5669">
        <v>0</v>
      </c>
      <c r="AW5669">
        <v>0</v>
      </c>
      <c r="AX5669">
        <v>1600</v>
      </c>
      <c r="AY5669">
        <v>44</v>
      </c>
      <c r="AZ5669">
        <v>94</v>
      </c>
      <c r="BA5669">
        <v>6046</v>
      </c>
    </row>
    <row r="5670" spans="1:53" x14ac:dyDescent="0.4">
      <c r="A5670">
        <v>5714</v>
      </c>
      <c r="B5670" s="1">
        <v>44987</v>
      </c>
      <c r="C5670">
        <v>3</v>
      </c>
      <c r="D5670" s="1">
        <v>44987.752083333333</v>
      </c>
      <c r="E5670" s="1">
        <v>44987.979166666664</v>
      </c>
      <c r="F5670">
        <v>59960</v>
      </c>
      <c r="G5670">
        <v>440</v>
      </c>
      <c r="H5670">
        <v>0</v>
      </c>
      <c r="I5670">
        <v>0</v>
      </c>
      <c r="J5670">
        <v>0</v>
      </c>
      <c r="K5670">
        <v>1000</v>
      </c>
      <c r="L5670">
        <v>0</v>
      </c>
      <c r="M5670">
        <v>5579</v>
      </c>
      <c r="N5670">
        <v>0</v>
      </c>
      <c r="O5670">
        <v>0</v>
      </c>
      <c r="P5670">
        <v>-21580</v>
      </c>
      <c r="Q5670">
        <v>0</v>
      </c>
      <c r="R5670">
        <v>39820</v>
      </c>
      <c r="S5670">
        <v>0</v>
      </c>
      <c r="T5670">
        <v>0</v>
      </c>
      <c r="U5670">
        <v>0</v>
      </c>
      <c r="V5670">
        <v>5</v>
      </c>
      <c r="W5670">
        <v>1</v>
      </c>
      <c r="X5670">
        <v>0</v>
      </c>
      <c r="Y5670">
        <v>54</v>
      </c>
      <c r="Z5670">
        <v>36</v>
      </c>
      <c r="AA5670">
        <v>152</v>
      </c>
      <c r="AB5670">
        <v>26</v>
      </c>
      <c r="AC5670">
        <v>146</v>
      </c>
      <c r="AD5670">
        <v>20</v>
      </c>
      <c r="AE5670">
        <v>64</v>
      </c>
      <c r="AF5670">
        <v>2120</v>
      </c>
      <c r="AG5670">
        <v>147244</v>
      </c>
      <c r="AH5670">
        <v>50000</v>
      </c>
      <c r="AI5670">
        <v>0</v>
      </c>
      <c r="AJ5670">
        <v>108</v>
      </c>
      <c r="AK5670" t="s">
        <v>3</v>
      </c>
      <c r="AL5670">
        <v>0</v>
      </c>
      <c r="AM5670">
        <v>0</v>
      </c>
      <c r="AN5670">
        <v>0</v>
      </c>
      <c r="AO5670">
        <v>0</v>
      </c>
      <c r="AP5670">
        <v>0</v>
      </c>
      <c r="AQ5670">
        <v>0</v>
      </c>
      <c r="AR5670">
        <v>0</v>
      </c>
      <c r="AS5670">
        <v>0</v>
      </c>
      <c r="AT5670">
        <v>0</v>
      </c>
      <c r="AU5670">
        <v>0</v>
      </c>
      <c r="AV5670">
        <v>0</v>
      </c>
      <c r="AW5670">
        <v>0</v>
      </c>
      <c r="AX5670">
        <v>1320</v>
      </c>
      <c r="AY5670">
        <v>15</v>
      </c>
      <c r="AZ5670">
        <v>37</v>
      </c>
      <c r="BA5670">
        <v>3225</v>
      </c>
    </row>
    <row r="5671" spans="1:53" x14ac:dyDescent="0.4">
      <c r="A5671">
        <v>5715</v>
      </c>
      <c r="B5671" s="1">
        <v>44988</v>
      </c>
      <c r="C5671">
        <v>1</v>
      </c>
      <c r="D5671" s="1">
        <v>44988.291666666664</v>
      </c>
      <c r="E5671" s="1">
        <v>44988.447916666664</v>
      </c>
      <c r="F5671">
        <v>0</v>
      </c>
      <c r="G5671">
        <v>0</v>
      </c>
      <c r="H5671">
        <v>0</v>
      </c>
      <c r="I5671">
        <v>0</v>
      </c>
      <c r="J5671">
        <v>0</v>
      </c>
      <c r="K5671">
        <v>0</v>
      </c>
      <c r="L5671">
        <v>0</v>
      </c>
      <c r="M5671">
        <v>0</v>
      </c>
      <c r="N5671">
        <v>0</v>
      </c>
      <c r="O5671">
        <v>0</v>
      </c>
      <c r="P5671">
        <v>0</v>
      </c>
      <c r="Q5671">
        <v>0</v>
      </c>
      <c r="R5671">
        <v>0</v>
      </c>
      <c r="S5671">
        <v>0</v>
      </c>
      <c r="T5671">
        <v>0</v>
      </c>
      <c r="U5671">
        <v>0</v>
      </c>
      <c r="V5671">
        <v>0</v>
      </c>
      <c r="W5671">
        <v>1</v>
      </c>
      <c r="X5671">
        <v>0</v>
      </c>
      <c r="Y5671">
        <v>25</v>
      </c>
      <c r="Z5671">
        <v>14</v>
      </c>
      <c r="AA5671">
        <v>105</v>
      </c>
      <c r="AB5671">
        <v>27</v>
      </c>
      <c r="AC5671">
        <v>100</v>
      </c>
      <c r="AD5671">
        <v>18</v>
      </c>
      <c r="AE5671">
        <v>60</v>
      </c>
      <c r="AF5671">
        <v>0</v>
      </c>
      <c r="AG5671">
        <v>50000</v>
      </c>
      <c r="AH5671">
        <v>50000</v>
      </c>
      <c r="AI5671">
        <v>0</v>
      </c>
      <c r="AJ5671">
        <v>0</v>
      </c>
      <c r="AK5671" t="s">
        <v>6</v>
      </c>
      <c r="AL5671">
        <v>0</v>
      </c>
      <c r="AM5671">
        <v>0</v>
      </c>
      <c r="AN5671">
        <v>0</v>
      </c>
      <c r="AO5671">
        <v>0</v>
      </c>
      <c r="AP5671">
        <v>0</v>
      </c>
      <c r="AQ5671">
        <v>0</v>
      </c>
      <c r="AR5671">
        <v>0</v>
      </c>
      <c r="AS5671">
        <v>0</v>
      </c>
      <c r="AT5671">
        <v>0</v>
      </c>
      <c r="AU5671">
        <v>0</v>
      </c>
      <c r="AV5671">
        <v>0</v>
      </c>
      <c r="AW5671">
        <v>0</v>
      </c>
      <c r="AX5671">
        <v>0</v>
      </c>
      <c r="AY5671">
        <v>0</v>
      </c>
      <c r="AZ5671">
        <v>0</v>
      </c>
      <c r="BA5671">
        <v>0</v>
      </c>
    </row>
    <row r="5672" spans="1:53" x14ac:dyDescent="0.4">
      <c r="A5672">
        <v>5716</v>
      </c>
      <c r="B5672" s="1">
        <v>44988</v>
      </c>
      <c r="C5672">
        <v>2</v>
      </c>
      <c r="D5672" s="1">
        <v>44988.447916666664</v>
      </c>
      <c r="E5672" s="1">
        <v>44988.757638888892</v>
      </c>
      <c r="F5672">
        <v>31790</v>
      </c>
      <c r="G5672">
        <v>616</v>
      </c>
      <c r="H5672">
        <v>0</v>
      </c>
      <c r="I5672">
        <v>0</v>
      </c>
      <c r="J5672">
        <v>200</v>
      </c>
      <c r="K5672">
        <v>0</v>
      </c>
      <c r="L5672">
        <v>0</v>
      </c>
      <c r="M5672">
        <v>2929</v>
      </c>
      <c r="N5672">
        <v>0</v>
      </c>
      <c r="O5672">
        <v>0</v>
      </c>
      <c r="P5672">
        <v>24720</v>
      </c>
      <c r="Q5672">
        <v>0</v>
      </c>
      <c r="R5672">
        <v>56926</v>
      </c>
      <c r="S5672">
        <v>0</v>
      </c>
      <c r="T5672">
        <v>0</v>
      </c>
      <c r="U5672">
        <v>0</v>
      </c>
      <c r="V5672">
        <v>1</v>
      </c>
      <c r="W5672">
        <v>1</v>
      </c>
      <c r="X5672">
        <v>0</v>
      </c>
      <c r="Y5672">
        <v>64</v>
      </c>
      <c r="Z5672">
        <v>32</v>
      </c>
      <c r="AA5672">
        <v>68</v>
      </c>
      <c r="AB5672">
        <v>30</v>
      </c>
      <c r="AC5672">
        <v>116</v>
      </c>
      <c r="AD5672">
        <v>19</v>
      </c>
      <c r="AE5672">
        <v>61</v>
      </c>
      <c r="AF5672">
        <v>2310</v>
      </c>
      <c r="AG5672">
        <v>106926</v>
      </c>
      <c r="AH5672">
        <v>50000</v>
      </c>
      <c r="AI5672">
        <v>0</v>
      </c>
      <c r="AJ5672">
        <v>119</v>
      </c>
      <c r="AK5672" t="s">
        <v>56</v>
      </c>
      <c r="AL5672">
        <v>0</v>
      </c>
      <c r="AM5672">
        <v>0</v>
      </c>
      <c r="AN5672">
        <v>0</v>
      </c>
      <c r="AO5672">
        <v>0</v>
      </c>
      <c r="AP5672">
        <v>0</v>
      </c>
      <c r="AQ5672">
        <v>0</v>
      </c>
      <c r="AR5672">
        <v>0</v>
      </c>
      <c r="AS5672">
        <v>0</v>
      </c>
      <c r="AT5672">
        <v>0</v>
      </c>
      <c r="AU5672">
        <v>0</v>
      </c>
      <c r="AV5672">
        <v>0</v>
      </c>
      <c r="AW5672">
        <v>0</v>
      </c>
      <c r="AX5672">
        <v>-466</v>
      </c>
      <c r="AY5672">
        <v>46</v>
      </c>
      <c r="AZ5672">
        <v>90</v>
      </c>
      <c r="BA5672">
        <v>6922</v>
      </c>
    </row>
    <row r="5673" spans="1:53" x14ac:dyDescent="0.4">
      <c r="A5673">
        <v>5717</v>
      </c>
      <c r="B5673" s="1">
        <v>44988</v>
      </c>
      <c r="C5673">
        <v>3</v>
      </c>
      <c r="D5673" s="1">
        <v>44988.757638888892</v>
      </c>
      <c r="E5673" s="1">
        <v>44989.012499999997</v>
      </c>
      <c r="F5673">
        <v>111300</v>
      </c>
      <c r="G5673">
        <v>2882</v>
      </c>
      <c r="H5673">
        <v>0</v>
      </c>
      <c r="I5673">
        <v>0</v>
      </c>
      <c r="J5673">
        <v>100</v>
      </c>
      <c r="K5673">
        <v>1200</v>
      </c>
      <c r="L5673">
        <v>0</v>
      </c>
      <c r="M5673">
        <v>10478</v>
      </c>
      <c r="N5673">
        <v>0</v>
      </c>
      <c r="O5673">
        <v>0</v>
      </c>
      <c r="P5673">
        <v>-9620</v>
      </c>
      <c r="Q5673">
        <v>0</v>
      </c>
      <c r="R5673">
        <v>105662</v>
      </c>
      <c r="S5673">
        <v>0</v>
      </c>
      <c r="T5673">
        <v>0</v>
      </c>
      <c r="U5673">
        <v>0</v>
      </c>
      <c r="V5673">
        <v>6</v>
      </c>
      <c r="W5673">
        <v>4</v>
      </c>
      <c r="X5673">
        <v>0</v>
      </c>
      <c r="Y5673">
        <v>77</v>
      </c>
      <c r="Z5673">
        <v>34</v>
      </c>
      <c r="AA5673">
        <v>69</v>
      </c>
      <c r="AB5673">
        <v>30</v>
      </c>
      <c r="AC5673">
        <v>115</v>
      </c>
      <c r="AD5673">
        <v>18</v>
      </c>
      <c r="AE5673">
        <v>59</v>
      </c>
      <c r="AF5673">
        <v>28889</v>
      </c>
      <c r="AG5673">
        <v>212588</v>
      </c>
      <c r="AH5673">
        <v>50000</v>
      </c>
      <c r="AI5673">
        <v>0</v>
      </c>
      <c r="AJ5673">
        <v>108</v>
      </c>
      <c r="AK5673" t="s">
        <v>3</v>
      </c>
      <c r="AL5673">
        <v>0</v>
      </c>
      <c r="AM5673">
        <v>0</v>
      </c>
      <c r="AN5673">
        <v>0</v>
      </c>
      <c r="AO5673">
        <v>0</v>
      </c>
      <c r="AP5673">
        <v>0</v>
      </c>
      <c r="AQ5673">
        <v>0</v>
      </c>
      <c r="AR5673">
        <v>0</v>
      </c>
      <c r="AS5673">
        <v>0</v>
      </c>
      <c r="AT5673">
        <v>0</v>
      </c>
      <c r="AU5673">
        <v>0</v>
      </c>
      <c r="AV5673">
        <v>0</v>
      </c>
      <c r="AW5673">
        <v>0</v>
      </c>
      <c r="AX5673">
        <v>37849</v>
      </c>
      <c r="AY5673">
        <v>25</v>
      </c>
      <c r="AZ5673">
        <v>72</v>
      </c>
      <c r="BA5673">
        <v>3943</v>
      </c>
    </row>
    <row r="5674" spans="1:53" x14ac:dyDescent="0.4">
      <c r="A5674">
        <v>5718</v>
      </c>
      <c r="B5674" s="1">
        <v>44989</v>
      </c>
      <c r="C5674">
        <v>1</v>
      </c>
      <c r="D5674" s="1">
        <v>44989.291666666664</v>
      </c>
      <c r="E5674" s="1">
        <v>44989.402777777781</v>
      </c>
      <c r="F5674">
        <v>0</v>
      </c>
      <c r="G5674">
        <v>0</v>
      </c>
      <c r="H5674">
        <v>0</v>
      </c>
      <c r="I5674">
        <v>0</v>
      </c>
      <c r="J5674">
        <v>0</v>
      </c>
      <c r="K5674">
        <v>0</v>
      </c>
      <c r="L5674">
        <v>0</v>
      </c>
      <c r="M5674">
        <v>0</v>
      </c>
      <c r="N5674">
        <v>0</v>
      </c>
      <c r="O5674">
        <v>0</v>
      </c>
      <c r="P5674">
        <v>0</v>
      </c>
      <c r="Q5674">
        <v>0</v>
      </c>
      <c r="R5674">
        <v>0</v>
      </c>
      <c r="S5674">
        <v>0</v>
      </c>
      <c r="T5674">
        <v>0</v>
      </c>
      <c r="U5674">
        <v>0</v>
      </c>
      <c r="V5674">
        <v>0</v>
      </c>
      <c r="W5674">
        <v>1</v>
      </c>
      <c r="X5674">
        <v>0</v>
      </c>
      <c r="Y5674">
        <v>29</v>
      </c>
      <c r="Z5674">
        <v>14</v>
      </c>
      <c r="AA5674">
        <v>65</v>
      </c>
      <c r="AB5674">
        <v>25</v>
      </c>
      <c r="AC5674">
        <v>111</v>
      </c>
      <c r="AD5674">
        <v>17</v>
      </c>
      <c r="AE5674">
        <v>55</v>
      </c>
      <c r="AF5674">
        <v>0</v>
      </c>
      <c r="AG5674">
        <v>50000</v>
      </c>
      <c r="AH5674">
        <v>50000</v>
      </c>
      <c r="AI5674">
        <v>0</v>
      </c>
      <c r="AJ5674">
        <v>0</v>
      </c>
      <c r="AK5674" t="s">
        <v>6</v>
      </c>
      <c r="AL5674">
        <v>0</v>
      </c>
      <c r="AM5674">
        <v>0</v>
      </c>
      <c r="AN5674">
        <v>0</v>
      </c>
      <c r="AO5674">
        <v>0</v>
      </c>
      <c r="AP5674">
        <v>0</v>
      </c>
      <c r="AQ5674">
        <v>0</v>
      </c>
      <c r="AR5674">
        <v>0</v>
      </c>
      <c r="AS5674">
        <v>0</v>
      </c>
      <c r="AT5674">
        <v>0</v>
      </c>
      <c r="AU5674">
        <v>0</v>
      </c>
      <c r="AV5674">
        <v>0</v>
      </c>
      <c r="AW5674">
        <v>0</v>
      </c>
      <c r="AX5674">
        <v>0</v>
      </c>
      <c r="AY5674">
        <v>0</v>
      </c>
      <c r="AZ5674">
        <v>0</v>
      </c>
      <c r="BA5674">
        <v>0</v>
      </c>
    </row>
    <row r="5675" spans="1:53" x14ac:dyDescent="0.4">
      <c r="A5675">
        <v>5719</v>
      </c>
      <c r="B5675" s="1">
        <v>44989</v>
      </c>
      <c r="C5675">
        <v>2</v>
      </c>
      <c r="D5675" s="1">
        <v>44989.402777777781</v>
      </c>
      <c r="E5675" s="1">
        <v>44989.75</v>
      </c>
      <c r="F5675">
        <v>41660</v>
      </c>
      <c r="G5675">
        <v>4598</v>
      </c>
      <c r="H5675">
        <v>0</v>
      </c>
      <c r="I5675">
        <v>0</v>
      </c>
      <c r="J5675">
        <v>200</v>
      </c>
      <c r="K5675">
        <v>400</v>
      </c>
      <c r="L5675">
        <v>0</v>
      </c>
      <c r="M5675">
        <v>4219</v>
      </c>
      <c r="N5675">
        <v>0</v>
      </c>
      <c r="O5675">
        <v>0</v>
      </c>
      <c r="P5675">
        <v>21570</v>
      </c>
      <c r="Q5675">
        <v>0</v>
      </c>
      <c r="R5675">
        <v>68028</v>
      </c>
      <c r="S5675">
        <v>0</v>
      </c>
      <c r="T5675">
        <v>0</v>
      </c>
      <c r="U5675">
        <v>0</v>
      </c>
      <c r="V5675">
        <v>1</v>
      </c>
      <c r="W5675">
        <v>2</v>
      </c>
      <c r="X5675">
        <v>0</v>
      </c>
      <c r="Y5675">
        <v>49</v>
      </c>
      <c r="Z5675">
        <v>17</v>
      </c>
      <c r="AA5675">
        <v>77</v>
      </c>
      <c r="AB5675">
        <v>27</v>
      </c>
      <c r="AC5675">
        <v>140</v>
      </c>
      <c r="AD5675">
        <v>16</v>
      </c>
      <c r="AE5675">
        <v>56</v>
      </c>
      <c r="AF5675">
        <v>29942</v>
      </c>
      <c r="AG5675">
        <v>118028</v>
      </c>
      <c r="AH5675">
        <v>50000</v>
      </c>
      <c r="AI5675">
        <v>0</v>
      </c>
      <c r="AJ5675">
        <v>103</v>
      </c>
      <c r="AK5675" t="s">
        <v>7</v>
      </c>
      <c r="AL5675">
        <v>0</v>
      </c>
      <c r="AM5675">
        <v>0</v>
      </c>
      <c r="AN5675">
        <v>0</v>
      </c>
      <c r="AO5675">
        <v>0</v>
      </c>
      <c r="AP5675">
        <v>0</v>
      </c>
      <c r="AQ5675">
        <v>0</v>
      </c>
      <c r="AR5675">
        <v>0</v>
      </c>
      <c r="AS5675">
        <v>0</v>
      </c>
      <c r="AT5675">
        <v>0</v>
      </c>
      <c r="AU5675">
        <v>0</v>
      </c>
      <c r="AV5675">
        <v>0</v>
      </c>
      <c r="AW5675">
        <v>0</v>
      </c>
      <c r="AX5675">
        <v>-1590</v>
      </c>
      <c r="AY5675">
        <v>50</v>
      </c>
      <c r="AZ5675">
        <v>100</v>
      </c>
      <c r="BA5675">
        <v>7822</v>
      </c>
    </row>
    <row r="5676" spans="1:53" x14ac:dyDescent="0.4">
      <c r="A5676">
        <v>5720</v>
      </c>
      <c r="B5676" s="1">
        <v>44989</v>
      </c>
      <c r="C5676">
        <v>3</v>
      </c>
      <c r="D5676" s="1">
        <v>44989.75</v>
      </c>
      <c r="E5676" s="1">
        <v>44989.978472222225</v>
      </c>
      <c r="F5676">
        <v>97470</v>
      </c>
      <c r="G5676">
        <v>7337</v>
      </c>
      <c r="H5676">
        <v>0</v>
      </c>
      <c r="I5676">
        <v>0</v>
      </c>
      <c r="J5676">
        <v>0</v>
      </c>
      <c r="K5676">
        <v>0</v>
      </c>
      <c r="L5676">
        <v>0</v>
      </c>
      <c r="M5676">
        <v>9528</v>
      </c>
      <c r="N5676">
        <v>0</v>
      </c>
      <c r="O5676">
        <v>0</v>
      </c>
      <c r="P5676">
        <v>-12770</v>
      </c>
      <c r="Q5676">
        <v>0</v>
      </c>
      <c r="R5676">
        <v>92037</v>
      </c>
      <c r="S5676">
        <v>0</v>
      </c>
      <c r="T5676">
        <v>0</v>
      </c>
      <c r="U5676">
        <v>0</v>
      </c>
      <c r="V5676">
        <v>4</v>
      </c>
      <c r="W5676">
        <v>4</v>
      </c>
      <c r="X5676">
        <v>0</v>
      </c>
      <c r="Y5676">
        <v>60</v>
      </c>
      <c r="Z5676">
        <v>19</v>
      </c>
      <c r="AA5676">
        <v>84</v>
      </c>
      <c r="AB5676">
        <v>23</v>
      </c>
      <c r="AC5676">
        <v>140</v>
      </c>
      <c r="AD5676">
        <v>16</v>
      </c>
      <c r="AE5676">
        <v>61</v>
      </c>
      <c r="AF5676">
        <v>69474</v>
      </c>
      <c r="AG5676">
        <v>210065</v>
      </c>
      <c r="AH5676">
        <v>50000</v>
      </c>
      <c r="AI5676">
        <v>0</v>
      </c>
      <c r="AJ5676">
        <v>108</v>
      </c>
      <c r="AK5676" t="s">
        <v>3</v>
      </c>
      <c r="AL5676">
        <v>0</v>
      </c>
      <c r="AM5676">
        <v>0</v>
      </c>
      <c r="AN5676">
        <v>0</v>
      </c>
      <c r="AO5676">
        <v>0</v>
      </c>
      <c r="AP5676">
        <v>0</v>
      </c>
      <c r="AQ5676">
        <v>0</v>
      </c>
      <c r="AR5676">
        <v>0</v>
      </c>
      <c r="AS5676">
        <v>0</v>
      </c>
      <c r="AT5676">
        <v>0</v>
      </c>
      <c r="AU5676">
        <v>0</v>
      </c>
      <c r="AV5676">
        <v>0</v>
      </c>
      <c r="AW5676">
        <v>0</v>
      </c>
      <c r="AX5676">
        <v>57126</v>
      </c>
      <c r="AY5676">
        <v>28</v>
      </c>
      <c r="AZ5676">
        <v>79</v>
      </c>
      <c r="BA5676">
        <v>4100</v>
      </c>
    </row>
    <row r="5677" spans="1:53" x14ac:dyDescent="0.4">
      <c r="A5677">
        <v>5721</v>
      </c>
      <c r="B5677" s="1">
        <v>44989</v>
      </c>
      <c r="C5677">
        <v>4</v>
      </c>
      <c r="D5677" s="1">
        <v>44989.978472222225</v>
      </c>
      <c r="E5677" s="1">
        <v>44990.097222222219</v>
      </c>
      <c r="F5677">
        <v>104400</v>
      </c>
      <c r="G5677">
        <v>1386</v>
      </c>
      <c r="H5677">
        <v>0</v>
      </c>
      <c r="I5677">
        <v>0</v>
      </c>
      <c r="J5677">
        <v>0</v>
      </c>
      <c r="K5677">
        <v>0</v>
      </c>
      <c r="L5677">
        <v>0</v>
      </c>
      <c r="M5677">
        <v>9618</v>
      </c>
      <c r="N5677">
        <v>0</v>
      </c>
      <c r="O5677">
        <v>0</v>
      </c>
      <c r="P5677">
        <v>10100</v>
      </c>
      <c r="Q5677">
        <v>0</v>
      </c>
      <c r="R5677">
        <v>115886</v>
      </c>
      <c r="S5677">
        <v>0</v>
      </c>
      <c r="T5677">
        <v>0</v>
      </c>
      <c r="U5677">
        <v>0</v>
      </c>
      <c r="V5677">
        <v>11</v>
      </c>
      <c r="W5677">
        <v>4</v>
      </c>
      <c r="X5677">
        <v>0</v>
      </c>
      <c r="Y5677">
        <v>60</v>
      </c>
      <c r="Z5677">
        <v>20</v>
      </c>
      <c r="AA5677">
        <v>74</v>
      </c>
      <c r="AB5677">
        <v>23</v>
      </c>
      <c r="AC5677">
        <v>134</v>
      </c>
      <c r="AD5677">
        <v>16</v>
      </c>
      <c r="AE5677">
        <v>61</v>
      </c>
      <c r="AF5677">
        <v>115920</v>
      </c>
      <c r="AG5677">
        <v>325951</v>
      </c>
      <c r="AH5677">
        <v>50000</v>
      </c>
      <c r="AI5677">
        <v>0</v>
      </c>
      <c r="AJ5677">
        <v>95</v>
      </c>
      <c r="AK5677" t="s">
        <v>21</v>
      </c>
      <c r="AL5677">
        <v>0</v>
      </c>
      <c r="AM5677">
        <v>0</v>
      </c>
      <c r="AN5677">
        <v>0</v>
      </c>
      <c r="AO5677">
        <v>0</v>
      </c>
      <c r="AP5677">
        <v>0</v>
      </c>
      <c r="AQ5677">
        <v>0</v>
      </c>
      <c r="AR5677">
        <v>0</v>
      </c>
      <c r="AS5677">
        <v>0</v>
      </c>
      <c r="AT5677">
        <v>0</v>
      </c>
      <c r="AU5677">
        <v>0</v>
      </c>
      <c r="AV5677">
        <v>0</v>
      </c>
      <c r="AW5677">
        <v>0</v>
      </c>
      <c r="AX5677">
        <v>0</v>
      </c>
      <c r="AY5677">
        <v>4</v>
      </c>
      <c r="AZ5677">
        <v>13</v>
      </c>
      <c r="BA5677">
        <v>1385</v>
      </c>
    </row>
    <row r="5678" spans="1:53" x14ac:dyDescent="0.4">
      <c r="A5678">
        <v>5722</v>
      </c>
      <c r="B5678" s="1">
        <v>44990</v>
      </c>
      <c r="C5678">
        <v>1</v>
      </c>
      <c r="D5678" s="1">
        <v>44990.291666666664</v>
      </c>
      <c r="E5678" s="1">
        <v>44990.392361111109</v>
      </c>
      <c r="F5678">
        <v>0</v>
      </c>
      <c r="G5678">
        <v>0</v>
      </c>
      <c r="H5678">
        <v>0</v>
      </c>
      <c r="I5678">
        <v>0</v>
      </c>
      <c r="J5678">
        <v>0</v>
      </c>
      <c r="K5678">
        <v>0</v>
      </c>
      <c r="L5678">
        <v>0</v>
      </c>
      <c r="M5678">
        <v>0</v>
      </c>
      <c r="N5678">
        <v>0</v>
      </c>
      <c r="O5678">
        <v>0</v>
      </c>
      <c r="P5678">
        <v>0</v>
      </c>
      <c r="Q5678">
        <v>0</v>
      </c>
      <c r="R5678">
        <v>0</v>
      </c>
      <c r="S5678">
        <v>0</v>
      </c>
      <c r="T5678">
        <v>0</v>
      </c>
      <c r="U5678">
        <v>0</v>
      </c>
      <c r="V5678">
        <v>0</v>
      </c>
      <c r="W5678">
        <v>1</v>
      </c>
      <c r="X5678">
        <v>0</v>
      </c>
      <c r="Y5678">
        <v>30</v>
      </c>
      <c r="Z5678">
        <v>10</v>
      </c>
      <c r="AA5678">
        <v>77</v>
      </c>
      <c r="AB5678">
        <v>22</v>
      </c>
      <c r="AC5678">
        <v>105</v>
      </c>
      <c r="AD5678">
        <v>16</v>
      </c>
      <c r="AE5678">
        <v>70</v>
      </c>
      <c r="AF5678">
        <v>0</v>
      </c>
      <c r="AG5678">
        <v>50000</v>
      </c>
      <c r="AH5678">
        <v>50000</v>
      </c>
      <c r="AI5678">
        <v>0</v>
      </c>
      <c r="AJ5678">
        <v>0</v>
      </c>
      <c r="AK5678" t="s">
        <v>6</v>
      </c>
      <c r="AL5678">
        <v>0</v>
      </c>
      <c r="AM5678">
        <v>0</v>
      </c>
      <c r="AN5678">
        <v>0</v>
      </c>
      <c r="AO5678">
        <v>0</v>
      </c>
      <c r="AP5678">
        <v>0</v>
      </c>
      <c r="AQ5678">
        <v>0</v>
      </c>
      <c r="AR5678">
        <v>0</v>
      </c>
      <c r="AS5678">
        <v>0</v>
      </c>
      <c r="AT5678">
        <v>0</v>
      </c>
      <c r="AU5678">
        <v>0</v>
      </c>
      <c r="AV5678">
        <v>0</v>
      </c>
      <c r="AW5678">
        <v>0</v>
      </c>
      <c r="AX5678">
        <v>0</v>
      </c>
      <c r="AY5678">
        <v>0</v>
      </c>
      <c r="AZ5678">
        <v>0</v>
      </c>
      <c r="BA5678">
        <v>0</v>
      </c>
    </row>
    <row r="5679" spans="1:53" x14ac:dyDescent="0.4">
      <c r="A5679">
        <v>5723</v>
      </c>
      <c r="B5679" s="1">
        <v>44990</v>
      </c>
      <c r="C5679">
        <v>2</v>
      </c>
      <c r="D5679" s="1">
        <v>44990.392361111109</v>
      </c>
      <c r="E5679" s="1">
        <v>44990.738194444442</v>
      </c>
      <c r="F5679">
        <v>50380</v>
      </c>
      <c r="G5679">
        <v>4906</v>
      </c>
      <c r="H5679">
        <v>0</v>
      </c>
      <c r="I5679">
        <v>0</v>
      </c>
      <c r="J5679">
        <v>500</v>
      </c>
      <c r="K5679">
        <v>0</v>
      </c>
      <c r="L5679">
        <v>0</v>
      </c>
      <c r="M5679">
        <v>4978</v>
      </c>
      <c r="N5679">
        <v>0</v>
      </c>
      <c r="O5679">
        <v>0</v>
      </c>
      <c r="P5679">
        <v>30130</v>
      </c>
      <c r="Q5679">
        <v>0</v>
      </c>
      <c r="R5679">
        <v>84916</v>
      </c>
      <c r="S5679">
        <v>0</v>
      </c>
      <c r="T5679">
        <v>0</v>
      </c>
      <c r="U5679">
        <v>0</v>
      </c>
      <c r="V5679">
        <v>3</v>
      </c>
      <c r="W5679">
        <v>1</v>
      </c>
      <c r="X5679">
        <v>0</v>
      </c>
      <c r="Y5679">
        <v>68</v>
      </c>
      <c r="Z5679">
        <v>28</v>
      </c>
      <c r="AA5679">
        <v>130</v>
      </c>
      <c r="AB5679">
        <v>12</v>
      </c>
      <c r="AC5679">
        <v>146</v>
      </c>
      <c r="AD5679">
        <v>20</v>
      </c>
      <c r="AE5679">
        <v>66</v>
      </c>
      <c r="AF5679">
        <v>2690</v>
      </c>
      <c r="AG5679">
        <v>134916</v>
      </c>
      <c r="AH5679">
        <v>50000</v>
      </c>
      <c r="AI5679">
        <v>0</v>
      </c>
      <c r="AJ5679">
        <v>115</v>
      </c>
      <c r="AK5679" t="s">
        <v>55</v>
      </c>
      <c r="AL5679">
        <v>0</v>
      </c>
      <c r="AM5679">
        <v>0</v>
      </c>
      <c r="AN5679">
        <v>0</v>
      </c>
      <c r="AO5679">
        <v>0</v>
      </c>
      <c r="AP5679">
        <v>0</v>
      </c>
      <c r="AQ5679">
        <v>0</v>
      </c>
      <c r="AR5679">
        <v>0</v>
      </c>
      <c r="AS5679">
        <v>0</v>
      </c>
      <c r="AT5679">
        <v>0</v>
      </c>
      <c r="AU5679">
        <v>0</v>
      </c>
      <c r="AV5679">
        <v>0</v>
      </c>
      <c r="AW5679">
        <v>0</v>
      </c>
      <c r="AX5679">
        <v>890</v>
      </c>
      <c r="AY5679">
        <v>55</v>
      </c>
      <c r="AZ5679">
        <v>123</v>
      </c>
      <c r="BA5679">
        <v>8271</v>
      </c>
    </row>
    <row r="5680" spans="1:53" x14ac:dyDescent="0.4">
      <c r="A5680">
        <v>5724</v>
      </c>
      <c r="B5680" s="1">
        <v>44990</v>
      </c>
      <c r="C5680">
        <v>3</v>
      </c>
      <c r="D5680" s="1">
        <v>44990.738194444442</v>
      </c>
      <c r="E5680" s="1">
        <v>44991.048611111109</v>
      </c>
      <c r="F5680">
        <v>62900</v>
      </c>
      <c r="G5680">
        <v>3784</v>
      </c>
      <c r="H5680">
        <v>0</v>
      </c>
      <c r="I5680">
        <v>0</v>
      </c>
      <c r="J5680">
        <v>300</v>
      </c>
      <c r="K5680">
        <v>0</v>
      </c>
      <c r="L5680">
        <v>0</v>
      </c>
      <c r="M5680">
        <v>6033</v>
      </c>
      <c r="N5680">
        <v>0</v>
      </c>
      <c r="O5680">
        <v>0</v>
      </c>
      <c r="P5680">
        <v>-8400</v>
      </c>
      <c r="Q5680">
        <v>0</v>
      </c>
      <c r="R5680">
        <v>57984</v>
      </c>
      <c r="S5680">
        <v>0</v>
      </c>
      <c r="T5680">
        <v>0</v>
      </c>
      <c r="U5680">
        <v>0</v>
      </c>
      <c r="V5680">
        <v>8</v>
      </c>
      <c r="W5680">
        <v>3</v>
      </c>
      <c r="X5680">
        <v>0</v>
      </c>
      <c r="Y5680">
        <v>61</v>
      </c>
      <c r="Z5680">
        <v>31</v>
      </c>
      <c r="AA5680">
        <v>111</v>
      </c>
      <c r="AB5680">
        <v>15</v>
      </c>
      <c r="AC5680">
        <v>142</v>
      </c>
      <c r="AD5680">
        <v>21</v>
      </c>
      <c r="AE5680">
        <v>55</v>
      </c>
      <c r="AF5680">
        <v>7970</v>
      </c>
      <c r="AG5680">
        <v>192900</v>
      </c>
      <c r="AH5680">
        <v>50000</v>
      </c>
      <c r="AI5680">
        <v>0</v>
      </c>
      <c r="AJ5680">
        <v>108</v>
      </c>
      <c r="AK5680" t="s">
        <v>3</v>
      </c>
      <c r="AL5680">
        <v>0</v>
      </c>
      <c r="AM5680">
        <v>0</v>
      </c>
      <c r="AN5680">
        <v>0</v>
      </c>
      <c r="AO5680">
        <v>0</v>
      </c>
      <c r="AP5680">
        <v>0</v>
      </c>
      <c r="AQ5680">
        <v>0</v>
      </c>
      <c r="AR5680">
        <v>0</v>
      </c>
      <c r="AS5680">
        <v>0</v>
      </c>
      <c r="AT5680">
        <v>0</v>
      </c>
      <c r="AU5680">
        <v>0</v>
      </c>
      <c r="AV5680">
        <v>0</v>
      </c>
      <c r="AW5680">
        <v>0</v>
      </c>
      <c r="AX5680">
        <v>0</v>
      </c>
      <c r="AY5680">
        <v>22</v>
      </c>
      <c r="AZ5680">
        <v>57</v>
      </c>
      <c r="BA5680">
        <v>3755</v>
      </c>
    </row>
    <row r="5681" spans="1:53" x14ac:dyDescent="0.4">
      <c r="A5681">
        <v>5725</v>
      </c>
      <c r="B5681" s="1">
        <v>44991</v>
      </c>
      <c r="C5681">
        <v>1</v>
      </c>
      <c r="D5681" s="1">
        <v>44991.291666666664</v>
      </c>
      <c r="E5681" s="1">
        <v>44991.446527777778</v>
      </c>
      <c r="F5681">
        <v>0</v>
      </c>
      <c r="G5681">
        <v>0</v>
      </c>
      <c r="H5681">
        <v>0</v>
      </c>
      <c r="I5681">
        <v>0</v>
      </c>
      <c r="J5681">
        <v>0</v>
      </c>
      <c r="K5681">
        <v>0</v>
      </c>
      <c r="L5681">
        <v>0</v>
      </c>
      <c r="M5681">
        <v>0</v>
      </c>
      <c r="N5681">
        <v>0</v>
      </c>
      <c r="O5681">
        <v>0</v>
      </c>
      <c r="P5681">
        <v>0</v>
      </c>
      <c r="Q5681">
        <v>0</v>
      </c>
      <c r="R5681">
        <v>0</v>
      </c>
      <c r="S5681">
        <v>0</v>
      </c>
      <c r="T5681">
        <v>0</v>
      </c>
      <c r="U5681">
        <v>0</v>
      </c>
      <c r="V5681">
        <v>0</v>
      </c>
      <c r="W5681">
        <v>1</v>
      </c>
      <c r="X5681">
        <v>0</v>
      </c>
      <c r="Y5681">
        <v>25</v>
      </c>
      <c r="Z5681">
        <v>14</v>
      </c>
      <c r="AA5681">
        <v>110</v>
      </c>
      <c r="AB5681">
        <v>15</v>
      </c>
      <c r="AC5681">
        <v>109</v>
      </c>
      <c r="AD5681">
        <v>21</v>
      </c>
      <c r="AE5681">
        <v>55</v>
      </c>
      <c r="AF5681">
        <v>0</v>
      </c>
      <c r="AG5681">
        <v>50000</v>
      </c>
      <c r="AH5681">
        <v>50000</v>
      </c>
      <c r="AI5681">
        <v>0</v>
      </c>
      <c r="AJ5681">
        <v>0</v>
      </c>
      <c r="AK5681" t="s">
        <v>6</v>
      </c>
      <c r="AL5681">
        <v>0</v>
      </c>
      <c r="AM5681">
        <v>0</v>
      </c>
      <c r="AN5681">
        <v>0</v>
      </c>
      <c r="AO5681">
        <v>0</v>
      </c>
      <c r="AP5681">
        <v>0</v>
      </c>
      <c r="AQ5681">
        <v>0</v>
      </c>
      <c r="AR5681">
        <v>0</v>
      </c>
      <c r="AS5681">
        <v>0</v>
      </c>
      <c r="AT5681">
        <v>0</v>
      </c>
      <c r="AU5681">
        <v>0</v>
      </c>
      <c r="AV5681">
        <v>0</v>
      </c>
      <c r="AW5681">
        <v>0</v>
      </c>
      <c r="AX5681">
        <v>0</v>
      </c>
      <c r="AY5681">
        <v>0</v>
      </c>
      <c r="AZ5681">
        <v>0</v>
      </c>
      <c r="BA5681">
        <v>0</v>
      </c>
    </row>
    <row r="5682" spans="1:53" x14ac:dyDescent="0.4">
      <c r="A5682">
        <v>5726</v>
      </c>
      <c r="B5682" s="1">
        <v>44991</v>
      </c>
      <c r="C5682">
        <v>2</v>
      </c>
      <c r="D5682" s="1">
        <v>44991.446527777778</v>
      </c>
      <c r="E5682" s="1">
        <v>44991.763888888891</v>
      </c>
      <c r="F5682">
        <v>31780</v>
      </c>
      <c r="G5682">
        <v>902</v>
      </c>
      <c r="H5682">
        <v>0</v>
      </c>
      <c r="I5682">
        <v>0</v>
      </c>
      <c r="J5682">
        <v>200</v>
      </c>
      <c r="K5682">
        <v>0</v>
      </c>
      <c r="L5682">
        <v>0</v>
      </c>
      <c r="M5682">
        <v>2952</v>
      </c>
      <c r="N5682">
        <v>0</v>
      </c>
      <c r="O5682">
        <v>0</v>
      </c>
      <c r="P5682">
        <v>18240</v>
      </c>
      <c r="Q5682">
        <v>0</v>
      </c>
      <c r="R5682">
        <v>50722</v>
      </c>
      <c r="S5682">
        <v>0</v>
      </c>
      <c r="T5682">
        <v>0</v>
      </c>
      <c r="U5682">
        <v>0</v>
      </c>
      <c r="V5682">
        <v>0</v>
      </c>
      <c r="W5682">
        <v>3</v>
      </c>
      <c r="X5682">
        <v>0</v>
      </c>
      <c r="Y5682">
        <v>60</v>
      </c>
      <c r="Z5682">
        <v>25</v>
      </c>
      <c r="AA5682">
        <v>60</v>
      </c>
      <c r="AB5682">
        <v>17</v>
      </c>
      <c r="AC5682">
        <v>121</v>
      </c>
      <c r="AD5682">
        <v>20</v>
      </c>
      <c r="AE5682">
        <v>64</v>
      </c>
      <c r="AF5682">
        <v>4598</v>
      </c>
      <c r="AG5682">
        <v>100322</v>
      </c>
      <c r="AH5682">
        <v>50000</v>
      </c>
      <c r="AI5682">
        <v>-400</v>
      </c>
      <c r="AJ5682">
        <v>119</v>
      </c>
      <c r="AK5682" t="s">
        <v>56</v>
      </c>
      <c r="AL5682">
        <v>0</v>
      </c>
      <c r="AM5682">
        <v>0</v>
      </c>
      <c r="AN5682">
        <v>0</v>
      </c>
      <c r="AO5682">
        <v>0</v>
      </c>
      <c r="AP5682">
        <v>0</v>
      </c>
      <c r="AQ5682">
        <v>0</v>
      </c>
      <c r="AR5682">
        <v>0</v>
      </c>
      <c r="AS5682">
        <v>0</v>
      </c>
      <c r="AT5682">
        <v>0</v>
      </c>
      <c r="AU5682">
        <v>0</v>
      </c>
      <c r="AV5682">
        <v>0</v>
      </c>
      <c r="AW5682">
        <v>0</v>
      </c>
      <c r="AX5682">
        <v>282</v>
      </c>
      <c r="AY5682">
        <v>44</v>
      </c>
      <c r="AZ5682">
        <v>81</v>
      </c>
      <c r="BA5682">
        <v>6917</v>
      </c>
    </row>
    <row r="5683" spans="1:53" x14ac:dyDescent="0.4">
      <c r="A5683">
        <v>5727</v>
      </c>
      <c r="B5683" s="1">
        <v>44992</v>
      </c>
      <c r="C5683">
        <v>1</v>
      </c>
      <c r="D5683" s="1">
        <v>44992.291666666664</v>
      </c>
      <c r="E5683" s="1">
        <v>44992.446527777778</v>
      </c>
      <c r="F5683">
        <v>0</v>
      </c>
      <c r="G5683">
        <v>0</v>
      </c>
      <c r="H5683">
        <v>0</v>
      </c>
      <c r="I5683">
        <v>0</v>
      </c>
      <c r="J5683">
        <v>0</v>
      </c>
      <c r="K5683">
        <v>0</v>
      </c>
      <c r="L5683">
        <v>0</v>
      </c>
      <c r="M5683">
        <v>0</v>
      </c>
      <c r="N5683">
        <v>0</v>
      </c>
      <c r="O5683">
        <v>0</v>
      </c>
      <c r="P5683">
        <v>0</v>
      </c>
      <c r="Q5683">
        <v>0</v>
      </c>
      <c r="R5683">
        <v>0</v>
      </c>
      <c r="S5683">
        <v>0</v>
      </c>
      <c r="T5683">
        <v>0</v>
      </c>
      <c r="U5683">
        <v>0</v>
      </c>
      <c r="V5683">
        <v>0</v>
      </c>
      <c r="W5683">
        <v>1</v>
      </c>
      <c r="X5683">
        <v>0</v>
      </c>
      <c r="Y5683">
        <v>28</v>
      </c>
      <c r="Z5683">
        <v>20</v>
      </c>
      <c r="AA5683">
        <v>50</v>
      </c>
      <c r="AB5683">
        <v>17</v>
      </c>
      <c r="AC5683">
        <v>100</v>
      </c>
      <c r="AD5683">
        <v>18</v>
      </c>
      <c r="AE5683">
        <v>60</v>
      </c>
      <c r="AF5683">
        <v>0</v>
      </c>
      <c r="AG5683">
        <v>50000</v>
      </c>
      <c r="AH5683">
        <v>50000</v>
      </c>
      <c r="AI5683">
        <v>0</v>
      </c>
      <c r="AJ5683">
        <v>0</v>
      </c>
      <c r="AK5683" t="s">
        <v>6</v>
      </c>
      <c r="AL5683">
        <v>0</v>
      </c>
      <c r="AM5683">
        <v>0</v>
      </c>
      <c r="AN5683">
        <v>0</v>
      </c>
      <c r="AO5683">
        <v>0</v>
      </c>
      <c r="AP5683">
        <v>0</v>
      </c>
      <c r="AQ5683">
        <v>0</v>
      </c>
      <c r="AR5683">
        <v>0</v>
      </c>
      <c r="AS5683">
        <v>0</v>
      </c>
      <c r="AT5683">
        <v>0</v>
      </c>
      <c r="AU5683">
        <v>0</v>
      </c>
      <c r="AV5683">
        <v>0</v>
      </c>
      <c r="AW5683">
        <v>0</v>
      </c>
      <c r="AX5683">
        <v>0</v>
      </c>
      <c r="AY5683">
        <v>0</v>
      </c>
      <c r="AZ5683">
        <v>0</v>
      </c>
      <c r="BA5683">
        <v>0</v>
      </c>
    </row>
    <row r="5684" spans="1:53" x14ac:dyDescent="0.4">
      <c r="A5684">
        <v>5728</v>
      </c>
      <c r="B5684" s="1">
        <v>44992</v>
      </c>
      <c r="C5684">
        <v>2</v>
      </c>
      <c r="D5684" s="1">
        <v>44992.446527777778</v>
      </c>
      <c r="E5684" s="1">
        <v>44992.755555555559</v>
      </c>
      <c r="F5684">
        <v>46390</v>
      </c>
      <c r="G5684">
        <v>1958</v>
      </c>
      <c r="H5684">
        <v>0</v>
      </c>
      <c r="I5684">
        <v>0</v>
      </c>
      <c r="J5684">
        <v>500</v>
      </c>
      <c r="K5684">
        <v>0</v>
      </c>
      <c r="L5684">
        <v>0</v>
      </c>
      <c r="M5684">
        <v>4345</v>
      </c>
      <c r="N5684">
        <v>0</v>
      </c>
      <c r="O5684">
        <v>0</v>
      </c>
      <c r="P5684">
        <v>20170</v>
      </c>
      <c r="Q5684">
        <v>0</v>
      </c>
      <c r="R5684">
        <v>68018</v>
      </c>
      <c r="S5684">
        <v>0</v>
      </c>
      <c r="T5684">
        <v>0</v>
      </c>
      <c r="U5684">
        <v>0</v>
      </c>
      <c r="V5684">
        <v>0</v>
      </c>
      <c r="W5684">
        <v>1</v>
      </c>
      <c r="X5684">
        <v>0</v>
      </c>
      <c r="Y5684">
        <v>71</v>
      </c>
      <c r="Z5684">
        <v>30</v>
      </c>
      <c r="AA5684">
        <v>83</v>
      </c>
      <c r="AB5684">
        <v>31</v>
      </c>
      <c r="AC5684">
        <v>114</v>
      </c>
      <c r="AD5684">
        <v>23</v>
      </c>
      <c r="AE5684">
        <v>60</v>
      </c>
      <c r="AF5684">
        <v>15853</v>
      </c>
      <c r="AG5684">
        <v>118018</v>
      </c>
      <c r="AH5684">
        <v>50000</v>
      </c>
      <c r="AI5684">
        <v>0</v>
      </c>
      <c r="AJ5684">
        <v>103</v>
      </c>
      <c r="AK5684" t="s">
        <v>7</v>
      </c>
      <c r="AL5684">
        <v>0</v>
      </c>
      <c r="AM5684">
        <v>0</v>
      </c>
      <c r="AN5684">
        <v>0</v>
      </c>
      <c r="AO5684">
        <v>0</v>
      </c>
      <c r="AP5684">
        <v>0</v>
      </c>
      <c r="AQ5684">
        <v>0</v>
      </c>
      <c r="AR5684">
        <v>0</v>
      </c>
      <c r="AS5684">
        <v>0</v>
      </c>
      <c r="AT5684">
        <v>0</v>
      </c>
      <c r="AU5684">
        <v>0</v>
      </c>
      <c r="AV5684">
        <v>0</v>
      </c>
      <c r="AW5684">
        <v>0</v>
      </c>
      <c r="AX5684">
        <v>-996</v>
      </c>
      <c r="AY5684">
        <v>52</v>
      </c>
      <c r="AZ5684">
        <v>111</v>
      </c>
      <c r="BA5684">
        <v>7336</v>
      </c>
    </row>
    <row r="5685" spans="1:53" x14ac:dyDescent="0.4">
      <c r="A5685">
        <v>5729</v>
      </c>
      <c r="B5685" s="1">
        <v>44992</v>
      </c>
      <c r="C5685">
        <v>3</v>
      </c>
      <c r="D5685" s="1">
        <v>44992.755555555559</v>
      </c>
      <c r="E5685" s="1">
        <v>44992.955555555556</v>
      </c>
      <c r="F5685">
        <v>38530</v>
      </c>
      <c r="G5685">
        <v>2200</v>
      </c>
      <c r="H5685">
        <v>0</v>
      </c>
      <c r="I5685">
        <v>0</v>
      </c>
      <c r="J5685">
        <v>100</v>
      </c>
      <c r="K5685">
        <v>1320</v>
      </c>
      <c r="L5685">
        <v>0</v>
      </c>
      <c r="M5685">
        <v>3815</v>
      </c>
      <c r="N5685">
        <v>0</v>
      </c>
      <c r="O5685">
        <v>0</v>
      </c>
      <c r="P5685">
        <v>-13870</v>
      </c>
      <c r="Q5685">
        <v>0</v>
      </c>
      <c r="R5685">
        <v>28080</v>
      </c>
      <c r="S5685">
        <v>0</v>
      </c>
      <c r="T5685">
        <v>0</v>
      </c>
      <c r="U5685">
        <v>0</v>
      </c>
      <c r="V5685">
        <v>1</v>
      </c>
      <c r="W5685">
        <v>0</v>
      </c>
      <c r="X5685">
        <v>0</v>
      </c>
      <c r="Y5685">
        <v>91</v>
      </c>
      <c r="Z5685">
        <v>33</v>
      </c>
      <c r="AA5685">
        <v>99</v>
      </c>
      <c r="AB5685">
        <v>32</v>
      </c>
      <c r="AC5685">
        <v>109</v>
      </c>
      <c r="AD5685">
        <v>20</v>
      </c>
      <c r="AE5685">
        <v>55</v>
      </c>
      <c r="AF5685">
        <v>15853</v>
      </c>
      <c r="AG5685">
        <v>146098</v>
      </c>
      <c r="AH5685">
        <v>50000</v>
      </c>
      <c r="AI5685">
        <v>0</v>
      </c>
      <c r="AJ5685">
        <v>95</v>
      </c>
      <c r="AK5685" t="s">
        <v>21</v>
      </c>
      <c r="AL5685">
        <v>0</v>
      </c>
      <c r="AM5685">
        <v>0</v>
      </c>
      <c r="AN5685">
        <v>0</v>
      </c>
      <c r="AO5685">
        <v>0</v>
      </c>
      <c r="AP5685">
        <v>0</v>
      </c>
      <c r="AQ5685">
        <v>0</v>
      </c>
      <c r="AR5685">
        <v>0</v>
      </c>
      <c r="AS5685">
        <v>0</v>
      </c>
      <c r="AT5685">
        <v>0</v>
      </c>
      <c r="AU5685">
        <v>0</v>
      </c>
      <c r="AV5685">
        <v>0</v>
      </c>
      <c r="AW5685">
        <v>0</v>
      </c>
      <c r="AX5685">
        <v>4216</v>
      </c>
      <c r="AY5685">
        <v>13</v>
      </c>
      <c r="AZ5685">
        <v>25</v>
      </c>
      <c r="BA5685">
        <v>2720</v>
      </c>
    </row>
    <row r="5686" spans="1:53" x14ac:dyDescent="0.4">
      <c r="A5686">
        <v>5730</v>
      </c>
      <c r="B5686" s="1">
        <v>44993</v>
      </c>
      <c r="C5686">
        <v>1</v>
      </c>
      <c r="D5686" s="1">
        <v>44993.291666666664</v>
      </c>
      <c r="E5686" s="1">
        <v>44993.445833333331</v>
      </c>
      <c r="F5686">
        <v>0</v>
      </c>
      <c r="G5686">
        <v>0</v>
      </c>
      <c r="H5686">
        <v>0</v>
      </c>
      <c r="I5686">
        <v>0</v>
      </c>
      <c r="J5686">
        <v>0</v>
      </c>
      <c r="K5686">
        <v>0</v>
      </c>
      <c r="L5686">
        <v>0</v>
      </c>
      <c r="M5686">
        <v>0</v>
      </c>
      <c r="N5686">
        <v>0</v>
      </c>
      <c r="O5686">
        <v>0</v>
      </c>
      <c r="P5686">
        <v>0</v>
      </c>
      <c r="Q5686">
        <v>0</v>
      </c>
      <c r="R5686">
        <v>0</v>
      </c>
      <c r="S5686">
        <v>0</v>
      </c>
      <c r="T5686">
        <v>0</v>
      </c>
      <c r="U5686">
        <v>0</v>
      </c>
      <c r="V5686">
        <v>0</v>
      </c>
      <c r="W5686">
        <v>0</v>
      </c>
      <c r="X5686">
        <v>0</v>
      </c>
      <c r="Y5686">
        <v>30</v>
      </c>
      <c r="Z5686">
        <v>16</v>
      </c>
      <c r="AA5686">
        <v>94</v>
      </c>
      <c r="AB5686">
        <v>29</v>
      </c>
      <c r="AC5686">
        <v>100</v>
      </c>
      <c r="AD5686">
        <v>19</v>
      </c>
      <c r="AE5686">
        <v>55</v>
      </c>
      <c r="AF5686">
        <v>0</v>
      </c>
      <c r="AG5686">
        <v>50000</v>
      </c>
      <c r="AH5686">
        <v>0</v>
      </c>
      <c r="AI5686">
        <v>50000</v>
      </c>
      <c r="AJ5686">
        <v>0</v>
      </c>
      <c r="AK5686" t="s">
        <v>6</v>
      </c>
      <c r="AL5686">
        <v>0</v>
      </c>
      <c r="AM5686">
        <v>0</v>
      </c>
      <c r="AN5686">
        <v>0</v>
      </c>
      <c r="AO5686">
        <v>0</v>
      </c>
      <c r="AP5686">
        <v>0</v>
      </c>
      <c r="AQ5686">
        <v>0</v>
      </c>
      <c r="AR5686">
        <v>0</v>
      </c>
      <c r="AS5686">
        <v>0</v>
      </c>
      <c r="AT5686">
        <v>0</v>
      </c>
      <c r="AU5686">
        <v>0</v>
      </c>
      <c r="AV5686">
        <v>0</v>
      </c>
      <c r="AW5686">
        <v>0</v>
      </c>
      <c r="AX5686">
        <v>0</v>
      </c>
      <c r="AY5686">
        <v>0</v>
      </c>
      <c r="AZ5686">
        <v>0</v>
      </c>
      <c r="BA5686">
        <v>0</v>
      </c>
    </row>
    <row r="5687" spans="1:53" x14ac:dyDescent="0.4">
      <c r="A5687">
        <v>5731</v>
      </c>
      <c r="B5687" s="1">
        <v>44993</v>
      </c>
      <c r="C5687">
        <v>2</v>
      </c>
      <c r="D5687" s="1">
        <v>44993.445833333331</v>
      </c>
      <c r="E5687" s="1">
        <v>44993.447222222225</v>
      </c>
      <c r="F5687">
        <v>0</v>
      </c>
      <c r="G5687">
        <v>0</v>
      </c>
      <c r="H5687">
        <v>0</v>
      </c>
      <c r="I5687">
        <v>0</v>
      </c>
      <c r="J5687">
        <v>0</v>
      </c>
      <c r="K5687">
        <v>0</v>
      </c>
      <c r="L5687">
        <v>0</v>
      </c>
      <c r="M5687">
        <v>0</v>
      </c>
      <c r="N5687">
        <v>0</v>
      </c>
      <c r="O5687">
        <v>0</v>
      </c>
      <c r="P5687">
        <v>0</v>
      </c>
      <c r="Q5687">
        <v>0</v>
      </c>
      <c r="R5687">
        <v>0</v>
      </c>
      <c r="S5687">
        <v>0</v>
      </c>
      <c r="T5687">
        <v>0</v>
      </c>
      <c r="U5687">
        <v>0</v>
      </c>
      <c r="V5687">
        <v>0</v>
      </c>
      <c r="W5687">
        <v>0</v>
      </c>
      <c r="X5687">
        <v>0</v>
      </c>
      <c r="Y5687">
        <v>30</v>
      </c>
      <c r="Z5687">
        <v>16</v>
      </c>
      <c r="AA5687">
        <v>94</v>
      </c>
      <c r="AB5687">
        <v>29</v>
      </c>
      <c r="AC5687">
        <v>100</v>
      </c>
      <c r="AD5687">
        <v>19</v>
      </c>
      <c r="AE5687">
        <v>55</v>
      </c>
      <c r="AF5687">
        <v>0</v>
      </c>
      <c r="AG5687">
        <v>50000</v>
      </c>
      <c r="AH5687">
        <v>50000</v>
      </c>
      <c r="AI5687">
        <v>0</v>
      </c>
      <c r="AJ5687">
        <v>0</v>
      </c>
      <c r="AK5687" t="s">
        <v>6</v>
      </c>
      <c r="AL5687">
        <v>0</v>
      </c>
      <c r="AM5687">
        <v>0</v>
      </c>
      <c r="AN5687">
        <v>0</v>
      </c>
      <c r="AO5687">
        <v>0</v>
      </c>
      <c r="AP5687">
        <v>0</v>
      </c>
      <c r="AQ5687">
        <v>0</v>
      </c>
      <c r="AR5687">
        <v>0</v>
      </c>
      <c r="AS5687">
        <v>0</v>
      </c>
      <c r="AT5687">
        <v>0</v>
      </c>
      <c r="AU5687">
        <v>0</v>
      </c>
      <c r="AV5687">
        <v>0</v>
      </c>
      <c r="AW5687">
        <v>0</v>
      </c>
      <c r="AX5687">
        <v>0</v>
      </c>
      <c r="AY5687">
        <v>0</v>
      </c>
      <c r="AZ5687">
        <v>0</v>
      </c>
      <c r="BA5687">
        <v>0</v>
      </c>
    </row>
    <row r="5688" spans="1:53" x14ac:dyDescent="0.4">
      <c r="A5688">
        <v>5732</v>
      </c>
      <c r="B5688" s="1">
        <v>44993</v>
      </c>
      <c r="C5688">
        <v>3</v>
      </c>
      <c r="D5688" s="1">
        <v>44993.447222222225</v>
      </c>
      <c r="E5688" s="1">
        <v>44993.727777777778</v>
      </c>
      <c r="F5688">
        <v>29000</v>
      </c>
      <c r="G5688">
        <v>594</v>
      </c>
      <c r="H5688">
        <v>0</v>
      </c>
      <c r="I5688">
        <v>0</v>
      </c>
      <c r="J5688">
        <v>100</v>
      </c>
      <c r="K5688">
        <v>0</v>
      </c>
      <c r="L5688">
        <v>0</v>
      </c>
      <c r="M5688">
        <v>2682</v>
      </c>
      <c r="N5688">
        <v>0</v>
      </c>
      <c r="O5688">
        <v>0</v>
      </c>
      <c r="P5688">
        <v>26970</v>
      </c>
      <c r="Q5688">
        <v>0</v>
      </c>
      <c r="R5688">
        <v>56464</v>
      </c>
      <c r="S5688">
        <v>0</v>
      </c>
      <c r="T5688">
        <v>0</v>
      </c>
      <c r="U5688">
        <v>0</v>
      </c>
      <c r="V5688">
        <v>1</v>
      </c>
      <c r="W5688">
        <v>3</v>
      </c>
      <c r="X5688">
        <v>0</v>
      </c>
      <c r="Y5688">
        <v>48</v>
      </c>
      <c r="Z5688">
        <v>28</v>
      </c>
      <c r="AA5688">
        <v>123</v>
      </c>
      <c r="AB5688">
        <v>29</v>
      </c>
      <c r="AC5688">
        <v>123</v>
      </c>
      <c r="AD5688">
        <v>19</v>
      </c>
      <c r="AE5688">
        <v>59</v>
      </c>
      <c r="AF5688">
        <v>4330</v>
      </c>
      <c r="AG5688">
        <v>106464</v>
      </c>
      <c r="AH5688">
        <v>50000</v>
      </c>
      <c r="AI5688">
        <v>0</v>
      </c>
      <c r="AJ5688">
        <v>29</v>
      </c>
      <c r="AK5688" t="s">
        <v>62</v>
      </c>
      <c r="AL5688">
        <v>0</v>
      </c>
      <c r="AM5688">
        <v>0</v>
      </c>
      <c r="AN5688">
        <v>0</v>
      </c>
      <c r="AO5688">
        <v>0</v>
      </c>
      <c r="AP5688">
        <v>0</v>
      </c>
      <c r="AQ5688">
        <v>0</v>
      </c>
      <c r="AR5688">
        <v>0</v>
      </c>
      <c r="AS5688">
        <v>0</v>
      </c>
      <c r="AT5688">
        <v>0</v>
      </c>
      <c r="AU5688">
        <v>0</v>
      </c>
      <c r="AV5688">
        <v>0</v>
      </c>
      <c r="AW5688">
        <v>0</v>
      </c>
      <c r="AX5688">
        <v>852</v>
      </c>
      <c r="AY5688">
        <v>42</v>
      </c>
      <c r="AZ5688">
        <v>84</v>
      </c>
      <c r="BA5688">
        <v>6898</v>
      </c>
    </row>
    <row r="5689" spans="1:53" x14ac:dyDescent="0.4">
      <c r="A5689">
        <v>5733</v>
      </c>
      <c r="B5689" s="1">
        <v>44993</v>
      </c>
      <c r="C5689">
        <v>4</v>
      </c>
      <c r="D5689" s="1">
        <v>44993.727777777778</v>
      </c>
      <c r="E5689" s="1">
        <v>44993.955555555556</v>
      </c>
      <c r="F5689">
        <v>49070</v>
      </c>
      <c r="G5689">
        <v>1760</v>
      </c>
      <c r="H5689">
        <v>0</v>
      </c>
      <c r="I5689">
        <v>0</v>
      </c>
      <c r="J5689">
        <v>200</v>
      </c>
      <c r="K5689">
        <v>0</v>
      </c>
      <c r="L5689">
        <v>0</v>
      </c>
      <c r="M5689">
        <v>4601</v>
      </c>
      <c r="N5689">
        <v>0</v>
      </c>
      <c r="O5689">
        <v>0</v>
      </c>
      <c r="P5689">
        <v>-14860</v>
      </c>
      <c r="Q5689">
        <v>0</v>
      </c>
      <c r="R5689">
        <v>35770</v>
      </c>
      <c r="S5689">
        <v>0</v>
      </c>
      <c r="T5689">
        <v>0</v>
      </c>
      <c r="U5689">
        <v>0</v>
      </c>
      <c r="V5689">
        <v>2</v>
      </c>
      <c r="W5689">
        <v>3</v>
      </c>
      <c r="X5689">
        <v>0</v>
      </c>
      <c r="Y5689">
        <v>59</v>
      </c>
      <c r="Z5689">
        <v>32</v>
      </c>
      <c r="AA5689">
        <v>130</v>
      </c>
      <c r="AB5689">
        <v>28</v>
      </c>
      <c r="AC5689">
        <v>122</v>
      </c>
      <c r="AD5689">
        <v>18</v>
      </c>
      <c r="AE5689">
        <v>54</v>
      </c>
      <c r="AF5689">
        <v>16470</v>
      </c>
      <c r="AG5689">
        <v>142234</v>
      </c>
      <c r="AH5689">
        <v>50000</v>
      </c>
      <c r="AI5689">
        <v>0</v>
      </c>
      <c r="AJ5689">
        <v>102</v>
      </c>
      <c r="AK5689" t="s">
        <v>50</v>
      </c>
      <c r="AL5689">
        <v>0</v>
      </c>
      <c r="AM5689">
        <v>0</v>
      </c>
      <c r="AN5689">
        <v>0</v>
      </c>
      <c r="AO5689">
        <v>0</v>
      </c>
      <c r="AP5689">
        <v>0</v>
      </c>
      <c r="AQ5689">
        <v>0</v>
      </c>
      <c r="AR5689">
        <v>0</v>
      </c>
      <c r="AS5689">
        <v>0</v>
      </c>
      <c r="AT5689">
        <v>0</v>
      </c>
      <c r="AU5689">
        <v>0</v>
      </c>
      <c r="AV5689">
        <v>0</v>
      </c>
      <c r="AW5689">
        <v>0</v>
      </c>
      <c r="AX5689">
        <v>9614</v>
      </c>
      <c r="AY5689">
        <v>17</v>
      </c>
      <c r="AZ5689">
        <v>46</v>
      </c>
      <c r="BA5689">
        <v>3247</v>
      </c>
    </row>
    <row r="5690" spans="1:53" x14ac:dyDescent="0.4">
      <c r="A5690">
        <v>5734</v>
      </c>
      <c r="B5690" s="1">
        <v>44993</v>
      </c>
      <c r="C5690">
        <v>5</v>
      </c>
      <c r="D5690" s="1">
        <v>44993.955555555556</v>
      </c>
      <c r="E5690" s="1">
        <v>44994.07708333333</v>
      </c>
      <c r="F5690">
        <v>27140</v>
      </c>
      <c r="G5690">
        <v>1694</v>
      </c>
      <c r="H5690">
        <v>0</v>
      </c>
      <c r="I5690">
        <v>0</v>
      </c>
      <c r="J5690">
        <v>0</v>
      </c>
      <c r="K5690">
        <v>0</v>
      </c>
      <c r="L5690">
        <v>0</v>
      </c>
      <c r="M5690">
        <v>2621</v>
      </c>
      <c r="N5690">
        <v>0</v>
      </c>
      <c r="O5690">
        <v>0</v>
      </c>
      <c r="P5690">
        <v>640</v>
      </c>
      <c r="Q5690">
        <v>0</v>
      </c>
      <c r="R5690">
        <v>29474</v>
      </c>
      <c r="S5690">
        <v>0</v>
      </c>
      <c r="T5690">
        <v>0</v>
      </c>
      <c r="U5690">
        <v>0</v>
      </c>
      <c r="V5690">
        <v>4</v>
      </c>
      <c r="W5690">
        <v>4</v>
      </c>
      <c r="X5690">
        <v>0</v>
      </c>
      <c r="Y5690">
        <v>55</v>
      </c>
      <c r="Z5690">
        <v>32</v>
      </c>
      <c r="AA5690">
        <v>134</v>
      </c>
      <c r="AB5690">
        <v>28</v>
      </c>
      <c r="AC5690">
        <v>122</v>
      </c>
      <c r="AD5690">
        <v>17</v>
      </c>
      <c r="AE5690">
        <v>59</v>
      </c>
      <c r="AF5690">
        <v>24544</v>
      </c>
      <c r="AG5690">
        <v>171708</v>
      </c>
      <c r="AH5690">
        <v>50000</v>
      </c>
      <c r="AI5690">
        <v>0</v>
      </c>
      <c r="AJ5690">
        <v>108</v>
      </c>
      <c r="AK5690" t="s">
        <v>3</v>
      </c>
      <c r="AL5690">
        <v>0</v>
      </c>
      <c r="AM5690">
        <v>0</v>
      </c>
      <c r="AN5690">
        <v>0</v>
      </c>
      <c r="AO5690">
        <v>0</v>
      </c>
      <c r="AP5690">
        <v>0</v>
      </c>
      <c r="AQ5690">
        <v>0</v>
      </c>
      <c r="AR5690">
        <v>0</v>
      </c>
      <c r="AS5690">
        <v>0</v>
      </c>
      <c r="AT5690">
        <v>0</v>
      </c>
      <c r="AU5690">
        <v>0</v>
      </c>
      <c r="AV5690">
        <v>0</v>
      </c>
      <c r="AW5690">
        <v>0</v>
      </c>
      <c r="AX5690">
        <v>5280</v>
      </c>
      <c r="AY5690">
        <v>4</v>
      </c>
      <c r="AZ5690">
        <v>9</v>
      </c>
      <c r="BA5690">
        <v>938</v>
      </c>
    </row>
    <row r="5691" spans="1:53" x14ac:dyDescent="0.4">
      <c r="A5691">
        <v>5735</v>
      </c>
      <c r="B5691" s="1">
        <v>44994</v>
      </c>
      <c r="C5691">
        <v>1</v>
      </c>
      <c r="D5691" s="1">
        <v>44994.291666666664</v>
      </c>
      <c r="E5691" s="1">
        <v>44994.448611111111</v>
      </c>
      <c r="F5691">
        <v>0</v>
      </c>
      <c r="G5691">
        <v>0</v>
      </c>
      <c r="H5691">
        <v>0</v>
      </c>
      <c r="I5691">
        <v>0</v>
      </c>
      <c r="J5691">
        <v>0</v>
      </c>
      <c r="K5691">
        <v>0</v>
      </c>
      <c r="L5691">
        <v>0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>
        <v>0</v>
      </c>
      <c r="U5691">
        <v>0</v>
      </c>
      <c r="V5691">
        <v>0</v>
      </c>
      <c r="W5691">
        <v>1</v>
      </c>
      <c r="X5691">
        <v>0</v>
      </c>
      <c r="Y5691">
        <v>25</v>
      </c>
      <c r="Z5691">
        <v>12</v>
      </c>
      <c r="AA5691">
        <v>117</v>
      </c>
      <c r="AB5691">
        <v>23</v>
      </c>
      <c r="AC5691">
        <v>101</v>
      </c>
      <c r="AD5691">
        <v>17</v>
      </c>
      <c r="AE5691">
        <v>55</v>
      </c>
      <c r="AF5691">
        <v>0</v>
      </c>
      <c r="AG5691">
        <v>50000</v>
      </c>
      <c r="AH5691">
        <v>50000</v>
      </c>
      <c r="AI5691">
        <v>0</v>
      </c>
      <c r="AJ5691">
        <v>0</v>
      </c>
      <c r="AK5691" t="s">
        <v>6</v>
      </c>
      <c r="AL5691">
        <v>0</v>
      </c>
      <c r="AM5691">
        <v>0</v>
      </c>
      <c r="AN5691">
        <v>0</v>
      </c>
      <c r="AO5691">
        <v>0</v>
      </c>
      <c r="AP5691">
        <v>0</v>
      </c>
      <c r="AQ5691">
        <v>0</v>
      </c>
      <c r="AR5691">
        <v>0</v>
      </c>
      <c r="AS5691">
        <v>0</v>
      </c>
      <c r="AT5691">
        <v>0</v>
      </c>
      <c r="AU5691">
        <v>0</v>
      </c>
      <c r="AV5691">
        <v>0</v>
      </c>
      <c r="AW5691">
        <v>0</v>
      </c>
      <c r="AX5691">
        <v>0</v>
      </c>
      <c r="AY5691">
        <v>0</v>
      </c>
      <c r="AZ5691">
        <v>0</v>
      </c>
      <c r="BA5691">
        <v>0</v>
      </c>
    </row>
    <row r="5692" spans="1:53" x14ac:dyDescent="0.4">
      <c r="A5692">
        <v>5736</v>
      </c>
      <c r="B5692" s="1">
        <v>44994</v>
      </c>
      <c r="C5692">
        <v>2</v>
      </c>
      <c r="D5692" s="1">
        <v>44994.448611111111</v>
      </c>
      <c r="E5692" s="1">
        <v>44994.739583333336</v>
      </c>
      <c r="F5692">
        <v>28110</v>
      </c>
      <c r="G5692">
        <v>1628</v>
      </c>
      <c r="H5692">
        <v>0</v>
      </c>
      <c r="I5692">
        <v>0</v>
      </c>
      <c r="J5692">
        <v>300</v>
      </c>
      <c r="K5692">
        <v>0</v>
      </c>
      <c r="L5692">
        <v>0</v>
      </c>
      <c r="M5692">
        <v>2676</v>
      </c>
      <c r="N5692">
        <v>0</v>
      </c>
      <c r="O5692">
        <v>0</v>
      </c>
      <c r="P5692">
        <v>22600</v>
      </c>
      <c r="Q5692">
        <v>0</v>
      </c>
      <c r="R5692">
        <v>52038</v>
      </c>
      <c r="S5692">
        <v>0</v>
      </c>
      <c r="T5692">
        <v>0</v>
      </c>
      <c r="U5692">
        <v>0</v>
      </c>
      <c r="V5692">
        <v>2</v>
      </c>
      <c r="W5692">
        <v>1</v>
      </c>
      <c r="X5692">
        <v>0</v>
      </c>
      <c r="Y5692">
        <v>48</v>
      </c>
      <c r="Z5692">
        <v>16</v>
      </c>
      <c r="AA5692">
        <v>155</v>
      </c>
      <c r="AB5692">
        <v>16</v>
      </c>
      <c r="AC5692">
        <v>115</v>
      </c>
      <c r="AD5692">
        <v>16</v>
      </c>
      <c r="AE5692">
        <v>54</v>
      </c>
      <c r="AF5692">
        <v>3454</v>
      </c>
      <c r="AG5692">
        <v>102038</v>
      </c>
      <c r="AH5692">
        <v>50000</v>
      </c>
      <c r="AI5692">
        <v>0</v>
      </c>
      <c r="AJ5692">
        <v>119</v>
      </c>
      <c r="AK5692" t="s">
        <v>56</v>
      </c>
      <c r="AL5692">
        <v>0</v>
      </c>
      <c r="AM5692">
        <v>0</v>
      </c>
      <c r="AN5692">
        <v>0</v>
      </c>
      <c r="AO5692">
        <v>0</v>
      </c>
      <c r="AP5692">
        <v>0</v>
      </c>
      <c r="AQ5692">
        <v>0</v>
      </c>
      <c r="AR5692">
        <v>0</v>
      </c>
      <c r="AS5692">
        <v>0</v>
      </c>
      <c r="AT5692">
        <v>0</v>
      </c>
      <c r="AU5692">
        <v>0</v>
      </c>
      <c r="AV5692">
        <v>0</v>
      </c>
      <c r="AW5692">
        <v>0</v>
      </c>
      <c r="AX5692">
        <v>0</v>
      </c>
      <c r="AY5692">
        <v>43</v>
      </c>
      <c r="AZ5692">
        <v>82</v>
      </c>
      <c r="BA5692">
        <v>6522</v>
      </c>
    </row>
    <row r="5693" spans="1:53" x14ac:dyDescent="0.4">
      <c r="A5693">
        <v>5737</v>
      </c>
      <c r="B5693" s="1">
        <v>44994</v>
      </c>
      <c r="C5693">
        <v>3</v>
      </c>
      <c r="D5693" s="1">
        <v>44994.739583333336</v>
      </c>
      <c r="E5693" s="1">
        <v>44994.94027777778</v>
      </c>
      <c r="F5693">
        <v>27820</v>
      </c>
      <c r="G5693">
        <v>308</v>
      </c>
      <c r="H5693">
        <v>0</v>
      </c>
      <c r="I5693">
        <v>0</v>
      </c>
      <c r="J5693">
        <v>300</v>
      </c>
      <c r="K5693">
        <v>0</v>
      </c>
      <c r="L5693">
        <v>0</v>
      </c>
      <c r="M5693">
        <v>2528</v>
      </c>
      <c r="N5693">
        <v>0</v>
      </c>
      <c r="O5693">
        <v>0</v>
      </c>
      <c r="P5693">
        <v>-18600</v>
      </c>
      <c r="Q5693">
        <v>0</v>
      </c>
      <c r="R5693">
        <v>9228</v>
      </c>
      <c r="S5693">
        <v>0</v>
      </c>
      <c r="T5693">
        <v>0</v>
      </c>
      <c r="U5693">
        <v>0</v>
      </c>
      <c r="V5693">
        <v>1</v>
      </c>
      <c r="W5693">
        <v>2</v>
      </c>
      <c r="X5693">
        <v>0</v>
      </c>
      <c r="Y5693">
        <v>55</v>
      </c>
      <c r="Z5693">
        <v>17</v>
      </c>
      <c r="AA5693">
        <v>155</v>
      </c>
      <c r="AB5693">
        <v>15</v>
      </c>
      <c r="AC5693">
        <v>120</v>
      </c>
      <c r="AD5693">
        <v>16</v>
      </c>
      <c r="AE5693">
        <v>52</v>
      </c>
      <c r="AF5693">
        <v>10184</v>
      </c>
      <c r="AG5693">
        <v>111266</v>
      </c>
      <c r="AH5693">
        <v>50000</v>
      </c>
      <c r="AI5693">
        <v>0</v>
      </c>
      <c r="AJ5693">
        <v>95</v>
      </c>
      <c r="AK5693" t="s">
        <v>21</v>
      </c>
      <c r="AL5693">
        <v>0</v>
      </c>
      <c r="AM5693">
        <v>0</v>
      </c>
      <c r="AN5693">
        <v>0</v>
      </c>
      <c r="AO5693">
        <v>0</v>
      </c>
      <c r="AP5693">
        <v>0</v>
      </c>
      <c r="AQ5693">
        <v>0</v>
      </c>
      <c r="AR5693">
        <v>0</v>
      </c>
      <c r="AS5693">
        <v>0</v>
      </c>
      <c r="AT5693">
        <v>0</v>
      </c>
      <c r="AU5693">
        <v>0</v>
      </c>
      <c r="AV5693">
        <v>0</v>
      </c>
      <c r="AW5693">
        <v>0</v>
      </c>
      <c r="AX5693">
        <v>0</v>
      </c>
      <c r="AY5693">
        <v>7</v>
      </c>
      <c r="AZ5693">
        <v>11</v>
      </c>
      <c r="BA5693">
        <v>1713</v>
      </c>
    </row>
    <row r="5694" spans="1:53" x14ac:dyDescent="0.4">
      <c r="A5694">
        <v>5738</v>
      </c>
      <c r="B5694" s="1">
        <v>44995</v>
      </c>
      <c r="C5694">
        <v>1</v>
      </c>
      <c r="D5694" s="1">
        <v>44995.291666666664</v>
      </c>
      <c r="E5694" s="1">
        <v>44995.447916666664</v>
      </c>
      <c r="F5694">
        <v>0</v>
      </c>
      <c r="G5694">
        <v>0</v>
      </c>
      <c r="H5694">
        <v>0</v>
      </c>
      <c r="I5694">
        <v>0</v>
      </c>
      <c r="J5694">
        <v>0</v>
      </c>
      <c r="K5694">
        <v>0</v>
      </c>
      <c r="L5694">
        <v>0</v>
      </c>
      <c r="M5694">
        <v>0</v>
      </c>
      <c r="N5694">
        <v>0</v>
      </c>
      <c r="O5694">
        <v>0</v>
      </c>
      <c r="P5694">
        <v>0</v>
      </c>
      <c r="Q5694">
        <v>0</v>
      </c>
      <c r="R5694">
        <v>0</v>
      </c>
      <c r="S5694">
        <v>0</v>
      </c>
      <c r="T5694">
        <v>0</v>
      </c>
      <c r="U5694">
        <v>0</v>
      </c>
      <c r="V5694">
        <v>0</v>
      </c>
      <c r="W5694">
        <v>1</v>
      </c>
      <c r="X5694">
        <v>0</v>
      </c>
      <c r="Y5694">
        <v>25</v>
      </c>
      <c r="Z5694">
        <v>10</v>
      </c>
      <c r="AA5694">
        <v>130</v>
      </c>
      <c r="AB5694">
        <v>14</v>
      </c>
      <c r="AC5694">
        <v>117</v>
      </c>
      <c r="AD5694">
        <v>16</v>
      </c>
      <c r="AE5694">
        <v>50</v>
      </c>
      <c r="AF5694">
        <v>0</v>
      </c>
      <c r="AG5694">
        <v>50000</v>
      </c>
      <c r="AH5694">
        <v>50000</v>
      </c>
      <c r="AI5694">
        <v>0</v>
      </c>
      <c r="AJ5694">
        <v>0</v>
      </c>
      <c r="AK5694" t="s">
        <v>6</v>
      </c>
      <c r="AL5694">
        <v>0</v>
      </c>
      <c r="AM5694">
        <v>0</v>
      </c>
      <c r="AN5694">
        <v>0</v>
      </c>
      <c r="AO5694">
        <v>0</v>
      </c>
      <c r="AP5694">
        <v>0</v>
      </c>
      <c r="AQ5694">
        <v>0</v>
      </c>
      <c r="AR5694">
        <v>0</v>
      </c>
      <c r="AS5694">
        <v>0</v>
      </c>
      <c r="AT5694">
        <v>0</v>
      </c>
      <c r="AU5694">
        <v>0</v>
      </c>
      <c r="AV5694">
        <v>0</v>
      </c>
      <c r="AW5694">
        <v>0</v>
      </c>
      <c r="AX5694">
        <v>0</v>
      </c>
      <c r="AY5694">
        <v>0</v>
      </c>
      <c r="AZ5694">
        <v>0</v>
      </c>
      <c r="BA5694">
        <v>0</v>
      </c>
    </row>
    <row r="5695" spans="1:53" x14ac:dyDescent="0.4">
      <c r="A5695">
        <v>5739</v>
      </c>
      <c r="B5695" s="1">
        <v>44995</v>
      </c>
      <c r="C5695">
        <v>2</v>
      </c>
      <c r="D5695" s="1">
        <v>44995.447916666664</v>
      </c>
      <c r="E5695" s="1">
        <v>44995.757638888892</v>
      </c>
      <c r="F5695">
        <v>36820</v>
      </c>
      <c r="G5695">
        <v>5874</v>
      </c>
      <c r="H5695">
        <v>0</v>
      </c>
      <c r="I5695">
        <v>0</v>
      </c>
      <c r="J5695">
        <v>100</v>
      </c>
      <c r="K5695">
        <v>0</v>
      </c>
      <c r="L5695">
        <v>0</v>
      </c>
      <c r="M5695">
        <v>3870</v>
      </c>
      <c r="N5695">
        <v>0</v>
      </c>
      <c r="O5695">
        <v>0</v>
      </c>
      <c r="P5695">
        <v>25860</v>
      </c>
      <c r="Q5695">
        <v>0</v>
      </c>
      <c r="R5695">
        <v>68454</v>
      </c>
      <c r="S5695">
        <v>0</v>
      </c>
      <c r="T5695">
        <v>0</v>
      </c>
      <c r="U5695">
        <v>0</v>
      </c>
      <c r="V5695">
        <v>0</v>
      </c>
      <c r="W5695">
        <v>4</v>
      </c>
      <c r="X5695">
        <v>0</v>
      </c>
      <c r="Y5695">
        <v>67</v>
      </c>
      <c r="Z5695">
        <v>14</v>
      </c>
      <c r="AA5695">
        <v>130</v>
      </c>
      <c r="AB5695">
        <v>10</v>
      </c>
      <c r="AC5695">
        <v>117</v>
      </c>
      <c r="AD5695">
        <v>16</v>
      </c>
      <c r="AE5695">
        <v>49</v>
      </c>
      <c r="AF5695">
        <v>9655</v>
      </c>
      <c r="AG5695">
        <v>118454</v>
      </c>
      <c r="AH5695">
        <v>50000</v>
      </c>
      <c r="AI5695">
        <v>0</v>
      </c>
      <c r="AJ5695">
        <v>30</v>
      </c>
      <c r="AK5695" t="s">
        <v>66</v>
      </c>
      <c r="AL5695">
        <v>0</v>
      </c>
      <c r="AM5695">
        <v>0</v>
      </c>
      <c r="AN5695">
        <v>0</v>
      </c>
      <c r="AO5695">
        <v>0</v>
      </c>
      <c r="AP5695">
        <v>0</v>
      </c>
      <c r="AQ5695">
        <v>0</v>
      </c>
      <c r="AR5695">
        <v>0</v>
      </c>
      <c r="AS5695">
        <v>0</v>
      </c>
      <c r="AT5695">
        <v>0</v>
      </c>
      <c r="AU5695">
        <v>0</v>
      </c>
      <c r="AV5695">
        <v>0</v>
      </c>
      <c r="AW5695">
        <v>0</v>
      </c>
      <c r="AX5695">
        <v>248</v>
      </c>
      <c r="AY5695">
        <v>48</v>
      </c>
      <c r="AZ5695">
        <v>105</v>
      </c>
      <c r="BA5695">
        <v>6450</v>
      </c>
    </row>
    <row r="5696" spans="1:53" x14ac:dyDescent="0.4">
      <c r="A5696">
        <v>5740</v>
      </c>
      <c r="B5696" s="1">
        <v>44995</v>
      </c>
      <c r="C5696">
        <v>3</v>
      </c>
      <c r="D5696" s="1">
        <v>44995.757638888892</v>
      </c>
      <c r="E5696" s="1">
        <v>44996.068749999999</v>
      </c>
      <c r="F5696">
        <v>157730</v>
      </c>
      <c r="G5696">
        <v>4158</v>
      </c>
      <c r="H5696">
        <v>0</v>
      </c>
      <c r="I5696">
        <v>0</v>
      </c>
      <c r="J5696">
        <v>200</v>
      </c>
      <c r="K5696">
        <v>0</v>
      </c>
      <c r="L5696">
        <v>0</v>
      </c>
      <c r="M5696">
        <v>14698</v>
      </c>
      <c r="N5696">
        <v>0</v>
      </c>
      <c r="O5696">
        <v>0</v>
      </c>
      <c r="P5696">
        <v>47440</v>
      </c>
      <c r="Q5696">
        <v>0</v>
      </c>
      <c r="R5696">
        <v>209128</v>
      </c>
      <c r="S5696">
        <v>0</v>
      </c>
      <c r="T5696">
        <v>0</v>
      </c>
      <c r="U5696">
        <v>0</v>
      </c>
      <c r="V5696">
        <v>16</v>
      </c>
      <c r="W5696">
        <v>4</v>
      </c>
      <c r="X5696">
        <v>0</v>
      </c>
      <c r="Y5696">
        <v>75</v>
      </c>
      <c r="Z5696">
        <v>15</v>
      </c>
      <c r="AA5696">
        <v>126</v>
      </c>
      <c r="AB5696">
        <v>12</v>
      </c>
      <c r="AC5696">
        <v>105</v>
      </c>
      <c r="AD5696">
        <v>18</v>
      </c>
      <c r="AE5696">
        <v>61</v>
      </c>
      <c r="AF5696">
        <v>50681</v>
      </c>
      <c r="AG5696">
        <v>327582</v>
      </c>
      <c r="AH5696">
        <v>50000</v>
      </c>
      <c r="AI5696">
        <v>0</v>
      </c>
      <c r="AJ5696">
        <v>108</v>
      </c>
      <c r="AK5696" t="s">
        <v>3</v>
      </c>
      <c r="AL5696">
        <v>0</v>
      </c>
      <c r="AM5696">
        <v>0</v>
      </c>
      <c r="AN5696">
        <v>0</v>
      </c>
      <c r="AO5696">
        <v>0</v>
      </c>
      <c r="AP5696">
        <v>0</v>
      </c>
      <c r="AQ5696">
        <v>0</v>
      </c>
      <c r="AR5696">
        <v>0</v>
      </c>
      <c r="AS5696">
        <v>0</v>
      </c>
      <c r="AT5696">
        <v>0</v>
      </c>
      <c r="AU5696">
        <v>0</v>
      </c>
      <c r="AV5696">
        <v>0</v>
      </c>
      <c r="AW5696">
        <v>0</v>
      </c>
      <c r="AX5696">
        <v>1980</v>
      </c>
      <c r="AY5696">
        <v>21</v>
      </c>
      <c r="AZ5696">
        <v>84</v>
      </c>
      <c r="BA5696">
        <v>4276</v>
      </c>
    </row>
    <row r="5697" spans="1:53" x14ac:dyDescent="0.4">
      <c r="A5697">
        <v>5741</v>
      </c>
      <c r="B5697" s="1">
        <v>44996</v>
      </c>
      <c r="C5697">
        <v>1</v>
      </c>
      <c r="D5697" s="1">
        <v>44996.291666666664</v>
      </c>
      <c r="E5697" s="1">
        <v>44996.392361111109</v>
      </c>
      <c r="F5697">
        <v>0</v>
      </c>
      <c r="G5697">
        <v>0</v>
      </c>
      <c r="H5697">
        <v>0</v>
      </c>
      <c r="I5697">
        <v>0</v>
      </c>
      <c r="J5697">
        <v>0</v>
      </c>
      <c r="K5697">
        <v>0</v>
      </c>
      <c r="L5697">
        <v>0</v>
      </c>
      <c r="M5697">
        <v>0</v>
      </c>
      <c r="N5697">
        <v>0</v>
      </c>
      <c r="O5697">
        <v>0</v>
      </c>
      <c r="P5697">
        <v>0</v>
      </c>
      <c r="Q5697">
        <v>0</v>
      </c>
      <c r="R5697">
        <v>0</v>
      </c>
      <c r="S5697">
        <v>0</v>
      </c>
      <c r="T5697">
        <v>0</v>
      </c>
      <c r="U5697">
        <v>0</v>
      </c>
      <c r="V5697">
        <v>0</v>
      </c>
      <c r="W5697">
        <v>1</v>
      </c>
      <c r="X5697">
        <v>0</v>
      </c>
      <c r="Y5697">
        <v>25</v>
      </c>
      <c r="Z5697">
        <v>12</v>
      </c>
      <c r="AA5697">
        <v>122</v>
      </c>
      <c r="AB5697">
        <v>12</v>
      </c>
      <c r="AC5697">
        <v>105</v>
      </c>
      <c r="AD5697">
        <v>18</v>
      </c>
      <c r="AE5697">
        <v>60</v>
      </c>
      <c r="AF5697">
        <v>0</v>
      </c>
      <c r="AG5697">
        <v>50000</v>
      </c>
      <c r="AH5697">
        <v>50000</v>
      </c>
      <c r="AI5697">
        <v>0</v>
      </c>
      <c r="AJ5697">
        <v>0</v>
      </c>
      <c r="AK5697" t="s">
        <v>6</v>
      </c>
      <c r="AL5697">
        <v>0</v>
      </c>
      <c r="AM5697">
        <v>0</v>
      </c>
      <c r="AN5697">
        <v>0</v>
      </c>
      <c r="AO5697">
        <v>0</v>
      </c>
      <c r="AP5697">
        <v>0</v>
      </c>
      <c r="AQ5697">
        <v>0</v>
      </c>
      <c r="AR5697">
        <v>0</v>
      </c>
      <c r="AS5697">
        <v>0</v>
      </c>
      <c r="AT5697">
        <v>0</v>
      </c>
      <c r="AU5697">
        <v>0</v>
      </c>
      <c r="AV5697">
        <v>0</v>
      </c>
      <c r="AW5697">
        <v>0</v>
      </c>
      <c r="AX5697">
        <v>0</v>
      </c>
      <c r="AY5697">
        <v>0</v>
      </c>
      <c r="AZ5697">
        <v>0</v>
      </c>
      <c r="BA5697">
        <v>0</v>
      </c>
    </row>
    <row r="5698" spans="1:53" x14ac:dyDescent="0.4">
      <c r="A5698">
        <v>5742</v>
      </c>
      <c r="B5698" s="1">
        <v>44996</v>
      </c>
      <c r="C5698">
        <v>2</v>
      </c>
      <c r="D5698" s="1">
        <v>44996.392361111109</v>
      </c>
      <c r="E5698" s="1">
        <v>44996.734722222223</v>
      </c>
      <c r="F5698">
        <v>41690</v>
      </c>
      <c r="G5698">
        <v>1056</v>
      </c>
      <c r="H5698">
        <v>0</v>
      </c>
      <c r="I5698">
        <v>0</v>
      </c>
      <c r="J5698">
        <v>1500</v>
      </c>
      <c r="K5698">
        <v>0</v>
      </c>
      <c r="L5698">
        <v>0</v>
      </c>
      <c r="M5698">
        <v>3747</v>
      </c>
      <c r="N5698">
        <v>0</v>
      </c>
      <c r="O5698">
        <v>0</v>
      </c>
      <c r="P5698">
        <v>21310</v>
      </c>
      <c r="Q5698">
        <v>0</v>
      </c>
      <c r="R5698">
        <v>62556</v>
      </c>
      <c r="S5698">
        <v>0</v>
      </c>
      <c r="T5698">
        <v>0</v>
      </c>
      <c r="U5698">
        <v>0</v>
      </c>
      <c r="V5698">
        <v>0</v>
      </c>
      <c r="W5698">
        <v>5</v>
      </c>
      <c r="X5698">
        <v>0</v>
      </c>
      <c r="Y5698">
        <v>56</v>
      </c>
      <c r="Z5698">
        <v>13</v>
      </c>
      <c r="AA5698">
        <v>132</v>
      </c>
      <c r="AB5698">
        <v>9</v>
      </c>
      <c r="AC5698">
        <v>124</v>
      </c>
      <c r="AD5698">
        <v>16</v>
      </c>
      <c r="AE5698">
        <v>56</v>
      </c>
      <c r="AF5698">
        <v>10030</v>
      </c>
      <c r="AG5698">
        <v>112556</v>
      </c>
      <c r="AH5698">
        <v>50000</v>
      </c>
      <c r="AI5698">
        <v>0</v>
      </c>
      <c r="AJ5698">
        <v>30</v>
      </c>
      <c r="AK5698" t="s">
        <v>66</v>
      </c>
      <c r="AL5698">
        <v>0</v>
      </c>
      <c r="AM5698">
        <v>0</v>
      </c>
      <c r="AN5698">
        <v>0</v>
      </c>
      <c r="AO5698">
        <v>0</v>
      </c>
      <c r="AP5698">
        <v>0</v>
      </c>
      <c r="AQ5698">
        <v>0</v>
      </c>
      <c r="AR5698">
        <v>0</v>
      </c>
      <c r="AS5698">
        <v>0</v>
      </c>
      <c r="AT5698">
        <v>0</v>
      </c>
      <c r="AU5698">
        <v>0</v>
      </c>
      <c r="AV5698">
        <v>0</v>
      </c>
      <c r="AW5698">
        <v>0</v>
      </c>
      <c r="AX5698">
        <v>-1060</v>
      </c>
      <c r="AY5698">
        <v>52</v>
      </c>
      <c r="AZ5698">
        <v>102</v>
      </c>
      <c r="BA5698">
        <v>7882</v>
      </c>
    </row>
    <row r="5699" spans="1:53" x14ac:dyDescent="0.4">
      <c r="A5699">
        <v>5743</v>
      </c>
      <c r="B5699" s="1">
        <v>44997</v>
      </c>
      <c r="C5699">
        <v>1</v>
      </c>
      <c r="D5699" s="1">
        <v>44997.291666666664</v>
      </c>
      <c r="E5699" s="1">
        <v>44997.401388888888</v>
      </c>
      <c r="F5699">
        <v>0</v>
      </c>
      <c r="G5699">
        <v>0</v>
      </c>
      <c r="H5699">
        <v>0</v>
      </c>
      <c r="I5699">
        <v>0</v>
      </c>
      <c r="J5699">
        <v>0</v>
      </c>
      <c r="K5699">
        <v>0</v>
      </c>
      <c r="L5699">
        <v>0</v>
      </c>
      <c r="M5699">
        <v>0</v>
      </c>
      <c r="N5699">
        <v>0</v>
      </c>
      <c r="O5699">
        <v>0</v>
      </c>
      <c r="P5699">
        <v>0</v>
      </c>
      <c r="Q5699">
        <v>0</v>
      </c>
      <c r="R5699">
        <v>0</v>
      </c>
      <c r="S5699">
        <v>0</v>
      </c>
      <c r="T5699">
        <v>0</v>
      </c>
      <c r="U5699">
        <v>0</v>
      </c>
      <c r="V5699">
        <v>0</v>
      </c>
      <c r="W5699">
        <v>1</v>
      </c>
      <c r="X5699">
        <v>0</v>
      </c>
      <c r="Y5699">
        <v>24</v>
      </c>
      <c r="Z5699">
        <v>16</v>
      </c>
      <c r="AA5699">
        <v>114</v>
      </c>
      <c r="AB5699">
        <v>9</v>
      </c>
      <c r="AC5699">
        <v>106</v>
      </c>
      <c r="AD5699">
        <v>10</v>
      </c>
      <c r="AE5699">
        <v>40</v>
      </c>
      <c r="AF5699">
        <v>0</v>
      </c>
      <c r="AG5699">
        <v>50000</v>
      </c>
      <c r="AH5699">
        <v>50000</v>
      </c>
      <c r="AI5699">
        <v>0</v>
      </c>
      <c r="AJ5699">
        <v>0</v>
      </c>
      <c r="AK5699" t="s">
        <v>6</v>
      </c>
      <c r="AL5699">
        <v>0</v>
      </c>
      <c r="AM5699">
        <v>0</v>
      </c>
      <c r="AN5699">
        <v>0</v>
      </c>
      <c r="AO5699">
        <v>0</v>
      </c>
      <c r="AP5699">
        <v>0</v>
      </c>
      <c r="AQ5699">
        <v>0</v>
      </c>
      <c r="AR5699">
        <v>0</v>
      </c>
      <c r="AS5699">
        <v>0</v>
      </c>
      <c r="AT5699">
        <v>0</v>
      </c>
      <c r="AU5699">
        <v>0</v>
      </c>
      <c r="AV5699">
        <v>0</v>
      </c>
      <c r="AW5699">
        <v>0</v>
      </c>
      <c r="AX5699">
        <v>0</v>
      </c>
      <c r="AY5699">
        <v>0</v>
      </c>
      <c r="AZ5699">
        <v>0</v>
      </c>
      <c r="BA5699">
        <v>0</v>
      </c>
    </row>
    <row r="5700" spans="1:53" x14ac:dyDescent="0.4">
      <c r="A5700">
        <v>5744</v>
      </c>
      <c r="B5700" s="1">
        <v>44997</v>
      </c>
      <c r="C5700">
        <v>2</v>
      </c>
      <c r="D5700" s="1">
        <v>44997.401388888888</v>
      </c>
      <c r="E5700" s="1">
        <v>44997.734027777777</v>
      </c>
      <c r="F5700">
        <v>40940</v>
      </c>
      <c r="G5700">
        <v>2376</v>
      </c>
      <c r="H5700">
        <v>0</v>
      </c>
      <c r="I5700">
        <v>0</v>
      </c>
      <c r="J5700">
        <v>100</v>
      </c>
      <c r="K5700">
        <v>0</v>
      </c>
      <c r="L5700">
        <v>0</v>
      </c>
      <c r="M5700">
        <v>3925</v>
      </c>
      <c r="N5700">
        <v>0</v>
      </c>
      <c r="O5700">
        <v>0</v>
      </c>
      <c r="P5700">
        <v>25390</v>
      </c>
      <c r="Q5700">
        <v>0</v>
      </c>
      <c r="R5700">
        <v>68606</v>
      </c>
      <c r="S5700">
        <v>0</v>
      </c>
      <c r="T5700">
        <v>0</v>
      </c>
      <c r="U5700">
        <v>0</v>
      </c>
      <c r="V5700">
        <v>1</v>
      </c>
      <c r="W5700">
        <v>1</v>
      </c>
      <c r="X5700">
        <v>0</v>
      </c>
      <c r="Y5700">
        <v>72</v>
      </c>
      <c r="Z5700">
        <v>28</v>
      </c>
      <c r="AA5700">
        <v>131</v>
      </c>
      <c r="AB5700">
        <v>11</v>
      </c>
      <c r="AC5700">
        <v>129</v>
      </c>
      <c r="AD5700">
        <v>17</v>
      </c>
      <c r="AE5700">
        <v>43</v>
      </c>
      <c r="AF5700">
        <v>2538</v>
      </c>
      <c r="AG5700">
        <v>118606</v>
      </c>
      <c r="AH5700">
        <v>50000</v>
      </c>
      <c r="AI5700">
        <v>0</v>
      </c>
      <c r="AJ5700">
        <v>115</v>
      </c>
      <c r="AK5700" t="s">
        <v>55</v>
      </c>
      <c r="AL5700">
        <v>0</v>
      </c>
      <c r="AM5700">
        <v>0</v>
      </c>
      <c r="AN5700">
        <v>0</v>
      </c>
      <c r="AO5700">
        <v>0</v>
      </c>
      <c r="AP5700">
        <v>0</v>
      </c>
      <c r="AQ5700">
        <v>0</v>
      </c>
      <c r="AR5700">
        <v>0</v>
      </c>
      <c r="AS5700">
        <v>0</v>
      </c>
      <c r="AT5700">
        <v>0</v>
      </c>
      <c r="AU5700">
        <v>0</v>
      </c>
      <c r="AV5700">
        <v>0</v>
      </c>
      <c r="AW5700">
        <v>0</v>
      </c>
      <c r="AX5700">
        <v>1022</v>
      </c>
      <c r="AY5700">
        <v>53</v>
      </c>
      <c r="AZ5700">
        <v>105</v>
      </c>
      <c r="BA5700">
        <v>7821</v>
      </c>
    </row>
    <row r="5701" spans="1:53" x14ac:dyDescent="0.4">
      <c r="A5701">
        <v>5745</v>
      </c>
      <c r="B5701" s="1">
        <v>44997</v>
      </c>
      <c r="C5701">
        <v>3</v>
      </c>
      <c r="D5701" s="1">
        <v>44997.734027777777</v>
      </c>
      <c r="E5701" s="1">
        <v>44997.957638888889</v>
      </c>
      <c r="F5701">
        <v>42870</v>
      </c>
      <c r="G5701">
        <v>3256</v>
      </c>
      <c r="H5701">
        <v>0</v>
      </c>
      <c r="I5701">
        <v>0</v>
      </c>
      <c r="J5701">
        <v>100</v>
      </c>
      <c r="K5701">
        <v>0</v>
      </c>
      <c r="L5701">
        <v>0</v>
      </c>
      <c r="M5701">
        <v>4181</v>
      </c>
      <c r="N5701">
        <v>0</v>
      </c>
      <c r="O5701">
        <v>0</v>
      </c>
      <c r="P5701">
        <v>-20290</v>
      </c>
      <c r="Q5701">
        <v>0</v>
      </c>
      <c r="R5701">
        <v>25736</v>
      </c>
      <c r="S5701">
        <v>0</v>
      </c>
      <c r="T5701">
        <v>0</v>
      </c>
      <c r="U5701">
        <v>0</v>
      </c>
      <c r="V5701">
        <v>2</v>
      </c>
      <c r="W5701">
        <v>1</v>
      </c>
      <c r="X5701">
        <v>0</v>
      </c>
      <c r="Y5701">
        <v>84</v>
      </c>
      <c r="Z5701">
        <v>34</v>
      </c>
      <c r="AA5701">
        <v>126</v>
      </c>
      <c r="AB5701">
        <v>8</v>
      </c>
      <c r="AC5701">
        <v>136</v>
      </c>
      <c r="AD5701">
        <v>16</v>
      </c>
      <c r="AE5701">
        <v>44</v>
      </c>
      <c r="AF5701">
        <v>3858</v>
      </c>
      <c r="AG5701">
        <v>144342</v>
      </c>
      <c r="AH5701">
        <v>50000</v>
      </c>
      <c r="AI5701">
        <v>0</v>
      </c>
      <c r="AJ5701">
        <v>108</v>
      </c>
      <c r="AK5701" t="s">
        <v>3</v>
      </c>
      <c r="AL5701">
        <v>0</v>
      </c>
      <c r="AM5701">
        <v>0</v>
      </c>
      <c r="AN5701">
        <v>0</v>
      </c>
      <c r="AO5701">
        <v>0</v>
      </c>
      <c r="AP5701">
        <v>0</v>
      </c>
      <c r="AQ5701">
        <v>0</v>
      </c>
      <c r="AR5701">
        <v>0</v>
      </c>
      <c r="AS5701">
        <v>0</v>
      </c>
      <c r="AT5701">
        <v>0</v>
      </c>
      <c r="AU5701">
        <v>0</v>
      </c>
      <c r="AV5701">
        <v>0</v>
      </c>
      <c r="AW5701">
        <v>0</v>
      </c>
      <c r="AX5701">
        <v>308</v>
      </c>
      <c r="AY5701">
        <v>11</v>
      </c>
      <c r="AZ5701">
        <v>19</v>
      </c>
      <c r="BA5701">
        <v>2552</v>
      </c>
    </row>
    <row r="5702" spans="1:53" x14ac:dyDescent="0.4">
      <c r="A5702">
        <v>5746</v>
      </c>
      <c r="B5702" s="1">
        <v>44997</v>
      </c>
      <c r="C5702">
        <v>4</v>
      </c>
      <c r="D5702" s="1">
        <v>44997.957638888889</v>
      </c>
      <c r="E5702" s="1">
        <v>44998.094444444447</v>
      </c>
      <c r="F5702">
        <v>5760</v>
      </c>
      <c r="G5702">
        <v>308</v>
      </c>
      <c r="H5702">
        <v>0</v>
      </c>
      <c r="I5702">
        <v>0</v>
      </c>
      <c r="J5702">
        <v>0</v>
      </c>
      <c r="K5702">
        <v>0</v>
      </c>
      <c r="L5702">
        <v>0</v>
      </c>
      <c r="M5702">
        <v>552</v>
      </c>
      <c r="N5702">
        <v>0</v>
      </c>
      <c r="O5702">
        <v>0</v>
      </c>
      <c r="P5702">
        <v>900</v>
      </c>
      <c r="Q5702">
        <v>0</v>
      </c>
      <c r="R5702">
        <v>6968</v>
      </c>
      <c r="S5702">
        <v>0</v>
      </c>
      <c r="T5702">
        <v>0</v>
      </c>
      <c r="U5702">
        <v>0</v>
      </c>
      <c r="V5702">
        <v>2</v>
      </c>
      <c r="W5702">
        <v>2</v>
      </c>
      <c r="X5702">
        <v>0</v>
      </c>
      <c r="Y5702">
        <v>85</v>
      </c>
      <c r="Z5702">
        <v>35</v>
      </c>
      <c r="AA5702">
        <v>124</v>
      </c>
      <c r="AB5702">
        <v>8</v>
      </c>
      <c r="AC5702">
        <v>137</v>
      </c>
      <c r="AD5702">
        <v>16</v>
      </c>
      <c r="AE5702">
        <v>42</v>
      </c>
      <c r="AF5702">
        <v>4518</v>
      </c>
      <c r="AG5702">
        <v>151310</v>
      </c>
      <c r="AH5702">
        <v>50000</v>
      </c>
      <c r="AI5702">
        <v>0</v>
      </c>
      <c r="AJ5702">
        <v>108</v>
      </c>
      <c r="AK5702" t="s">
        <v>3</v>
      </c>
      <c r="AL5702">
        <v>0</v>
      </c>
      <c r="AM5702">
        <v>0</v>
      </c>
      <c r="AN5702">
        <v>0</v>
      </c>
      <c r="AO5702">
        <v>0</v>
      </c>
      <c r="AP5702">
        <v>0</v>
      </c>
      <c r="AQ5702">
        <v>0</v>
      </c>
      <c r="AR5702">
        <v>0</v>
      </c>
      <c r="AS5702">
        <v>0</v>
      </c>
      <c r="AT5702">
        <v>0</v>
      </c>
      <c r="AU5702">
        <v>0</v>
      </c>
      <c r="AV5702">
        <v>0</v>
      </c>
      <c r="AW5702">
        <v>0</v>
      </c>
      <c r="AX5702">
        <v>0</v>
      </c>
      <c r="AY5702">
        <v>3</v>
      </c>
      <c r="AZ5702">
        <v>5</v>
      </c>
      <c r="BA5702">
        <v>454</v>
      </c>
    </row>
    <row r="5703" spans="1:53" x14ac:dyDescent="0.4">
      <c r="A5703">
        <v>5747</v>
      </c>
      <c r="B5703" s="1">
        <v>44998</v>
      </c>
      <c r="C5703">
        <v>1</v>
      </c>
      <c r="D5703" s="1">
        <v>44998.291666666664</v>
      </c>
      <c r="E5703" s="1">
        <v>44998.45</v>
      </c>
      <c r="F5703">
        <v>0</v>
      </c>
      <c r="G5703">
        <v>0</v>
      </c>
      <c r="H5703">
        <v>0</v>
      </c>
      <c r="I5703">
        <v>0</v>
      </c>
      <c r="J5703">
        <v>0</v>
      </c>
      <c r="K5703">
        <v>0</v>
      </c>
      <c r="L5703">
        <v>0</v>
      </c>
      <c r="M5703">
        <v>0</v>
      </c>
      <c r="N5703">
        <v>0</v>
      </c>
      <c r="O5703">
        <v>0</v>
      </c>
      <c r="P5703">
        <v>0</v>
      </c>
      <c r="Q5703">
        <v>0</v>
      </c>
      <c r="R5703">
        <v>0</v>
      </c>
      <c r="S5703">
        <v>0</v>
      </c>
      <c r="T5703">
        <v>0</v>
      </c>
      <c r="U5703">
        <v>0</v>
      </c>
      <c r="V5703">
        <v>0</v>
      </c>
      <c r="W5703">
        <v>1</v>
      </c>
      <c r="X5703">
        <v>0</v>
      </c>
      <c r="Y5703">
        <v>25</v>
      </c>
      <c r="Z5703">
        <v>12</v>
      </c>
      <c r="AA5703">
        <v>124</v>
      </c>
      <c r="AB5703">
        <v>9</v>
      </c>
      <c r="AC5703">
        <v>101</v>
      </c>
      <c r="AD5703">
        <v>19</v>
      </c>
      <c r="AE5703">
        <v>45</v>
      </c>
      <c r="AF5703">
        <v>0</v>
      </c>
      <c r="AG5703">
        <v>50000</v>
      </c>
      <c r="AH5703">
        <v>50000</v>
      </c>
      <c r="AI5703">
        <v>0</v>
      </c>
      <c r="AJ5703">
        <v>0</v>
      </c>
      <c r="AK5703" t="s">
        <v>6</v>
      </c>
      <c r="AL5703">
        <v>0</v>
      </c>
      <c r="AM5703">
        <v>0</v>
      </c>
      <c r="AN5703">
        <v>0</v>
      </c>
      <c r="AO5703">
        <v>0</v>
      </c>
      <c r="AP5703">
        <v>0</v>
      </c>
      <c r="AQ5703">
        <v>0</v>
      </c>
      <c r="AR5703">
        <v>0</v>
      </c>
      <c r="AS5703">
        <v>0</v>
      </c>
      <c r="AT5703">
        <v>0</v>
      </c>
      <c r="AU5703">
        <v>0</v>
      </c>
      <c r="AV5703">
        <v>0</v>
      </c>
      <c r="AW5703">
        <v>0</v>
      </c>
      <c r="AX5703">
        <v>0</v>
      </c>
      <c r="AY5703">
        <v>0</v>
      </c>
      <c r="AZ5703">
        <v>0</v>
      </c>
      <c r="BA5703">
        <v>0</v>
      </c>
    </row>
    <row r="5704" spans="1:53" x14ac:dyDescent="0.4">
      <c r="A5704">
        <v>5748</v>
      </c>
      <c r="B5704" s="1">
        <v>44998</v>
      </c>
      <c r="C5704">
        <v>2</v>
      </c>
      <c r="D5704" s="1">
        <v>44998.45</v>
      </c>
      <c r="E5704" s="1">
        <v>44998.761111111111</v>
      </c>
      <c r="F5704">
        <v>43780</v>
      </c>
      <c r="G5704">
        <v>2574</v>
      </c>
      <c r="H5704">
        <v>0</v>
      </c>
      <c r="I5704">
        <v>0</v>
      </c>
      <c r="J5704">
        <v>100</v>
      </c>
      <c r="K5704">
        <v>0</v>
      </c>
      <c r="L5704">
        <v>0</v>
      </c>
      <c r="M5704">
        <v>4203</v>
      </c>
      <c r="N5704">
        <v>0</v>
      </c>
      <c r="O5704">
        <v>0</v>
      </c>
      <c r="P5704">
        <v>19390</v>
      </c>
      <c r="Q5704">
        <v>0</v>
      </c>
      <c r="R5704">
        <v>65644</v>
      </c>
      <c r="S5704">
        <v>0</v>
      </c>
      <c r="T5704">
        <v>0</v>
      </c>
      <c r="U5704">
        <v>0</v>
      </c>
      <c r="V5704">
        <v>5</v>
      </c>
      <c r="W5704">
        <v>0</v>
      </c>
      <c r="X5704">
        <v>0</v>
      </c>
      <c r="Y5704">
        <v>38</v>
      </c>
      <c r="Z5704">
        <v>17</v>
      </c>
      <c r="AA5704">
        <v>142</v>
      </c>
      <c r="AB5704">
        <v>2</v>
      </c>
      <c r="AC5704">
        <v>112</v>
      </c>
      <c r="AD5704">
        <v>23</v>
      </c>
      <c r="AE5704">
        <v>49</v>
      </c>
      <c r="AF5704">
        <v>3760</v>
      </c>
      <c r="AG5704">
        <v>115844</v>
      </c>
      <c r="AH5704">
        <v>50000</v>
      </c>
      <c r="AI5704">
        <v>200</v>
      </c>
      <c r="AJ5704">
        <v>118</v>
      </c>
      <c r="AK5704" t="s">
        <v>59</v>
      </c>
      <c r="AL5704">
        <v>0</v>
      </c>
      <c r="AM5704">
        <v>0</v>
      </c>
      <c r="AN5704">
        <v>0</v>
      </c>
      <c r="AO5704">
        <v>0</v>
      </c>
      <c r="AP5704">
        <v>0</v>
      </c>
      <c r="AQ5704">
        <v>0</v>
      </c>
      <c r="AR5704">
        <v>0</v>
      </c>
      <c r="AS5704">
        <v>0</v>
      </c>
      <c r="AT5704">
        <v>0</v>
      </c>
      <c r="AU5704">
        <v>0</v>
      </c>
      <c r="AV5704">
        <v>0</v>
      </c>
      <c r="AW5704">
        <v>0</v>
      </c>
      <c r="AX5704">
        <v>-970</v>
      </c>
      <c r="AY5704">
        <v>55</v>
      </c>
      <c r="AZ5704">
        <v>107</v>
      </c>
      <c r="BA5704">
        <v>6959</v>
      </c>
    </row>
    <row r="5705" spans="1:53" x14ac:dyDescent="0.4">
      <c r="A5705">
        <v>5749</v>
      </c>
      <c r="B5705" s="1">
        <v>44998</v>
      </c>
      <c r="C5705">
        <v>3</v>
      </c>
      <c r="D5705" s="1">
        <v>44998.761111111111</v>
      </c>
      <c r="E5705" s="1">
        <v>44999.217361111114</v>
      </c>
      <c r="F5705">
        <v>48130</v>
      </c>
      <c r="G5705">
        <v>1430</v>
      </c>
      <c r="H5705">
        <v>0</v>
      </c>
      <c r="I5705">
        <v>0</v>
      </c>
      <c r="J5705">
        <v>100</v>
      </c>
      <c r="K5705">
        <v>1100</v>
      </c>
      <c r="L5705">
        <v>0</v>
      </c>
      <c r="M5705">
        <v>4593</v>
      </c>
      <c r="N5705">
        <v>0</v>
      </c>
      <c r="O5705">
        <v>0</v>
      </c>
      <c r="P5705">
        <v>-14890</v>
      </c>
      <c r="Q5705">
        <v>0</v>
      </c>
      <c r="R5705">
        <v>35670</v>
      </c>
      <c r="S5705">
        <v>0</v>
      </c>
      <c r="T5705">
        <v>0</v>
      </c>
      <c r="U5705">
        <v>0</v>
      </c>
      <c r="V5705">
        <v>5</v>
      </c>
      <c r="W5705">
        <v>1</v>
      </c>
      <c r="X5705">
        <v>0</v>
      </c>
      <c r="Y5705">
        <v>59</v>
      </c>
      <c r="Z5705">
        <v>18</v>
      </c>
      <c r="AA5705">
        <v>157</v>
      </c>
      <c r="AB5705">
        <v>17</v>
      </c>
      <c r="AC5705">
        <v>110</v>
      </c>
      <c r="AD5705">
        <v>23</v>
      </c>
      <c r="AE5705">
        <v>50</v>
      </c>
      <c r="AF5705">
        <v>10499</v>
      </c>
      <c r="AG5705">
        <v>151314</v>
      </c>
      <c r="AH5705">
        <v>50000</v>
      </c>
      <c r="AI5705">
        <v>0</v>
      </c>
      <c r="AJ5705">
        <v>95</v>
      </c>
      <c r="AK5705" t="s">
        <v>21</v>
      </c>
      <c r="AL5705">
        <v>0</v>
      </c>
      <c r="AM5705">
        <v>0</v>
      </c>
      <c r="AN5705">
        <v>0</v>
      </c>
      <c r="AO5705">
        <v>0</v>
      </c>
      <c r="AP5705">
        <v>0</v>
      </c>
      <c r="AQ5705">
        <v>0</v>
      </c>
      <c r="AR5705">
        <v>0</v>
      </c>
      <c r="AS5705">
        <v>0</v>
      </c>
      <c r="AT5705">
        <v>0</v>
      </c>
      <c r="AU5705">
        <v>0</v>
      </c>
      <c r="AV5705">
        <v>0</v>
      </c>
      <c r="AW5705">
        <v>0</v>
      </c>
      <c r="AX5705">
        <v>0</v>
      </c>
      <c r="AY5705">
        <v>12</v>
      </c>
      <c r="AZ5705">
        <v>28</v>
      </c>
      <c r="BA5705">
        <v>3377</v>
      </c>
    </row>
    <row r="5706" spans="1:53" x14ac:dyDescent="0.4">
      <c r="A5706">
        <v>5750</v>
      </c>
      <c r="B5706" s="1">
        <v>44999</v>
      </c>
      <c r="C5706">
        <v>1</v>
      </c>
      <c r="D5706" s="1">
        <v>44999.291666666664</v>
      </c>
      <c r="E5706" s="1">
        <v>44999.45</v>
      </c>
      <c r="F5706">
        <v>0</v>
      </c>
      <c r="G5706">
        <v>0</v>
      </c>
      <c r="H5706">
        <v>0</v>
      </c>
      <c r="I5706">
        <v>0</v>
      </c>
      <c r="J5706">
        <v>0</v>
      </c>
      <c r="K5706">
        <v>0</v>
      </c>
      <c r="L5706">
        <v>0</v>
      </c>
      <c r="M5706">
        <v>0</v>
      </c>
      <c r="N5706">
        <v>0</v>
      </c>
      <c r="O5706">
        <v>0</v>
      </c>
      <c r="P5706">
        <v>0</v>
      </c>
      <c r="Q5706">
        <v>0</v>
      </c>
      <c r="R5706">
        <v>0</v>
      </c>
      <c r="S5706">
        <v>0</v>
      </c>
      <c r="T5706">
        <v>0</v>
      </c>
      <c r="U5706">
        <v>0</v>
      </c>
      <c r="V5706">
        <v>0</v>
      </c>
      <c r="W5706">
        <v>1</v>
      </c>
      <c r="X5706">
        <v>0</v>
      </c>
      <c r="Y5706">
        <v>24</v>
      </c>
      <c r="Z5706">
        <v>17</v>
      </c>
      <c r="AA5706">
        <v>104</v>
      </c>
      <c r="AB5706">
        <v>17</v>
      </c>
      <c r="AC5706">
        <v>109</v>
      </c>
      <c r="AD5706">
        <v>22</v>
      </c>
      <c r="AE5706">
        <v>50</v>
      </c>
      <c r="AF5706">
        <v>0</v>
      </c>
      <c r="AG5706">
        <v>50000</v>
      </c>
      <c r="AH5706">
        <v>50000</v>
      </c>
      <c r="AI5706">
        <v>0</v>
      </c>
      <c r="AJ5706">
        <v>0</v>
      </c>
      <c r="AK5706" t="s">
        <v>6</v>
      </c>
      <c r="AL5706">
        <v>0</v>
      </c>
      <c r="AM5706">
        <v>0</v>
      </c>
      <c r="AN5706">
        <v>0</v>
      </c>
      <c r="AO5706">
        <v>0</v>
      </c>
      <c r="AP5706">
        <v>0</v>
      </c>
      <c r="AQ5706">
        <v>0</v>
      </c>
      <c r="AR5706">
        <v>0</v>
      </c>
      <c r="AS5706">
        <v>0</v>
      </c>
      <c r="AT5706">
        <v>0</v>
      </c>
      <c r="AU5706">
        <v>0</v>
      </c>
      <c r="AV5706">
        <v>0</v>
      </c>
      <c r="AW5706">
        <v>0</v>
      </c>
      <c r="AX5706">
        <v>0</v>
      </c>
      <c r="AY5706">
        <v>0</v>
      </c>
      <c r="AZ5706">
        <v>0</v>
      </c>
      <c r="BA5706">
        <v>0</v>
      </c>
    </row>
    <row r="5707" spans="1:53" x14ac:dyDescent="0.4">
      <c r="A5707">
        <v>5751</v>
      </c>
      <c r="B5707" s="1">
        <v>44999</v>
      </c>
      <c r="C5707">
        <v>2</v>
      </c>
      <c r="D5707" s="1">
        <v>44999.45</v>
      </c>
      <c r="E5707" s="1">
        <v>44999.76458333333</v>
      </c>
      <c r="F5707">
        <v>31890</v>
      </c>
      <c r="G5707">
        <v>1210</v>
      </c>
      <c r="H5707">
        <v>0</v>
      </c>
      <c r="I5707">
        <v>0</v>
      </c>
      <c r="J5707">
        <v>0</v>
      </c>
      <c r="K5707">
        <v>0</v>
      </c>
      <c r="L5707">
        <v>0</v>
      </c>
      <c r="M5707">
        <v>3009</v>
      </c>
      <c r="N5707">
        <v>0</v>
      </c>
      <c r="O5707">
        <v>0</v>
      </c>
      <c r="P5707">
        <v>21930</v>
      </c>
      <c r="Q5707">
        <v>0</v>
      </c>
      <c r="R5707">
        <v>55030</v>
      </c>
      <c r="S5707">
        <v>0</v>
      </c>
      <c r="T5707">
        <v>0</v>
      </c>
      <c r="U5707">
        <v>0</v>
      </c>
      <c r="V5707">
        <v>1</v>
      </c>
      <c r="W5707">
        <v>3</v>
      </c>
      <c r="X5707">
        <v>0</v>
      </c>
      <c r="Y5707">
        <v>46</v>
      </c>
      <c r="Z5707">
        <v>31</v>
      </c>
      <c r="AA5707">
        <v>116</v>
      </c>
      <c r="AB5707">
        <v>23</v>
      </c>
      <c r="AC5707">
        <v>109</v>
      </c>
      <c r="AD5707">
        <v>21</v>
      </c>
      <c r="AE5707">
        <v>58</v>
      </c>
      <c r="AF5707">
        <v>4527</v>
      </c>
      <c r="AG5707">
        <v>105030</v>
      </c>
      <c r="AH5707">
        <v>50000</v>
      </c>
      <c r="AI5707">
        <v>0</v>
      </c>
      <c r="AJ5707">
        <v>110</v>
      </c>
      <c r="AK5707" t="s">
        <v>31</v>
      </c>
      <c r="AL5707">
        <v>0</v>
      </c>
      <c r="AM5707">
        <v>0</v>
      </c>
      <c r="AN5707">
        <v>0</v>
      </c>
      <c r="AO5707">
        <v>0</v>
      </c>
      <c r="AP5707">
        <v>0</v>
      </c>
      <c r="AQ5707">
        <v>0</v>
      </c>
      <c r="AR5707">
        <v>0</v>
      </c>
      <c r="AS5707">
        <v>0</v>
      </c>
      <c r="AT5707">
        <v>0</v>
      </c>
      <c r="AU5707">
        <v>0</v>
      </c>
      <c r="AV5707">
        <v>0</v>
      </c>
      <c r="AW5707">
        <v>0</v>
      </c>
      <c r="AX5707">
        <v>-158</v>
      </c>
      <c r="AY5707">
        <v>51</v>
      </c>
      <c r="AZ5707">
        <v>89</v>
      </c>
      <c r="BA5707">
        <v>7240</v>
      </c>
    </row>
    <row r="5708" spans="1:53" x14ac:dyDescent="0.4">
      <c r="A5708">
        <v>5752</v>
      </c>
      <c r="B5708" s="1">
        <v>44999</v>
      </c>
      <c r="C5708">
        <v>3</v>
      </c>
      <c r="D5708" s="1">
        <v>44999.76458333333</v>
      </c>
      <c r="E5708" s="1">
        <v>44999.958333333336</v>
      </c>
      <c r="F5708">
        <v>45520</v>
      </c>
      <c r="G5708">
        <v>1518</v>
      </c>
      <c r="H5708">
        <v>0</v>
      </c>
      <c r="I5708">
        <v>0</v>
      </c>
      <c r="J5708">
        <v>0</v>
      </c>
      <c r="K5708">
        <v>1320</v>
      </c>
      <c r="L5708">
        <v>0</v>
      </c>
      <c r="M5708">
        <v>4393</v>
      </c>
      <c r="N5708">
        <v>0</v>
      </c>
      <c r="O5708">
        <v>0</v>
      </c>
      <c r="P5708">
        <v>-1090</v>
      </c>
      <c r="Q5708">
        <v>0</v>
      </c>
      <c r="R5708">
        <v>47268</v>
      </c>
      <c r="S5708">
        <v>0</v>
      </c>
      <c r="T5708">
        <v>0</v>
      </c>
      <c r="U5708">
        <v>0</v>
      </c>
      <c r="V5708">
        <v>6</v>
      </c>
      <c r="W5708">
        <v>1</v>
      </c>
      <c r="X5708">
        <v>0</v>
      </c>
      <c r="Y5708">
        <v>45</v>
      </c>
      <c r="Z5708">
        <v>32</v>
      </c>
      <c r="AA5708">
        <v>103</v>
      </c>
      <c r="AB5708">
        <v>19</v>
      </c>
      <c r="AC5708">
        <v>103</v>
      </c>
      <c r="AD5708">
        <v>20</v>
      </c>
      <c r="AE5708">
        <v>51</v>
      </c>
      <c r="AF5708">
        <v>13767</v>
      </c>
      <c r="AG5708">
        <v>152198</v>
      </c>
      <c r="AH5708">
        <v>50000</v>
      </c>
      <c r="AI5708">
        <v>-100</v>
      </c>
      <c r="AJ5708">
        <v>110</v>
      </c>
      <c r="AK5708" t="s">
        <v>31</v>
      </c>
      <c r="AL5708">
        <v>0</v>
      </c>
      <c r="AM5708">
        <v>0</v>
      </c>
      <c r="AN5708">
        <v>0</v>
      </c>
      <c r="AO5708">
        <v>0</v>
      </c>
      <c r="AP5708">
        <v>0</v>
      </c>
      <c r="AQ5708">
        <v>0</v>
      </c>
      <c r="AR5708">
        <v>0</v>
      </c>
      <c r="AS5708">
        <v>0</v>
      </c>
      <c r="AT5708">
        <v>0</v>
      </c>
      <c r="AU5708">
        <v>0</v>
      </c>
      <c r="AV5708">
        <v>0</v>
      </c>
      <c r="AW5708">
        <v>0</v>
      </c>
      <c r="AX5708">
        <v>3190</v>
      </c>
      <c r="AY5708">
        <v>11</v>
      </c>
      <c r="AZ5708">
        <v>35</v>
      </c>
      <c r="BA5708">
        <v>2299</v>
      </c>
    </row>
    <row r="5709" spans="1:53" x14ac:dyDescent="0.4">
      <c r="A5709">
        <v>5753</v>
      </c>
      <c r="B5709" s="1">
        <v>45000</v>
      </c>
      <c r="C5709">
        <v>1</v>
      </c>
      <c r="D5709" s="1">
        <v>45000.291666666664</v>
      </c>
      <c r="E5709" s="1">
        <v>45000.441666666666</v>
      </c>
      <c r="F5709">
        <v>0</v>
      </c>
      <c r="G5709">
        <v>0</v>
      </c>
      <c r="H5709">
        <v>0</v>
      </c>
      <c r="I5709">
        <v>0</v>
      </c>
      <c r="J5709">
        <v>0</v>
      </c>
      <c r="K5709">
        <v>0</v>
      </c>
      <c r="L5709">
        <v>0</v>
      </c>
      <c r="M5709">
        <v>0</v>
      </c>
      <c r="N5709">
        <v>0</v>
      </c>
      <c r="O5709">
        <v>0</v>
      </c>
      <c r="P5709">
        <v>0</v>
      </c>
      <c r="Q5709">
        <v>0</v>
      </c>
      <c r="R5709">
        <v>0</v>
      </c>
      <c r="S5709">
        <v>0</v>
      </c>
      <c r="T5709">
        <v>0</v>
      </c>
      <c r="U5709">
        <v>0</v>
      </c>
      <c r="V5709">
        <v>0</v>
      </c>
      <c r="W5709">
        <v>1</v>
      </c>
      <c r="X5709">
        <v>0</v>
      </c>
      <c r="Y5709">
        <v>28</v>
      </c>
      <c r="Z5709">
        <v>12</v>
      </c>
      <c r="AA5709">
        <v>92</v>
      </c>
      <c r="AB5709">
        <v>17</v>
      </c>
      <c r="AC5709">
        <v>82</v>
      </c>
      <c r="AD5709">
        <v>18</v>
      </c>
      <c r="AE5709">
        <v>40</v>
      </c>
      <c r="AF5709">
        <v>0</v>
      </c>
      <c r="AG5709">
        <v>50000</v>
      </c>
      <c r="AH5709">
        <v>50000</v>
      </c>
      <c r="AI5709">
        <v>0</v>
      </c>
      <c r="AJ5709">
        <v>0</v>
      </c>
      <c r="AK5709" t="s">
        <v>6</v>
      </c>
      <c r="AL5709">
        <v>0</v>
      </c>
      <c r="AM5709">
        <v>0</v>
      </c>
      <c r="AN5709">
        <v>0</v>
      </c>
      <c r="AO5709">
        <v>0</v>
      </c>
      <c r="AP5709">
        <v>0</v>
      </c>
      <c r="AQ5709">
        <v>0</v>
      </c>
      <c r="AR5709">
        <v>0</v>
      </c>
      <c r="AS5709">
        <v>0</v>
      </c>
      <c r="AT5709">
        <v>0</v>
      </c>
      <c r="AU5709">
        <v>0</v>
      </c>
      <c r="AV5709">
        <v>0</v>
      </c>
      <c r="AW5709">
        <v>0</v>
      </c>
      <c r="AX5709">
        <v>0</v>
      </c>
      <c r="AY5709">
        <v>0</v>
      </c>
      <c r="AZ5709">
        <v>0</v>
      </c>
      <c r="BA5709">
        <v>0</v>
      </c>
    </row>
    <row r="5710" spans="1:53" x14ac:dyDescent="0.4">
      <c r="A5710">
        <v>5754</v>
      </c>
      <c r="B5710" s="1">
        <v>45000</v>
      </c>
      <c r="C5710">
        <v>2</v>
      </c>
      <c r="D5710" s="1">
        <v>45000.441666666666</v>
      </c>
      <c r="E5710" s="1">
        <v>45000.759722222225</v>
      </c>
      <c r="F5710">
        <v>42260</v>
      </c>
      <c r="G5710">
        <v>6730</v>
      </c>
      <c r="H5710">
        <v>0</v>
      </c>
      <c r="I5710">
        <v>0</v>
      </c>
      <c r="J5710">
        <v>200</v>
      </c>
      <c r="K5710">
        <v>0</v>
      </c>
      <c r="L5710">
        <v>0</v>
      </c>
      <c r="M5710">
        <v>4436</v>
      </c>
      <c r="N5710">
        <v>0</v>
      </c>
      <c r="O5710">
        <v>348</v>
      </c>
      <c r="P5710">
        <v>13790</v>
      </c>
      <c r="Q5710">
        <v>0</v>
      </c>
      <c r="R5710">
        <v>62232</v>
      </c>
      <c r="S5710">
        <v>0</v>
      </c>
      <c r="T5710">
        <v>0</v>
      </c>
      <c r="U5710">
        <v>0</v>
      </c>
      <c r="V5710">
        <v>0</v>
      </c>
      <c r="W5710">
        <v>3</v>
      </c>
      <c r="X5710">
        <v>0</v>
      </c>
      <c r="Y5710">
        <v>59</v>
      </c>
      <c r="Z5710">
        <v>32</v>
      </c>
      <c r="AA5710">
        <v>137</v>
      </c>
      <c r="AB5710">
        <v>20</v>
      </c>
      <c r="AC5710">
        <v>95</v>
      </c>
      <c r="AD5710">
        <v>15</v>
      </c>
      <c r="AE5710">
        <v>37</v>
      </c>
      <c r="AF5710">
        <v>6470</v>
      </c>
      <c r="AG5710">
        <v>112232</v>
      </c>
      <c r="AH5710">
        <v>50000</v>
      </c>
      <c r="AI5710">
        <v>0</v>
      </c>
      <c r="AJ5710">
        <v>29</v>
      </c>
      <c r="AK5710" t="s">
        <v>62</v>
      </c>
      <c r="AL5710">
        <v>0</v>
      </c>
      <c r="AM5710">
        <v>0</v>
      </c>
      <c r="AN5710">
        <v>0</v>
      </c>
      <c r="AO5710">
        <v>0</v>
      </c>
      <c r="AP5710">
        <v>0</v>
      </c>
      <c r="AQ5710">
        <v>0</v>
      </c>
      <c r="AR5710">
        <v>0</v>
      </c>
      <c r="AS5710">
        <v>0</v>
      </c>
      <c r="AT5710">
        <v>0</v>
      </c>
      <c r="AU5710">
        <v>0</v>
      </c>
      <c r="AV5710">
        <v>0</v>
      </c>
      <c r="AW5710">
        <v>0</v>
      </c>
      <c r="AX5710">
        <v>4640</v>
      </c>
      <c r="AY5710">
        <v>50</v>
      </c>
      <c r="AZ5710">
        <v>92</v>
      </c>
      <c r="BA5710">
        <v>7746</v>
      </c>
    </row>
    <row r="5711" spans="1:53" x14ac:dyDescent="0.4">
      <c r="A5711">
        <v>5755</v>
      </c>
      <c r="B5711" s="1">
        <v>45001</v>
      </c>
      <c r="C5711">
        <v>1</v>
      </c>
      <c r="D5711" s="1">
        <v>45001.291666666664</v>
      </c>
      <c r="E5711" s="1">
        <v>45001.444444444445</v>
      </c>
      <c r="F5711">
        <v>0</v>
      </c>
      <c r="G5711">
        <v>0</v>
      </c>
      <c r="H5711">
        <v>0</v>
      </c>
      <c r="I5711">
        <v>0</v>
      </c>
      <c r="J5711">
        <v>0</v>
      </c>
      <c r="K5711">
        <v>0</v>
      </c>
      <c r="L5711">
        <v>0</v>
      </c>
      <c r="M5711">
        <v>0</v>
      </c>
      <c r="N5711">
        <v>0</v>
      </c>
      <c r="O5711">
        <v>0</v>
      </c>
      <c r="P5711">
        <v>0</v>
      </c>
      <c r="Q5711">
        <v>0</v>
      </c>
      <c r="R5711">
        <v>0</v>
      </c>
      <c r="S5711">
        <v>0</v>
      </c>
      <c r="T5711">
        <v>0</v>
      </c>
      <c r="U5711">
        <v>0</v>
      </c>
      <c r="V5711">
        <v>0</v>
      </c>
      <c r="W5711">
        <v>1</v>
      </c>
      <c r="X5711">
        <v>0</v>
      </c>
      <c r="Y5711">
        <v>23</v>
      </c>
      <c r="Z5711">
        <v>17</v>
      </c>
      <c r="AA5711">
        <v>114</v>
      </c>
      <c r="AB5711">
        <v>19</v>
      </c>
      <c r="AC5711">
        <v>104</v>
      </c>
      <c r="AD5711">
        <v>14</v>
      </c>
      <c r="AE5711">
        <v>40</v>
      </c>
      <c r="AF5711">
        <v>0</v>
      </c>
      <c r="AG5711">
        <v>50000</v>
      </c>
      <c r="AH5711">
        <v>50000</v>
      </c>
      <c r="AI5711">
        <v>0</v>
      </c>
      <c r="AJ5711">
        <v>0</v>
      </c>
      <c r="AK5711" t="s">
        <v>6</v>
      </c>
      <c r="AL5711">
        <v>0</v>
      </c>
      <c r="AM5711">
        <v>0</v>
      </c>
      <c r="AN5711">
        <v>0</v>
      </c>
      <c r="AO5711">
        <v>0</v>
      </c>
      <c r="AP5711">
        <v>0</v>
      </c>
      <c r="AQ5711">
        <v>0</v>
      </c>
      <c r="AR5711">
        <v>0</v>
      </c>
      <c r="AS5711">
        <v>0</v>
      </c>
      <c r="AT5711">
        <v>0</v>
      </c>
      <c r="AU5711">
        <v>0</v>
      </c>
      <c r="AV5711">
        <v>0</v>
      </c>
      <c r="AW5711">
        <v>0</v>
      </c>
      <c r="AX5711">
        <v>0</v>
      </c>
      <c r="AY5711">
        <v>0</v>
      </c>
      <c r="AZ5711">
        <v>0</v>
      </c>
      <c r="BA5711">
        <v>0</v>
      </c>
    </row>
    <row r="5712" spans="1:53" x14ac:dyDescent="0.4">
      <c r="A5712">
        <v>5756</v>
      </c>
      <c r="B5712" s="1">
        <v>45001</v>
      </c>
      <c r="C5712">
        <v>2</v>
      </c>
      <c r="D5712" s="1">
        <v>45001.444444444445</v>
      </c>
      <c r="E5712" s="1">
        <v>45001.756944444445</v>
      </c>
      <c r="F5712">
        <v>37590</v>
      </c>
      <c r="G5712">
        <v>2090</v>
      </c>
      <c r="H5712">
        <v>0</v>
      </c>
      <c r="I5712">
        <v>0</v>
      </c>
      <c r="J5712">
        <v>0</v>
      </c>
      <c r="K5712">
        <v>0</v>
      </c>
      <c r="L5712">
        <v>0</v>
      </c>
      <c r="M5712">
        <v>3606</v>
      </c>
      <c r="N5712">
        <v>0</v>
      </c>
      <c r="O5712">
        <v>0</v>
      </c>
      <c r="P5712">
        <v>18290</v>
      </c>
      <c r="Q5712">
        <v>0</v>
      </c>
      <c r="R5712">
        <v>57970</v>
      </c>
      <c r="S5712">
        <v>0</v>
      </c>
      <c r="T5712">
        <v>0</v>
      </c>
      <c r="U5712">
        <v>0</v>
      </c>
      <c r="V5712">
        <v>3</v>
      </c>
      <c r="W5712">
        <v>2</v>
      </c>
      <c r="X5712">
        <v>0</v>
      </c>
      <c r="Y5712">
        <v>37</v>
      </c>
      <c r="Z5712">
        <v>34</v>
      </c>
      <c r="AA5712">
        <v>84</v>
      </c>
      <c r="AB5712">
        <v>13</v>
      </c>
      <c r="AC5712">
        <v>133</v>
      </c>
      <c r="AD5712">
        <v>14</v>
      </c>
      <c r="AE5712">
        <v>44</v>
      </c>
      <c r="AF5712">
        <v>3476</v>
      </c>
      <c r="AG5712">
        <v>107970</v>
      </c>
      <c r="AH5712">
        <v>50000</v>
      </c>
      <c r="AI5712">
        <v>0</v>
      </c>
      <c r="AJ5712">
        <v>119</v>
      </c>
      <c r="AK5712" t="s">
        <v>56</v>
      </c>
      <c r="AL5712">
        <v>0</v>
      </c>
      <c r="AM5712">
        <v>0</v>
      </c>
      <c r="AN5712">
        <v>0</v>
      </c>
      <c r="AO5712">
        <v>0</v>
      </c>
      <c r="AP5712">
        <v>0</v>
      </c>
      <c r="AQ5712">
        <v>0</v>
      </c>
      <c r="AR5712">
        <v>0</v>
      </c>
      <c r="AS5712">
        <v>0</v>
      </c>
      <c r="AT5712">
        <v>0</v>
      </c>
      <c r="AU5712">
        <v>0</v>
      </c>
      <c r="AV5712">
        <v>0</v>
      </c>
      <c r="AW5712">
        <v>0</v>
      </c>
      <c r="AX5712">
        <v>-720</v>
      </c>
      <c r="AY5712">
        <v>47</v>
      </c>
      <c r="AZ5712">
        <v>91</v>
      </c>
      <c r="BA5712">
        <v>6934</v>
      </c>
    </row>
    <row r="5713" spans="1:53" x14ac:dyDescent="0.4">
      <c r="A5713">
        <v>5757</v>
      </c>
      <c r="B5713" s="1">
        <v>45001</v>
      </c>
      <c r="C5713">
        <v>3</v>
      </c>
      <c r="D5713" s="1">
        <v>45001.756944444445</v>
      </c>
      <c r="E5713" s="1">
        <v>45002.025000000001</v>
      </c>
      <c r="F5713">
        <v>51480</v>
      </c>
      <c r="G5713">
        <v>4758</v>
      </c>
      <c r="H5713">
        <v>0</v>
      </c>
      <c r="I5713">
        <v>0</v>
      </c>
      <c r="J5713">
        <v>0</v>
      </c>
      <c r="K5713">
        <v>0</v>
      </c>
      <c r="L5713">
        <v>0</v>
      </c>
      <c r="M5713">
        <v>5113</v>
      </c>
      <c r="N5713">
        <v>0</v>
      </c>
      <c r="O5713">
        <v>0</v>
      </c>
      <c r="P5713">
        <v>-9140</v>
      </c>
      <c r="Q5713">
        <v>0</v>
      </c>
      <c r="R5713">
        <v>47098</v>
      </c>
      <c r="S5713">
        <v>0</v>
      </c>
      <c r="T5713">
        <v>0</v>
      </c>
      <c r="U5713">
        <v>0</v>
      </c>
      <c r="V5713">
        <v>5</v>
      </c>
      <c r="W5713">
        <v>3</v>
      </c>
      <c r="X5713">
        <v>0</v>
      </c>
      <c r="Y5713">
        <v>42</v>
      </c>
      <c r="Z5713">
        <v>36</v>
      </c>
      <c r="AA5713">
        <v>72</v>
      </c>
      <c r="AB5713">
        <v>17</v>
      </c>
      <c r="AC5713">
        <v>136</v>
      </c>
      <c r="AD5713">
        <v>14</v>
      </c>
      <c r="AE5713">
        <v>44</v>
      </c>
      <c r="AF5713">
        <v>20544</v>
      </c>
      <c r="AG5713">
        <v>155068</v>
      </c>
      <c r="AH5713">
        <v>50000</v>
      </c>
      <c r="AI5713">
        <v>0</v>
      </c>
      <c r="AJ5713">
        <v>108</v>
      </c>
      <c r="AK5713" t="s">
        <v>3</v>
      </c>
      <c r="AL5713">
        <v>0</v>
      </c>
      <c r="AM5713">
        <v>0</v>
      </c>
      <c r="AN5713">
        <v>0</v>
      </c>
      <c r="AO5713">
        <v>0</v>
      </c>
      <c r="AP5713">
        <v>0</v>
      </c>
      <c r="AQ5713">
        <v>0</v>
      </c>
      <c r="AR5713">
        <v>0</v>
      </c>
      <c r="AS5713">
        <v>0</v>
      </c>
      <c r="AT5713">
        <v>0</v>
      </c>
      <c r="AU5713">
        <v>0</v>
      </c>
      <c r="AV5713">
        <v>0</v>
      </c>
      <c r="AW5713">
        <v>0</v>
      </c>
      <c r="AX5713">
        <v>0</v>
      </c>
      <c r="AY5713">
        <v>14</v>
      </c>
      <c r="AZ5713">
        <v>38</v>
      </c>
      <c r="BA5713">
        <v>2296</v>
      </c>
    </row>
    <row r="5714" spans="1:53" x14ac:dyDescent="0.4">
      <c r="A5714">
        <v>5758</v>
      </c>
      <c r="B5714" s="1">
        <v>45002</v>
      </c>
      <c r="C5714">
        <v>1</v>
      </c>
      <c r="D5714" s="1">
        <v>45002.291666666664</v>
      </c>
      <c r="E5714" s="1">
        <v>45002.447222222225</v>
      </c>
      <c r="F5714">
        <v>0</v>
      </c>
      <c r="G5714">
        <v>0</v>
      </c>
      <c r="H5714">
        <v>0</v>
      </c>
      <c r="I5714">
        <v>0</v>
      </c>
      <c r="J5714">
        <v>0</v>
      </c>
      <c r="K5714">
        <v>0</v>
      </c>
      <c r="L5714">
        <v>0</v>
      </c>
      <c r="M5714">
        <v>0</v>
      </c>
      <c r="N5714">
        <v>0</v>
      </c>
      <c r="O5714">
        <v>0</v>
      </c>
      <c r="P5714">
        <v>0</v>
      </c>
      <c r="Q5714">
        <v>0</v>
      </c>
      <c r="R5714">
        <v>0</v>
      </c>
      <c r="S5714">
        <v>0</v>
      </c>
      <c r="T5714">
        <v>0</v>
      </c>
      <c r="U5714">
        <v>0</v>
      </c>
      <c r="V5714">
        <v>0</v>
      </c>
      <c r="W5714">
        <v>1</v>
      </c>
      <c r="X5714">
        <v>0</v>
      </c>
      <c r="Y5714">
        <v>25</v>
      </c>
      <c r="Z5714">
        <v>18</v>
      </c>
      <c r="AA5714">
        <v>89</v>
      </c>
      <c r="AB5714">
        <v>18</v>
      </c>
      <c r="AC5714">
        <v>108</v>
      </c>
      <c r="AD5714">
        <v>14</v>
      </c>
      <c r="AE5714">
        <v>50</v>
      </c>
      <c r="AF5714">
        <v>0</v>
      </c>
      <c r="AG5714">
        <v>50000</v>
      </c>
      <c r="AH5714">
        <v>50000</v>
      </c>
      <c r="AI5714">
        <v>0</v>
      </c>
      <c r="AJ5714">
        <v>0</v>
      </c>
      <c r="AK5714" t="s">
        <v>6</v>
      </c>
      <c r="AL5714">
        <v>0</v>
      </c>
      <c r="AM5714">
        <v>0</v>
      </c>
      <c r="AN5714">
        <v>0</v>
      </c>
      <c r="AO5714">
        <v>0</v>
      </c>
      <c r="AP5714">
        <v>0</v>
      </c>
      <c r="AQ5714">
        <v>0</v>
      </c>
      <c r="AR5714">
        <v>0</v>
      </c>
      <c r="AS5714">
        <v>0</v>
      </c>
      <c r="AT5714">
        <v>0</v>
      </c>
      <c r="AU5714">
        <v>0</v>
      </c>
      <c r="AV5714">
        <v>0</v>
      </c>
      <c r="AW5714">
        <v>0</v>
      </c>
      <c r="AX5714">
        <v>0</v>
      </c>
      <c r="AY5714">
        <v>0</v>
      </c>
      <c r="AZ5714">
        <v>0</v>
      </c>
      <c r="BA5714">
        <v>0</v>
      </c>
    </row>
    <row r="5715" spans="1:53" x14ac:dyDescent="0.4">
      <c r="A5715">
        <v>5759</v>
      </c>
      <c r="B5715" s="1">
        <v>45002</v>
      </c>
      <c r="C5715">
        <v>2</v>
      </c>
      <c r="D5715" s="1">
        <v>45002.447222222225</v>
      </c>
      <c r="E5715" s="1">
        <v>45002.768750000003</v>
      </c>
      <c r="F5715">
        <v>41890</v>
      </c>
      <c r="G5715">
        <v>2200</v>
      </c>
      <c r="H5715">
        <v>0</v>
      </c>
      <c r="I5715">
        <v>0</v>
      </c>
      <c r="J5715">
        <v>300</v>
      </c>
      <c r="K5715">
        <v>0</v>
      </c>
      <c r="L5715">
        <v>0</v>
      </c>
      <c r="M5715">
        <v>3979</v>
      </c>
      <c r="N5715">
        <v>0</v>
      </c>
      <c r="O5715">
        <v>0</v>
      </c>
      <c r="P5715">
        <v>19895</v>
      </c>
      <c r="Q5715">
        <v>0</v>
      </c>
      <c r="R5715">
        <v>63685</v>
      </c>
      <c r="S5715">
        <v>0</v>
      </c>
      <c r="T5715">
        <v>0</v>
      </c>
      <c r="U5715">
        <v>0</v>
      </c>
      <c r="V5715">
        <v>3</v>
      </c>
      <c r="W5715">
        <v>1</v>
      </c>
      <c r="X5715">
        <v>0</v>
      </c>
      <c r="Y5715">
        <v>38</v>
      </c>
      <c r="Z5715">
        <v>42</v>
      </c>
      <c r="AA5715">
        <v>140</v>
      </c>
      <c r="AB5715">
        <v>18</v>
      </c>
      <c r="AC5715">
        <v>137</v>
      </c>
      <c r="AD5715">
        <v>14</v>
      </c>
      <c r="AE5715">
        <v>55</v>
      </c>
      <c r="AF5715">
        <v>3290</v>
      </c>
      <c r="AG5715">
        <v>113685</v>
      </c>
      <c r="AH5715">
        <v>50000</v>
      </c>
      <c r="AI5715">
        <v>0</v>
      </c>
      <c r="AJ5715">
        <v>119</v>
      </c>
      <c r="AK5715" t="s">
        <v>56</v>
      </c>
      <c r="AL5715">
        <v>0</v>
      </c>
      <c r="AM5715">
        <v>0</v>
      </c>
      <c r="AN5715">
        <v>0</v>
      </c>
      <c r="AO5715">
        <v>0</v>
      </c>
      <c r="AP5715">
        <v>0</v>
      </c>
      <c r="AQ5715">
        <v>0</v>
      </c>
      <c r="AR5715">
        <v>0</v>
      </c>
      <c r="AS5715">
        <v>0</v>
      </c>
      <c r="AT5715">
        <v>0</v>
      </c>
      <c r="AU5715">
        <v>0</v>
      </c>
      <c r="AV5715">
        <v>0</v>
      </c>
      <c r="AW5715">
        <v>0</v>
      </c>
      <c r="AX5715">
        <v>-1659</v>
      </c>
      <c r="AY5715">
        <v>50</v>
      </c>
      <c r="AZ5715">
        <v>105</v>
      </c>
      <c r="BA5715">
        <v>6766</v>
      </c>
    </row>
    <row r="5716" spans="1:53" x14ac:dyDescent="0.4">
      <c r="A5716">
        <v>5760</v>
      </c>
      <c r="B5716" s="1">
        <v>45002</v>
      </c>
      <c r="C5716">
        <v>3</v>
      </c>
      <c r="D5716" s="1">
        <v>45002.768750000003</v>
      </c>
      <c r="E5716" s="1">
        <v>45003.147916666669</v>
      </c>
      <c r="F5716">
        <v>197675</v>
      </c>
      <c r="G5716">
        <v>9218</v>
      </c>
      <c r="H5716">
        <v>220</v>
      </c>
      <c r="I5716">
        <v>0</v>
      </c>
      <c r="J5716">
        <v>0</v>
      </c>
      <c r="K5716">
        <v>6500</v>
      </c>
      <c r="L5716">
        <v>0</v>
      </c>
      <c r="M5716">
        <v>19420</v>
      </c>
      <c r="N5716">
        <v>0</v>
      </c>
      <c r="O5716">
        <v>0</v>
      </c>
      <c r="P5716">
        <v>-9095</v>
      </c>
      <c r="Q5716">
        <v>0</v>
      </c>
      <c r="R5716">
        <v>204518</v>
      </c>
      <c r="S5716">
        <v>0</v>
      </c>
      <c r="T5716">
        <v>0</v>
      </c>
      <c r="U5716">
        <v>0</v>
      </c>
      <c r="V5716">
        <v>16</v>
      </c>
      <c r="W5716">
        <v>2</v>
      </c>
      <c r="X5716">
        <v>0</v>
      </c>
      <c r="Y5716">
        <v>38</v>
      </c>
      <c r="Z5716">
        <v>42</v>
      </c>
      <c r="AA5716">
        <v>145</v>
      </c>
      <c r="AB5716">
        <v>13</v>
      </c>
      <c r="AC5716">
        <v>129</v>
      </c>
      <c r="AD5716">
        <v>14</v>
      </c>
      <c r="AE5716">
        <v>58</v>
      </c>
      <c r="AF5716">
        <v>72635</v>
      </c>
      <c r="AG5716">
        <v>318203</v>
      </c>
      <c r="AH5716">
        <v>50000</v>
      </c>
      <c r="AI5716">
        <v>0</v>
      </c>
      <c r="AJ5716">
        <v>95</v>
      </c>
      <c r="AK5716" t="s">
        <v>21</v>
      </c>
      <c r="AL5716">
        <v>0</v>
      </c>
      <c r="AM5716">
        <v>0</v>
      </c>
      <c r="AN5716">
        <v>0</v>
      </c>
      <c r="AO5716">
        <v>0</v>
      </c>
      <c r="AP5716">
        <v>0</v>
      </c>
      <c r="AQ5716">
        <v>0</v>
      </c>
      <c r="AR5716">
        <v>0</v>
      </c>
      <c r="AS5716">
        <v>0</v>
      </c>
      <c r="AT5716">
        <v>0</v>
      </c>
      <c r="AU5716">
        <v>0</v>
      </c>
      <c r="AV5716">
        <v>0</v>
      </c>
      <c r="AW5716">
        <v>0</v>
      </c>
      <c r="AX5716">
        <v>6500</v>
      </c>
      <c r="AY5716">
        <v>25</v>
      </c>
      <c r="AZ5716">
        <v>86</v>
      </c>
      <c r="BA5716">
        <v>4716</v>
      </c>
    </row>
    <row r="5717" spans="1:53" x14ac:dyDescent="0.4">
      <c r="A5717">
        <v>5761</v>
      </c>
      <c r="B5717" s="1">
        <v>45003</v>
      </c>
      <c r="C5717">
        <v>1</v>
      </c>
      <c r="D5717" s="1">
        <v>45003.291666666664</v>
      </c>
      <c r="E5717" s="1">
        <v>45003.402777777781</v>
      </c>
      <c r="F5717">
        <v>0</v>
      </c>
      <c r="G5717">
        <v>0</v>
      </c>
      <c r="H5717">
        <v>0</v>
      </c>
      <c r="I5717">
        <v>0</v>
      </c>
      <c r="J5717">
        <v>0</v>
      </c>
      <c r="K5717">
        <v>0</v>
      </c>
      <c r="L5717">
        <v>0</v>
      </c>
      <c r="M5717">
        <v>0</v>
      </c>
      <c r="N5717">
        <v>0</v>
      </c>
      <c r="O5717">
        <v>0</v>
      </c>
      <c r="P5717">
        <v>0</v>
      </c>
      <c r="Q5717">
        <v>0</v>
      </c>
      <c r="R5717">
        <v>0</v>
      </c>
      <c r="S5717">
        <v>0</v>
      </c>
      <c r="T5717">
        <v>0</v>
      </c>
      <c r="U5717">
        <v>0</v>
      </c>
      <c r="V5717">
        <v>0</v>
      </c>
      <c r="W5717">
        <v>1</v>
      </c>
      <c r="X5717">
        <v>0</v>
      </c>
      <c r="Y5717">
        <v>25</v>
      </c>
      <c r="Z5717">
        <v>15</v>
      </c>
      <c r="AA5717">
        <v>107</v>
      </c>
      <c r="AB5717">
        <v>13</v>
      </c>
      <c r="AC5717">
        <v>103</v>
      </c>
      <c r="AD5717">
        <v>13</v>
      </c>
      <c r="AE5717">
        <v>55</v>
      </c>
      <c r="AF5717">
        <v>0</v>
      </c>
      <c r="AG5717">
        <v>50000</v>
      </c>
      <c r="AH5717">
        <v>50000</v>
      </c>
      <c r="AI5717">
        <v>0</v>
      </c>
      <c r="AJ5717">
        <v>0</v>
      </c>
      <c r="AK5717" t="s">
        <v>6</v>
      </c>
      <c r="AL5717">
        <v>0</v>
      </c>
      <c r="AM5717">
        <v>0</v>
      </c>
      <c r="AN5717">
        <v>0</v>
      </c>
      <c r="AO5717">
        <v>0</v>
      </c>
      <c r="AP5717">
        <v>0</v>
      </c>
      <c r="AQ5717">
        <v>0</v>
      </c>
      <c r="AR5717">
        <v>0</v>
      </c>
      <c r="AS5717">
        <v>0</v>
      </c>
      <c r="AT5717">
        <v>0</v>
      </c>
      <c r="AU5717">
        <v>0</v>
      </c>
      <c r="AV5717">
        <v>0</v>
      </c>
      <c r="AW5717">
        <v>0</v>
      </c>
      <c r="AX5717">
        <v>0</v>
      </c>
      <c r="AY5717">
        <v>0</v>
      </c>
      <c r="AZ5717">
        <v>0</v>
      </c>
      <c r="BA5717">
        <v>0</v>
      </c>
    </row>
    <row r="5718" spans="1:53" x14ac:dyDescent="0.4">
      <c r="A5718">
        <v>5762</v>
      </c>
      <c r="B5718" s="1">
        <v>45003</v>
      </c>
      <c r="C5718">
        <v>2</v>
      </c>
      <c r="D5718" s="1">
        <v>45003.402777777781</v>
      </c>
      <c r="E5718" s="1">
        <v>45003.756944444445</v>
      </c>
      <c r="F5718">
        <v>48040</v>
      </c>
      <c r="G5718">
        <v>4631</v>
      </c>
      <c r="H5718">
        <v>0</v>
      </c>
      <c r="I5718">
        <v>0</v>
      </c>
      <c r="J5718">
        <v>400</v>
      </c>
      <c r="K5718">
        <v>0</v>
      </c>
      <c r="L5718">
        <v>0</v>
      </c>
      <c r="M5718">
        <v>4747</v>
      </c>
      <c r="N5718">
        <v>0</v>
      </c>
      <c r="O5718">
        <v>0</v>
      </c>
      <c r="P5718">
        <v>21000</v>
      </c>
      <c r="Q5718">
        <v>0</v>
      </c>
      <c r="R5718">
        <v>73271</v>
      </c>
      <c r="S5718">
        <v>0</v>
      </c>
      <c r="T5718">
        <v>0</v>
      </c>
      <c r="U5718">
        <v>0</v>
      </c>
      <c r="V5718">
        <v>3</v>
      </c>
      <c r="W5718">
        <v>4</v>
      </c>
      <c r="X5718">
        <v>0</v>
      </c>
      <c r="Y5718">
        <v>36</v>
      </c>
      <c r="Z5718">
        <v>34</v>
      </c>
      <c r="AA5718">
        <v>130</v>
      </c>
      <c r="AB5718">
        <v>12</v>
      </c>
      <c r="AC5718">
        <v>141</v>
      </c>
      <c r="AD5718">
        <v>17</v>
      </c>
      <c r="AE5718">
        <v>66</v>
      </c>
      <c r="AF5718">
        <v>5110</v>
      </c>
      <c r="AG5718">
        <v>123271</v>
      </c>
      <c r="AH5718">
        <v>50000</v>
      </c>
      <c r="AI5718">
        <v>0</v>
      </c>
      <c r="AJ5718">
        <v>30</v>
      </c>
      <c r="AK5718" t="s">
        <v>66</v>
      </c>
      <c r="AL5718">
        <v>0</v>
      </c>
      <c r="AM5718">
        <v>0</v>
      </c>
      <c r="AN5718">
        <v>0</v>
      </c>
      <c r="AO5718">
        <v>0</v>
      </c>
      <c r="AP5718">
        <v>0</v>
      </c>
      <c r="AQ5718">
        <v>0</v>
      </c>
      <c r="AR5718">
        <v>0</v>
      </c>
      <c r="AS5718">
        <v>0</v>
      </c>
      <c r="AT5718">
        <v>0</v>
      </c>
      <c r="AU5718">
        <v>0</v>
      </c>
      <c r="AV5718">
        <v>0</v>
      </c>
      <c r="AW5718">
        <v>0</v>
      </c>
      <c r="AX5718">
        <v>2886</v>
      </c>
      <c r="AY5718">
        <v>55</v>
      </c>
      <c r="AZ5718">
        <v>114</v>
      </c>
      <c r="BA5718">
        <v>7942</v>
      </c>
    </row>
    <row r="5719" spans="1:53" x14ac:dyDescent="0.4">
      <c r="A5719">
        <v>5763</v>
      </c>
      <c r="B5719" s="1">
        <v>45003</v>
      </c>
      <c r="C5719">
        <v>3</v>
      </c>
      <c r="D5719" s="1">
        <v>45003.756944444445</v>
      </c>
      <c r="E5719" s="1">
        <v>45003.962500000001</v>
      </c>
      <c r="F5719">
        <v>90650</v>
      </c>
      <c r="G5719">
        <v>7086</v>
      </c>
      <c r="H5719">
        <v>0</v>
      </c>
      <c r="I5719">
        <v>0</v>
      </c>
      <c r="J5719">
        <v>100</v>
      </c>
      <c r="K5719">
        <v>0</v>
      </c>
      <c r="L5719">
        <v>0</v>
      </c>
      <c r="M5719">
        <v>8876</v>
      </c>
      <c r="N5719">
        <v>0</v>
      </c>
      <c r="O5719">
        <v>0</v>
      </c>
      <c r="P5719">
        <v>-21000</v>
      </c>
      <c r="Q5719">
        <v>0</v>
      </c>
      <c r="R5719">
        <v>76636</v>
      </c>
      <c r="S5719">
        <v>0</v>
      </c>
      <c r="T5719">
        <v>0</v>
      </c>
      <c r="U5719">
        <v>0</v>
      </c>
      <c r="V5719">
        <v>8</v>
      </c>
      <c r="W5719">
        <v>5</v>
      </c>
      <c r="X5719">
        <v>0</v>
      </c>
      <c r="Y5719">
        <v>45</v>
      </c>
      <c r="Z5719">
        <v>35</v>
      </c>
      <c r="AA5719">
        <v>101</v>
      </c>
      <c r="AB5719">
        <v>12</v>
      </c>
      <c r="AC5719">
        <v>153</v>
      </c>
      <c r="AD5719">
        <v>17</v>
      </c>
      <c r="AE5719">
        <v>66</v>
      </c>
      <c r="AF5719">
        <v>20026</v>
      </c>
      <c r="AG5719">
        <v>199907</v>
      </c>
      <c r="AH5719">
        <v>50000</v>
      </c>
      <c r="AI5719">
        <v>0</v>
      </c>
      <c r="AJ5719">
        <v>108</v>
      </c>
      <c r="AK5719" t="s">
        <v>3</v>
      </c>
      <c r="AL5719">
        <v>0</v>
      </c>
      <c r="AM5719">
        <v>0</v>
      </c>
      <c r="AN5719">
        <v>0</v>
      </c>
      <c r="AO5719">
        <v>0</v>
      </c>
      <c r="AP5719">
        <v>0</v>
      </c>
      <c r="AQ5719">
        <v>0</v>
      </c>
      <c r="AR5719">
        <v>0</v>
      </c>
      <c r="AS5719">
        <v>0</v>
      </c>
      <c r="AT5719">
        <v>0</v>
      </c>
      <c r="AU5719">
        <v>0</v>
      </c>
      <c r="AV5719">
        <v>0</v>
      </c>
      <c r="AW5719">
        <v>0</v>
      </c>
      <c r="AX5719">
        <v>130807</v>
      </c>
      <c r="AY5719">
        <v>28</v>
      </c>
      <c r="AZ5719">
        <v>98</v>
      </c>
      <c r="BA5719">
        <v>4295</v>
      </c>
    </row>
    <row r="5720" spans="1:53" x14ac:dyDescent="0.4">
      <c r="A5720">
        <v>5764</v>
      </c>
      <c r="B5720" s="1">
        <v>45003</v>
      </c>
      <c r="C5720">
        <v>4</v>
      </c>
      <c r="D5720" s="1">
        <v>45003.962500000001</v>
      </c>
      <c r="E5720" s="1">
        <v>45004.057638888888</v>
      </c>
      <c r="F5720">
        <v>156500</v>
      </c>
      <c r="G5720">
        <v>4037</v>
      </c>
      <c r="H5720">
        <v>0</v>
      </c>
      <c r="I5720">
        <v>0</v>
      </c>
      <c r="J5720">
        <v>0</v>
      </c>
      <c r="K5720">
        <v>0</v>
      </c>
      <c r="L5720">
        <v>0</v>
      </c>
      <c r="M5720">
        <v>14594</v>
      </c>
      <c r="N5720">
        <v>0</v>
      </c>
      <c r="O5720">
        <v>0</v>
      </c>
      <c r="P5720">
        <v>0</v>
      </c>
      <c r="Q5720">
        <v>0</v>
      </c>
      <c r="R5720">
        <v>160537</v>
      </c>
      <c r="S5720">
        <v>0</v>
      </c>
      <c r="T5720">
        <v>0</v>
      </c>
      <c r="U5720">
        <v>0</v>
      </c>
      <c r="V5720">
        <v>21</v>
      </c>
      <c r="W5720">
        <v>7</v>
      </c>
      <c r="X5720">
        <v>0</v>
      </c>
      <c r="Y5720">
        <v>64</v>
      </c>
      <c r="Z5720">
        <v>36</v>
      </c>
      <c r="AA5720">
        <v>109</v>
      </c>
      <c r="AB5720">
        <v>16</v>
      </c>
      <c r="AC5720">
        <v>156</v>
      </c>
      <c r="AD5720">
        <v>19</v>
      </c>
      <c r="AE5720">
        <v>63</v>
      </c>
      <c r="AF5720">
        <v>20026</v>
      </c>
      <c r="AG5720">
        <v>360444</v>
      </c>
      <c r="AH5720">
        <v>50000</v>
      </c>
      <c r="AI5720">
        <v>0</v>
      </c>
      <c r="AJ5720">
        <v>95</v>
      </c>
      <c r="AK5720" t="s">
        <v>21</v>
      </c>
      <c r="AL5720">
        <v>0</v>
      </c>
      <c r="AM5720">
        <v>0</v>
      </c>
      <c r="AN5720">
        <v>0</v>
      </c>
      <c r="AO5720">
        <v>0</v>
      </c>
      <c r="AP5720">
        <v>0</v>
      </c>
      <c r="AQ5720">
        <v>0</v>
      </c>
      <c r="AR5720">
        <v>0</v>
      </c>
      <c r="AS5720">
        <v>0</v>
      </c>
      <c r="AT5720">
        <v>0</v>
      </c>
      <c r="AU5720">
        <v>0</v>
      </c>
      <c r="AV5720">
        <v>0</v>
      </c>
      <c r="AW5720">
        <v>0</v>
      </c>
      <c r="AX5720">
        <v>29043</v>
      </c>
      <c r="AY5720">
        <v>1</v>
      </c>
      <c r="AZ5720">
        <v>7</v>
      </c>
      <c r="BA5720">
        <v>672</v>
      </c>
    </row>
    <row r="5721" spans="1:53" x14ac:dyDescent="0.4">
      <c r="A5721">
        <v>5765</v>
      </c>
      <c r="B5721" s="1">
        <v>45004</v>
      </c>
      <c r="C5721">
        <v>1</v>
      </c>
      <c r="D5721" s="1">
        <v>45004.291666666664</v>
      </c>
      <c r="E5721" s="1">
        <v>45004.406944444447</v>
      </c>
      <c r="F5721">
        <v>0</v>
      </c>
      <c r="G5721">
        <v>0</v>
      </c>
      <c r="H5721">
        <v>0</v>
      </c>
      <c r="I5721">
        <v>0</v>
      </c>
      <c r="J5721">
        <v>0</v>
      </c>
      <c r="K5721">
        <v>0</v>
      </c>
      <c r="L5721">
        <v>0</v>
      </c>
      <c r="M5721">
        <v>0</v>
      </c>
      <c r="N5721">
        <v>0</v>
      </c>
      <c r="O5721">
        <v>0</v>
      </c>
      <c r="P5721">
        <v>0</v>
      </c>
      <c r="Q5721">
        <v>0</v>
      </c>
      <c r="R5721">
        <v>0</v>
      </c>
      <c r="S5721">
        <v>0</v>
      </c>
      <c r="T5721">
        <v>0</v>
      </c>
      <c r="U5721">
        <v>0</v>
      </c>
      <c r="V5721">
        <v>0</v>
      </c>
      <c r="W5721">
        <v>1</v>
      </c>
      <c r="X5721">
        <v>0</v>
      </c>
      <c r="Y5721">
        <v>25</v>
      </c>
      <c r="Z5721">
        <v>15</v>
      </c>
      <c r="AA5721">
        <v>105</v>
      </c>
      <c r="AB5721">
        <v>17</v>
      </c>
      <c r="AC5721">
        <v>100</v>
      </c>
      <c r="AD5721">
        <v>17</v>
      </c>
      <c r="AE5721">
        <v>65</v>
      </c>
      <c r="AF5721">
        <v>0</v>
      </c>
      <c r="AG5721">
        <v>50000</v>
      </c>
      <c r="AH5721">
        <v>50000</v>
      </c>
      <c r="AI5721">
        <v>0</v>
      </c>
      <c r="AJ5721">
        <v>0</v>
      </c>
      <c r="AK5721" t="s">
        <v>6</v>
      </c>
      <c r="AL5721">
        <v>0</v>
      </c>
      <c r="AM5721">
        <v>0</v>
      </c>
      <c r="AN5721">
        <v>0</v>
      </c>
      <c r="AO5721">
        <v>0</v>
      </c>
      <c r="AP5721">
        <v>0</v>
      </c>
      <c r="AQ5721">
        <v>0</v>
      </c>
      <c r="AR5721">
        <v>0</v>
      </c>
      <c r="AS5721">
        <v>0</v>
      </c>
      <c r="AT5721">
        <v>0</v>
      </c>
      <c r="AU5721">
        <v>0</v>
      </c>
      <c r="AV5721">
        <v>0</v>
      </c>
      <c r="AW5721">
        <v>0</v>
      </c>
      <c r="AX5721">
        <v>0</v>
      </c>
      <c r="AY5721">
        <v>0</v>
      </c>
      <c r="AZ5721">
        <v>0</v>
      </c>
      <c r="BA5721">
        <v>0</v>
      </c>
    </row>
    <row r="5722" spans="1:53" x14ac:dyDescent="0.4">
      <c r="A5722">
        <v>5766</v>
      </c>
      <c r="B5722" s="1">
        <v>45004</v>
      </c>
      <c r="C5722">
        <v>2</v>
      </c>
      <c r="D5722" s="1">
        <v>45004.406944444447</v>
      </c>
      <c r="E5722" s="1">
        <v>45004.746527777781</v>
      </c>
      <c r="F5722">
        <v>50660</v>
      </c>
      <c r="G5722">
        <v>3516</v>
      </c>
      <c r="H5722">
        <v>0</v>
      </c>
      <c r="I5722">
        <v>0</v>
      </c>
      <c r="J5722">
        <v>700</v>
      </c>
      <c r="K5722">
        <v>800</v>
      </c>
      <c r="L5722">
        <v>0</v>
      </c>
      <c r="M5722">
        <v>4933</v>
      </c>
      <c r="N5722">
        <v>0</v>
      </c>
      <c r="O5722">
        <v>0</v>
      </c>
      <c r="P5722">
        <v>20965</v>
      </c>
      <c r="Q5722">
        <v>0</v>
      </c>
      <c r="R5722">
        <v>75241</v>
      </c>
      <c r="S5722">
        <v>0</v>
      </c>
      <c r="T5722">
        <v>0</v>
      </c>
      <c r="U5722">
        <v>0</v>
      </c>
      <c r="V5722">
        <v>2</v>
      </c>
      <c r="W5722">
        <v>1</v>
      </c>
      <c r="X5722">
        <v>0</v>
      </c>
      <c r="Y5722">
        <v>66</v>
      </c>
      <c r="Z5722">
        <v>26</v>
      </c>
      <c r="AA5722">
        <v>137</v>
      </c>
      <c r="AB5722">
        <v>11</v>
      </c>
      <c r="AC5722">
        <v>123</v>
      </c>
      <c r="AD5722">
        <v>17</v>
      </c>
      <c r="AE5722">
        <v>66</v>
      </c>
      <c r="AF5722">
        <v>5610</v>
      </c>
      <c r="AG5722">
        <v>125241</v>
      </c>
      <c r="AH5722">
        <v>50000</v>
      </c>
      <c r="AI5722">
        <v>0</v>
      </c>
      <c r="AJ5722">
        <v>118</v>
      </c>
      <c r="AK5722" t="s">
        <v>59</v>
      </c>
      <c r="AL5722">
        <v>0</v>
      </c>
      <c r="AM5722">
        <v>0</v>
      </c>
      <c r="AN5722">
        <v>0</v>
      </c>
      <c r="AO5722">
        <v>0</v>
      </c>
      <c r="AP5722">
        <v>0</v>
      </c>
      <c r="AQ5722">
        <v>0</v>
      </c>
      <c r="AR5722">
        <v>0</v>
      </c>
      <c r="AS5722">
        <v>0</v>
      </c>
      <c r="AT5722">
        <v>0</v>
      </c>
      <c r="AU5722">
        <v>0</v>
      </c>
      <c r="AV5722">
        <v>0</v>
      </c>
      <c r="AW5722">
        <v>0</v>
      </c>
      <c r="AX5722">
        <v>-667</v>
      </c>
      <c r="AY5722">
        <v>55</v>
      </c>
      <c r="AZ5722">
        <v>113</v>
      </c>
      <c r="BA5722">
        <v>8384</v>
      </c>
    </row>
    <row r="5723" spans="1:53" x14ac:dyDescent="0.4">
      <c r="A5723">
        <v>5767</v>
      </c>
      <c r="B5723" s="1">
        <v>45004</v>
      </c>
      <c r="C5723">
        <v>3</v>
      </c>
      <c r="D5723" s="1">
        <v>45004.746527777781</v>
      </c>
      <c r="E5723" s="1">
        <v>45004.960416666669</v>
      </c>
      <c r="F5723">
        <v>38110</v>
      </c>
      <c r="G5723">
        <v>6048</v>
      </c>
      <c r="H5723">
        <v>0</v>
      </c>
      <c r="I5723">
        <v>0</v>
      </c>
      <c r="J5723">
        <v>0</v>
      </c>
      <c r="K5723">
        <v>1320</v>
      </c>
      <c r="L5723">
        <v>0</v>
      </c>
      <c r="M5723">
        <v>4131</v>
      </c>
      <c r="N5723">
        <v>0</v>
      </c>
      <c r="O5723">
        <v>0</v>
      </c>
      <c r="P5723">
        <v>-20965</v>
      </c>
      <c r="Q5723">
        <v>0</v>
      </c>
      <c r="R5723">
        <v>24513</v>
      </c>
      <c r="S5723">
        <v>0</v>
      </c>
      <c r="T5723">
        <v>0</v>
      </c>
      <c r="U5723">
        <v>0</v>
      </c>
      <c r="V5723">
        <v>4</v>
      </c>
      <c r="W5723">
        <v>0</v>
      </c>
      <c r="X5723">
        <v>0</v>
      </c>
      <c r="Y5723">
        <v>76</v>
      </c>
      <c r="Z5723">
        <v>25</v>
      </c>
      <c r="AA5723">
        <v>128</v>
      </c>
      <c r="AB5723">
        <v>10</v>
      </c>
      <c r="AC5723">
        <v>119</v>
      </c>
      <c r="AD5723">
        <v>18</v>
      </c>
      <c r="AE5723">
        <v>68</v>
      </c>
      <c r="AF5723">
        <v>6606</v>
      </c>
      <c r="AG5723">
        <v>149754</v>
      </c>
      <c r="AH5723">
        <v>50000</v>
      </c>
      <c r="AI5723">
        <v>0</v>
      </c>
      <c r="AJ5723">
        <v>108</v>
      </c>
      <c r="AK5723" t="s">
        <v>3</v>
      </c>
      <c r="AL5723">
        <v>0</v>
      </c>
      <c r="AM5723">
        <v>0</v>
      </c>
      <c r="AN5723">
        <v>0</v>
      </c>
      <c r="AO5723">
        <v>0</v>
      </c>
      <c r="AP5723">
        <v>0</v>
      </c>
      <c r="AQ5723">
        <v>0</v>
      </c>
      <c r="AR5723">
        <v>0</v>
      </c>
      <c r="AS5723">
        <v>0</v>
      </c>
      <c r="AT5723">
        <v>0</v>
      </c>
      <c r="AU5723">
        <v>0</v>
      </c>
      <c r="AV5723">
        <v>0</v>
      </c>
      <c r="AW5723">
        <v>0</v>
      </c>
      <c r="AX5723">
        <v>3454</v>
      </c>
      <c r="AY5723">
        <v>11</v>
      </c>
      <c r="AZ5723">
        <v>20</v>
      </c>
      <c r="BA5723">
        <v>2546</v>
      </c>
    </row>
    <row r="5724" spans="1:53" x14ac:dyDescent="0.4">
      <c r="A5724">
        <v>5768</v>
      </c>
      <c r="B5724" s="1">
        <v>45005</v>
      </c>
      <c r="C5724">
        <v>1</v>
      </c>
      <c r="D5724" s="1">
        <v>45005.291666666664</v>
      </c>
      <c r="E5724" s="1">
        <v>45005.447222222225</v>
      </c>
      <c r="F5724">
        <v>0</v>
      </c>
      <c r="G5724">
        <v>0</v>
      </c>
      <c r="H5724">
        <v>0</v>
      </c>
      <c r="I5724">
        <v>0</v>
      </c>
      <c r="J5724">
        <v>0</v>
      </c>
      <c r="K5724">
        <v>0</v>
      </c>
      <c r="L5724">
        <v>0</v>
      </c>
      <c r="M5724">
        <v>0</v>
      </c>
      <c r="N5724">
        <v>0</v>
      </c>
      <c r="O5724">
        <v>0</v>
      </c>
      <c r="P5724">
        <v>0</v>
      </c>
      <c r="Q5724">
        <v>0</v>
      </c>
      <c r="R5724">
        <v>0</v>
      </c>
      <c r="S5724">
        <v>0</v>
      </c>
      <c r="T5724">
        <v>0</v>
      </c>
      <c r="U5724">
        <v>0</v>
      </c>
      <c r="V5724">
        <v>0</v>
      </c>
      <c r="W5724">
        <v>1</v>
      </c>
      <c r="X5724">
        <v>0</v>
      </c>
      <c r="Y5724">
        <v>25</v>
      </c>
      <c r="Z5724">
        <v>11</v>
      </c>
      <c r="AA5724">
        <v>126</v>
      </c>
      <c r="AB5724">
        <v>13</v>
      </c>
      <c r="AC5724">
        <v>109</v>
      </c>
      <c r="AD5724">
        <v>18</v>
      </c>
      <c r="AE5724">
        <v>70</v>
      </c>
      <c r="AF5724">
        <v>0</v>
      </c>
      <c r="AG5724">
        <v>50000</v>
      </c>
      <c r="AH5724">
        <v>50000</v>
      </c>
      <c r="AI5724">
        <v>0</v>
      </c>
      <c r="AJ5724">
        <v>0</v>
      </c>
      <c r="AK5724" t="s">
        <v>6</v>
      </c>
      <c r="AL5724">
        <v>0</v>
      </c>
      <c r="AM5724">
        <v>0</v>
      </c>
      <c r="AN5724">
        <v>0</v>
      </c>
      <c r="AO5724">
        <v>0</v>
      </c>
      <c r="AP5724">
        <v>0</v>
      </c>
      <c r="AQ5724">
        <v>0</v>
      </c>
      <c r="AR5724">
        <v>0</v>
      </c>
      <c r="AS5724">
        <v>0</v>
      </c>
      <c r="AT5724">
        <v>0</v>
      </c>
      <c r="AU5724">
        <v>0</v>
      </c>
      <c r="AV5724">
        <v>0</v>
      </c>
      <c r="AW5724">
        <v>0</v>
      </c>
      <c r="AX5724">
        <v>0</v>
      </c>
      <c r="AY5724">
        <v>0</v>
      </c>
      <c r="AZ5724">
        <v>0</v>
      </c>
      <c r="BA5724">
        <v>0</v>
      </c>
    </row>
    <row r="5725" spans="1:53" x14ac:dyDescent="0.4">
      <c r="A5725">
        <v>5769</v>
      </c>
      <c r="B5725" s="1">
        <v>45005</v>
      </c>
      <c r="C5725">
        <v>2</v>
      </c>
      <c r="D5725" s="1">
        <v>45005.447222222225</v>
      </c>
      <c r="E5725" s="1">
        <v>45005.789583333331</v>
      </c>
      <c r="F5725">
        <v>53980</v>
      </c>
      <c r="G5725">
        <v>4216</v>
      </c>
      <c r="H5725">
        <v>0</v>
      </c>
      <c r="I5725">
        <v>0</v>
      </c>
      <c r="J5725">
        <v>0</v>
      </c>
      <c r="K5725">
        <v>0</v>
      </c>
      <c r="L5725">
        <v>0</v>
      </c>
      <c r="M5725">
        <v>5291</v>
      </c>
      <c r="N5725">
        <v>0</v>
      </c>
      <c r="O5725">
        <v>0</v>
      </c>
      <c r="P5725">
        <v>13690</v>
      </c>
      <c r="Q5725">
        <v>0</v>
      </c>
      <c r="R5725">
        <v>71886</v>
      </c>
      <c r="S5725">
        <v>0</v>
      </c>
      <c r="T5725">
        <v>0</v>
      </c>
      <c r="U5725">
        <v>0</v>
      </c>
      <c r="V5725">
        <v>3</v>
      </c>
      <c r="W5725">
        <v>1</v>
      </c>
      <c r="X5725">
        <v>0</v>
      </c>
      <c r="Y5725">
        <v>47</v>
      </c>
      <c r="Z5725">
        <v>22</v>
      </c>
      <c r="AA5725">
        <v>149</v>
      </c>
      <c r="AB5725">
        <v>9</v>
      </c>
      <c r="AC5725">
        <v>144</v>
      </c>
      <c r="AD5725">
        <v>17</v>
      </c>
      <c r="AE5725">
        <v>72</v>
      </c>
      <c r="AF5725">
        <v>11839</v>
      </c>
      <c r="AG5725">
        <v>121786</v>
      </c>
      <c r="AH5725">
        <v>50000</v>
      </c>
      <c r="AI5725">
        <v>-100</v>
      </c>
      <c r="AJ5725">
        <v>110</v>
      </c>
      <c r="AK5725" t="s">
        <v>31</v>
      </c>
      <c r="AL5725">
        <v>0</v>
      </c>
      <c r="AM5725">
        <v>0</v>
      </c>
      <c r="AN5725">
        <v>0</v>
      </c>
      <c r="AO5725">
        <v>0</v>
      </c>
      <c r="AP5725">
        <v>0</v>
      </c>
      <c r="AQ5725">
        <v>0</v>
      </c>
      <c r="AR5725">
        <v>0</v>
      </c>
      <c r="AS5725">
        <v>0</v>
      </c>
      <c r="AT5725">
        <v>0</v>
      </c>
      <c r="AU5725">
        <v>0</v>
      </c>
      <c r="AV5725">
        <v>0</v>
      </c>
      <c r="AW5725">
        <v>0</v>
      </c>
      <c r="AX5725">
        <v>660</v>
      </c>
      <c r="AY5725">
        <v>44</v>
      </c>
      <c r="AZ5725">
        <v>103</v>
      </c>
      <c r="BA5725">
        <v>8027</v>
      </c>
    </row>
    <row r="5726" spans="1:53" x14ac:dyDescent="0.4">
      <c r="A5726">
        <v>5770</v>
      </c>
      <c r="B5726" s="1">
        <v>45005</v>
      </c>
      <c r="C5726">
        <v>3</v>
      </c>
      <c r="D5726" s="1">
        <v>45005.789583333331</v>
      </c>
      <c r="E5726" s="1">
        <v>45005.95208333333</v>
      </c>
      <c r="F5726">
        <v>39180</v>
      </c>
      <c r="G5726">
        <v>352</v>
      </c>
      <c r="H5726">
        <v>0</v>
      </c>
      <c r="I5726">
        <v>0</v>
      </c>
      <c r="J5726">
        <v>200</v>
      </c>
      <c r="K5726">
        <v>0</v>
      </c>
      <c r="L5726">
        <v>0</v>
      </c>
      <c r="M5726">
        <v>3577</v>
      </c>
      <c r="N5726">
        <v>0</v>
      </c>
      <c r="O5726">
        <v>0</v>
      </c>
      <c r="P5726">
        <v>15470</v>
      </c>
      <c r="Q5726">
        <v>0</v>
      </c>
      <c r="R5726">
        <v>54802</v>
      </c>
      <c r="S5726">
        <v>0</v>
      </c>
      <c r="T5726">
        <v>0</v>
      </c>
      <c r="U5726">
        <v>0</v>
      </c>
      <c r="V5726">
        <v>5</v>
      </c>
      <c r="W5726">
        <v>2</v>
      </c>
      <c r="X5726">
        <v>0</v>
      </c>
      <c r="Y5726">
        <v>61</v>
      </c>
      <c r="Z5726">
        <v>22</v>
      </c>
      <c r="AA5726">
        <v>165</v>
      </c>
      <c r="AB5726">
        <v>11</v>
      </c>
      <c r="AC5726">
        <v>148</v>
      </c>
      <c r="AD5726">
        <v>17</v>
      </c>
      <c r="AE5726">
        <v>74</v>
      </c>
      <c r="AF5726">
        <v>25999</v>
      </c>
      <c r="AG5726">
        <v>176688</v>
      </c>
      <c r="AH5726">
        <v>50000</v>
      </c>
      <c r="AI5726">
        <v>0</v>
      </c>
      <c r="AJ5726">
        <v>95</v>
      </c>
      <c r="AK5726" t="s">
        <v>21</v>
      </c>
      <c r="AL5726">
        <v>0</v>
      </c>
      <c r="AM5726">
        <v>0</v>
      </c>
      <c r="AN5726">
        <v>0</v>
      </c>
      <c r="AO5726">
        <v>0</v>
      </c>
      <c r="AP5726">
        <v>0</v>
      </c>
      <c r="AQ5726">
        <v>0</v>
      </c>
      <c r="AR5726">
        <v>0</v>
      </c>
      <c r="AS5726">
        <v>0</v>
      </c>
      <c r="AT5726">
        <v>0</v>
      </c>
      <c r="AU5726">
        <v>0</v>
      </c>
      <c r="AV5726">
        <v>0</v>
      </c>
      <c r="AW5726">
        <v>0</v>
      </c>
      <c r="AX5726">
        <v>39254</v>
      </c>
      <c r="AY5726">
        <v>21</v>
      </c>
      <c r="AZ5726">
        <v>70</v>
      </c>
      <c r="BA5726">
        <v>2687</v>
      </c>
    </row>
    <row r="5727" spans="1:53" x14ac:dyDescent="0.4">
      <c r="A5727">
        <v>5771</v>
      </c>
      <c r="B5727" s="1">
        <v>45006</v>
      </c>
      <c r="C5727">
        <v>1</v>
      </c>
      <c r="D5727" s="1">
        <v>45006.291666666664</v>
      </c>
      <c r="E5727" s="1">
        <v>45006.404861111114</v>
      </c>
      <c r="F5727">
        <v>0</v>
      </c>
      <c r="G5727">
        <v>0</v>
      </c>
      <c r="H5727">
        <v>0</v>
      </c>
      <c r="I5727">
        <v>0</v>
      </c>
      <c r="J5727">
        <v>0</v>
      </c>
      <c r="K5727">
        <v>0</v>
      </c>
      <c r="L5727">
        <v>0</v>
      </c>
      <c r="M5727">
        <v>0</v>
      </c>
      <c r="N5727">
        <v>0</v>
      </c>
      <c r="O5727">
        <v>0</v>
      </c>
      <c r="P5727">
        <v>0</v>
      </c>
      <c r="Q5727">
        <v>0</v>
      </c>
      <c r="R5727">
        <v>0</v>
      </c>
      <c r="S5727">
        <v>0</v>
      </c>
      <c r="T5727">
        <v>0</v>
      </c>
      <c r="U5727">
        <v>0</v>
      </c>
      <c r="V5727">
        <v>0</v>
      </c>
      <c r="W5727">
        <v>1</v>
      </c>
      <c r="X5727">
        <v>0</v>
      </c>
      <c r="Y5727">
        <v>27</v>
      </c>
      <c r="Z5727">
        <v>12</v>
      </c>
      <c r="AA5727">
        <v>98</v>
      </c>
      <c r="AB5727">
        <v>14</v>
      </c>
      <c r="AC5727">
        <v>135</v>
      </c>
      <c r="AD5727">
        <v>15</v>
      </c>
      <c r="AE5727">
        <v>75</v>
      </c>
      <c r="AF5727">
        <v>0</v>
      </c>
      <c r="AG5727">
        <v>50000</v>
      </c>
      <c r="AH5727">
        <v>50000</v>
      </c>
      <c r="AI5727">
        <v>0</v>
      </c>
      <c r="AJ5727">
        <v>0</v>
      </c>
      <c r="AK5727" t="s">
        <v>6</v>
      </c>
      <c r="AL5727">
        <v>0</v>
      </c>
      <c r="AM5727">
        <v>0</v>
      </c>
      <c r="AN5727">
        <v>0</v>
      </c>
      <c r="AO5727">
        <v>0</v>
      </c>
      <c r="AP5727">
        <v>0</v>
      </c>
      <c r="AQ5727">
        <v>0</v>
      </c>
      <c r="AR5727">
        <v>0</v>
      </c>
      <c r="AS5727">
        <v>0</v>
      </c>
      <c r="AT5727">
        <v>0</v>
      </c>
      <c r="AU5727">
        <v>0</v>
      </c>
      <c r="AV5727">
        <v>0</v>
      </c>
      <c r="AW5727">
        <v>0</v>
      </c>
      <c r="AX5727">
        <v>0</v>
      </c>
      <c r="AY5727">
        <v>0</v>
      </c>
      <c r="AZ5727">
        <v>0</v>
      </c>
      <c r="BA5727">
        <v>0</v>
      </c>
    </row>
    <row r="5728" spans="1:53" x14ac:dyDescent="0.4">
      <c r="A5728">
        <v>5772</v>
      </c>
      <c r="B5728" s="1">
        <v>45006</v>
      </c>
      <c r="C5728">
        <v>2</v>
      </c>
      <c r="D5728" s="1">
        <v>45006.404861111114</v>
      </c>
      <c r="E5728" s="1">
        <v>45006.762499999997</v>
      </c>
      <c r="F5728">
        <v>59620</v>
      </c>
      <c r="G5728">
        <v>7734</v>
      </c>
      <c r="H5728">
        <v>0</v>
      </c>
      <c r="I5728">
        <v>0</v>
      </c>
      <c r="J5728">
        <v>100</v>
      </c>
      <c r="K5728">
        <v>0</v>
      </c>
      <c r="L5728">
        <v>0</v>
      </c>
      <c r="M5728">
        <v>6111</v>
      </c>
      <c r="N5728">
        <v>0</v>
      </c>
      <c r="O5728">
        <v>0</v>
      </c>
      <c r="P5728">
        <v>22540</v>
      </c>
      <c r="Q5728">
        <v>0</v>
      </c>
      <c r="R5728">
        <v>89794</v>
      </c>
      <c r="S5728">
        <v>0</v>
      </c>
      <c r="T5728">
        <v>0</v>
      </c>
      <c r="U5728">
        <v>0</v>
      </c>
      <c r="V5728">
        <v>3</v>
      </c>
      <c r="W5728">
        <v>2</v>
      </c>
      <c r="X5728">
        <v>0</v>
      </c>
      <c r="Y5728">
        <v>71</v>
      </c>
      <c r="Z5728">
        <v>35</v>
      </c>
      <c r="AA5728">
        <v>72</v>
      </c>
      <c r="AB5728">
        <v>6</v>
      </c>
      <c r="AC5728">
        <v>145</v>
      </c>
      <c r="AD5728">
        <v>14</v>
      </c>
      <c r="AE5728">
        <v>74</v>
      </c>
      <c r="AF5728">
        <v>2200</v>
      </c>
      <c r="AG5728">
        <v>139794</v>
      </c>
      <c r="AH5728">
        <v>50000</v>
      </c>
      <c r="AI5728">
        <v>0</v>
      </c>
      <c r="AJ5728">
        <v>110</v>
      </c>
      <c r="AK5728" t="s">
        <v>31</v>
      </c>
      <c r="AL5728">
        <v>0</v>
      </c>
      <c r="AM5728">
        <v>0</v>
      </c>
      <c r="AN5728">
        <v>0</v>
      </c>
      <c r="AO5728">
        <v>0</v>
      </c>
      <c r="AP5728">
        <v>0</v>
      </c>
      <c r="AQ5728">
        <v>0</v>
      </c>
      <c r="AR5728">
        <v>0</v>
      </c>
      <c r="AS5728">
        <v>0</v>
      </c>
      <c r="AT5728">
        <v>0</v>
      </c>
      <c r="AU5728">
        <v>0</v>
      </c>
      <c r="AV5728">
        <v>0</v>
      </c>
      <c r="AW5728">
        <v>0</v>
      </c>
      <c r="AX5728">
        <v>406</v>
      </c>
      <c r="AY5728">
        <v>52</v>
      </c>
      <c r="AZ5728">
        <v>129</v>
      </c>
      <c r="BA5728">
        <v>8149</v>
      </c>
    </row>
    <row r="5729" spans="1:53" x14ac:dyDescent="0.4">
      <c r="A5729">
        <v>5773</v>
      </c>
      <c r="B5729" s="1">
        <v>45006</v>
      </c>
      <c r="C5729">
        <v>3</v>
      </c>
      <c r="D5729" s="1">
        <v>45006.762499999997</v>
      </c>
      <c r="E5729" s="1">
        <v>45006.9375</v>
      </c>
      <c r="F5729">
        <v>28950</v>
      </c>
      <c r="G5729">
        <v>5720</v>
      </c>
      <c r="H5729">
        <v>0</v>
      </c>
      <c r="I5729">
        <v>0</v>
      </c>
      <c r="J5729">
        <v>200</v>
      </c>
      <c r="K5729">
        <v>0</v>
      </c>
      <c r="L5729">
        <v>0</v>
      </c>
      <c r="M5729">
        <v>3134</v>
      </c>
      <c r="N5729">
        <v>0</v>
      </c>
      <c r="O5729">
        <v>0</v>
      </c>
      <c r="P5729">
        <v>-14890</v>
      </c>
      <c r="Q5729">
        <v>0</v>
      </c>
      <c r="R5729">
        <v>19580</v>
      </c>
      <c r="S5729">
        <v>0</v>
      </c>
      <c r="T5729">
        <v>0</v>
      </c>
      <c r="U5729">
        <v>0</v>
      </c>
      <c r="V5729">
        <v>3</v>
      </c>
      <c r="W5729">
        <v>3</v>
      </c>
      <c r="X5729">
        <v>0</v>
      </c>
      <c r="Y5729">
        <v>83</v>
      </c>
      <c r="Z5729">
        <v>33</v>
      </c>
      <c r="AA5729">
        <v>60</v>
      </c>
      <c r="AB5729">
        <v>5</v>
      </c>
      <c r="AC5729">
        <v>150</v>
      </c>
      <c r="AD5729">
        <v>13</v>
      </c>
      <c r="AE5729">
        <v>69</v>
      </c>
      <c r="AF5729">
        <v>6990</v>
      </c>
      <c r="AG5729">
        <v>159374</v>
      </c>
      <c r="AH5729">
        <v>50000</v>
      </c>
      <c r="AI5729">
        <v>0</v>
      </c>
      <c r="AJ5729">
        <v>110</v>
      </c>
      <c r="AK5729" t="s">
        <v>31</v>
      </c>
      <c r="AL5729">
        <v>0</v>
      </c>
      <c r="AM5729">
        <v>0</v>
      </c>
      <c r="AN5729">
        <v>0</v>
      </c>
      <c r="AO5729">
        <v>0</v>
      </c>
      <c r="AP5729">
        <v>0</v>
      </c>
      <c r="AQ5729">
        <v>0</v>
      </c>
      <c r="AR5729">
        <v>0</v>
      </c>
      <c r="AS5729">
        <v>0</v>
      </c>
      <c r="AT5729">
        <v>0</v>
      </c>
      <c r="AU5729">
        <v>0</v>
      </c>
      <c r="AV5729">
        <v>0</v>
      </c>
      <c r="AW5729">
        <v>0</v>
      </c>
      <c r="AX5729">
        <v>17870</v>
      </c>
      <c r="AY5729">
        <v>8</v>
      </c>
      <c r="AZ5729">
        <v>28</v>
      </c>
      <c r="BA5729">
        <v>1952</v>
      </c>
    </row>
    <row r="5730" spans="1:53" x14ac:dyDescent="0.4">
      <c r="A5730">
        <v>5774</v>
      </c>
      <c r="B5730" s="1">
        <v>45007</v>
      </c>
      <c r="C5730">
        <v>1</v>
      </c>
      <c r="D5730" s="1">
        <v>45007.291666666664</v>
      </c>
      <c r="E5730" s="1">
        <v>45007.443055555559</v>
      </c>
      <c r="F5730">
        <v>0</v>
      </c>
      <c r="G5730">
        <v>0</v>
      </c>
      <c r="H5730">
        <v>0</v>
      </c>
      <c r="I5730">
        <v>0</v>
      </c>
      <c r="J5730">
        <v>0</v>
      </c>
      <c r="K5730">
        <v>0</v>
      </c>
      <c r="L5730">
        <v>0</v>
      </c>
      <c r="M5730">
        <v>0</v>
      </c>
      <c r="N5730">
        <v>0</v>
      </c>
      <c r="O5730">
        <v>0</v>
      </c>
      <c r="P5730">
        <v>0</v>
      </c>
      <c r="Q5730">
        <v>0</v>
      </c>
      <c r="R5730">
        <v>0</v>
      </c>
      <c r="S5730">
        <v>0</v>
      </c>
      <c r="T5730">
        <v>0</v>
      </c>
      <c r="U5730">
        <v>0</v>
      </c>
      <c r="V5730">
        <v>0</v>
      </c>
      <c r="W5730">
        <v>1</v>
      </c>
      <c r="X5730">
        <v>0</v>
      </c>
      <c r="Y5730">
        <v>29</v>
      </c>
      <c r="Z5730">
        <v>14</v>
      </c>
      <c r="AA5730">
        <v>71</v>
      </c>
      <c r="AB5730">
        <v>5</v>
      </c>
      <c r="AC5730">
        <v>151</v>
      </c>
      <c r="AD5730">
        <v>14</v>
      </c>
      <c r="AE5730">
        <v>70</v>
      </c>
      <c r="AF5730">
        <v>0</v>
      </c>
      <c r="AG5730">
        <v>50000</v>
      </c>
      <c r="AH5730">
        <v>50000</v>
      </c>
      <c r="AI5730">
        <v>0</v>
      </c>
      <c r="AJ5730">
        <v>0</v>
      </c>
      <c r="AK5730" t="s">
        <v>6</v>
      </c>
      <c r="AL5730">
        <v>0</v>
      </c>
      <c r="AM5730">
        <v>0</v>
      </c>
      <c r="AN5730">
        <v>0</v>
      </c>
      <c r="AO5730">
        <v>0</v>
      </c>
      <c r="AP5730">
        <v>0</v>
      </c>
      <c r="AQ5730">
        <v>0</v>
      </c>
      <c r="AR5730">
        <v>0</v>
      </c>
      <c r="AS5730">
        <v>0</v>
      </c>
      <c r="AT5730">
        <v>0</v>
      </c>
      <c r="AU5730">
        <v>0</v>
      </c>
      <c r="AV5730">
        <v>0</v>
      </c>
      <c r="AW5730">
        <v>0</v>
      </c>
      <c r="AX5730">
        <v>0</v>
      </c>
      <c r="AY5730">
        <v>0</v>
      </c>
      <c r="AZ5730">
        <v>0</v>
      </c>
      <c r="BA5730">
        <v>0</v>
      </c>
    </row>
    <row r="5731" spans="1:53" x14ac:dyDescent="0.4">
      <c r="A5731">
        <v>5775</v>
      </c>
      <c r="B5731" s="1">
        <v>45007</v>
      </c>
      <c r="C5731">
        <v>2</v>
      </c>
      <c r="D5731" s="1">
        <v>45007.443055555559</v>
      </c>
      <c r="E5731" s="1">
        <v>45007.728472222225</v>
      </c>
      <c r="F5731">
        <v>35410</v>
      </c>
      <c r="G5731">
        <v>440</v>
      </c>
      <c r="H5731">
        <v>0</v>
      </c>
      <c r="I5731">
        <v>0</v>
      </c>
      <c r="J5731">
        <v>100</v>
      </c>
      <c r="K5731">
        <v>0</v>
      </c>
      <c r="L5731">
        <v>0</v>
      </c>
      <c r="M5731">
        <v>3248</v>
      </c>
      <c r="N5731">
        <v>0</v>
      </c>
      <c r="O5731">
        <v>0</v>
      </c>
      <c r="P5731">
        <v>18430</v>
      </c>
      <c r="Q5731">
        <v>0</v>
      </c>
      <c r="R5731">
        <v>54180</v>
      </c>
      <c r="S5731">
        <v>0</v>
      </c>
      <c r="T5731">
        <v>0</v>
      </c>
      <c r="U5731">
        <v>0</v>
      </c>
      <c r="V5731">
        <v>0</v>
      </c>
      <c r="W5731">
        <v>4</v>
      </c>
      <c r="X5731">
        <v>0</v>
      </c>
      <c r="Y5731">
        <v>69</v>
      </c>
      <c r="Z5731">
        <v>14</v>
      </c>
      <c r="AA5731">
        <v>35</v>
      </c>
      <c r="AB5731">
        <v>9</v>
      </c>
      <c r="AC5731">
        <v>183</v>
      </c>
      <c r="AD5731">
        <v>14</v>
      </c>
      <c r="AE5731">
        <v>70</v>
      </c>
      <c r="AF5731">
        <v>2260</v>
      </c>
      <c r="AG5731">
        <v>104180</v>
      </c>
      <c r="AH5731">
        <v>50000</v>
      </c>
      <c r="AI5731">
        <v>0</v>
      </c>
      <c r="AJ5731">
        <v>29</v>
      </c>
      <c r="AK5731" t="s">
        <v>62</v>
      </c>
      <c r="AL5731">
        <v>0</v>
      </c>
      <c r="AM5731">
        <v>0</v>
      </c>
      <c r="AN5731">
        <v>0</v>
      </c>
      <c r="AO5731">
        <v>0</v>
      </c>
      <c r="AP5731">
        <v>0</v>
      </c>
      <c r="AQ5731">
        <v>0</v>
      </c>
      <c r="AR5731">
        <v>0</v>
      </c>
      <c r="AS5731">
        <v>0</v>
      </c>
      <c r="AT5731">
        <v>0</v>
      </c>
      <c r="AU5731">
        <v>0</v>
      </c>
      <c r="AV5731">
        <v>0</v>
      </c>
      <c r="AW5731">
        <v>0</v>
      </c>
      <c r="AX5731">
        <v>2376</v>
      </c>
      <c r="AY5731">
        <v>42</v>
      </c>
      <c r="AZ5731">
        <v>86</v>
      </c>
      <c r="BA5731">
        <v>6245</v>
      </c>
    </row>
    <row r="5732" spans="1:53" x14ac:dyDescent="0.4">
      <c r="A5732">
        <v>5776</v>
      </c>
      <c r="B5732" s="1">
        <v>45007</v>
      </c>
      <c r="C5732">
        <v>3</v>
      </c>
      <c r="D5732" s="1">
        <v>45007.728472222225</v>
      </c>
      <c r="E5732" s="1">
        <v>45007.960416666669</v>
      </c>
      <c r="F5732">
        <v>38440</v>
      </c>
      <c r="G5732">
        <v>4730</v>
      </c>
      <c r="H5732">
        <v>0</v>
      </c>
      <c r="I5732">
        <v>0</v>
      </c>
      <c r="J5732">
        <v>0</v>
      </c>
      <c r="K5732">
        <v>0</v>
      </c>
      <c r="L5732">
        <v>0</v>
      </c>
      <c r="M5732">
        <v>3924</v>
      </c>
      <c r="N5732">
        <v>0</v>
      </c>
      <c r="O5732">
        <v>0</v>
      </c>
      <c r="P5732">
        <v>-15640</v>
      </c>
      <c r="Q5732">
        <v>0</v>
      </c>
      <c r="R5732">
        <v>27530</v>
      </c>
      <c r="S5732">
        <v>0</v>
      </c>
      <c r="T5732">
        <v>0</v>
      </c>
      <c r="U5732">
        <v>0</v>
      </c>
      <c r="V5732">
        <v>2</v>
      </c>
      <c r="W5732">
        <v>2</v>
      </c>
      <c r="X5732">
        <v>0</v>
      </c>
      <c r="Y5732">
        <v>83</v>
      </c>
      <c r="Z5732">
        <v>15</v>
      </c>
      <c r="AA5732">
        <v>37</v>
      </c>
      <c r="AB5732">
        <v>12</v>
      </c>
      <c r="AC5732">
        <v>173</v>
      </c>
      <c r="AD5732">
        <v>12</v>
      </c>
      <c r="AE5732">
        <v>70</v>
      </c>
      <c r="AF5732">
        <v>5050</v>
      </c>
      <c r="AG5732">
        <v>131710</v>
      </c>
      <c r="AH5732">
        <v>50000</v>
      </c>
      <c r="AI5732">
        <v>0</v>
      </c>
      <c r="AJ5732">
        <v>110</v>
      </c>
      <c r="AK5732" t="s">
        <v>31</v>
      </c>
      <c r="AL5732">
        <v>0</v>
      </c>
      <c r="AM5732">
        <v>0</v>
      </c>
      <c r="AN5732">
        <v>0</v>
      </c>
      <c r="AO5732">
        <v>0</v>
      </c>
      <c r="AP5732">
        <v>0</v>
      </c>
      <c r="AQ5732">
        <v>0</v>
      </c>
      <c r="AR5732">
        <v>0</v>
      </c>
      <c r="AS5732">
        <v>0</v>
      </c>
      <c r="AT5732">
        <v>0</v>
      </c>
      <c r="AU5732">
        <v>0</v>
      </c>
      <c r="AV5732">
        <v>0</v>
      </c>
      <c r="AW5732">
        <v>0</v>
      </c>
      <c r="AX5732">
        <v>3960</v>
      </c>
      <c r="AY5732">
        <v>11</v>
      </c>
      <c r="AZ5732">
        <v>25</v>
      </c>
      <c r="BA5732">
        <v>2484</v>
      </c>
    </row>
    <row r="5733" spans="1:53" x14ac:dyDescent="0.4">
      <c r="A5733">
        <v>5777</v>
      </c>
      <c r="B5733" s="1">
        <v>45007</v>
      </c>
      <c r="C5733">
        <v>4</v>
      </c>
      <c r="D5733" s="1">
        <v>45007.960416666669</v>
      </c>
      <c r="E5733" s="1">
        <v>45008.094444444447</v>
      </c>
      <c r="F5733">
        <v>8070</v>
      </c>
      <c r="G5733">
        <v>0</v>
      </c>
      <c r="H5733">
        <v>220</v>
      </c>
      <c r="I5733">
        <v>0</v>
      </c>
      <c r="J5733">
        <v>0</v>
      </c>
      <c r="K5733">
        <v>0</v>
      </c>
      <c r="L5733">
        <v>0</v>
      </c>
      <c r="M5733">
        <v>754</v>
      </c>
      <c r="N5733">
        <v>0</v>
      </c>
      <c r="O5733">
        <v>0</v>
      </c>
      <c r="P5733">
        <v>3210</v>
      </c>
      <c r="Q5733">
        <v>0</v>
      </c>
      <c r="R5733">
        <v>11500</v>
      </c>
      <c r="S5733">
        <v>0</v>
      </c>
      <c r="T5733">
        <v>0</v>
      </c>
      <c r="U5733">
        <v>0</v>
      </c>
      <c r="V5733">
        <v>2</v>
      </c>
      <c r="W5733">
        <v>4</v>
      </c>
      <c r="X5733">
        <v>0</v>
      </c>
      <c r="Y5733">
        <v>85</v>
      </c>
      <c r="Z5733">
        <v>14</v>
      </c>
      <c r="AA5733">
        <v>36</v>
      </c>
      <c r="AB5733">
        <v>12</v>
      </c>
      <c r="AC5733">
        <v>182</v>
      </c>
      <c r="AD5733">
        <v>13</v>
      </c>
      <c r="AE5733">
        <v>75</v>
      </c>
      <c r="AF5733">
        <v>5050</v>
      </c>
      <c r="AG5733">
        <v>143210</v>
      </c>
      <c r="AH5733">
        <v>50000</v>
      </c>
      <c r="AI5733">
        <v>0</v>
      </c>
      <c r="AJ5733">
        <v>108</v>
      </c>
      <c r="AK5733" t="s">
        <v>3</v>
      </c>
      <c r="AL5733">
        <v>0</v>
      </c>
      <c r="AM5733">
        <v>0</v>
      </c>
      <c r="AN5733">
        <v>0</v>
      </c>
      <c r="AO5733">
        <v>0</v>
      </c>
      <c r="AP5733">
        <v>0</v>
      </c>
      <c r="AQ5733">
        <v>0</v>
      </c>
      <c r="AR5733">
        <v>0</v>
      </c>
      <c r="AS5733">
        <v>0</v>
      </c>
      <c r="AT5733">
        <v>0</v>
      </c>
      <c r="AU5733">
        <v>0</v>
      </c>
      <c r="AV5733">
        <v>0</v>
      </c>
      <c r="AW5733">
        <v>0</v>
      </c>
      <c r="AX5733">
        <v>2640</v>
      </c>
      <c r="AY5733">
        <v>3</v>
      </c>
      <c r="AZ5733">
        <v>6</v>
      </c>
      <c r="BA5733">
        <v>510</v>
      </c>
    </row>
    <row r="5734" spans="1:53" x14ac:dyDescent="0.4">
      <c r="A5734">
        <v>5778</v>
      </c>
      <c r="B5734" s="1">
        <v>45008</v>
      </c>
      <c r="C5734">
        <v>1</v>
      </c>
      <c r="D5734" s="1">
        <v>45008.291666666664</v>
      </c>
      <c r="E5734" s="1">
        <v>45008.445833333331</v>
      </c>
      <c r="F5734">
        <v>0</v>
      </c>
      <c r="G5734">
        <v>0</v>
      </c>
      <c r="H5734">
        <v>0</v>
      </c>
      <c r="I5734">
        <v>0</v>
      </c>
      <c r="J5734">
        <v>0</v>
      </c>
      <c r="K5734">
        <v>0</v>
      </c>
      <c r="L5734">
        <v>0</v>
      </c>
      <c r="M5734">
        <v>0</v>
      </c>
      <c r="N5734">
        <v>0</v>
      </c>
      <c r="O5734">
        <v>0</v>
      </c>
      <c r="P5734">
        <v>0</v>
      </c>
      <c r="Q5734">
        <v>0</v>
      </c>
      <c r="R5734">
        <v>0</v>
      </c>
      <c r="S5734">
        <v>0</v>
      </c>
      <c r="T5734">
        <v>0</v>
      </c>
      <c r="U5734">
        <v>0</v>
      </c>
      <c r="V5734">
        <v>0</v>
      </c>
      <c r="W5734">
        <v>2</v>
      </c>
      <c r="X5734">
        <v>0</v>
      </c>
      <c r="Y5734">
        <v>28</v>
      </c>
      <c r="Z5734">
        <v>12</v>
      </c>
      <c r="AA5734">
        <v>43</v>
      </c>
      <c r="AB5734">
        <v>12</v>
      </c>
      <c r="AC5734">
        <v>96</v>
      </c>
      <c r="AD5734">
        <v>13</v>
      </c>
      <c r="AE5734">
        <v>75</v>
      </c>
      <c r="AF5734">
        <v>0</v>
      </c>
      <c r="AG5734">
        <v>50000</v>
      </c>
      <c r="AH5734">
        <v>50000</v>
      </c>
      <c r="AI5734">
        <v>0</v>
      </c>
      <c r="AJ5734">
        <v>0</v>
      </c>
      <c r="AK5734" t="s">
        <v>6</v>
      </c>
      <c r="AL5734">
        <v>0</v>
      </c>
      <c r="AM5734">
        <v>0</v>
      </c>
      <c r="AN5734">
        <v>0</v>
      </c>
      <c r="AO5734">
        <v>0</v>
      </c>
      <c r="AP5734">
        <v>0</v>
      </c>
      <c r="AQ5734">
        <v>0</v>
      </c>
      <c r="AR5734">
        <v>0</v>
      </c>
      <c r="AS5734">
        <v>0</v>
      </c>
      <c r="AT5734">
        <v>0</v>
      </c>
      <c r="AU5734">
        <v>0</v>
      </c>
      <c r="AV5734">
        <v>0</v>
      </c>
      <c r="AW5734">
        <v>0</v>
      </c>
      <c r="AX5734">
        <v>0</v>
      </c>
      <c r="AY5734">
        <v>0</v>
      </c>
      <c r="AZ5734">
        <v>0</v>
      </c>
      <c r="BA5734">
        <v>0</v>
      </c>
    </row>
    <row r="5735" spans="1:53" x14ac:dyDescent="0.4">
      <c r="A5735">
        <v>5779</v>
      </c>
      <c r="B5735" s="1">
        <v>45008</v>
      </c>
      <c r="C5735">
        <v>2</v>
      </c>
      <c r="D5735" s="1">
        <v>45008.445833333331</v>
      </c>
      <c r="E5735" s="1">
        <v>45008.751388888886</v>
      </c>
      <c r="F5735">
        <v>35490</v>
      </c>
      <c r="G5735">
        <v>4766</v>
      </c>
      <c r="H5735">
        <v>0</v>
      </c>
      <c r="I5735">
        <v>0</v>
      </c>
      <c r="J5735">
        <v>170</v>
      </c>
      <c r="K5735">
        <v>0</v>
      </c>
      <c r="L5735">
        <v>0</v>
      </c>
      <c r="M5735">
        <v>3639</v>
      </c>
      <c r="N5735">
        <v>0</v>
      </c>
      <c r="O5735">
        <v>0</v>
      </c>
      <c r="P5735">
        <v>13450</v>
      </c>
      <c r="Q5735">
        <v>0</v>
      </c>
      <c r="R5735">
        <v>53536</v>
      </c>
      <c r="S5735">
        <v>0</v>
      </c>
      <c r="T5735">
        <v>0</v>
      </c>
      <c r="U5735">
        <v>0</v>
      </c>
      <c r="V5735">
        <v>5</v>
      </c>
      <c r="W5735">
        <v>0</v>
      </c>
      <c r="X5735">
        <v>0</v>
      </c>
      <c r="Y5735">
        <v>37</v>
      </c>
      <c r="Z5735">
        <v>14</v>
      </c>
      <c r="AA5735">
        <v>20</v>
      </c>
      <c r="AB5735">
        <v>21</v>
      </c>
      <c r="AC5735">
        <v>115</v>
      </c>
      <c r="AD5735">
        <v>13</v>
      </c>
      <c r="AE5735">
        <v>71</v>
      </c>
      <c r="AF5735">
        <v>4200</v>
      </c>
      <c r="AG5735">
        <v>102536</v>
      </c>
      <c r="AH5735">
        <v>50000</v>
      </c>
      <c r="AI5735">
        <v>-1000</v>
      </c>
      <c r="AJ5735">
        <v>119</v>
      </c>
      <c r="AK5735" t="s">
        <v>56</v>
      </c>
      <c r="AL5735">
        <v>0</v>
      </c>
      <c r="AM5735">
        <v>0</v>
      </c>
      <c r="AN5735">
        <v>0</v>
      </c>
      <c r="AO5735">
        <v>0</v>
      </c>
      <c r="AP5735">
        <v>0</v>
      </c>
      <c r="AQ5735">
        <v>0</v>
      </c>
      <c r="AR5735">
        <v>0</v>
      </c>
      <c r="AS5735">
        <v>0</v>
      </c>
      <c r="AT5735">
        <v>0</v>
      </c>
      <c r="AU5735">
        <v>0</v>
      </c>
      <c r="AV5735">
        <v>0</v>
      </c>
      <c r="AW5735">
        <v>0</v>
      </c>
      <c r="AX5735">
        <v>1042</v>
      </c>
      <c r="AY5735">
        <v>42</v>
      </c>
      <c r="AZ5735">
        <v>77</v>
      </c>
      <c r="BA5735">
        <v>7084</v>
      </c>
    </row>
    <row r="5736" spans="1:53" x14ac:dyDescent="0.4">
      <c r="A5736">
        <v>5780</v>
      </c>
      <c r="B5736" s="1">
        <v>45009</v>
      </c>
      <c r="C5736">
        <v>1</v>
      </c>
      <c r="D5736" s="1">
        <v>45009.291666666664</v>
      </c>
      <c r="E5736" s="1">
        <v>45009.405555555553</v>
      </c>
      <c r="F5736">
        <v>0</v>
      </c>
      <c r="G5736">
        <v>0</v>
      </c>
      <c r="H5736">
        <v>0</v>
      </c>
      <c r="I5736">
        <v>0</v>
      </c>
      <c r="J5736">
        <v>0</v>
      </c>
      <c r="K5736">
        <v>0</v>
      </c>
      <c r="L5736">
        <v>0</v>
      </c>
      <c r="M5736">
        <v>0</v>
      </c>
      <c r="N5736">
        <v>0</v>
      </c>
      <c r="O5736">
        <v>0</v>
      </c>
      <c r="P5736">
        <v>0</v>
      </c>
      <c r="Q5736">
        <v>0</v>
      </c>
      <c r="R5736">
        <v>0</v>
      </c>
      <c r="S5736">
        <v>0</v>
      </c>
      <c r="T5736">
        <v>0</v>
      </c>
      <c r="U5736">
        <v>0</v>
      </c>
      <c r="V5736">
        <v>0</v>
      </c>
      <c r="W5736">
        <v>2</v>
      </c>
      <c r="X5736">
        <v>0</v>
      </c>
      <c r="Y5736">
        <v>26</v>
      </c>
      <c r="Z5736">
        <v>13</v>
      </c>
      <c r="AA5736">
        <v>55</v>
      </c>
      <c r="AB5736">
        <v>19</v>
      </c>
      <c r="AC5736">
        <v>93</v>
      </c>
      <c r="AD5736">
        <v>12</v>
      </c>
      <c r="AE5736">
        <v>60</v>
      </c>
      <c r="AF5736">
        <v>0</v>
      </c>
      <c r="AG5736">
        <v>50000</v>
      </c>
      <c r="AH5736">
        <v>50000</v>
      </c>
      <c r="AI5736">
        <v>0</v>
      </c>
      <c r="AJ5736">
        <v>0</v>
      </c>
      <c r="AK5736" t="s">
        <v>6</v>
      </c>
      <c r="AL5736">
        <v>0</v>
      </c>
      <c r="AM5736">
        <v>0</v>
      </c>
      <c r="AN5736">
        <v>0</v>
      </c>
      <c r="AO5736">
        <v>0</v>
      </c>
      <c r="AP5736">
        <v>0</v>
      </c>
      <c r="AQ5736">
        <v>0</v>
      </c>
      <c r="AR5736">
        <v>0</v>
      </c>
      <c r="AS5736">
        <v>0</v>
      </c>
      <c r="AT5736">
        <v>0</v>
      </c>
      <c r="AU5736">
        <v>0</v>
      </c>
      <c r="AV5736">
        <v>0</v>
      </c>
      <c r="AW5736">
        <v>0</v>
      </c>
      <c r="AX5736">
        <v>0</v>
      </c>
      <c r="AY5736">
        <v>0</v>
      </c>
      <c r="AZ5736">
        <v>0</v>
      </c>
      <c r="BA5736">
        <v>0</v>
      </c>
    </row>
    <row r="5737" spans="1:53" x14ac:dyDescent="0.4">
      <c r="A5737">
        <v>5781</v>
      </c>
      <c r="B5737" s="1">
        <v>45009</v>
      </c>
      <c r="C5737">
        <v>2</v>
      </c>
      <c r="D5737" s="1">
        <v>45009.405555555553</v>
      </c>
      <c r="E5737" s="1">
        <v>45009.743055555555</v>
      </c>
      <c r="F5737">
        <v>44330</v>
      </c>
      <c r="G5737">
        <v>1914</v>
      </c>
      <c r="H5737">
        <v>0</v>
      </c>
      <c r="I5737">
        <v>0</v>
      </c>
      <c r="J5737">
        <v>0</v>
      </c>
      <c r="K5737">
        <v>1000</v>
      </c>
      <c r="L5737">
        <v>0</v>
      </c>
      <c r="M5737">
        <v>4294</v>
      </c>
      <c r="N5737">
        <v>0</v>
      </c>
      <c r="O5737">
        <v>0</v>
      </c>
      <c r="P5737">
        <v>25410</v>
      </c>
      <c r="Q5737">
        <v>0</v>
      </c>
      <c r="R5737">
        <v>72654</v>
      </c>
      <c r="S5737">
        <v>0</v>
      </c>
      <c r="T5737">
        <v>0</v>
      </c>
      <c r="U5737">
        <v>0</v>
      </c>
      <c r="V5737">
        <v>2</v>
      </c>
      <c r="W5737">
        <v>4</v>
      </c>
      <c r="X5737">
        <v>0</v>
      </c>
      <c r="Y5737">
        <v>63</v>
      </c>
      <c r="Z5737">
        <v>23</v>
      </c>
      <c r="AA5737">
        <v>49</v>
      </c>
      <c r="AB5737">
        <v>17</v>
      </c>
      <c r="AC5737">
        <v>109</v>
      </c>
      <c r="AD5737">
        <v>11</v>
      </c>
      <c r="AE5737">
        <v>59</v>
      </c>
      <c r="AF5737">
        <v>1200</v>
      </c>
      <c r="AG5737">
        <v>122654</v>
      </c>
      <c r="AH5737">
        <v>50000</v>
      </c>
      <c r="AI5737">
        <v>0</v>
      </c>
      <c r="AJ5737">
        <v>118</v>
      </c>
      <c r="AK5737" t="s">
        <v>59</v>
      </c>
      <c r="AL5737">
        <v>0</v>
      </c>
      <c r="AM5737">
        <v>0</v>
      </c>
      <c r="AN5737">
        <v>0</v>
      </c>
      <c r="AO5737">
        <v>0</v>
      </c>
      <c r="AP5737">
        <v>0</v>
      </c>
      <c r="AQ5737">
        <v>0</v>
      </c>
      <c r="AR5737">
        <v>0</v>
      </c>
      <c r="AS5737">
        <v>0</v>
      </c>
      <c r="AT5737">
        <v>0</v>
      </c>
      <c r="AU5737">
        <v>0</v>
      </c>
      <c r="AV5737">
        <v>0</v>
      </c>
      <c r="AW5737">
        <v>0</v>
      </c>
      <c r="AX5737">
        <v>2800</v>
      </c>
      <c r="AY5737">
        <v>46</v>
      </c>
      <c r="AZ5737">
        <v>112</v>
      </c>
      <c r="BA5737">
        <v>6874</v>
      </c>
    </row>
    <row r="5738" spans="1:53" x14ac:dyDescent="0.4">
      <c r="A5738">
        <v>5782</v>
      </c>
      <c r="B5738" s="1">
        <v>45010</v>
      </c>
      <c r="C5738">
        <v>1</v>
      </c>
      <c r="D5738" s="1">
        <v>45010.291666666664</v>
      </c>
      <c r="E5738" s="1">
        <v>45010.404861111114</v>
      </c>
      <c r="F5738">
        <v>0</v>
      </c>
      <c r="G5738">
        <v>0</v>
      </c>
      <c r="H5738">
        <v>0</v>
      </c>
      <c r="I5738">
        <v>0</v>
      </c>
      <c r="J5738">
        <v>0</v>
      </c>
      <c r="K5738">
        <v>0</v>
      </c>
      <c r="L5738">
        <v>0</v>
      </c>
      <c r="M5738">
        <v>0</v>
      </c>
      <c r="N5738">
        <v>0</v>
      </c>
      <c r="O5738">
        <v>0</v>
      </c>
      <c r="P5738">
        <v>0</v>
      </c>
      <c r="Q5738">
        <v>0</v>
      </c>
      <c r="R5738">
        <v>0</v>
      </c>
      <c r="S5738">
        <v>0</v>
      </c>
      <c r="T5738">
        <v>0</v>
      </c>
      <c r="U5738">
        <v>0</v>
      </c>
      <c r="V5738">
        <v>0</v>
      </c>
      <c r="W5738">
        <v>2</v>
      </c>
      <c r="X5738">
        <v>0</v>
      </c>
      <c r="Y5738">
        <v>25</v>
      </c>
      <c r="Z5738">
        <v>21</v>
      </c>
      <c r="AA5738">
        <v>27</v>
      </c>
      <c r="AB5738">
        <v>14</v>
      </c>
      <c r="AC5738">
        <v>100</v>
      </c>
      <c r="AD5738">
        <v>9</v>
      </c>
      <c r="AE5738">
        <v>55</v>
      </c>
      <c r="AF5738">
        <v>0</v>
      </c>
      <c r="AG5738">
        <v>50000</v>
      </c>
      <c r="AH5738">
        <v>50000</v>
      </c>
      <c r="AI5738">
        <v>0</v>
      </c>
      <c r="AJ5738">
        <v>0</v>
      </c>
      <c r="AK5738" t="s">
        <v>6</v>
      </c>
      <c r="AL5738">
        <v>0</v>
      </c>
      <c r="AM5738">
        <v>0</v>
      </c>
      <c r="AN5738">
        <v>0</v>
      </c>
      <c r="AO5738">
        <v>0</v>
      </c>
      <c r="AP5738">
        <v>0</v>
      </c>
      <c r="AQ5738">
        <v>0</v>
      </c>
      <c r="AR5738">
        <v>0</v>
      </c>
      <c r="AS5738">
        <v>0</v>
      </c>
      <c r="AT5738">
        <v>0</v>
      </c>
      <c r="AU5738">
        <v>0</v>
      </c>
      <c r="AV5738">
        <v>0</v>
      </c>
      <c r="AW5738">
        <v>0</v>
      </c>
      <c r="AX5738">
        <v>0</v>
      </c>
      <c r="AY5738">
        <v>0</v>
      </c>
      <c r="AZ5738">
        <v>0</v>
      </c>
      <c r="BA5738">
        <v>0</v>
      </c>
    </row>
    <row r="5739" spans="1:53" x14ac:dyDescent="0.4">
      <c r="A5739">
        <v>5783</v>
      </c>
      <c r="B5739" s="1">
        <v>45010</v>
      </c>
      <c r="C5739">
        <v>2</v>
      </c>
      <c r="D5739" s="1">
        <v>45010.404861111114</v>
      </c>
      <c r="E5739" s="1">
        <v>45010.748611111114</v>
      </c>
      <c r="F5739">
        <v>37280</v>
      </c>
      <c r="G5739">
        <v>3534</v>
      </c>
      <c r="H5739">
        <v>0</v>
      </c>
      <c r="I5739">
        <v>0</v>
      </c>
      <c r="J5739">
        <v>100</v>
      </c>
      <c r="K5739">
        <v>0</v>
      </c>
      <c r="L5739">
        <v>0</v>
      </c>
      <c r="M5739">
        <v>3699</v>
      </c>
      <c r="N5739">
        <v>0</v>
      </c>
      <c r="O5739">
        <v>0</v>
      </c>
      <c r="P5739">
        <v>24040</v>
      </c>
      <c r="Q5739">
        <v>0</v>
      </c>
      <c r="R5739">
        <v>64754</v>
      </c>
      <c r="S5739">
        <v>0</v>
      </c>
      <c r="T5739">
        <v>0</v>
      </c>
      <c r="U5739">
        <v>0</v>
      </c>
      <c r="V5739">
        <v>3</v>
      </c>
      <c r="W5739">
        <v>2</v>
      </c>
      <c r="X5739">
        <v>0</v>
      </c>
      <c r="Y5739">
        <v>37</v>
      </c>
      <c r="Z5739">
        <v>30</v>
      </c>
      <c r="AA5739">
        <v>117</v>
      </c>
      <c r="AB5739">
        <v>18</v>
      </c>
      <c r="AC5739">
        <v>127</v>
      </c>
      <c r="AD5739">
        <v>8</v>
      </c>
      <c r="AE5739">
        <v>48</v>
      </c>
      <c r="AF5739">
        <v>8796</v>
      </c>
      <c r="AG5739">
        <v>114754</v>
      </c>
      <c r="AH5739">
        <v>50000</v>
      </c>
      <c r="AI5739">
        <v>0</v>
      </c>
      <c r="AJ5739">
        <v>118</v>
      </c>
      <c r="AK5739" t="s">
        <v>59</v>
      </c>
      <c r="AL5739">
        <v>0</v>
      </c>
      <c r="AM5739">
        <v>0</v>
      </c>
      <c r="AN5739">
        <v>0</v>
      </c>
      <c r="AO5739">
        <v>0</v>
      </c>
      <c r="AP5739">
        <v>0</v>
      </c>
      <c r="AQ5739">
        <v>0</v>
      </c>
      <c r="AR5739">
        <v>0</v>
      </c>
      <c r="AS5739">
        <v>0</v>
      </c>
      <c r="AT5739">
        <v>0</v>
      </c>
      <c r="AU5739">
        <v>0</v>
      </c>
      <c r="AV5739">
        <v>0</v>
      </c>
      <c r="AW5739">
        <v>0</v>
      </c>
      <c r="AX5739">
        <v>0</v>
      </c>
      <c r="AY5739">
        <v>50</v>
      </c>
      <c r="AZ5739">
        <v>99</v>
      </c>
      <c r="BA5739">
        <v>7562</v>
      </c>
    </row>
    <row r="5740" spans="1:53" x14ac:dyDescent="0.4">
      <c r="A5740">
        <v>5784</v>
      </c>
      <c r="B5740" s="1">
        <v>45011</v>
      </c>
      <c r="C5740">
        <v>1</v>
      </c>
      <c r="D5740" s="1">
        <v>45011.291666666664</v>
      </c>
      <c r="E5740" s="1">
        <v>45011.404861111114</v>
      </c>
      <c r="F5740">
        <v>0</v>
      </c>
      <c r="G5740">
        <v>0</v>
      </c>
      <c r="H5740">
        <v>0</v>
      </c>
      <c r="I5740">
        <v>0</v>
      </c>
      <c r="J5740">
        <v>0</v>
      </c>
      <c r="K5740">
        <v>0</v>
      </c>
      <c r="L5740">
        <v>0</v>
      </c>
      <c r="M5740">
        <v>0</v>
      </c>
      <c r="N5740">
        <v>0</v>
      </c>
      <c r="O5740">
        <v>0</v>
      </c>
      <c r="P5740">
        <v>0</v>
      </c>
      <c r="Q5740">
        <v>0</v>
      </c>
      <c r="R5740">
        <v>0</v>
      </c>
      <c r="S5740">
        <v>0</v>
      </c>
      <c r="T5740">
        <v>0</v>
      </c>
      <c r="U5740">
        <v>0</v>
      </c>
      <c r="V5740">
        <v>0</v>
      </c>
      <c r="W5740">
        <v>1</v>
      </c>
      <c r="X5740">
        <v>0</v>
      </c>
      <c r="Y5740">
        <v>25</v>
      </c>
      <c r="Z5740">
        <v>15</v>
      </c>
      <c r="AA5740">
        <v>102</v>
      </c>
      <c r="AB5740">
        <v>20</v>
      </c>
      <c r="AC5740">
        <v>122</v>
      </c>
      <c r="AD5740">
        <v>8</v>
      </c>
      <c r="AE5740">
        <v>40</v>
      </c>
      <c r="AF5740">
        <v>0</v>
      </c>
      <c r="AG5740">
        <v>50000</v>
      </c>
      <c r="AH5740">
        <v>50000</v>
      </c>
      <c r="AI5740">
        <v>0</v>
      </c>
      <c r="AJ5740">
        <v>0</v>
      </c>
      <c r="AK5740" t="s">
        <v>6</v>
      </c>
      <c r="AL5740">
        <v>0</v>
      </c>
      <c r="AM5740">
        <v>0</v>
      </c>
      <c r="AN5740">
        <v>0</v>
      </c>
      <c r="AO5740">
        <v>0</v>
      </c>
      <c r="AP5740">
        <v>0</v>
      </c>
      <c r="AQ5740">
        <v>0</v>
      </c>
      <c r="AR5740">
        <v>0</v>
      </c>
      <c r="AS5740">
        <v>0</v>
      </c>
      <c r="AT5740">
        <v>0</v>
      </c>
      <c r="AU5740">
        <v>0</v>
      </c>
      <c r="AV5740">
        <v>0</v>
      </c>
      <c r="AW5740">
        <v>0</v>
      </c>
      <c r="AX5740">
        <v>0</v>
      </c>
      <c r="AY5740">
        <v>0</v>
      </c>
      <c r="AZ5740">
        <v>0</v>
      </c>
      <c r="BA5740">
        <v>0</v>
      </c>
    </row>
    <row r="5741" spans="1:53" x14ac:dyDescent="0.4">
      <c r="A5741">
        <v>5785</v>
      </c>
      <c r="B5741" s="1">
        <v>45011</v>
      </c>
      <c r="C5741">
        <v>2</v>
      </c>
      <c r="D5741" s="1">
        <v>45011.404861111114</v>
      </c>
      <c r="E5741" s="1">
        <v>45011.731944444444</v>
      </c>
      <c r="F5741">
        <v>41550</v>
      </c>
      <c r="G5741">
        <v>1628</v>
      </c>
      <c r="H5741">
        <v>594</v>
      </c>
      <c r="I5741">
        <v>0</v>
      </c>
      <c r="J5741">
        <v>400</v>
      </c>
      <c r="K5741">
        <v>0</v>
      </c>
      <c r="L5741">
        <v>0</v>
      </c>
      <c r="M5741">
        <v>3942</v>
      </c>
      <c r="N5741">
        <v>0</v>
      </c>
      <c r="O5741">
        <v>0</v>
      </c>
      <c r="P5741">
        <v>20520</v>
      </c>
      <c r="Q5741">
        <v>0</v>
      </c>
      <c r="R5741">
        <v>63892</v>
      </c>
      <c r="S5741">
        <v>0</v>
      </c>
      <c r="T5741">
        <v>0</v>
      </c>
      <c r="U5741">
        <v>0</v>
      </c>
      <c r="V5741">
        <v>2</v>
      </c>
      <c r="W5741">
        <v>1</v>
      </c>
      <c r="X5741">
        <v>0</v>
      </c>
      <c r="Y5741">
        <v>58</v>
      </c>
      <c r="Z5741">
        <v>23</v>
      </c>
      <c r="AA5741">
        <v>125</v>
      </c>
      <c r="AB5741">
        <v>24</v>
      </c>
      <c r="AC5741">
        <v>155</v>
      </c>
      <c r="AD5741">
        <v>10</v>
      </c>
      <c r="AE5741">
        <v>42</v>
      </c>
      <c r="AF5741">
        <v>4050</v>
      </c>
      <c r="AG5741">
        <v>113892</v>
      </c>
      <c r="AH5741">
        <v>50000</v>
      </c>
      <c r="AI5741">
        <v>0</v>
      </c>
      <c r="AJ5741">
        <v>118</v>
      </c>
      <c r="AK5741" t="s">
        <v>59</v>
      </c>
      <c r="AL5741">
        <v>0</v>
      </c>
      <c r="AM5741">
        <v>0</v>
      </c>
      <c r="AN5741">
        <v>0</v>
      </c>
      <c r="AO5741">
        <v>0</v>
      </c>
      <c r="AP5741">
        <v>0</v>
      </c>
      <c r="AQ5741">
        <v>0</v>
      </c>
      <c r="AR5741">
        <v>0</v>
      </c>
      <c r="AS5741">
        <v>0</v>
      </c>
      <c r="AT5741">
        <v>0</v>
      </c>
      <c r="AU5741">
        <v>0</v>
      </c>
      <c r="AV5741">
        <v>0</v>
      </c>
      <c r="AW5741">
        <v>0</v>
      </c>
      <c r="AX5741">
        <v>734</v>
      </c>
      <c r="AY5741">
        <v>50</v>
      </c>
      <c r="AZ5741">
        <v>98</v>
      </c>
      <c r="BA5741">
        <v>7331</v>
      </c>
    </row>
    <row r="5742" spans="1:53" x14ac:dyDescent="0.4">
      <c r="A5742">
        <v>5786</v>
      </c>
      <c r="B5742" s="1">
        <v>45011</v>
      </c>
      <c r="C5742">
        <v>3</v>
      </c>
      <c r="D5742" s="1">
        <v>45011.731944444444</v>
      </c>
      <c r="E5742" s="1">
        <v>45012.083333333336</v>
      </c>
      <c r="F5742">
        <v>104905</v>
      </c>
      <c r="G5742">
        <v>2068</v>
      </c>
      <c r="H5742">
        <v>0</v>
      </c>
      <c r="I5742">
        <v>0</v>
      </c>
      <c r="J5742">
        <v>0</v>
      </c>
      <c r="K5742">
        <v>0</v>
      </c>
      <c r="L5742">
        <v>0</v>
      </c>
      <c r="M5742">
        <v>9724</v>
      </c>
      <c r="N5742">
        <v>0</v>
      </c>
      <c r="O5742">
        <v>0</v>
      </c>
      <c r="P5742">
        <v>-6770</v>
      </c>
      <c r="Q5742">
        <v>0</v>
      </c>
      <c r="R5742">
        <v>100203</v>
      </c>
      <c r="S5742">
        <v>0</v>
      </c>
      <c r="T5742">
        <v>0</v>
      </c>
      <c r="U5742">
        <v>0</v>
      </c>
      <c r="V5742">
        <v>5</v>
      </c>
      <c r="W5742">
        <v>2</v>
      </c>
      <c r="X5742">
        <v>0</v>
      </c>
      <c r="Y5742">
        <v>80</v>
      </c>
      <c r="Z5742">
        <v>26</v>
      </c>
      <c r="AA5742">
        <v>154</v>
      </c>
      <c r="AB5742">
        <v>29</v>
      </c>
      <c r="AC5742">
        <v>168</v>
      </c>
      <c r="AD5742">
        <v>8</v>
      </c>
      <c r="AE5742">
        <v>44</v>
      </c>
      <c r="AF5742">
        <v>42481</v>
      </c>
      <c r="AG5742">
        <v>214095</v>
      </c>
      <c r="AH5742">
        <v>50000</v>
      </c>
      <c r="AI5742">
        <v>0</v>
      </c>
      <c r="AJ5742">
        <v>108</v>
      </c>
      <c r="AK5742" t="s">
        <v>3</v>
      </c>
      <c r="AL5742">
        <v>0</v>
      </c>
      <c r="AM5742">
        <v>0</v>
      </c>
      <c r="AN5742">
        <v>0</v>
      </c>
      <c r="AO5742">
        <v>0</v>
      </c>
      <c r="AP5742">
        <v>0</v>
      </c>
      <c r="AQ5742">
        <v>0</v>
      </c>
      <c r="AR5742">
        <v>0</v>
      </c>
      <c r="AS5742">
        <v>0</v>
      </c>
      <c r="AT5742">
        <v>0</v>
      </c>
      <c r="AU5742">
        <v>0</v>
      </c>
      <c r="AV5742">
        <v>0</v>
      </c>
      <c r="AW5742">
        <v>0</v>
      </c>
      <c r="AX5742">
        <v>-550</v>
      </c>
      <c r="AY5742">
        <v>28</v>
      </c>
      <c r="AZ5742">
        <v>76</v>
      </c>
      <c r="BA5742">
        <v>4750</v>
      </c>
    </row>
    <row r="5743" spans="1:53" x14ac:dyDescent="0.4">
      <c r="A5743">
        <v>5787</v>
      </c>
      <c r="B5743" s="1">
        <v>45012</v>
      </c>
      <c r="C5743">
        <v>1</v>
      </c>
      <c r="D5743" s="1">
        <v>45012.291666666664</v>
      </c>
      <c r="E5743" s="1">
        <v>45012.404861111114</v>
      </c>
      <c r="F5743">
        <v>0</v>
      </c>
      <c r="G5743">
        <v>0</v>
      </c>
      <c r="H5743">
        <v>0</v>
      </c>
      <c r="I5743">
        <v>0</v>
      </c>
      <c r="J5743">
        <v>0</v>
      </c>
      <c r="K5743">
        <v>0</v>
      </c>
      <c r="L5743">
        <v>0</v>
      </c>
      <c r="M5743">
        <v>0</v>
      </c>
      <c r="N5743">
        <v>0</v>
      </c>
      <c r="O5743">
        <v>0</v>
      </c>
      <c r="P5743">
        <v>0</v>
      </c>
      <c r="Q5743">
        <v>0</v>
      </c>
      <c r="R5743">
        <v>0</v>
      </c>
      <c r="S5743">
        <v>0</v>
      </c>
      <c r="T5743">
        <v>0</v>
      </c>
      <c r="U5743">
        <v>0</v>
      </c>
      <c r="V5743">
        <v>0</v>
      </c>
      <c r="W5743">
        <v>1</v>
      </c>
      <c r="X5743">
        <v>0</v>
      </c>
      <c r="Y5743">
        <v>25</v>
      </c>
      <c r="Z5743">
        <v>12</v>
      </c>
      <c r="AA5743">
        <v>113</v>
      </c>
      <c r="AB5743">
        <v>30</v>
      </c>
      <c r="AC5743">
        <v>112</v>
      </c>
      <c r="AD5743">
        <v>8</v>
      </c>
      <c r="AE5743">
        <v>40</v>
      </c>
      <c r="AF5743">
        <v>0</v>
      </c>
      <c r="AG5743">
        <v>50000</v>
      </c>
      <c r="AH5743">
        <v>50000</v>
      </c>
      <c r="AI5743">
        <v>0</v>
      </c>
      <c r="AJ5743">
        <v>0</v>
      </c>
      <c r="AK5743" t="s">
        <v>6</v>
      </c>
      <c r="AL5743">
        <v>0</v>
      </c>
      <c r="AM5743">
        <v>0</v>
      </c>
      <c r="AN5743">
        <v>0</v>
      </c>
      <c r="AO5743">
        <v>0</v>
      </c>
      <c r="AP5743">
        <v>0</v>
      </c>
      <c r="AQ5743">
        <v>0</v>
      </c>
      <c r="AR5743">
        <v>0</v>
      </c>
      <c r="AS5743">
        <v>0</v>
      </c>
      <c r="AT5743">
        <v>0</v>
      </c>
      <c r="AU5743">
        <v>0</v>
      </c>
      <c r="AV5743">
        <v>0</v>
      </c>
      <c r="AW5743">
        <v>0</v>
      </c>
      <c r="AX5743">
        <v>0</v>
      </c>
      <c r="AY5743">
        <v>0</v>
      </c>
      <c r="AZ5743">
        <v>0</v>
      </c>
      <c r="BA5743">
        <v>0</v>
      </c>
    </row>
    <row r="5744" spans="1:53" x14ac:dyDescent="0.4">
      <c r="A5744">
        <v>5788</v>
      </c>
      <c r="B5744" s="1">
        <v>45012</v>
      </c>
      <c r="C5744">
        <v>2</v>
      </c>
      <c r="D5744" s="1">
        <v>45012.404861111114</v>
      </c>
      <c r="E5744" s="1">
        <v>45012.743055555555</v>
      </c>
      <c r="F5744">
        <v>39120</v>
      </c>
      <c r="G5744">
        <v>3032</v>
      </c>
      <c r="H5744">
        <v>0</v>
      </c>
      <c r="I5744">
        <v>0</v>
      </c>
      <c r="J5744">
        <v>100</v>
      </c>
      <c r="K5744">
        <v>0</v>
      </c>
      <c r="L5744">
        <v>0</v>
      </c>
      <c r="M5744">
        <v>3824</v>
      </c>
      <c r="N5744">
        <v>0</v>
      </c>
      <c r="O5744">
        <v>0</v>
      </c>
      <c r="P5744">
        <v>18940</v>
      </c>
      <c r="Q5744">
        <v>0</v>
      </c>
      <c r="R5744">
        <v>60992</v>
      </c>
      <c r="S5744">
        <v>0</v>
      </c>
      <c r="T5744">
        <v>0</v>
      </c>
      <c r="U5744">
        <v>0</v>
      </c>
      <c r="V5744">
        <v>2</v>
      </c>
      <c r="W5744">
        <v>0</v>
      </c>
      <c r="X5744">
        <v>0</v>
      </c>
      <c r="Y5744">
        <v>61</v>
      </c>
      <c r="Z5744">
        <v>18</v>
      </c>
      <c r="AA5744">
        <v>108</v>
      </c>
      <c r="AB5744">
        <v>35</v>
      </c>
      <c r="AC5744">
        <v>124</v>
      </c>
      <c r="AD5744">
        <v>9</v>
      </c>
      <c r="AE5744">
        <v>47</v>
      </c>
      <c r="AF5744">
        <v>7110</v>
      </c>
      <c r="AG5744">
        <v>110992</v>
      </c>
      <c r="AH5744">
        <v>50000</v>
      </c>
      <c r="AI5744">
        <v>0</v>
      </c>
      <c r="AJ5744">
        <v>119</v>
      </c>
      <c r="AK5744" t="s">
        <v>56</v>
      </c>
      <c r="AL5744">
        <v>0</v>
      </c>
      <c r="AM5744">
        <v>0</v>
      </c>
      <c r="AN5744">
        <v>0</v>
      </c>
      <c r="AO5744">
        <v>0</v>
      </c>
      <c r="AP5744">
        <v>0</v>
      </c>
      <c r="AQ5744">
        <v>0</v>
      </c>
      <c r="AR5744">
        <v>0</v>
      </c>
      <c r="AS5744">
        <v>0</v>
      </c>
      <c r="AT5744">
        <v>0</v>
      </c>
      <c r="AU5744">
        <v>0</v>
      </c>
      <c r="AV5744">
        <v>0</v>
      </c>
      <c r="AW5744">
        <v>0</v>
      </c>
      <c r="AX5744">
        <v>1182</v>
      </c>
      <c r="AY5744">
        <v>49</v>
      </c>
      <c r="AZ5744">
        <v>93</v>
      </c>
      <c r="BA5744">
        <v>7169</v>
      </c>
    </row>
    <row r="5745" spans="1:53" x14ac:dyDescent="0.4">
      <c r="A5745">
        <v>5789</v>
      </c>
      <c r="B5745" s="1">
        <v>45012</v>
      </c>
      <c r="C5745">
        <v>3</v>
      </c>
      <c r="D5745" s="1">
        <v>45012.743055555555</v>
      </c>
      <c r="E5745" s="1">
        <v>45012.95</v>
      </c>
      <c r="F5745">
        <v>48990</v>
      </c>
      <c r="G5745">
        <v>1474</v>
      </c>
      <c r="H5745">
        <v>0</v>
      </c>
      <c r="I5745">
        <v>0</v>
      </c>
      <c r="J5745">
        <v>300</v>
      </c>
      <c r="K5745">
        <v>0</v>
      </c>
      <c r="L5745">
        <v>0</v>
      </c>
      <c r="M5745">
        <v>4558</v>
      </c>
      <c r="N5745">
        <v>0</v>
      </c>
      <c r="O5745">
        <v>0</v>
      </c>
      <c r="P5745">
        <v>9410</v>
      </c>
      <c r="Q5745">
        <v>0</v>
      </c>
      <c r="R5745">
        <v>59574</v>
      </c>
      <c r="S5745">
        <v>0</v>
      </c>
      <c r="T5745">
        <v>0</v>
      </c>
      <c r="U5745">
        <v>0</v>
      </c>
      <c r="V5745">
        <v>4</v>
      </c>
      <c r="W5745">
        <v>2</v>
      </c>
      <c r="X5745">
        <v>0</v>
      </c>
      <c r="Y5745">
        <v>56</v>
      </c>
      <c r="Z5745">
        <v>19</v>
      </c>
      <c r="AA5745">
        <v>126</v>
      </c>
      <c r="AB5745">
        <v>38</v>
      </c>
      <c r="AC5745">
        <v>150</v>
      </c>
      <c r="AD5745">
        <v>8</v>
      </c>
      <c r="AE5745">
        <v>56</v>
      </c>
      <c r="AF5745">
        <v>38970</v>
      </c>
      <c r="AG5745">
        <v>170566</v>
      </c>
      <c r="AH5745">
        <v>50000</v>
      </c>
      <c r="AI5745">
        <v>0</v>
      </c>
      <c r="AJ5745">
        <v>95</v>
      </c>
      <c r="AK5745" t="s">
        <v>21</v>
      </c>
      <c r="AL5745">
        <v>0</v>
      </c>
      <c r="AM5745">
        <v>0</v>
      </c>
      <c r="AN5745">
        <v>0</v>
      </c>
      <c r="AO5745">
        <v>0</v>
      </c>
      <c r="AP5745">
        <v>0</v>
      </c>
      <c r="AQ5745">
        <v>0</v>
      </c>
      <c r="AR5745">
        <v>0</v>
      </c>
      <c r="AS5745">
        <v>0</v>
      </c>
      <c r="AT5745">
        <v>0</v>
      </c>
      <c r="AU5745">
        <v>0</v>
      </c>
      <c r="AV5745">
        <v>0</v>
      </c>
      <c r="AW5745">
        <v>0</v>
      </c>
      <c r="AX5745">
        <v>1320</v>
      </c>
      <c r="AY5745">
        <v>18</v>
      </c>
      <c r="AZ5745">
        <v>47</v>
      </c>
      <c r="BA5745">
        <v>2892</v>
      </c>
    </row>
    <row r="5746" spans="1:53" x14ac:dyDescent="0.4">
      <c r="A5746">
        <v>5790</v>
      </c>
      <c r="B5746" s="1">
        <v>45013</v>
      </c>
      <c r="C5746">
        <v>1</v>
      </c>
      <c r="D5746" s="1">
        <v>45013.291666666664</v>
      </c>
      <c r="E5746" s="1">
        <v>45013.406944444447</v>
      </c>
      <c r="F5746">
        <v>0</v>
      </c>
      <c r="G5746">
        <v>0</v>
      </c>
      <c r="H5746">
        <v>0</v>
      </c>
      <c r="I5746">
        <v>0</v>
      </c>
      <c r="J5746">
        <v>0</v>
      </c>
      <c r="K5746">
        <v>0</v>
      </c>
      <c r="L5746">
        <v>0</v>
      </c>
      <c r="M5746">
        <v>0</v>
      </c>
      <c r="N5746">
        <v>0</v>
      </c>
      <c r="O5746">
        <v>0</v>
      </c>
      <c r="P5746">
        <v>0</v>
      </c>
      <c r="Q5746">
        <v>0</v>
      </c>
      <c r="R5746">
        <v>0</v>
      </c>
      <c r="S5746">
        <v>0</v>
      </c>
      <c r="T5746">
        <v>0</v>
      </c>
      <c r="U5746">
        <v>0</v>
      </c>
      <c r="V5746">
        <v>0</v>
      </c>
      <c r="W5746">
        <v>1</v>
      </c>
      <c r="X5746">
        <v>0</v>
      </c>
      <c r="Y5746">
        <v>22</v>
      </c>
      <c r="Z5746">
        <v>14</v>
      </c>
      <c r="AA5746">
        <v>126</v>
      </c>
      <c r="AB5746">
        <v>39</v>
      </c>
      <c r="AC5746">
        <v>136</v>
      </c>
      <c r="AD5746">
        <v>8</v>
      </c>
      <c r="AE5746">
        <v>50</v>
      </c>
      <c r="AF5746">
        <v>0</v>
      </c>
      <c r="AG5746">
        <v>50000</v>
      </c>
      <c r="AH5746">
        <v>50000</v>
      </c>
      <c r="AI5746">
        <v>0</v>
      </c>
      <c r="AJ5746">
        <v>0</v>
      </c>
      <c r="AK5746" t="s">
        <v>6</v>
      </c>
      <c r="AL5746">
        <v>0</v>
      </c>
      <c r="AM5746">
        <v>0</v>
      </c>
      <c r="AN5746">
        <v>0</v>
      </c>
      <c r="AO5746">
        <v>0</v>
      </c>
      <c r="AP5746">
        <v>0</v>
      </c>
      <c r="AQ5746">
        <v>0</v>
      </c>
      <c r="AR5746">
        <v>0</v>
      </c>
      <c r="AS5746">
        <v>0</v>
      </c>
      <c r="AT5746">
        <v>0</v>
      </c>
      <c r="AU5746">
        <v>0</v>
      </c>
      <c r="AV5746">
        <v>0</v>
      </c>
      <c r="AW5746">
        <v>0</v>
      </c>
      <c r="AX5746">
        <v>0</v>
      </c>
      <c r="AY5746">
        <v>0</v>
      </c>
      <c r="AZ5746">
        <v>0</v>
      </c>
      <c r="BA5746">
        <v>0</v>
      </c>
    </row>
    <row r="5747" spans="1:53" x14ac:dyDescent="0.4">
      <c r="A5747">
        <v>5791</v>
      </c>
      <c r="B5747" s="1">
        <v>45013</v>
      </c>
      <c r="C5747">
        <v>2</v>
      </c>
      <c r="D5747" s="1">
        <v>45013.406944444447</v>
      </c>
      <c r="E5747" s="1">
        <v>45013.741666666669</v>
      </c>
      <c r="F5747">
        <v>30530</v>
      </c>
      <c r="G5747">
        <v>1580</v>
      </c>
      <c r="H5747">
        <v>220</v>
      </c>
      <c r="I5747">
        <v>0</v>
      </c>
      <c r="J5747">
        <v>0</v>
      </c>
      <c r="K5747">
        <v>0</v>
      </c>
      <c r="L5747">
        <v>0</v>
      </c>
      <c r="M5747">
        <v>2939</v>
      </c>
      <c r="N5747">
        <v>0</v>
      </c>
      <c r="O5747">
        <v>0</v>
      </c>
      <c r="P5747">
        <v>21370</v>
      </c>
      <c r="Q5747">
        <v>0</v>
      </c>
      <c r="R5747">
        <v>53700</v>
      </c>
      <c r="S5747">
        <v>0</v>
      </c>
      <c r="T5747">
        <v>0</v>
      </c>
      <c r="U5747">
        <v>0</v>
      </c>
      <c r="V5747">
        <v>1</v>
      </c>
      <c r="W5747">
        <v>2</v>
      </c>
      <c r="X5747">
        <v>0</v>
      </c>
      <c r="Y5747">
        <v>52</v>
      </c>
      <c r="Z5747">
        <v>23</v>
      </c>
      <c r="AA5747">
        <v>154</v>
      </c>
      <c r="AB5747">
        <v>44</v>
      </c>
      <c r="AC5747">
        <v>137</v>
      </c>
      <c r="AD5747">
        <v>9</v>
      </c>
      <c r="AE5747">
        <v>55</v>
      </c>
      <c r="AF5747">
        <v>1130</v>
      </c>
      <c r="AG5747">
        <v>103700</v>
      </c>
      <c r="AH5747">
        <v>50000</v>
      </c>
      <c r="AI5747">
        <v>0</v>
      </c>
      <c r="AJ5747">
        <v>118</v>
      </c>
      <c r="AK5747" t="s">
        <v>59</v>
      </c>
      <c r="AL5747">
        <v>0</v>
      </c>
      <c r="AM5747">
        <v>0</v>
      </c>
      <c r="AN5747">
        <v>0</v>
      </c>
      <c r="AO5747">
        <v>0</v>
      </c>
      <c r="AP5747">
        <v>0</v>
      </c>
      <c r="AQ5747">
        <v>0</v>
      </c>
      <c r="AR5747">
        <v>0</v>
      </c>
      <c r="AS5747">
        <v>0</v>
      </c>
      <c r="AT5747">
        <v>0</v>
      </c>
      <c r="AU5747">
        <v>0</v>
      </c>
      <c r="AV5747">
        <v>0</v>
      </c>
      <c r="AW5747">
        <v>0</v>
      </c>
      <c r="AX5747">
        <v>-1660</v>
      </c>
      <c r="AY5747">
        <v>46</v>
      </c>
      <c r="AZ5747">
        <v>82</v>
      </c>
      <c r="BA5747">
        <v>7328</v>
      </c>
    </row>
    <row r="5748" spans="1:53" x14ac:dyDescent="0.4">
      <c r="A5748">
        <v>5792</v>
      </c>
      <c r="B5748" s="1">
        <v>45013</v>
      </c>
      <c r="C5748">
        <v>3</v>
      </c>
      <c r="D5748" s="1">
        <v>45013.741666666669</v>
      </c>
      <c r="E5748" s="1">
        <v>45013.961805555555</v>
      </c>
      <c r="F5748">
        <v>53870</v>
      </c>
      <c r="G5748">
        <v>726</v>
      </c>
      <c r="H5748">
        <v>0</v>
      </c>
      <c r="I5748">
        <v>0</v>
      </c>
      <c r="J5748">
        <v>200</v>
      </c>
      <c r="K5748">
        <v>0</v>
      </c>
      <c r="L5748">
        <v>0</v>
      </c>
      <c r="M5748">
        <v>4945</v>
      </c>
      <c r="N5748">
        <v>0</v>
      </c>
      <c r="O5748">
        <v>0</v>
      </c>
      <c r="P5748">
        <v>-7720</v>
      </c>
      <c r="Q5748">
        <v>0</v>
      </c>
      <c r="R5748">
        <v>46676</v>
      </c>
      <c r="S5748">
        <v>0</v>
      </c>
      <c r="T5748">
        <v>0</v>
      </c>
      <c r="U5748">
        <v>0</v>
      </c>
      <c r="V5748">
        <v>4</v>
      </c>
      <c r="W5748">
        <v>3</v>
      </c>
      <c r="X5748">
        <v>0</v>
      </c>
      <c r="Y5748">
        <v>52</v>
      </c>
      <c r="Z5748">
        <v>25</v>
      </c>
      <c r="AA5748">
        <v>134</v>
      </c>
      <c r="AB5748">
        <v>46</v>
      </c>
      <c r="AC5748">
        <v>144</v>
      </c>
      <c r="AD5748">
        <v>10</v>
      </c>
      <c r="AE5748">
        <v>56</v>
      </c>
      <c r="AF5748">
        <v>13630</v>
      </c>
      <c r="AG5748">
        <v>150376</v>
      </c>
      <c r="AH5748">
        <v>50000</v>
      </c>
      <c r="AI5748">
        <v>0</v>
      </c>
      <c r="AJ5748">
        <v>112</v>
      </c>
      <c r="AL5748">
        <v>0</v>
      </c>
      <c r="AM5748">
        <v>0</v>
      </c>
      <c r="AN5748">
        <v>0</v>
      </c>
      <c r="AO5748">
        <v>0</v>
      </c>
      <c r="AP5748">
        <v>0</v>
      </c>
      <c r="AQ5748">
        <v>0</v>
      </c>
      <c r="AR5748">
        <v>0</v>
      </c>
      <c r="AS5748">
        <v>0</v>
      </c>
      <c r="AT5748">
        <v>0</v>
      </c>
      <c r="AU5748">
        <v>0</v>
      </c>
      <c r="AV5748">
        <v>0</v>
      </c>
      <c r="AW5748">
        <v>0</v>
      </c>
      <c r="AX5748">
        <v>26420</v>
      </c>
      <c r="AY5748">
        <v>19</v>
      </c>
      <c r="AZ5748">
        <v>53</v>
      </c>
      <c r="BA5748">
        <v>3371</v>
      </c>
    </row>
    <row r="5749" spans="1:53" x14ac:dyDescent="0.4">
      <c r="A5749">
        <v>5793</v>
      </c>
      <c r="B5749" s="1">
        <v>45013</v>
      </c>
      <c r="C5749">
        <v>4</v>
      </c>
      <c r="D5749" s="1">
        <v>45013.961805555555</v>
      </c>
      <c r="E5749" s="1">
        <v>45014.04791666667</v>
      </c>
      <c r="F5749">
        <v>37410</v>
      </c>
      <c r="G5749">
        <v>3010</v>
      </c>
      <c r="H5749">
        <v>0</v>
      </c>
      <c r="I5749">
        <v>0</v>
      </c>
      <c r="J5749">
        <v>0</v>
      </c>
      <c r="K5749">
        <v>0</v>
      </c>
      <c r="L5749">
        <v>0</v>
      </c>
      <c r="M5749">
        <v>3675</v>
      </c>
      <c r="N5749">
        <v>0</v>
      </c>
      <c r="O5749">
        <v>0</v>
      </c>
      <c r="P5749">
        <v>-780</v>
      </c>
      <c r="Q5749">
        <v>0</v>
      </c>
      <c r="R5749">
        <v>39640</v>
      </c>
      <c r="S5749">
        <v>0</v>
      </c>
      <c r="T5749">
        <v>0</v>
      </c>
      <c r="U5749">
        <v>0</v>
      </c>
      <c r="V5749">
        <v>8</v>
      </c>
      <c r="W5749">
        <v>3</v>
      </c>
      <c r="X5749">
        <v>0</v>
      </c>
      <c r="Y5749">
        <v>51</v>
      </c>
      <c r="Z5749">
        <v>25</v>
      </c>
      <c r="AA5749">
        <v>141</v>
      </c>
      <c r="AB5749">
        <v>45</v>
      </c>
      <c r="AC5749">
        <v>143</v>
      </c>
      <c r="AD5749">
        <v>9</v>
      </c>
      <c r="AE5749">
        <v>61</v>
      </c>
      <c r="AF5749">
        <v>13630</v>
      </c>
      <c r="AG5749">
        <v>190016</v>
      </c>
      <c r="AH5749">
        <v>50000</v>
      </c>
      <c r="AI5749">
        <v>0</v>
      </c>
      <c r="AJ5749">
        <v>108</v>
      </c>
      <c r="AK5749" t="s">
        <v>3</v>
      </c>
      <c r="AL5749">
        <v>0</v>
      </c>
      <c r="AM5749">
        <v>0</v>
      </c>
      <c r="AN5749">
        <v>0</v>
      </c>
      <c r="AO5749">
        <v>0</v>
      </c>
      <c r="AP5749">
        <v>0</v>
      </c>
      <c r="AQ5749">
        <v>0</v>
      </c>
      <c r="AR5749">
        <v>0</v>
      </c>
      <c r="AS5749">
        <v>0</v>
      </c>
      <c r="AT5749">
        <v>0</v>
      </c>
      <c r="AU5749">
        <v>0</v>
      </c>
      <c r="AV5749">
        <v>0</v>
      </c>
      <c r="AW5749">
        <v>0</v>
      </c>
      <c r="AX5749">
        <v>7794</v>
      </c>
      <c r="AY5749">
        <v>2</v>
      </c>
      <c r="AZ5749">
        <v>9</v>
      </c>
      <c r="BA5749">
        <v>521</v>
      </c>
    </row>
    <row r="5750" spans="1:53" x14ac:dyDescent="0.4">
      <c r="A5750">
        <v>5794</v>
      </c>
      <c r="B5750" s="1">
        <v>45015</v>
      </c>
      <c r="C5750">
        <v>1</v>
      </c>
      <c r="D5750" s="1">
        <v>45015.291666666664</v>
      </c>
      <c r="E5750" s="1">
        <v>45015.406944444447</v>
      </c>
      <c r="F5750">
        <v>0</v>
      </c>
      <c r="G5750">
        <v>0</v>
      </c>
      <c r="H5750">
        <v>0</v>
      </c>
      <c r="I5750">
        <v>0</v>
      </c>
      <c r="J5750">
        <v>0</v>
      </c>
      <c r="K5750">
        <v>0</v>
      </c>
      <c r="L5750">
        <v>0</v>
      </c>
      <c r="M5750">
        <v>0</v>
      </c>
      <c r="N5750">
        <v>0</v>
      </c>
      <c r="O5750">
        <v>0</v>
      </c>
      <c r="P5750">
        <v>0</v>
      </c>
      <c r="Q5750">
        <v>0</v>
      </c>
      <c r="R5750">
        <v>0</v>
      </c>
      <c r="S5750">
        <v>0</v>
      </c>
      <c r="T5750">
        <v>0</v>
      </c>
      <c r="U5750">
        <v>0</v>
      </c>
      <c r="V5750">
        <v>0</v>
      </c>
      <c r="W5750">
        <v>1</v>
      </c>
      <c r="X5750">
        <v>0</v>
      </c>
      <c r="Y5750">
        <v>26</v>
      </c>
      <c r="Z5750">
        <v>14</v>
      </c>
      <c r="AA5750">
        <v>94</v>
      </c>
      <c r="AB5750">
        <v>27</v>
      </c>
      <c r="AC5750">
        <v>114</v>
      </c>
      <c r="AD5750">
        <v>12</v>
      </c>
      <c r="AE5750">
        <v>50</v>
      </c>
      <c r="AF5750">
        <v>0</v>
      </c>
      <c r="AG5750">
        <v>50000</v>
      </c>
      <c r="AH5750">
        <v>50000</v>
      </c>
      <c r="AI5750">
        <v>0</v>
      </c>
      <c r="AJ5750">
        <v>0</v>
      </c>
      <c r="AK5750" t="s">
        <v>6</v>
      </c>
      <c r="AL5750">
        <v>0</v>
      </c>
      <c r="AM5750">
        <v>0</v>
      </c>
      <c r="AN5750">
        <v>0</v>
      </c>
      <c r="AO5750">
        <v>0</v>
      </c>
      <c r="AP5750">
        <v>0</v>
      </c>
      <c r="AQ5750">
        <v>0</v>
      </c>
      <c r="AR5750">
        <v>0</v>
      </c>
      <c r="AS5750">
        <v>0</v>
      </c>
      <c r="AT5750">
        <v>0</v>
      </c>
      <c r="AU5750">
        <v>0</v>
      </c>
      <c r="AV5750">
        <v>0</v>
      </c>
      <c r="AW5750">
        <v>0</v>
      </c>
      <c r="AX5750">
        <v>0</v>
      </c>
      <c r="AY5750">
        <v>0</v>
      </c>
      <c r="AZ5750">
        <v>0</v>
      </c>
      <c r="BA5750">
        <v>0</v>
      </c>
    </row>
    <row r="5751" spans="1:53" x14ac:dyDescent="0.4">
      <c r="A5751">
        <v>5795</v>
      </c>
      <c r="B5751" s="1">
        <v>45015</v>
      </c>
      <c r="C5751">
        <v>2</v>
      </c>
      <c r="D5751" s="1">
        <v>45015.406944444447</v>
      </c>
      <c r="E5751" s="1">
        <v>45015.736111111109</v>
      </c>
      <c r="F5751">
        <v>38020</v>
      </c>
      <c r="G5751">
        <v>2068</v>
      </c>
      <c r="H5751">
        <v>0</v>
      </c>
      <c r="I5751">
        <v>0</v>
      </c>
      <c r="J5751">
        <v>0</v>
      </c>
      <c r="K5751">
        <v>0</v>
      </c>
      <c r="L5751">
        <v>0</v>
      </c>
      <c r="M5751">
        <v>3642</v>
      </c>
      <c r="N5751">
        <v>0</v>
      </c>
      <c r="O5751">
        <v>0</v>
      </c>
      <c r="P5751">
        <v>20660</v>
      </c>
      <c r="Q5751">
        <v>0</v>
      </c>
      <c r="R5751">
        <v>60748</v>
      </c>
      <c r="S5751">
        <v>0</v>
      </c>
      <c r="T5751">
        <v>0</v>
      </c>
      <c r="U5751">
        <v>0</v>
      </c>
      <c r="V5751">
        <v>1</v>
      </c>
      <c r="W5751">
        <v>1</v>
      </c>
      <c r="X5751">
        <v>0</v>
      </c>
      <c r="Y5751">
        <v>71</v>
      </c>
      <c r="Z5751">
        <v>21</v>
      </c>
      <c r="AA5751">
        <v>81</v>
      </c>
      <c r="AB5751">
        <v>29</v>
      </c>
      <c r="AC5751">
        <v>124</v>
      </c>
      <c r="AD5751">
        <v>10</v>
      </c>
      <c r="AE5751">
        <v>45</v>
      </c>
      <c r="AF5751">
        <v>3363</v>
      </c>
      <c r="AG5751">
        <v>110748</v>
      </c>
      <c r="AH5751">
        <v>50000</v>
      </c>
      <c r="AI5751">
        <v>0</v>
      </c>
      <c r="AJ5751">
        <v>116</v>
      </c>
      <c r="AK5751" t="s">
        <v>51</v>
      </c>
      <c r="AL5751">
        <v>0</v>
      </c>
      <c r="AM5751">
        <v>0</v>
      </c>
      <c r="AN5751">
        <v>0</v>
      </c>
      <c r="AO5751">
        <v>0</v>
      </c>
      <c r="AP5751">
        <v>0</v>
      </c>
      <c r="AQ5751">
        <v>0</v>
      </c>
      <c r="AR5751">
        <v>0</v>
      </c>
      <c r="AS5751">
        <v>0</v>
      </c>
      <c r="AT5751">
        <v>0</v>
      </c>
      <c r="AU5751">
        <v>0</v>
      </c>
      <c r="AV5751">
        <v>0</v>
      </c>
      <c r="AW5751">
        <v>0</v>
      </c>
      <c r="AX5751">
        <v>1330</v>
      </c>
      <c r="AY5751">
        <v>47</v>
      </c>
      <c r="AZ5751">
        <v>92</v>
      </c>
      <c r="BA5751">
        <v>7109</v>
      </c>
    </row>
    <row r="5752" spans="1:53" x14ac:dyDescent="0.4">
      <c r="A5752">
        <v>5796</v>
      </c>
      <c r="B5752" s="1">
        <v>45016</v>
      </c>
      <c r="C5752">
        <v>1</v>
      </c>
      <c r="D5752" s="1">
        <v>45016.291666666664</v>
      </c>
      <c r="E5752" s="1">
        <v>45016.408333333333</v>
      </c>
      <c r="F5752">
        <v>0</v>
      </c>
      <c r="G5752">
        <v>0</v>
      </c>
      <c r="H5752">
        <v>0</v>
      </c>
      <c r="I5752">
        <v>0</v>
      </c>
      <c r="J5752">
        <v>0</v>
      </c>
      <c r="K5752">
        <v>0</v>
      </c>
      <c r="L5752">
        <v>0</v>
      </c>
      <c r="M5752">
        <v>0</v>
      </c>
      <c r="N5752">
        <v>0</v>
      </c>
      <c r="O5752">
        <v>0</v>
      </c>
      <c r="P5752">
        <v>0</v>
      </c>
      <c r="Q5752">
        <v>0</v>
      </c>
      <c r="R5752">
        <v>0</v>
      </c>
      <c r="S5752">
        <v>0</v>
      </c>
      <c r="T5752">
        <v>0</v>
      </c>
      <c r="U5752">
        <v>0</v>
      </c>
      <c r="V5752">
        <v>0</v>
      </c>
      <c r="W5752">
        <v>1</v>
      </c>
      <c r="X5752">
        <v>0</v>
      </c>
      <c r="Y5752">
        <v>26</v>
      </c>
      <c r="Z5752">
        <v>15</v>
      </c>
      <c r="AA5752">
        <v>87</v>
      </c>
      <c r="AB5752">
        <v>29</v>
      </c>
      <c r="AC5752">
        <v>124</v>
      </c>
      <c r="AD5752">
        <v>14</v>
      </c>
      <c r="AE5752">
        <v>40</v>
      </c>
      <c r="AF5752">
        <v>0</v>
      </c>
      <c r="AG5752">
        <v>50000</v>
      </c>
      <c r="AH5752">
        <v>50000</v>
      </c>
      <c r="AI5752">
        <v>0</v>
      </c>
      <c r="AJ5752">
        <v>0</v>
      </c>
      <c r="AK5752" t="s">
        <v>6</v>
      </c>
      <c r="AL5752">
        <v>0</v>
      </c>
      <c r="AM5752">
        <v>0</v>
      </c>
      <c r="AN5752">
        <v>0</v>
      </c>
      <c r="AO5752">
        <v>0</v>
      </c>
      <c r="AP5752">
        <v>0</v>
      </c>
      <c r="AQ5752">
        <v>0</v>
      </c>
      <c r="AR5752">
        <v>0</v>
      </c>
      <c r="AS5752">
        <v>0</v>
      </c>
      <c r="AT5752">
        <v>0</v>
      </c>
      <c r="AU5752">
        <v>0</v>
      </c>
      <c r="AV5752">
        <v>0</v>
      </c>
      <c r="AW5752">
        <v>0</v>
      </c>
      <c r="AX5752">
        <v>0</v>
      </c>
      <c r="AY5752">
        <v>0</v>
      </c>
      <c r="AZ5752">
        <v>0</v>
      </c>
      <c r="BA5752">
        <v>0</v>
      </c>
    </row>
    <row r="5753" spans="1:53" x14ac:dyDescent="0.4">
      <c r="A5753">
        <v>5797</v>
      </c>
      <c r="B5753" s="1">
        <v>45016</v>
      </c>
      <c r="C5753">
        <v>2</v>
      </c>
      <c r="D5753" s="1">
        <v>45016.408333333333</v>
      </c>
      <c r="E5753" s="1">
        <v>45016.754166666666</v>
      </c>
      <c r="F5753">
        <v>46640</v>
      </c>
      <c r="G5753">
        <v>1188</v>
      </c>
      <c r="H5753">
        <v>0</v>
      </c>
      <c r="I5753">
        <v>0</v>
      </c>
      <c r="J5753">
        <v>200</v>
      </c>
      <c r="K5753">
        <v>0</v>
      </c>
      <c r="L5753">
        <v>0</v>
      </c>
      <c r="M5753">
        <v>4329</v>
      </c>
      <c r="N5753">
        <v>0</v>
      </c>
      <c r="O5753">
        <v>0</v>
      </c>
      <c r="P5753">
        <v>16412</v>
      </c>
      <c r="Q5753">
        <v>0</v>
      </c>
      <c r="R5753">
        <v>64040</v>
      </c>
      <c r="S5753">
        <v>0</v>
      </c>
      <c r="T5753">
        <v>0</v>
      </c>
      <c r="U5753">
        <v>0</v>
      </c>
      <c r="V5753">
        <v>3</v>
      </c>
      <c r="W5753">
        <v>0</v>
      </c>
      <c r="X5753">
        <v>0</v>
      </c>
      <c r="Y5753">
        <v>55</v>
      </c>
      <c r="Z5753">
        <v>30</v>
      </c>
      <c r="AA5753">
        <v>84</v>
      </c>
      <c r="AB5753">
        <v>23</v>
      </c>
      <c r="AC5753">
        <v>159</v>
      </c>
      <c r="AD5753">
        <v>14</v>
      </c>
      <c r="AE5753">
        <v>38</v>
      </c>
      <c r="AF5753">
        <v>2792</v>
      </c>
      <c r="AG5753">
        <v>114040</v>
      </c>
      <c r="AH5753">
        <v>50000</v>
      </c>
      <c r="AI5753">
        <v>0</v>
      </c>
      <c r="AJ5753">
        <v>116</v>
      </c>
      <c r="AK5753" t="s">
        <v>51</v>
      </c>
      <c r="AL5753">
        <v>0</v>
      </c>
      <c r="AM5753">
        <v>0</v>
      </c>
      <c r="AN5753">
        <v>0</v>
      </c>
      <c r="AO5753">
        <v>0</v>
      </c>
      <c r="AP5753">
        <v>0</v>
      </c>
      <c r="AQ5753">
        <v>0</v>
      </c>
      <c r="AR5753">
        <v>0</v>
      </c>
      <c r="AS5753">
        <v>0</v>
      </c>
      <c r="AT5753">
        <v>0</v>
      </c>
      <c r="AU5753">
        <v>0</v>
      </c>
      <c r="AV5753">
        <v>0</v>
      </c>
      <c r="AW5753">
        <v>0</v>
      </c>
      <c r="AX5753">
        <v>2482</v>
      </c>
      <c r="AY5753">
        <v>52</v>
      </c>
      <c r="AZ5753">
        <v>101</v>
      </c>
      <c r="BA5753">
        <v>7377</v>
      </c>
    </row>
    <row r="5754" spans="1:53" x14ac:dyDescent="0.4">
      <c r="A5754">
        <v>5798</v>
      </c>
      <c r="B5754" s="1">
        <v>45017</v>
      </c>
      <c r="C5754">
        <v>1</v>
      </c>
      <c r="D5754" s="1">
        <v>45017.291666666664</v>
      </c>
      <c r="E5754" s="1">
        <v>45017.399305555555</v>
      </c>
      <c r="F5754">
        <v>0</v>
      </c>
      <c r="G5754">
        <v>0</v>
      </c>
      <c r="H5754">
        <v>0</v>
      </c>
      <c r="I5754">
        <v>0</v>
      </c>
      <c r="J5754">
        <v>0</v>
      </c>
      <c r="K5754">
        <v>0</v>
      </c>
      <c r="L5754">
        <v>0</v>
      </c>
      <c r="M5754">
        <v>0</v>
      </c>
      <c r="N5754">
        <v>0</v>
      </c>
      <c r="O5754">
        <v>0</v>
      </c>
      <c r="P5754">
        <v>0</v>
      </c>
      <c r="Q5754">
        <v>0</v>
      </c>
      <c r="R5754">
        <v>0</v>
      </c>
      <c r="S5754">
        <v>0</v>
      </c>
      <c r="T5754">
        <v>0</v>
      </c>
      <c r="U5754">
        <v>0</v>
      </c>
      <c r="V5754">
        <v>0</v>
      </c>
      <c r="W5754">
        <v>1</v>
      </c>
      <c r="X5754">
        <v>0</v>
      </c>
      <c r="Y5754">
        <v>30</v>
      </c>
      <c r="Z5754">
        <v>12</v>
      </c>
      <c r="AA5754">
        <v>70</v>
      </c>
      <c r="AB5754">
        <v>17</v>
      </c>
      <c r="AC5754">
        <v>103</v>
      </c>
      <c r="AD5754">
        <v>16</v>
      </c>
      <c r="AE5754">
        <v>40</v>
      </c>
      <c r="AF5754">
        <v>0</v>
      </c>
      <c r="AG5754">
        <v>50000</v>
      </c>
      <c r="AH5754">
        <v>50000</v>
      </c>
      <c r="AI5754">
        <v>0</v>
      </c>
      <c r="AJ5754">
        <v>0</v>
      </c>
      <c r="AK5754" t="s">
        <v>6</v>
      </c>
      <c r="AL5754">
        <v>0</v>
      </c>
      <c r="AM5754">
        <v>0</v>
      </c>
      <c r="AN5754">
        <v>0</v>
      </c>
      <c r="AO5754">
        <v>0</v>
      </c>
      <c r="AP5754">
        <v>0</v>
      </c>
      <c r="AQ5754">
        <v>0</v>
      </c>
      <c r="AR5754">
        <v>0</v>
      </c>
      <c r="AS5754">
        <v>0</v>
      </c>
      <c r="AT5754">
        <v>0</v>
      </c>
      <c r="AU5754">
        <v>0</v>
      </c>
      <c r="AV5754">
        <v>0</v>
      </c>
      <c r="AW5754">
        <v>0</v>
      </c>
      <c r="AX5754">
        <v>0</v>
      </c>
      <c r="AY5754">
        <v>0</v>
      </c>
      <c r="AZ5754">
        <v>0</v>
      </c>
      <c r="BA5754">
        <v>0</v>
      </c>
    </row>
    <row r="5755" spans="1:53" x14ac:dyDescent="0.4">
      <c r="A5755">
        <v>5799</v>
      </c>
      <c r="B5755" s="1">
        <v>45017</v>
      </c>
      <c r="C5755">
        <v>2</v>
      </c>
      <c r="D5755" s="1">
        <v>45017.399305555555</v>
      </c>
      <c r="E5755" s="1">
        <v>45017.738888888889</v>
      </c>
      <c r="F5755">
        <v>44030</v>
      </c>
      <c r="G5755">
        <v>2244</v>
      </c>
      <c r="H5755">
        <v>0</v>
      </c>
      <c r="I5755">
        <v>0</v>
      </c>
      <c r="J5755">
        <v>620</v>
      </c>
      <c r="K5755">
        <v>1600</v>
      </c>
      <c r="L5755">
        <v>0</v>
      </c>
      <c r="M5755">
        <v>4295</v>
      </c>
      <c r="N5755">
        <v>0</v>
      </c>
      <c r="O5755">
        <v>0</v>
      </c>
      <c r="P5755">
        <v>18390</v>
      </c>
      <c r="Q5755">
        <v>0</v>
      </c>
      <c r="R5755">
        <v>65644</v>
      </c>
      <c r="S5755">
        <v>0</v>
      </c>
      <c r="T5755">
        <v>0</v>
      </c>
      <c r="U5755">
        <v>0</v>
      </c>
      <c r="V5755">
        <v>4</v>
      </c>
      <c r="W5755">
        <v>0</v>
      </c>
      <c r="X5755">
        <v>0</v>
      </c>
      <c r="Y5755">
        <v>43</v>
      </c>
      <c r="Z5755">
        <v>29</v>
      </c>
      <c r="AA5755">
        <v>126</v>
      </c>
      <c r="AB5755">
        <v>11</v>
      </c>
      <c r="AC5755">
        <v>136</v>
      </c>
      <c r="AD5755">
        <v>19</v>
      </c>
      <c r="AE5755">
        <v>39</v>
      </c>
      <c r="AF5755">
        <v>3500</v>
      </c>
      <c r="AG5755">
        <v>115644</v>
      </c>
      <c r="AH5755">
        <v>50000</v>
      </c>
      <c r="AI5755">
        <v>0</v>
      </c>
      <c r="AJ5755">
        <v>118</v>
      </c>
      <c r="AK5755" t="s">
        <v>59</v>
      </c>
      <c r="AL5755">
        <v>0</v>
      </c>
      <c r="AM5755">
        <v>0</v>
      </c>
      <c r="AN5755">
        <v>0</v>
      </c>
      <c r="AO5755">
        <v>0</v>
      </c>
      <c r="AP5755">
        <v>0</v>
      </c>
      <c r="AQ5755">
        <v>0</v>
      </c>
      <c r="AR5755">
        <v>0</v>
      </c>
      <c r="AS5755">
        <v>0</v>
      </c>
      <c r="AT5755">
        <v>0</v>
      </c>
      <c r="AU5755">
        <v>0</v>
      </c>
      <c r="AV5755">
        <v>0</v>
      </c>
      <c r="AW5755">
        <v>0</v>
      </c>
      <c r="AX5755">
        <v>616</v>
      </c>
      <c r="AY5755">
        <v>47</v>
      </c>
      <c r="AZ5755">
        <v>96</v>
      </c>
      <c r="BA5755">
        <v>7746</v>
      </c>
    </row>
    <row r="5756" spans="1:53" x14ac:dyDescent="0.4">
      <c r="A5756">
        <v>5800</v>
      </c>
      <c r="B5756" s="1">
        <v>45017</v>
      </c>
      <c r="C5756">
        <v>3</v>
      </c>
      <c r="D5756" s="1">
        <v>45017.738888888889</v>
      </c>
      <c r="E5756" s="1">
        <v>45018.136111111111</v>
      </c>
      <c r="F5756">
        <v>185250</v>
      </c>
      <c r="G5756">
        <v>5610</v>
      </c>
      <c r="H5756">
        <v>0</v>
      </c>
      <c r="I5756">
        <v>0</v>
      </c>
      <c r="J5756">
        <v>0</v>
      </c>
      <c r="K5756">
        <v>11050</v>
      </c>
      <c r="L5756">
        <v>0</v>
      </c>
      <c r="M5756">
        <v>18351</v>
      </c>
      <c r="N5756">
        <v>0</v>
      </c>
      <c r="O5756">
        <v>0</v>
      </c>
      <c r="P5756">
        <v>-5190</v>
      </c>
      <c r="Q5756">
        <v>0</v>
      </c>
      <c r="R5756">
        <v>196720</v>
      </c>
      <c r="S5756">
        <v>0</v>
      </c>
      <c r="T5756">
        <v>0</v>
      </c>
      <c r="U5756">
        <v>0</v>
      </c>
      <c r="V5756">
        <v>17</v>
      </c>
      <c r="W5756">
        <v>3</v>
      </c>
      <c r="X5756">
        <v>0</v>
      </c>
      <c r="Y5756">
        <v>54</v>
      </c>
      <c r="Z5756">
        <v>30</v>
      </c>
      <c r="AA5756">
        <v>146</v>
      </c>
      <c r="AB5756">
        <v>15</v>
      </c>
      <c r="AC5756">
        <v>139</v>
      </c>
      <c r="AD5756">
        <v>20</v>
      </c>
      <c r="AE5756">
        <v>42</v>
      </c>
      <c r="AF5756">
        <v>41482</v>
      </c>
      <c r="AG5756">
        <v>312364</v>
      </c>
      <c r="AH5756">
        <v>50000</v>
      </c>
      <c r="AI5756">
        <v>0</v>
      </c>
      <c r="AJ5756">
        <v>108</v>
      </c>
      <c r="AK5756" t="s">
        <v>3</v>
      </c>
      <c r="AL5756">
        <v>0</v>
      </c>
      <c r="AM5756">
        <v>0</v>
      </c>
      <c r="AN5756">
        <v>0</v>
      </c>
      <c r="AO5756">
        <v>0</v>
      </c>
      <c r="AP5756">
        <v>0</v>
      </c>
      <c r="AQ5756">
        <v>0</v>
      </c>
      <c r="AR5756">
        <v>0</v>
      </c>
      <c r="AS5756">
        <v>0</v>
      </c>
      <c r="AT5756">
        <v>0</v>
      </c>
      <c r="AU5756">
        <v>0</v>
      </c>
      <c r="AV5756">
        <v>0</v>
      </c>
      <c r="AW5756">
        <v>0</v>
      </c>
      <c r="AX5756">
        <v>440</v>
      </c>
      <c r="AY5756">
        <v>31</v>
      </c>
      <c r="AZ5756">
        <v>86</v>
      </c>
      <c r="BA5756">
        <v>5018</v>
      </c>
    </row>
    <row r="5757" spans="1:53" x14ac:dyDescent="0.4">
      <c r="A5757">
        <v>5801</v>
      </c>
      <c r="B5757" s="1">
        <v>45018</v>
      </c>
      <c r="C5757">
        <v>1</v>
      </c>
      <c r="D5757" s="1">
        <v>45018.291666666664</v>
      </c>
      <c r="E5757" s="1">
        <v>45018.405555555553</v>
      </c>
      <c r="F5757">
        <v>0</v>
      </c>
      <c r="G5757">
        <v>0</v>
      </c>
      <c r="H5757">
        <v>0</v>
      </c>
      <c r="I5757">
        <v>0</v>
      </c>
      <c r="J5757">
        <v>0</v>
      </c>
      <c r="K5757">
        <v>0</v>
      </c>
      <c r="L5757">
        <v>0</v>
      </c>
      <c r="M5757">
        <v>0</v>
      </c>
      <c r="N5757">
        <v>0</v>
      </c>
      <c r="O5757">
        <v>0</v>
      </c>
      <c r="P5757">
        <v>0</v>
      </c>
      <c r="Q5757">
        <v>0</v>
      </c>
      <c r="R5757">
        <v>0</v>
      </c>
      <c r="S5757">
        <v>0</v>
      </c>
      <c r="T5757">
        <v>0</v>
      </c>
      <c r="U5757">
        <v>0</v>
      </c>
      <c r="V5757">
        <v>0</v>
      </c>
      <c r="W5757">
        <v>1</v>
      </c>
      <c r="X5757">
        <v>0</v>
      </c>
      <c r="Y5757">
        <v>25</v>
      </c>
      <c r="Z5757">
        <v>11</v>
      </c>
      <c r="AA5757">
        <v>126</v>
      </c>
      <c r="AB5757">
        <v>14</v>
      </c>
      <c r="AC5757">
        <v>106</v>
      </c>
      <c r="AD5757">
        <v>20</v>
      </c>
      <c r="AE5757">
        <v>40</v>
      </c>
      <c r="AF5757">
        <v>0</v>
      </c>
      <c r="AG5757">
        <v>50000</v>
      </c>
      <c r="AH5757">
        <v>50000</v>
      </c>
      <c r="AI5757">
        <v>0</v>
      </c>
      <c r="AJ5757">
        <v>0</v>
      </c>
      <c r="AK5757" t="s">
        <v>6</v>
      </c>
      <c r="AL5757">
        <v>0</v>
      </c>
      <c r="AM5757">
        <v>0</v>
      </c>
      <c r="AN5757">
        <v>0</v>
      </c>
      <c r="AO5757">
        <v>0</v>
      </c>
      <c r="AP5757">
        <v>0</v>
      </c>
      <c r="AQ5757">
        <v>0</v>
      </c>
      <c r="AR5757">
        <v>0</v>
      </c>
      <c r="AS5757">
        <v>0</v>
      </c>
      <c r="AT5757">
        <v>0</v>
      </c>
      <c r="AU5757">
        <v>0</v>
      </c>
      <c r="AV5757">
        <v>0</v>
      </c>
      <c r="AW5757">
        <v>0</v>
      </c>
      <c r="AX5757">
        <v>0</v>
      </c>
      <c r="AY5757">
        <v>0</v>
      </c>
      <c r="AZ5757">
        <v>0</v>
      </c>
      <c r="BA5757">
        <v>0</v>
      </c>
    </row>
    <row r="5758" spans="1:53" x14ac:dyDescent="0.4">
      <c r="A5758">
        <v>5802</v>
      </c>
      <c r="B5758" s="1">
        <v>45018</v>
      </c>
      <c r="C5758">
        <v>2</v>
      </c>
      <c r="D5758" s="1">
        <v>45018.405555555553</v>
      </c>
      <c r="E5758" s="1">
        <v>45018.745138888888</v>
      </c>
      <c r="F5758">
        <v>46625</v>
      </c>
      <c r="G5758">
        <v>2662</v>
      </c>
      <c r="H5758">
        <v>0</v>
      </c>
      <c r="I5758">
        <v>0</v>
      </c>
      <c r="J5758">
        <v>300</v>
      </c>
      <c r="K5758">
        <v>0</v>
      </c>
      <c r="L5758">
        <v>0</v>
      </c>
      <c r="M5758">
        <v>4450</v>
      </c>
      <c r="N5758">
        <v>0</v>
      </c>
      <c r="O5758">
        <v>0</v>
      </c>
      <c r="P5758">
        <v>23560</v>
      </c>
      <c r="Q5758">
        <v>0</v>
      </c>
      <c r="R5758">
        <v>72547</v>
      </c>
      <c r="S5758">
        <v>0</v>
      </c>
      <c r="T5758">
        <v>0</v>
      </c>
      <c r="U5758">
        <v>0</v>
      </c>
      <c r="V5758">
        <v>4</v>
      </c>
      <c r="W5758">
        <v>4</v>
      </c>
      <c r="X5758">
        <v>0</v>
      </c>
      <c r="Y5758">
        <v>32</v>
      </c>
      <c r="Z5758">
        <v>24</v>
      </c>
      <c r="AA5758">
        <v>132</v>
      </c>
      <c r="AB5758">
        <v>10</v>
      </c>
      <c r="AC5758">
        <v>108</v>
      </c>
      <c r="AD5758">
        <v>23</v>
      </c>
      <c r="AE5758">
        <v>42</v>
      </c>
      <c r="AF5758">
        <v>3610</v>
      </c>
      <c r="AG5758">
        <v>122547</v>
      </c>
      <c r="AH5758">
        <v>50000</v>
      </c>
      <c r="AI5758">
        <v>0</v>
      </c>
      <c r="AJ5758">
        <v>119</v>
      </c>
      <c r="AK5758" t="s">
        <v>56</v>
      </c>
      <c r="AL5758">
        <v>0</v>
      </c>
      <c r="AM5758">
        <v>0</v>
      </c>
      <c r="AN5758">
        <v>0</v>
      </c>
      <c r="AO5758">
        <v>0</v>
      </c>
      <c r="AP5758">
        <v>0</v>
      </c>
      <c r="AQ5758">
        <v>0</v>
      </c>
      <c r="AR5758">
        <v>0</v>
      </c>
      <c r="AS5758">
        <v>0</v>
      </c>
      <c r="AT5758">
        <v>0</v>
      </c>
      <c r="AU5758">
        <v>0</v>
      </c>
      <c r="AV5758">
        <v>0</v>
      </c>
      <c r="AW5758">
        <v>0</v>
      </c>
      <c r="AX5758">
        <v>-1500</v>
      </c>
      <c r="AY5758">
        <v>55</v>
      </c>
      <c r="AZ5758">
        <v>115</v>
      </c>
      <c r="BA5758">
        <v>7784</v>
      </c>
    </row>
    <row r="5759" spans="1:53" x14ac:dyDescent="0.4">
      <c r="A5759">
        <v>5803</v>
      </c>
      <c r="B5759" s="1">
        <v>45019</v>
      </c>
      <c r="C5759">
        <v>1</v>
      </c>
      <c r="D5759" s="1">
        <v>45019.291666666664</v>
      </c>
      <c r="E5759" s="1">
        <v>45019.405555555553</v>
      </c>
      <c r="F5759">
        <v>0</v>
      </c>
      <c r="G5759">
        <v>0</v>
      </c>
      <c r="H5759">
        <v>0</v>
      </c>
      <c r="I5759">
        <v>0</v>
      </c>
      <c r="J5759">
        <v>0</v>
      </c>
      <c r="K5759">
        <v>0</v>
      </c>
      <c r="L5759">
        <v>0</v>
      </c>
      <c r="M5759">
        <v>0</v>
      </c>
      <c r="N5759">
        <v>0</v>
      </c>
      <c r="O5759">
        <v>0</v>
      </c>
      <c r="P5759">
        <v>0</v>
      </c>
      <c r="Q5759">
        <v>0</v>
      </c>
      <c r="R5759">
        <v>0</v>
      </c>
      <c r="S5759">
        <v>0</v>
      </c>
      <c r="T5759">
        <v>0</v>
      </c>
      <c r="U5759">
        <v>0</v>
      </c>
      <c r="V5759">
        <v>0</v>
      </c>
      <c r="W5759">
        <v>1</v>
      </c>
      <c r="X5759">
        <v>0</v>
      </c>
      <c r="Y5759">
        <v>24</v>
      </c>
      <c r="Z5759">
        <v>14</v>
      </c>
      <c r="AA5759">
        <v>123</v>
      </c>
      <c r="AB5759">
        <v>12</v>
      </c>
      <c r="AC5759">
        <v>95</v>
      </c>
      <c r="AD5759">
        <v>21</v>
      </c>
      <c r="AE5759">
        <v>45</v>
      </c>
      <c r="AF5759">
        <v>0</v>
      </c>
      <c r="AG5759">
        <v>50000</v>
      </c>
      <c r="AH5759">
        <v>50000</v>
      </c>
      <c r="AI5759">
        <v>0</v>
      </c>
      <c r="AJ5759">
        <v>0</v>
      </c>
      <c r="AK5759" t="s">
        <v>6</v>
      </c>
      <c r="AL5759">
        <v>0</v>
      </c>
      <c r="AM5759">
        <v>0</v>
      </c>
      <c r="AN5759">
        <v>0</v>
      </c>
      <c r="AO5759">
        <v>0</v>
      </c>
      <c r="AP5759">
        <v>0</v>
      </c>
      <c r="AQ5759">
        <v>0</v>
      </c>
      <c r="AR5759">
        <v>0</v>
      </c>
      <c r="AS5759">
        <v>0</v>
      </c>
      <c r="AT5759">
        <v>0</v>
      </c>
      <c r="AU5759">
        <v>0</v>
      </c>
      <c r="AV5759">
        <v>0</v>
      </c>
      <c r="AW5759">
        <v>0</v>
      </c>
      <c r="AX5759">
        <v>0</v>
      </c>
      <c r="AY5759">
        <v>0</v>
      </c>
      <c r="AZ5759">
        <v>0</v>
      </c>
      <c r="BA5759">
        <v>0</v>
      </c>
    </row>
    <row r="5760" spans="1:53" x14ac:dyDescent="0.4">
      <c r="A5760">
        <v>5804</v>
      </c>
      <c r="B5760" s="1">
        <v>45019</v>
      </c>
      <c r="C5760">
        <v>2</v>
      </c>
      <c r="D5760" s="1">
        <v>45019.405555555553</v>
      </c>
      <c r="E5760" s="1">
        <v>45019.746527777781</v>
      </c>
      <c r="F5760">
        <v>42680</v>
      </c>
      <c r="G5760">
        <v>1342</v>
      </c>
      <c r="H5760">
        <v>0</v>
      </c>
      <c r="I5760">
        <v>0</v>
      </c>
      <c r="J5760">
        <v>200</v>
      </c>
      <c r="K5760">
        <v>0</v>
      </c>
      <c r="L5760">
        <v>0</v>
      </c>
      <c r="M5760">
        <v>3984</v>
      </c>
      <c r="N5760">
        <v>0</v>
      </c>
      <c r="O5760">
        <v>0</v>
      </c>
      <c r="P5760">
        <v>32170</v>
      </c>
      <c r="Q5760">
        <v>0</v>
      </c>
      <c r="R5760">
        <v>75992</v>
      </c>
      <c r="S5760">
        <v>0</v>
      </c>
      <c r="T5760">
        <v>0</v>
      </c>
      <c r="U5760">
        <v>0</v>
      </c>
      <c r="V5760">
        <v>1</v>
      </c>
      <c r="W5760">
        <v>6</v>
      </c>
      <c r="X5760">
        <v>0</v>
      </c>
      <c r="Y5760">
        <v>59</v>
      </c>
      <c r="Z5760">
        <v>29</v>
      </c>
      <c r="AA5760">
        <v>74</v>
      </c>
      <c r="AB5760">
        <v>2</v>
      </c>
      <c r="AC5760">
        <v>105</v>
      </c>
      <c r="AD5760">
        <v>20</v>
      </c>
      <c r="AE5760">
        <v>42</v>
      </c>
      <c r="AF5760">
        <v>4100</v>
      </c>
      <c r="AG5760">
        <v>126292</v>
      </c>
      <c r="AH5760">
        <v>50000</v>
      </c>
      <c r="AI5760">
        <v>300</v>
      </c>
      <c r="AJ5760">
        <v>108</v>
      </c>
      <c r="AK5760" t="s">
        <v>3</v>
      </c>
      <c r="AL5760">
        <v>0</v>
      </c>
      <c r="AM5760">
        <v>0</v>
      </c>
      <c r="AN5760">
        <v>0</v>
      </c>
      <c r="AO5760">
        <v>0</v>
      </c>
      <c r="AP5760">
        <v>0</v>
      </c>
      <c r="AQ5760">
        <v>0</v>
      </c>
      <c r="AR5760">
        <v>0</v>
      </c>
      <c r="AS5760">
        <v>0</v>
      </c>
      <c r="AT5760">
        <v>0</v>
      </c>
      <c r="AU5760">
        <v>0</v>
      </c>
      <c r="AV5760">
        <v>0</v>
      </c>
      <c r="AW5760">
        <v>0</v>
      </c>
      <c r="AX5760">
        <v>-5124</v>
      </c>
      <c r="AY5760">
        <v>50</v>
      </c>
      <c r="AZ5760">
        <v>117</v>
      </c>
      <c r="BA5760">
        <v>7742</v>
      </c>
    </row>
    <row r="5761" spans="1:53" x14ac:dyDescent="0.4">
      <c r="A5761">
        <v>5805</v>
      </c>
      <c r="B5761" s="1">
        <v>45019</v>
      </c>
      <c r="C5761">
        <v>3</v>
      </c>
      <c r="D5761" s="1">
        <v>45019.746527777781</v>
      </c>
      <c r="E5761" s="1">
        <v>45019.95208333333</v>
      </c>
      <c r="F5761">
        <v>40040</v>
      </c>
      <c r="G5761">
        <v>1496</v>
      </c>
      <c r="H5761">
        <v>0</v>
      </c>
      <c r="I5761">
        <v>0</v>
      </c>
      <c r="J5761">
        <v>440</v>
      </c>
      <c r="K5761">
        <v>1320</v>
      </c>
      <c r="L5761">
        <v>0</v>
      </c>
      <c r="M5761">
        <v>3852</v>
      </c>
      <c r="N5761">
        <v>0</v>
      </c>
      <c r="O5761">
        <v>0</v>
      </c>
      <c r="P5761">
        <v>-24470</v>
      </c>
      <c r="Q5761">
        <v>0</v>
      </c>
      <c r="R5761">
        <v>17946</v>
      </c>
      <c r="S5761">
        <v>0</v>
      </c>
      <c r="T5761">
        <v>0</v>
      </c>
      <c r="U5761">
        <v>0</v>
      </c>
      <c r="V5761">
        <v>2</v>
      </c>
      <c r="W5761">
        <v>5</v>
      </c>
      <c r="X5761">
        <v>0</v>
      </c>
      <c r="Y5761">
        <v>72</v>
      </c>
      <c r="Z5761">
        <v>28</v>
      </c>
      <c r="AA5761">
        <v>68</v>
      </c>
      <c r="AB5761">
        <v>2</v>
      </c>
      <c r="AC5761">
        <v>112</v>
      </c>
      <c r="AD5761">
        <v>24</v>
      </c>
      <c r="AE5761">
        <v>38</v>
      </c>
      <c r="AF5761">
        <v>4760</v>
      </c>
      <c r="AG5761">
        <v>143938</v>
      </c>
      <c r="AH5761">
        <v>50000</v>
      </c>
      <c r="AI5761">
        <v>0</v>
      </c>
      <c r="AJ5761">
        <v>108</v>
      </c>
      <c r="AK5761" t="s">
        <v>3</v>
      </c>
      <c r="AL5761">
        <v>0</v>
      </c>
      <c r="AM5761">
        <v>0</v>
      </c>
      <c r="AN5761">
        <v>0</v>
      </c>
      <c r="AO5761">
        <v>0</v>
      </c>
      <c r="AP5761">
        <v>0</v>
      </c>
      <c r="AQ5761">
        <v>0</v>
      </c>
      <c r="AR5761">
        <v>0</v>
      </c>
      <c r="AS5761">
        <v>0</v>
      </c>
      <c r="AT5761">
        <v>0</v>
      </c>
      <c r="AU5761">
        <v>0</v>
      </c>
      <c r="AV5761">
        <v>0</v>
      </c>
      <c r="AW5761">
        <v>0</v>
      </c>
      <c r="AX5761">
        <v>3478</v>
      </c>
      <c r="AY5761">
        <v>12</v>
      </c>
      <c r="AZ5761">
        <v>22</v>
      </c>
      <c r="BA5761">
        <v>2573</v>
      </c>
    </row>
    <row r="5762" spans="1:53" x14ac:dyDescent="0.4">
      <c r="A5762">
        <v>5806</v>
      </c>
      <c r="B5762" s="1">
        <v>45019</v>
      </c>
      <c r="C5762">
        <v>4</v>
      </c>
      <c r="D5762" s="1">
        <v>45019.95208333333</v>
      </c>
      <c r="E5762" s="1">
        <v>45020.084027777775</v>
      </c>
      <c r="F5762">
        <v>15560</v>
      </c>
      <c r="G5762">
        <v>418</v>
      </c>
      <c r="H5762">
        <v>0</v>
      </c>
      <c r="I5762">
        <v>0</v>
      </c>
      <c r="J5762">
        <v>0</v>
      </c>
      <c r="K5762">
        <v>0</v>
      </c>
      <c r="L5762">
        <v>0</v>
      </c>
      <c r="M5762">
        <v>1453</v>
      </c>
      <c r="N5762">
        <v>0</v>
      </c>
      <c r="O5762">
        <v>0</v>
      </c>
      <c r="P5762">
        <v>1600</v>
      </c>
      <c r="Q5762">
        <v>0</v>
      </c>
      <c r="R5762">
        <v>17578</v>
      </c>
      <c r="S5762">
        <v>0</v>
      </c>
      <c r="T5762">
        <v>0</v>
      </c>
      <c r="U5762">
        <v>0</v>
      </c>
      <c r="V5762">
        <v>3</v>
      </c>
      <c r="W5762">
        <v>6</v>
      </c>
      <c r="X5762">
        <v>0</v>
      </c>
      <c r="Y5762">
        <v>69</v>
      </c>
      <c r="Z5762">
        <v>28</v>
      </c>
      <c r="AA5762">
        <v>64</v>
      </c>
      <c r="AB5762">
        <v>1</v>
      </c>
      <c r="AC5762">
        <v>114</v>
      </c>
      <c r="AD5762">
        <v>25</v>
      </c>
      <c r="AE5762">
        <v>41</v>
      </c>
      <c r="AF5762">
        <v>10760</v>
      </c>
      <c r="AG5762">
        <v>161516</v>
      </c>
      <c r="AH5762">
        <v>50000</v>
      </c>
      <c r="AI5762">
        <v>0</v>
      </c>
      <c r="AJ5762">
        <v>104</v>
      </c>
      <c r="AK5762" t="s">
        <v>60</v>
      </c>
      <c r="AL5762">
        <v>0</v>
      </c>
      <c r="AM5762">
        <v>0</v>
      </c>
      <c r="AN5762">
        <v>0</v>
      </c>
      <c r="AO5762">
        <v>0</v>
      </c>
      <c r="AP5762">
        <v>0</v>
      </c>
      <c r="AQ5762">
        <v>0</v>
      </c>
      <c r="AR5762">
        <v>0</v>
      </c>
      <c r="AS5762">
        <v>0</v>
      </c>
      <c r="AT5762">
        <v>0</v>
      </c>
      <c r="AU5762">
        <v>0</v>
      </c>
      <c r="AV5762">
        <v>0</v>
      </c>
      <c r="AW5762">
        <v>0</v>
      </c>
      <c r="AX5762">
        <v>0</v>
      </c>
      <c r="AY5762">
        <v>2</v>
      </c>
      <c r="AZ5762">
        <v>6</v>
      </c>
      <c r="BA5762">
        <v>459</v>
      </c>
    </row>
    <row r="5763" spans="1:53" x14ac:dyDescent="0.4">
      <c r="A5763">
        <v>5807</v>
      </c>
      <c r="B5763" s="1">
        <v>45020</v>
      </c>
      <c r="C5763">
        <v>1</v>
      </c>
      <c r="D5763" s="1">
        <v>45020.291666666664</v>
      </c>
      <c r="E5763" s="1">
        <v>45020.404166666667</v>
      </c>
      <c r="F5763">
        <v>0</v>
      </c>
      <c r="G5763">
        <v>0</v>
      </c>
      <c r="H5763">
        <v>0</v>
      </c>
      <c r="I5763">
        <v>0</v>
      </c>
      <c r="J5763">
        <v>0</v>
      </c>
      <c r="K5763">
        <v>0</v>
      </c>
      <c r="L5763">
        <v>0</v>
      </c>
      <c r="M5763">
        <v>0</v>
      </c>
      <c r="N5763">
        <v>0</v>
      </c>
      <c r="O5763">
        <v>0</v>
      </c>
      <c r="P5763">
        <v>0</v>
      </c>
      <c r="Q5763">
        <v>0</v>
      </c>
      <c r="R5763">
        <v>0</v>
      </c>
      <c r="S5763">
        <v>0</v>
      </c>
      <c r="T5763">
        <v>0</v>
      </c>
      <c r="U5763">
        <v>0</v>
      </c>
      <c r="V5763">
        <v>0</v>
      </c>
      <c r="W5763">
        <v>2</v>
      </c>
      <c r="X5763">
        <v>0</v>
      </c>
      <c r="Y5763">
        <v>25</v>
      </c>
      <c r="Z5763">
        <v>14</v>
      </c>
      <c r="AA5763">
        <v>68</v>
      </c>
      <c r="AB5763">
        <v>1</v>
      </c>
      <c r="AC5763">
        <v>100</v>
      </c>
      <c r="AD5763">
        <v>21</v>
      </c>
      <c r="AE5763">
        <v>45</v>
      </c>
      <c r="AF5763">
        <v>0</v>
      </c>
      <c r="AG5763">
        <v>50000</v>
      </c>
      <c r="AH5763">
        <v>50000</v>
      </c>
      <c r="AI5763">
        <v>0</v>
      </c>
      <c r="AJ5763">
        <v>0</v>
      </c>
      <c r="AK5763" t="s">
        <v>6</v>
      </c>
      <c r="AL5763">
        <v>0</v>
      </c>
      <c r="AM5763">
        <v>0</v>
      </c>
      <c r="AN5763">
        <v>0</v>
      </c>
      <c r="AO5763">
        <v>0</v>
      </c>
      <c r="AP5763">
        <v>0</v>
      </c>
      <c r="AQ5763">
        <v>0</v>
      </c>
      <c r="AR5763">
        <v>0</v>
      </c>
      <c r="AS5763">
        <v>0</v>
      </c>
      <c r="AT5763">
        <v>0</v>
      </c>
      <c r="AU5763">
        <v>0</v>
      </c>
      <c r="AV5763">
        <v>0</v>
      </c>
      <c r="AW5763">
        <v>0</v>
      </c>
      <c r="AX5763">
        <v>0</v>
      </c>
      <c r="AY5763">
        <v>0</v>
      </c>
      <c r="AZ5763">
        <v>0</v>
      </c>
      <c r="BA5763">
        <v>0</v>
      </c>
    </row>
    <row r="5764" spans="1:53" x14ac:dyDescent="0.4">
      <c r="A5764">
        <v>5808</v>
      </c>
      <c r="B5764" s="1">
        <v>45020</v>
      </c>
      <c r="C5764">
        <v>2</v>
      </c>
      <c r="D5764" s="1">
        <v>45020.404166666667</v>
      </c>
      <c r="E5764" s="1">
        <v>45020.743055555555</v>
      </c>
      <c r="F5764">
        <v>38110</v>
      </c>
      <c r="G5764">
        <v>3988</v>
      </c>
      <c r="H5764">
        <v>0</v>
      </c>
      <c r="I5764">
        <v>0</v>
      </c>
      <c r="J5764">
        <v>290</v>
      </c>
      <c r="K5764">
        <v>0</v>
      </c>
      <c r="L5764">
        <v>0</v>
      </c>
      <c r="M5764">
        <v>3800</v>
      </c>
      <c r="N5764">
        <v>0</v>
      </c>
      <c r="O5764">
        <v>0</v>
      </c>
      <c r="P5764">
        <v>21850</v>
      </c>
      <c r="Q5764">
        <v>0</v>
      </c>
      <c r="R5764">
        <v>63658</v>
      </c>
      <c r="S5764">
        <v>0</v>
      </c>
      <c r="T5764">
        <v>0</v>
      </c>
      <c r="U5764">
        <v>0</v>
      </c>
      <c r="V5764">
        <v>2</v>
      </c>
      <c r="W5764">
        <v>1</v>
      </c>
      <c r="X5764">
        <v>0</v>
      </c>
      <c r="Y5764">
        <v>59</v>
      </c>
      <c r="Z5764">
        <v>34</v>
      </c>
      <c r="AA5764">
        <v>66</v>
      </c>
      <c r="AB5764">
        <v>25</v>
      </c>
      <c r="AC5764">
        <v>88</v>
      </c>
      <c r="AD5764">
        <v>20</v>
      </c>
      <c r="AE5764">
        <v>48</v>
      </c>
      <c r="AF5764">
        <v>3780</v>
      </c>
      <c r="AG5764">
        <v>113658</v>
      </c>
      <c r="AH5764">
        <v>50000</v>
      </c>
      <c r="AI5764">
        <v>0</v>
      </c>
      <c r="AJ5764">
        <v>108</v>
      </c>
      <c r="AK5764" t="s">
        <v>3</v>
      </c>
      <c r="AL5764">
        <v>0</v>
      </c>
      <c r="AM5764">
        <v>0</v>
      </c>
      <c r="AN5764">
        <v>0</v>
      </c>
      <c r="AO5764">
        <v>0</v>
      </c>
      <c r="AP5764">
        <v>0</v>
      </c>
      <c r="AQ5764">
        <v>0</v>
      </c>
      <c r="AR5764">
        <v>0</v>
      </c>
      <c r="AS5764">
        <v>0</v>
      </c>
      <c r="AT5764">
        <v>0</v>
      </c>
      <c r="AU5764">
        <v>0</v>
      </c>
      <c r="AV5764">
        <v>0</v>
      </c>
      <c r="AW5764">
        <v>0</v>
      </c>
      <c r="AX5764">
        <v>-932</v>
      </c>
      <c r="AY5764">
        <v>47</v>
      </c>
      <c r="AZ5764">
        <v>93</v>
      </c>
      <c r="BA5764">
        <v>7070</v>
      </c>
    </row>
    <row r="5765" spans="1:53" x14ac:dyDescent="0.4">
      <c r="A5765">
        <v>5809</v>
      </c>
      <c r="B5765" s="1">
        <v>45021</v>
      </c>
      <c r="C5765">
        <v>1</v>
      </c>
      <c r="D5765" s="1">
        <v>45021.291666666664</v>
      </c>
      <c r="E5765" s="1">
        <v>45021.402083333334</v>
      </c>
      <c r="F5765">
        <v>0</v>
      </c>
      <c r="G5765">
        <v>0</v>
      </c>
      <c r="H5765">
        <v>0</v>
      </c>
      <c r="I5765">
        <v>0</v>
      </c>
      <c r="J5765">
        <v>0</v>
      </c>
      <c r="K5765">
        <v>0</v>
      </c>
      <c r="L5765">
        <v>0</v>
      </c>
      <c r="M5765">
        <v>0</v>
      </c>
      <c r="N5765">
        <v>0</v>
      </c>
      <c r="O5765">
        <v>0</v>
      </c>
      <c r="P5765">
        <v>0</v>
      </c>
      <c r="Q5765">
        <v>0</v>
      </c>
      <c r="R5765">
        <v>0</v>
      </c>
      <c r="S5765">
        <v>0</v>
      </c>
      <c r="T5765">
        <v>0</v>
      </c>
      <c r="U5765">
        <v>0</v>
      </c>
      <c r="V5765">
        <v>0</v>
      </c>
      <c r="W5765">
        <v>1</v>
      </c>
      <c r="X5765">
        <v>0</v>
      </c>
      <c r="Y5765">
        <v>27</v>
      </c>
      <c r="Z5765">
        <v>20</v>
      </c>
      <c r="AA5765">
        <v>59</v>
      </c>
      <c r="AB5765">
        <v>21</v>
      </c>
      <c r="AC5765">
        <v>90</v>
      </c>
      <c r="AD5765">
        <v>21</v>
      </c>
      <c r="AE5765">
        <v>45</v>
      </c>
      <c r="AF5765">
        <v>0</v>
      </c>
      <c r="AG5765">
        <v>50000</v>
      </c>
      <c r="AH5765">
        <v>50000</v>
      </c>
      <c r="AI5765">
        <v>0</v>
      </c>
      <c r="AJ5765">
        <v>0</v>
      </c>
      <c r="AK5765" t="s">
        <v>6</v>
      </c>
      <c r="AL5765">
        <v>0</v>
      </c>
      <c r="AM5765">
        <v>0</v>
      </c>
      <c r="AN5765">
        <v>0</v>
      </c>
      <c r="AO5765">
        <v>0</v>
      </c>
      <c r="AP5765">
        <v>0</v>
      </c>
      <c r="AQ5765">
        <v>0</v>
      </c>
      <c r="AR5765">
        <v>0</v>
      </c>
      <c r="AS5765">
        <v>0</v>
      </c>
      <c r="AT5765">
        <v>0</v>
      </c>
      <c r="AU5765">
        <v>0</v>
      </c>
      <c r="AV5765">
        <v>0</v>
      </c>
      <c r="AW5765">
        <v>0</v>
      </c>
      <c r="AX5765">
        <v>0</v>
      </c>
      <c r="AY5765">
        <v>0</v>
      </c>
      <c r="AZ5765">
        <v>0</v>
      </c>
      <c r="BA5765">
        <v>0</v>
      </c>
    </row>
    <row r="5766" spans="1:53" x14ac:dyDescent="0.4">
      <c r="A5766">
        <v>5810</v>
      </c>
      <c r="B5766" s="1">
        <v>45021</v>
      </c>
      <c r="C5766">
        <v>2</v>
      </c>
      <c r="D5766" s="1">
        <v>45021.402083333334</v>
      </c>
      <c r="E5766" s="1">
        <v>45021.768750000003</v>
      </c>
      <c r="F5766">
        <v>52270</v>
      </c>
      <c r="G5766">
        <v>4268</v>
      </c>
      <c r="H5766">
        <v>0</v>
      </c>
      <c r="I5766">
        <v>0</v>
      </c>
      <c r="J5766">
        <v>100</v>
      </c>
      <c r="K5766">
        <v>0</v>
      </c>
      <c r="L5766">
        <v>0</v>
      </c>
      <c r="M5766">
        <v>5131</v>
      </c>
      <c r="N5766">
        <v>0</v>
      </c>
      <c r="O5766">
        <v>0</v>
      </c>
      <c r="P5766">
        <v>22600</v>
      </c>
      <c r="Q5766">
        <v>0</v>
      </c>
      <c r="R5766">
        <v>79038</v>
      </c>
      <c r="S5766">
        <v>0</v>
      </c>
      <c r="T5766">
        <v>0</v>
      </c>
      <c r="U5766">
        <v>0</v>
      </c>
      <c r="V5766">
        <v>1</v>
      </c>
      <c r="W5766">
        <v>3</v>
      </c>
      <c r="X5766">
        <v>0</v>
      </c>
      <c r="Y5766">
        <v>68</v>
      </c>
      <c r="Z5766">
        <v>52</v>
      </c>
      <c r="AA5766">
        <v>72</v>
      </c>
      <c r="AB5766">
        <v>32</v>
      </c>
      <c r="AC5766">
        <v>98</v>
      </c>
      <c r="AD5766">
        <v>19</v>
      </c>
      <c r="AE5766">
        <v>53</v>
      </c>
      <c r="AF5766">
        <v>0</v>
      </c>
      <c r="AG5766">
        <v>128928</v>
      </c>
      <c r="AH5766">
        <v>50000</v>
      </c>
      <c r="AI5766">
        <v>-110</v>
      </c>
      <c r="AJ5766">
        <v>110</v>
      </c>
      <c r="AK5766" t="s">
        <v>31</v>
      </c>
      <c r="AL5766">
        <v>0</v>
      </c>
      <c r="AM5766">
        <v>0</v>
      </c>
      <c r="AN5766">
        <v>0</v>
      </c>
      <c r="AO5766">
        <v>0</v>
      </c>
      <c r="AP5766">
        <v>0</v>
      </c>
      <c r="AQ5766">
        <v>0</v>
      </c>
      <c r="AR5766">
        <v>0</v>
      </c>
      <c r="AS5766">
        <v>0</v>
      </c>
      <c r="AT5766">
        <v>0</v>
      </c>
      <c r="AU5766">
        <v>0</v>
      </c>
      <c r="AV5766">
        <v>0</v>
      </c>
      <c r="AW5766">
        <v>0</v>
      </c>
      <c r="AX5766">
        <v>1188</v>
      </c>
      <c r="AY5766">
        <v>51</v>
      </c>
      <c r="AZ5766">
        <v>116</v>
      </c>
      <c r="BA5766">
        <v>7848</v>
      </c>
    </row>
    <row r="5767" spans="1:53" x14ac:dyDescent="0.4">
      <c r="A5767">
        <v>5811</v>
      </c>
      <c r="B5767" s="1">
        <v>45021</v>
      </c>
      <c r="C5767">
        <v>3</v>
      </c>
      <c r="D5767" s="1">
        <v>45021.768750000003</v>
      </c>
      <c r="E5767" s="1">
        <v>45021.836111111108</v>
      </c>
      <c r="F5767">
        <v>20250</v>
      </c>
      <c r="G5767">
        <v>1188</v>
      </c>
      <c r="H5767">
        <v>0</v>
      </c>
      <c r="I5767">
        <v>0</v>
      </c>
      <c r="J5767">
        <v>100</v>
      </c>
      <c r="K5767">
        <v>0</v>
      </c>
      <c r="L5767">
        <v>0</v>
      </c>
      <c r="M5767">
        <v>1937</v>
      </c>
      <c r="N5767">
        <v>0</v>
      </c>
      <c r="O5767">
        <v>0</v>
      </c>
      <c r="P5767">
        <v>-18540</v>
      </c>
      <c r="Q5767">
        <v>0</v>
      </c>
      <c r="R5767">
        <v>2798</v>
      </c>
      <c r="S5767">
        <v>0</v>
      </c>
      <c r="T5767">
        <v>0</v>
      </c>
      <c r="U5767">
        <v>0</v>
      </c>
      <c r="V5767">
        <v>1</v>
      </c>
      <c r="W5767">
        <v>3</v>
      </c>
      <c r="X5767">
        <v>0</v>
      </c>
      <c r="Y5767">
        <v>70</v>
      </c>
      <c r="Z5767">
        <v>54</v>
      </c>
      <c r="AA5767">
        <v>70</v>
      </c>
      <c r="AB5767">
        <v>33</v>
      </c>
      <c r="AC5767">
        <v>103</v>
      </c>
      <c r="AD5767">
        <v>19</v>
      </c>
      <c r="AE5767">
        <v>61</v>
      </c>
      <c r="AF5767">
        <v>0</v>
      </c>
      <c r="AG5767">
        <v>131836</v>
      </c>
      <c r="AH5767">
        <v>50000</v>
      </c>
      <c r="AI5767">
        <v>0</v>
      </c>
      <c r="AJ5767">
        <v>108</v>
      </c>
      <c r="AK5767" t="s">
        <v>3</v>
      </c>
      <c r="AL5767">
        <v>0</v>
      </c>
      <c r="AM5767">
        <v>0</v>
      </c>
      <c r="AN5767">
        <v>0</v>
      </c>
      <c r="AO5767">
        <v>0</v>
      </c>
      <c r="AP5767">
        <v>0</v>
      </c>
      <c r="AQ5767">
        <v>0</v>
      </c>
      <c r="AR5767">
        <v>0</v>
      </c>
      <c r="AS5767">
        <v>0</v>
      </c>
      <c r="AT5767">
        <v>0</v>
      </c>
      <c r="AU5767">
        <v>0</v>
      </c>
      <c r="AV5767">
        <v>0</v>
      </c>
      <c r="AW5767">
        <v>0</v>
      </c>
      <c r="AX5767">
        <v>0</v>
      </c>
      <c r="AY5767">
        <v>2</v>
      </c>
      <c r="AZ5767">
        <v>3</v>
      </c>
      <c r="BA5767">
        <v>1102</v>
      </c>
    </row>
    <row r="5768" spans="1:53" x14ac:dyDescent="0.4">
      <c r="A5768">
        <v>5812</v>
      </c>
      <c r="B5768" s="1">
        <v>45021</v>
      </c>
      <c r="C5768">
        <v>4</v>
      </c>
      <c r="D5768" s="1">
        <v>45021.836111111108</v>
      </c>
      <c r="E5768" s="1">
        <v>45021.955555555556</v>
      </c>
      <c r="F5768">
        <v>5160</v>
      </c>
      <c r="G5768">
        <v>0</v>
      </c>
      <c r="H5768">
        <v>0</v>
      </c>
      <c r="I5768">
        <v>0</v>
      </c>
      <c r="J5768">
        <v>0</v>
      </c>
      <c r="K5768">
        <v>0</v>
      </c>
      <c r="L5768">
        <v>0</v>
      </c>
      <c r="M5768">
        <v>469</v>
      </c>
      <c r="N5768">
        <v>0</v>
      </c>
      <c r="O5768">
        <v>0</v>
      </c>
      <c r="P5768">
        <v>-4060</v>
      </c>
      <c r="Q5768">
        <v>0</v>
      </c>
      <c r="R5768">
        <v>1100</v>
      </c>
      <c r="S5768">
        <v>0</v>
      </c>
      <c r="T5768">
        <v>0</v>
      </c>
      <c r="U5768">
        <v>0</v>
      </c>
      <c r="V5768">
        <v>1</v>
      </c>
      <c r="W5768">
        <v>3</v>
      </c>
      <c r="X5768">
        <v>0</v>
      </c>
      <c r="Y5768">
        <v>71</v>
      </c>
      <c r="Z5768">
        <v>53</v>
      </c>
      <c r="AA5768">
        <v>76</v>
      </c>
      <c r="AB5768">
        <v>33</v>
      </c>
      <c r="AC5768">
        <v>104</v>
      </c>
      <c r="AD5768">
        <v>19</v>
      </c>
      <c r="AE5768">
        <v>51</v>
      </c>
      <c r="AF5768">
        <v>0</v>
      </c>
      <c r="AG5768">
        <v>132936</v>
      </c>
      <c r="AH5768">
        <v>50000</v>
      </c>
      <c r="AI5768">
        <v>0</v>
      </c>
      <c r="AJ5768">
        <v>110</v>
      </c>
      <c r="AK5768" t="s">
        <v>31</v>
      </c>
      <c r="AL5768">
        <v>0</v>
      </c>
      <c r="AM5768">
        <v>0</v>
      </c>
      <c r="AN5768">
        <v>0</v>
      </c>
      <c r="AO5768">
        <v>0</v>
      </c>
      <c r="AP5768">
        <v>0</v>
      </c>
      <c r="AQ5768">
        <v>0</v>
      </c>
      <c r="AR5768">
        <v>0</v>
      </c>
      <c r="AS5768">
        <v>0</v>
      </c>
      <c r="AT5768">
        <v>0</v>
      </c>
      <c r="AU5768">
        <v>0</v>
      </c>
      <c r="AV5768">
        <v>0</v>
      </c>
      <c r="AW5768">
        <v>0</v>
      </c>
      <c r="AX5768">
        <v>6000</v>
      </c>
      <c r="AY5768">
        <v>2</v>
      </c>
      <c r="AZ5768">
        <v>7</v>
      </c>
      <c r="BA5768">
        <v>282</v>
      </c>
    </row>
    <row r="5769" spans="1:53" x14ac:dyDescent="0.4">
      <c r="A5769">
        <v>5813</v>
      </c>
      <c r="B5769" s="1">
        <v>45022</v>
      </c>
      <c r="C5769">
        <v>1</v>
      </c>
      <c r="D5769" s="1">
        <v>45022.291666666664</v>
      </c>
      <c r="E5769" s="1">
        <v>45022.446527777778</v>
      </c>
      <c r="F5769">
        <v>0</v>
      </c>
      <c r="G5769">
        <v>0</v>
      </c>
      <c r="H5769">
        <v>0</v>
      </c>
      <c r="I5769">
        <v>0</v>
      </c>
      <c r="J5769">
        <v>0</v>
      </c>
      <c r="K5769">
        <v>0</v>
      </c>
      <c r="L5769">
        <v>0</v>
      </c>
      <c r="M5769">
        <v>0</v>
      </c>
      <c r="N5769">
        <v>0</v>
      </c>
      <c r="O5769">
        <v>0</v>
      </c>
      <c r="P5769">
        <v>0</v>
      </c>
      <c r="Q5769">
        <v>0</v>
      </c>
      <c r="R5769">
        <v>0</v>
      </c>
      <c r="S5769">
        <v>0</v>
      </c>
      <c r="T5769">
        <v>0</v>
      </c>
      <c r="U5769">
        <v>0</v>
      </c>
      <c r="V5769">
        <v>0</v>
      </c>
      <c r="W5769">
        <v>1</v>
      </c>
      <c r="X5769">
        <v>0</v>
      </c>
      <c r="Y5769">
        <v>26</v>
      </c>
      <c r="Z5769">
        <v>14</v>
      </c>
      <c r="AA5769">
        <v>94</v>
      </c>
      <c r="AB5769">
        <v>29</v>
      </c>
      <c r="AC5769">
        <v>101</v>
      </c>
      <c r="AD5769">
        <v>18</v>
      </c>
      <c r="AE5769">
        <v>50</v>
      </c>
      <c r="AF5769">
        <v>0</v>
      </c>
      <c r="AG5769">
        <v>50000</v>
      </c>
      <c r="AH5769">
        <v>50000</v>
      </c>
      <c r="AI5769">
        <v>0</v>
      </c>
      <c r="AJ5769">
        <v>0</v>
      </c>
      <c r="AK5769" t="s">
        <v>6</v>
      </c>
      <c r="AL5769">
        <v>0</v>
      </c>
      <c r="AM5769">
        <v>0</v>
      </c>
      <c r="AN5769">
        <v>0</v>
      </c>
      <c r="AO5769">
        <v>0</v>
      </c>
      <c r="AP5769">
        <v>0</v>
      </c>
      <c r="AQ5769">
        <v>0</v>
      </c>
      <c r="AR5769">
        <v>0</v>
      </c>
      <c r="AS5769">
        <v>0</v>
      </c>
      <c r="AT5769">
        <v>0</v>
      </c>
      <c r="AU5769">
        <v>0</v>
      </c>
      <c r="AV5769">
        <v>0</v>
      </c>
      <c r="AW5769">
        <v>0</v>
      </c>
      <c r="AX5769">
        <v>0</v>
      </c>
      <c r="AY5769">
        <v>0</v>
      </c>
      <c r="AZ5769">
        <v>0</v>
      </c>
      <c r="BA5769">
        <v>0</v>
      </c>
    </row>
    <row r="5770" spans="1:53" x14ac:dyDescent="0.4">
      <c r="A5770">
        <v>5814</v>
      </c>
      <c r="B5770" s="1">
        <v>45022</v>
      </c>
      <c r="C5770">
        <v>2</v>
      </c>
      <c r="D5770" s="1">
        <v>45022.446527777778</v>
      </c>
      <c r="E5770" s="1">
        <v>45022.741666666669</v>
      </c>
      <c r="F5770">
        <v>30890</v>
      </c>
      <c r="G5770">
        <v>880</v>
      </c>
      <c r="H5770">
        <v>0</v>
      </c>
      <c r="I5770">
        <v>0</v>
      </c>
      <c r="J5770">
        <v>100</v>
      </c>
      <c r="K5770">
        <v>0</v>
      </c>
      <c r="L5770">
        <v>0</v>
      </c>
      <c r="M5770">
        <v>2879</v>
      </c>
      <c r="N5770">
        <v>0</v>
      </c>
      <c r="O5770">
        <v>0</v>
      </c>
      <c r="P5770">
        <v>14017</v>
      </c>
      <c r="Q5770">
        <v>0</v>
      </c>
      <c r="R5770">
        <v>45687</v>
      </c>
      <c r="S5770">
        <v>0</v>
      </c>
      <c r="T5770">
        <v>0</v>
      </c>
      <c r="U5770">
        <v>0</v>
      </c>
      <c r="V5770">
        <v>1</v>
      </c>
      <c r="W5770">
        <v>2</v>
      </c>
      <c r="X5770">
        <v>0</v>
      </c>
      <c r="Y5770">
        <v>49</v>
      </c>
      <c r="Z5770">
        <v>23</v>
      </c>
      <c r="AA5770">
        <v>64</v>
      </c>
      <c r="AB5770">
        <v>32</v>
      </c>
      <c r="AC5770">
        <v>130</v>
      </c>
      <c r="AD5770">
        <v>18</v>
      </c>
      <c r="AE5770">
        <v>47</v>
      </c>
      <c r="AF5770">
        <v>5750</v>
      </c>
      <c r="AG5770">
        <v>95687</v>
      </c>
      <c r="AH5770">
        <v>50000</v>
      </c>
      <c r="AI5770">
        <v>0</v>
      </c>
      <c r="AJ5770">
        <v>119</v>
      </c>
      <c r="AK5770" t="s">
        <v>56</v>
      </c>
      <c r="AL5770">
        <v>0</v>
      </c>
      <c r="AM5770">
        <v>0</v>
      </c>
      <c r="AN5770">
        <v>0</v>
      </c>
      <c r="AO5770">
        <v>0</v>
      </c>
      <c r="AP5770">
        <v>0</v>
      </c>
      <c r="AQ5770">
        <v>0</v>
      </c>
      <c r="AR5770">
        <v>0</v>
      </c>
      <c r="AS5770">
        <v>0</v>
      </c>
      <c r="AT5770">
        <v>0</v>
      </c>
      <c r="AU5770">
        <v>0</v>
      </c>
      <c r="AV5770">
        <v>0</v>
      </c>
      <c r="AW5770">
        <v>0</v>
      </c>
      <c r="AX5770">
        <v>1400</v>
      </c>
      <c r="AY5770">
        <v>39</v>
      </c>
      <c r="AZ5770">
        <v>69</v>
      </c>
      <c r="BA5770">
        <v>6449</v>
      </c>
    </row>
    <row r="5771" spans="1:53" x14ac:dyDescent="0.4">
      <c r="A5771">
        <v>5815</v>
      </c>
      <c r="B5771" s="1">
        <v>45022</v>
      </c>
      <c r="C5771">
        <v>3</v>
      </c>
      <c r="D5771" s="1">
        <v>45022.741666666669</v>
      </c>
      <c r="E5771" s="1">
        <v>45022.951388888891</v>
      </c>
      <c r="F5771">
        <v>26520</v>
      </c>
      <c r="G5771">
        <v>1400</v>
      </c>
      <c r="H5771">
        <v>0</v>
      </c>
      <c r="I5771">
        <v>0</v>
      </c>
      <c r="J5771">
        <v>153</v>
      </c>
      <c r="K5771">
        <v>400</v>
      </c>
      <c r="L5771">
        <v>0</v>
      </c>
      <c r="M5771">
        <v>2562</v>
      </c>
      <c r="N5771">
        <v>0</v>
      </c>
      <c r="O5771">
        <v>0</v>
      </c>
      <c r="P5771">
        <v>-4117</v>
      </c>
      <c r="Q5771">
        <v>0</v>
      </c>
      <c r="R5771">
        <v>24050</v>
      </c>
      <c r="S5771">
        <v>0</v>
      </c>
      <c r="T5771">
        <v>0</v>
      </c>
      <c r="U5771">
        <v>0</v>
      </c>
      <c r="V5771">
        <v>3</v>
      </c>
      <c r="W5771">
        <v>2</v>
      </c>
      <c r="X5771">
        <v>0</v>
      </c>
      <c r="Y5771">
        <v>47</v>
      </c>
      <c r="Z5771">
        <v>24</v>
      </c>
      <c r="AA5771">
        <v>65</v>
      </c>
      <c r="AB5771">
        <v>33</v>
      </c>
      <c r="AC5771">
        <v>134</v>
      </c>
      <c r="AD5771">
        <v>18</v>
      </c>
      <c r="AE5771">
        <v>47</v>
      </c>
      <c r="AF5771">
        <v>11110</v>
      </c>
      <c r="AG5771">
        <v>119737</v>
      </c>
      <c r="AH5771">
        <v>50000</v>
      </c>
      <c r="AI5771">
        <v>0</v>
      </c>
      <c r="AJ5771">
        <v>95</v>
      </c>
      <c r="AK5771" t="s">
        <v>21</v>
      </c>
      <c r="AL5771">
        <v>0</v>
      </c>
      <c r="AM5771">
        <v>0</v>
      </c>
      <c r="AN5771">
        <v>0</v>
      </c>
      <c r="AO5771">
        <v>0</v>
      </c>
      <c r="AP5771">
        <v>0</v>
      </c>
      <c r="AQ5771">
        <v>0</v>
      </c>
      <c r="AR5771">
        <v>0</v>
      </c>
      <c r="AS5771">
        <v>0</v>
      </c>
      <c r="AT5771">
        <v>0</v>
      </c>
      <c r="AU5771">
        <v>0</v>
      </c>
      <c r="AV5771">
        <v>0</v>
      </c>
      <c r="AW5771">
        <v>0</v>
      </c>
      <c r="AX5771">
        <v>-8580</v>
      </c>
      <c r="AY5771">
        <v>9</v>
      </c>
      <c r="AZ5771">
        <v>24</v>
      </c>
      <c r="BA5771">
        <v>1208</v>
      </c>
    </row>
    <row r="5772" spans="1:53" x14ac:dyDescent="0.4">
      <c r="A5772">
        <v>5816</v>
      </c>
      <c r="B5772" s="1">
        <v>45023</v>
      </c>
      <c r="C5772">
        <v>1</v>
      </c>
      <c r="D5772" s="1">
        <v>45023.291666666664</v>
      </c>
      <c r="E5772" s="1">
        <v>45023.447916666664</v>
      </c>
      <c r="F5772">
        <v>0</v>
      </c>
      <c r="G5772">
        <v>0</v>
      </c>
      <c r="H5772">
        <v>0</v>
      </c>
      <c r="I5772">
        <v>0</v>
      </c>
      <c r="J5772">
        <v>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  <c r="S5772">
        <v>0</v>
      </c>
      <c r="T5772">
        <v>0</v>
      </c>
      <c r="U5772">
        <v>0</v>
      </c>
      <c r="V5772">
        <v>0</v>
      </c>
      <c r="W5772">
        <v>1</v>
      </c>
      <c r="X5772">
        <v>0</v>
      </c>
      <c r="Y5772">
        <v>27</v>
      </c>
      <c r="Z5772">
        <v>15</v>
      </c>
      <c r="AA5772">
        <v>79</v>
      </c>
      <c r="AB5772">
        <v>29</v>
      </c>
      <c r="AC5772">
        <v>102</v>
      </c>
      <c r="AD5772">
        <v>17</v>
      </c>
      <c r="AE5772">
        <v>45</v>
      </c>
      <c r="AF5772">
        <v>0</v>
      </c>
      <c r="AG5772">
        <v>50000</v>
      </c>
      <c r="AH5772">
        <v>50000</v>
      </c>
      <c r="AI5772">
        <v>0</v>
      </c>
      <c r="AJ5772">
        <v>0</v>
      </c>
      <c r="AK5772" t="s">
        <v>6</v>
      </c>
      <c r="AL5772">
        <v>0</v>
      </c>
      <c r="AM5772">
        <v>0</v>
      </c>
      <c r="AN5772">
        <v>0</v>
      </c>
      <c r="AO5772">
        <v>0</v>
      </c>
      <c r="AP5772">
        <v>0</v>
      </c>
      <c r="AQ5772">
        <v>0</v>
      </c>
      <c r="AR5772">
        <v>0</v>
      </c>
      <c r="AS5772">
        <v>0</v>
      </c>
      <c r="AT5772">
        <v>0</v>
      </c>
      <c r="AU5772">
        <v>0</v>
      </c>
      <c r="AV5772">
        <v>0</v>
      </c>
      <c r="AW5772">
        <v>0</v>
      </c>
      <c r="AX5772">
        <v>0</v>
      </c>
      <c r="AY5772">
        <v>0</v>
      </c>
      <c r="AZ5772">
        <v>0</v>
      </c>
      <c r="BA5772">
        <v>0</v>
      </c>
    </row>
    <row r="5773" spans="1:53" x14ac:dyDescent="0.4">
      <c r="A5773">
        <v>5817</v>
      </c>
      <c r="B5773" s="1">
        <v>45023</v>
      </c>
      <c r="C5773">
        <v>2</v>
      </c>
      <c r="D5773" s="1">
        <v>45023.447916666664</v>
      </c>
      <c r="E5773" s="1">
        <v>45023.75</v>
      </c>
      <c r="F5773">
        <v>23870</v>
      </c>
      <c r="G5773">
        <v>594</v>
      </c>
      <c r="H5773">
        <v>0</v>
      </c>
      <c r="I5773">
        <v>0</v>
      </c>
      <c r="J5773">
        <v>0</v>
      </c>
      <c r="K5773">
        <v>0</v>
      </c>
      <c r="L5773">
        <v>0</v>
      </c>
      <c r="M5773">
        <v>2224</v>
      </c>
      <c r="N5773">
        <v>0</v>
      </c>
      <c r="O5773">
        <v>0</v>
      </c>
      <c r="P5773">
        <v>9795</v>
      </c>
      <c r="Q5773">
        <v>0</v>
      </c>
      <c r="R5773">
        <v>34259</v>
      </c>
      <c r="S5773">
        <v>0</v>
      </c>
      <c r="T5773">
        <v>0</v>
      </c>
      <c r="U5773">
        <v>0</v>
      </c>
      <c r="V5773">
        <v>1</v>
      </c>
      <c r="W5773">
        <v>0</v>
      </c>
      <c r="X5773">
        <v>0</v>
      </c>
      <c r="Y5773">
        <v>53</v>
      </c>
      <c r="Z5773">
        <v>23</v>
      </c>
      <c r="AA5773">
        <v>71</v>
      </c>
      <c r="AB5773">
        <v>30</v>
      </c>
      <c r="AC5773">
        <v>103</v>
      </c>
      <c r="AD5773">
        <v>17</v>
      </c>
      <c r="AE5773">
        <v>44</v>
      </c>
      <c r="AF5773">
        <v>0</v>
      </c>
      <c r="AG5773">
        <v>84259</v>
      </c>
      <c r="AH5773">
        <v>50000</v>
      </c>
      <c r="AI5773">
        <v>0</v>
      </c>
      <c r="AJ5773">
        <v>118</v>
      </c>
      <c r="AK5773" t="s">
        <v>59</v>
      </c>
      <c r="AL5773">
        <v>0</v>
      </c>
      <c r="AM5773">
        <v>0</v>
      </c>
      <c r="AN5773">
        <v>0</v>
      </c>
      <c r="AO5773">
        <v>0</v>
      </c>
      <c r="AP5773">
        <v>0</v>
      </c>
      <c r="AQ5773">
        <v>0</v>
      </c>
      <c r="AR5773">
        <v>0</v>
      </c>
      <c r="AS5773">
        <v>0</v>
      </c>
      <c r="AT5773">
        <v>0</v>
      </c>
      <c r="AU5773">
        <v>0</v>
      </c>
      <c r="AV5773">
        <v>0</v>
      </c>
      <c r="AW5773">
        <v>0</v>
      </c>
      <c r="AX5773">
        <v>-1200</v>
      </c>
      <c r="AY5773">
        <v>30</v>
      </c>
      <c r="AZ5773">
        <v>54</v>
      </c>
      <c r="BA5773">
        <v>5001</v>
      </c>
    </row>
    <row r="5774" spans="1:53" x14ac:dyDescent="0.4">
      <c r="A5774">
        <v>5818</v>
      </c>
      <c r="B5774" s="1">
        <v>45023</v>
      </c>
      <c r="C5774">
        <v>3</v>
      </c>
      <c r="D5774" s="1">
        <v>45023.75</v>
      </c>
      <c r="E5774" s="1">
        <v>45023.961111111108</v>
      </c>
      <c r="F5774">
        <v>42955</v>
      </c>
      <c r="G5774">
        <v>462</v>
      </c>
      <c r="H5774">
        <v>0</v>
      </c>
      <c r="I5774">
        <v>0</v>
      </c>
      <c r="J5774">
        <v>100</v>
      </c>
      <c r="K5774">
        <v>0</v>
      </c>
      <c r="L5774">
        <v>0</v>
      </c>
      <c r="M5774">
        <v>3936</v>
      </c>
      <c r="N5774">
        <v>0</v>
      </c>
      <c r="O5774">
        <v>0</v>
      </c>
      <c r="P5774">
        <v>-9795</v>
      </c>
      <c r="Q5774">
        <v>0</v>
      </c>
      <c r="R5774">
        <v>33522</v>
      </c>
      <c r="S5774">
        <v>0</v>
      </c>
      <c r="T5774">
        <v>0</v>
      </c>
      <c r="U5774">
        <v>0</v>
      </c>
      <c r="V5774">
        <v>3</v>
      </c>
      <c r="W5774">
        <v>0</v>
      </c>
      <c r="X5774">
        <v>0</v>
      </c>
      <c r="Y5774">
        <v>56</v>
      </c>
      <c r="Z5774">
        <v>22</v>
      </c>
      <c r="AA5774">
        <v>73</v>
      </c>
      <c r="AB5774">
        <v>27</v>
      </c>
      <c r="AC5774">
        <v>97</v>
      </c>
      <c r="AD5774">
        <v>16</v>
      </c>
      <c r="AE5774">
        <v>41</v>
      </c>
      <c r="AF5774">
        <v>11040</v>
      </c>
      <c r="AG5774">
        <v>117781</v>
      </c>
      <c r="AH5774">
        <v>50000</v>
      </c>
      <c r="AI5774">
        <v>0</v>
      </c>
      <c r="AJ5774">
        <v>108</v>
      </c>
      <c r="AK5774" t="s">
        <v>3</v>
      </c>
      <c r="AL5774">
        <v>0</v>
      </c>
      <c r="AM5774">
        <v>0</v>
      </c>
      <c r="AN5774">
        <v>0</v>
      </c>
      <c r="AO5774">
        <v>0</v>
      </c>
      <c r="AP5774">
        <v>0</v>
      </c>
      <c r="AQ5774">
        <v>0</v>
      </c>
      <c r="AR5774">
        <v>0</v>
      </c>
      <c r="AS5774">
        <v>0</v>
      </c>
      <c r="AT5774">
        <v>0</v>
      </c>
      <c r="AU5774">
        <v>0</v>
      </c>
      <c r="AV5774">
        <v>0</v>
      </c>
      <c r="AW5774">
        <v>0</v>
      </c>
      <c r="AX5774">
        <v>39118</v>
      </c>
      <c r="AY5774">
        <v>17</v>
      </c>
      <c r="AZ5774">
        <v>47</v>
      </c>
      <c r="BA5774">
        <v>2423</v>
      </c>
    </row>
    <row r="5775" spans="1:53" x14ac:dyDescent="0.4">
      <c r="A5775">
        <v>5819</v>
      </c>
      <c r="B5775" s="1">
        <v>45023</v>
      </c>
      <c r="C5775">
        <v>4</v>
      </c>
      <c r="D5775" s="1">
        <v>45023.961111111108</v>
      </c>
      <c r="E5775" s="1">
        <v>45024.111805555556</v>
      </c>
      <c r="F5775">
        <v>89480</v>
      </c>
      <c r="G5775">
        <v>1518</v>
      </c>
      <c r="H5775">
        <v>0</v>
      </c>
      <c r="I5775">
        <v>0</v>
      </c>
      <c r="J5775">
        <v>0</v>
      </c>
      <c r="K5775">
        <v>0</v>
      </c>
      <c r="L5775">
        <v>0</v>
      </c>
      <c r="M5775">
        <v>8272</v>
      </c>
      <c r="N5775">
        <v>0</v>
      </c>
      <c r="O5775">
        <v>0</v>
      </c>
      <c r="P5775">
        <v>39560</v>
      </c>
      <c r="Q5775">
        <v>0</v>
      </c>
      <c r="R5775">
        <v>130558</v>
      </c>
      <c r="S5775">
        <v>0</v>
      </c>
      <c r="T5775">
        <v>0</v>
      </c>
      <c r="U5775">
        <v>0</v>
      </c>
      <c r="V5775">
        <v>6</v>
      </c>
      <c r="W5775">
        <v>0</v>
      </c>
      <c r="X5775">
        <v>0</v>
      </c>
      <c r="Y5775">
        <v>60</v>
      </c>
      <c r="Z5775">
        <v>20</v>
      </c>
      <c r="AA5775">
        <v>68</v>
      </c>
      <c r="AB5775">
        <v>26</v>
      </c>
      <c r="AC5775">
        <v>94</v>
      </c>
      <c r="AD5775">
        <v>16</v>
      </c>
      <c r="AE5775">
        <v>39</v>
      </c>
      <c r="AF5775">
        <v>109180</v>
      </c>
      <c r="AG5775">
        <v>248339</v>
      </c>
      <c r="AH5775">
        <v>50000</v>
      </c>
      <c r="AI5775">
        <v>0</v>
      </c>
      <c r="AJ5775">
        <v>108</v>
      </c>
      <c r="AK5775" t="s">
        <v>3</v>
      </c>
      <c r="AL5775">
        <v>0</v>
      </c>
      <c r="AM5775">
        <v>0</v>
      </c>
      <c r="AN5775">
        <v>0</v>
      </c>
      <c r="AO5775">
        <v>0</v>
      </c>
      <c r="AP5775">
        <v>0</v>
      </c>
      <c r="AQ5775">
        <v>0</v>
      </c>
      <c r="AR5775">
        <v>0</v>
      </c>
      <c r="AS5775">
        <v>0</v>
      </c>
      <c r="AT5775">
        <v>0</v>
      </c>
      <c r="AU5775">
        <v>0</v>
      </c>
      <c r="AV5775">
        <v>0</v>
      </c>
      <c r="AW5775">
        <v>0</v>
      </c>
      <c r="AX5775">
        <v>440</v>
      </c>
      <c r="AY5775">
        <v>8</v>
      </c>
      <c r="AZ5775">
        <v>32</v>
      </c>
      <c r="BA5775">
        <v>1013</v>
      </c>
    </row>
    <row r="5776" spans="1:53" x14ac:dyDescent="0.4">
      <c r="A5776">
        <v>5820</v>
      </c>
      <c r="B5776" s="1">
        <v>45024</v>
      </c>
      <c r="C5776">
        <v>1</v>
      </c>
      <c r="D5776" s="1">
        <v>45024.291666666664</v>
      </c>
      <c r="E5776" s="1">
        <v>45024.40625</v>
      </c>
      <c r="F5776">
        <v>0</v>
      </c>
      <c r="G5776">
        <v>0</v>
      </c>
      <c r="H5776">
        <v>0</v>
      </c>
      <c r="I5776">
        <v>0</v>
      </c>
      <c r="J5776">
        <v>0</v>
      </c>
      <c r="K5776">
        <v>0</v>
      </c>
      <c r="L5776">
        <v>0</v>
      </c>
      <c r="M5776">
        <v>0</v>
      </c>
      <c r="N5776">
        <v>0</v>
      </c>
      <c r="O5776">
        <v>0</v>
      </c>
      <c r="P5776">
        <v>0</v>
      </c>
      <c r="Q5776">
        <v>0</v>
      </c>
      <c r="R5776">
        <v>0</v>
      </c>
      <c r="S5776">
        <v>0</v>
      </c>
      <c r="T5776">
        <v>0</v>
      </c>
      <c r="U5776">
        <v>0</v>
      </c>
      <c r="V5776">
        <v>0</v>
      </c>
      <c r="W5776">
        <v>1</v>
      </c>
      <c r="X5776">
        <v>0</v>
      </c>
      <c r="Y5776">
        <v>30</v>
      </c>
      <c r="Z5776">
        <v>12</v>
      </c>
      <c r="AA5776">
        <v>68</v>
      </c>
      <c r="AB5776">
        <v>24</v>
      </c>
      <c r="AC5776">
        <v>89</v>
      </c>
      <c r="AD5776">
        <v>15</v>
      </c>
      <c r="AE5776">
        <v>35</v>
      </c>
      <c r="AF5776">
        <v>0</v>
      </c>
      <c r="AG5776">
        <v>50000</v>
      </c>
      <c r="AH5776">
        <v>50000</v>
      </c>
      <c r="AI5776">
        <v>0</v>
      </c>
      <c r="AJ5776">
        <v>0</v>
      </c>
      <c r="AK5776" t="s">
        <v>6</v>
      </c>
      <c r="AL5776">
        <v>0</v>
      </c>
      <c r="AM5776">
        <v>0</v>
      </c>
      <c r="AN5776">
        <v>0</v>
      </c>
      <c r="AO5776">
        <v>0</v>
      </c>
      <c r="AP5776">
        <v>0</v>
      </c>
      <c r="AQ5776">
        <v>0</v>
      </c>
      <c r="AR5776">
        <v>0</v>
      </c>
      <c r="AS5776">
        <v>0</v>
      </c>
      <c r="AT5776">
        <v>0</v>
      </c>
      <c r="AU5776">
        <v>0</v>
      </c>
      <c r="AV5776">
        <v>0</v>
      </c>
      <c r="AW5776">
        <v>0</v>
      </c>
      <c r="AX5776">
        <v>0</v>
      </c>
      <c r="AY5776">
        <v>0</v>
      </c>
      <c r="AZ5776">
        <v>0</v>
      </c>
      <c r="BA5776">
        <v>0</v>
      </c>
    </row>
    <row r="5777" spans="1:53" x14ac:dyDescent="0.4">
      <c r="A5777">
        <v>5821</v>
      </c>
      <c r="B5777" s="1">
        <v>45024</v>
      </c>
      <c r="C5777">
        <v>2</v>
      </c>
      <c r="D5777" s="1">
        <v>45024.40625</v>
      </c>
      <c r="E5777" s="1">
        <v>45024.732638888891</v>
      </c>
      <c r="F5777">
        <v>34580</v>
      </c>
      <c r="G5777">
        <v>4700</v>
      </c>
      <c r="H5777">
        <v>0</v>
      </c>
      <c r="I5777">
        <v>0</v>
      </c>
      <c r="J5777">
        <v>100</v>
      </c>
      <c r="K5777">
        <v>0</v>
      </c>
      <c r="L5777">
        <v>0</v>
      </c>
      <c r="M5777">
        <v>3563</v>
      </c>
      <c r="N5777">
        <v>0</v>
      </c>
      <c r="O5777">
        <v>0</v>
      </c>
      <c r="P5777">
        <v>28250</v>
      </c>
      <c r="Q5777">
        <v>0</v>
      </c>
      <c r="R5777">
        <v>67430</v>
      </c>
      <c r="S5777">
        <v>0</v>
      </c>
      <c r="T5777">
        <v>0</v>
      </c>
      <c r="U5777">
        <v>0</v>
      </c>
      <c r="V5777">
        <v>3</v>
      </c>
      <c r="W5777">
        <v>3</v>
      </c>
      <c r="X5777">
        <v>0</v>
      </c>
      <c r="Y5777">
        <v>51</v>
      </c>
      <c r="Z5777">
        <v>21</v>
      </c>
      <c r="AA5777">
        <v>47</v>
      </c>
      <c r="AB5777">
        <v>29</v>
      </c>
      <c r="AC5777">
        <v>118</v>
      </c>
      <c r="AD5777">
        <v>19</v>
      </c>
      <c r="AE5777">
        <v>35</v>
      </c>
      <c r="AF5777">
        <v>3470</v>
      </c>
      <c r="AG5777">
        <v>117430</v>
      </c>
      <c r="AH5777">
        <v>50000</v>
      </c>
      <c r="AI5777">
        <v>0</v>
      </c>
      <c r="AJ5777">
        <v>118</v>
      </c>
      <c r="AK5777" t="s">
        <v>59</v>
      </c>
      <c r="AL5777">
        <v>0</v>
      </c>
      <c r="AM5777">
        <v>0</v>
      </c>
      <c r="AN5777">
        <v>0</v>
      </c>
      <c r="AO5777">
        <v>0</v>
      </c>
      <c r="AP5777">
        <v>0</v>
      </c>
      <c r="AQ5777">
        <v>0</v>
      </c>
      <c r="AR5777">
        <v>0</v>
      </c>
      <c r="AS5777">
        <v>0</v>
      </c>
      <c r="AT5777">
        <v>0</v>
      </c>
      <c r="AU5777">
        <v>0</v>
      </c>
      <c r="AV5777">
        <v>0</v>
      </c>
      <c r="AW5777">
        <v>0</v>
      </c>
      <c r="AX5777">
        <v>-466</v>
      </c>
      <c r="AY5777">
        <v>51</v>
      </c>
      <c r="AZ5777">
        <v>101</v>
      </c>
      <c r="BA5777">
        <v>7118</v>
      </c>
    </row>
    <row r="5778" spans="1:53" x14ac:dyDescent="0.4">
      <c r="A5778">
        <v>5822</v>
      </c>
      <c r="B5778" s="1">
        <v>45024</v>
      </c>
      <c r="C5778">
        <v>3</v>
      </c>
      <c r="D5778" s="1">
        <v>45024.732638888891</v>
      </c>
      <c r="E5778" s="1">
        <v>45024.96875</v>
      </c>
      <c r="F5778">
        <v>142260</v>
      </c>
      <c r="G5778">
        <v>3674</v>
      </c>
      <c r="H5778">
        <v>0</v>
      </c>
      <c r="I5778">
        <v>0</v>
      </c>
      <c r="J5778">
        <v>2400</v>
      </c>
      <c r="K5778">
        <v>4640</v>
      </c>
      <c r="L5778">
        <v>0</v>
      </c>
      <c r="M5778">
        <v>13258</v>
      </c>
      <c r="N5778">
        <v>0</v>
      </c>
      <c r="O5778">
        <v>0</v>
      </c>
      <c r="P5778">
        <v>-15170</v>
      </c>
      <c r="Q5778">
        <v>0</v>
      </c>
      <c r="R5778">
        <v>133004</v>
      </c>
      <c r="S5778">
        <v>0</v>
      </c>
      <c r="T5778">
        <v>0</v>
      </c>
      <c r="U5778">
        <v>0</v>
      </c>
      <c r="V5778">
        <v>14</v>
      </c>
      <c r="W5778">
        <v>2</v>
      </c>
      <c r="X5778">
        <v>0</v>
      </c>
      <c r="Y5778">
        <v>58</v>
      </c>
      <c r="Z5778">
        <v>23</v>
      </c>
      <c r="AA5778">
        <v>65</v>
      </c>
      <c r="AB5778">
        <v>33</v>
      </c>
      <c r="AC5778">
        <v>118</v>
      </c>
      <c r="AD5778">
        <v>20</v>
      </c>
      <c r="AE5778">
        <v>38</v>
      </c>
      <c r="AF5778">
        <v>21466</v>
      </c>
      <c r="AG5778">
        <v>250434</v>
      </c>
      <c r="AH5778">
        <v>50000</v>
      </c>
      <c r="AI5778">
        <v>0</v>
      </c>
      <c r="AJ5778">
        <v>108</v>
      </c>
      <c r="AK5778" t="s">
        <v>3</v>
      </c>
      <c r="AL5778">
        <v>0</v>
      </c>
      <c r="AM5778">
        <v>0</v>
      </c>
      <c r="AN5778">
        <v>0</v>
      </c>
      <c r="AO5778">
        <v>0</v>
      </c>
      <c r="AP5778">
        <v>0</v>
      </c>
      <c r="AQ5778">
        <v>0</v>
      </c>
      <c r="AR5778">
        <v>0</v>
      </c>
      <c r="AS5778">
        <v>0</v>
      </c>
      <c r="AT5778">
        <v>0</v>
      </c>
      <c r="AU5778">
        <v>0</v>
      </c>
      <c r="AV5778">
        <v>0</v>
      </c>
      <c r="AW5778">
        <v>0</v>
      </c>
      <c r="AX5778">
        <v>55138</v>
      </c>
      <c r="AY5778">
        <v>35</v>
      </c>
      <c r="AZ5778">
        <v>97</v>
      </c>
      <c r="BA5778">
        <v>5591</v>
      </c>
    </row>
    <row r="5779" spans="1:53" x14ac:dyDescent="0.4">
      <c r="A5779">
        <v>5823</v>
      </c>
      <c r="B5779" s="1">
        <v>45024</v>
      </c>
      <c r="C5779">
        <v>4</v>
      </c>
      <c r="D5779" s="1">
        <v>45024.96875</v>
      </c>
      <c r="E5779" s="1">
        <v>45025.136805555558</v>
      </c>
      <c r="F5779">
        <v>79060</v>
      </c>
      <c r="G5779">
        <v>0</v>
      </c>
      <c r="H5779">
        <v>220</v>
      </c>
      <c r="I5779">
        <v>0</v>
      </c>
      <c r="J5779">
        <v>0</v>
      </c>
      <c r="K5779">
        <v>4260</v>
      </c>
      <c r="L5779">
        <v>0</v>
      </c>
      <c r="M5779">
        <v>7594</v>
      </c>
      <c r="N5779">
        <v>0</v>
      </c>
      <c r="O5779">
        <v>0</v>
      </c>
      <c r="P5779">
        <v>31998</v>
      </c>
      <c r="Q5779">
        <v>0</v>
      </c>
      <c r="R5779">
        <v>115538</v>
      </c>
      <c r="S5779">
        <v>0</v>
      </c>
      <c r="T5779">
        <v>0</v>
      </c>
      <c r="U5779">
        <v>0</v>
      </c>
      <c r="V5779">
        <v>21</v>
      </c>
      <c r="W5779">
        <v>5</v>
      </c>
      <c r="X5779">
        <v>0</v>
      </c>
      <c r="Y5779">
        <v>72</v>
      </c>
      <c r="Z5779">
        <v>22</v>
      </c>
      <c r="AA5779">
        <v>72</v>
      </c>
      <c r="AB5779">
        <v>34</v>
      </c>
      <c r="AC5779">
        <v>118</v>
      </c>
      <c r="AD5779">
        <v>21</v>
      </c>
      <c r="AE5779">
        <v>41</v>
      </c>
      <c r="AF5779">
        <v>37746</v>
      </c>
      <c r="AG5779">
        <v>365972</v>
      </c>
      <c r="AH5779">
        <v>50000</v>
      </c>
      <c r="AI5779">
        <v>0</v>
      </c>
      <c r="AJ5779">
        <v>108</v>
      </c>
      <c r="AK5779" t="s">
        <v>3</v>
      </c>
      <c r="AL5779">
        <v>0</v>
      </c>
      <c r="AM5779">
        <v>0</v>
      </c>
      <c r="AN5779">
        <v>0</v>
      </c>
      <c r="AO5779">
        <v>0</v>
      </c>
      <c r="AP5779">
        <v>0</v>
      </c>
      <c r="AQ5779">
        <v>0</v>
      </c>
      <c r="AR5779">
        <v>0</v>
      </c>
      <c r="AS5779">
        <v>0</v>
      </c>
      <c r="AT5779">
        <v>0</v>
      </c>
      <c r="AU5779">
        <v>0</v>
      </c>
      <c r="AV5779">
        <v>0</v>
      </c>
      <c r="AW5779">
        <v>0</v>
      </c>
      <c r="AX5779">
        <v>16447</v>
      </c>
      <c r="AY5779">
        <v>11</v>
      </c>
      <c r="AZ5779">
        <v>28</v>
      </c>
      <c r="BA5779">
        <v>2634</v>
      </c>
    </row>
    <row r="5780" spans="1:53" x14ac:dyDescent="0.4">
      <c r="A5780">
        <v>5824</v>
      </c>
      <c r="B5780" s="1">
        <v>45025</v>
      </c>
      <c r="C5780">
        <v>1</v>
      </c>
      <c r="D5780" s="1">
        <v>45025.291666666664</v>
      </c>
      <c r="E5780" s="1">
        <v>45025.395138888889</v>
      </c>
      <c r="F5780">
        <v>0</v>
      </c>
      <c r="G5780">
        <v>0</v>
      </c>
      <c r="H5780">
        <v>0</v>
      </c>
      <c r="I5780">
        <v>0</v>
      </c>
      <c r="J5780">
        <v>0</v>
      </c>
      <c r="K5780">
        <v>0</v>
      </c>
      <c r="L5780">
        <v>0</v>
      </c>
      <c r="M5780">
        <v>0</v>
      </c>
      <c r="N5780">
        <v>0</v>
      </c>
      <c r="O5780">
        <v>0</v>
      </c>
      <c r="P5780">
        <v>0</v>
      </c>
      <c r="Q5780">
        <v>0</v>
      </c>
      <c r="R5780">
        <v>0</v>
      </c>
      <c r="S5780">
        <v>0</v>
      </c>
      <c r="T5780">
        <v>0</v>
      </c>
      <c r="U5780">
        <v>0</v>
      </c>
      <c r="V5780">
        <v>0</v>
      </c>
      <c r="W5780">
        <v>1</v>
      </c>
      <c r="X5780">
        <v>0</v>
      </c>
      <c r="Y5780">
        <v>27</v>
      </c>
      <c r="Z5780">
        <v>14</v>
      </c>
      <c r="AA5780">
        <v>85</v>
      </c>
      <c r="AB5780">
        <v>27</v>
      </c>
      <c r="AC5780">
        <v>101</v>
      </c>
      <c r="AD5780">
        <v>20</v>
      </c>
      <c r="AE5780">
        <v>40</v>
      </c>
      <c r="AF5780">
        <v>0</v>
      </c>
      <c r="AG5780">
        <v>50000</v>
      </c>
      <c r="AH5780">
        <v>50000</v>
      </c>
      <c r="AI5780">
        <v>0</v>
      </c>
      <c r="AJ5780">
        <v>0</v>
      </c>
      <c r="AK5780" t="s">
        <v>6</v>
      </c>
      <c r="AL5780">
        <v>0</v>
      </c>
      <c r="AM5780">
        <v>0</v>
      </c>
      <c r="AN5780">
        <v>0</v>
      </c>
      <c r="AO5780">
        <v>0</v>
      </c>
      <c r="AP5780">
        <v>0</v>
      </c>
      <c r="AQ5780">
        <v>0</v>
      </c>
      <c r="AR5780">
        <v>0</v>
      </c>
      <c r="AS5780">
        <v>0</v>
      </c>
      <c r="AT5780">
        <v>0</v>
      </c>
      <c r="AU5780">
        <v>0</v>
      </c>
      <c r="AV5780">
        <v>0</v>
      </c>
      <c r="AW5780">
        <v>0</v>
      </c>
      <c r="AX5780">
        <v>0</v>
      </c>
      <c r="AY5780">
        <v>0</v>
      </c>
      <c r="AZ5780">
        <v>0</v>
      </c>
      <c r="BA5780">
        <v>0</v>
      </c>
    </row>
    <row r="5781" spans="1:53" x14ac:dyDescent="0.4">
      <c r="A5781">
        <v>5825</v>
      </c>
      <c r="B5781" s="1">
        <v>45025</v>
      </c>
      <c r="C5781">
        <v>2</v>
      </c>
      <c r="D5781" s="1">
        <v>45025.395138888889</v>
      </c>
      <c r="E5781" s="1">
        <v>45025.808333333334</v>
      </c>
      <c r="F5781">
        <v>65810</v>
      </c>
      <c r="G5781">
        <v>5654</v>
      </c>
      <c r="H5781">
        <v>0</v>
      </c>
      <c r="I5781">
        <v>0</v>
      </c>
      <c r="J5781">
        <v>200</v>
      </c>
      <c r="K5781">
        <v>400</v>
      </c>
      <c r="L5781">
        <v>0</v>
      </c>
      <c r="M5781">
        <v>6512</v>
      </c>
      <c r="N5781">
        <v>0</v>
      </c>
      <c r="O5781">
        <v>0</v>
      </c>
      <c r="P5781">
        <v>15530</v>
      </c>
      <c r="Q5781">
        <v>0</v>
      </c>
      <c r="R5781">
        <v>87194</v>
      </c>
      <c r="S5781">
        <v>0</v>
      </c>
      <c r="T5781">
        <v>0</v>
      </c>
      <c r="U5781">
        <v>0</v>
      </c>
      <c r="V5781">
        <v>1</v>
      </c>
      <c r="W5781">
        <v>4</v>
      </c>
      <c r="X5781">
        <v>0</v>
      </c>
      <c r="Y5781">
        <v>66</v>
      </c>
      <c r="Z5781">
        <v>39</v>
      </c>
      <c r="AA5781">
        <v>78</v>
      </c>
      <c r="AB5781">
        <v>32</v>
      </c>
      <c r="AC5781">
        <v>147</v>
      </c>
      <c r="AD5781">
        <v>22</v>
      </c>
      <c r="AE5781">
        <v>58</v>
      </c>
      <c r="AF5781">
        <v>10656</v>
      </c>
      <c r="AG5781">
        <v>137194</v>
      </c>
      <c r="AH5781">
        <v>50000</v>
      </c>
      <c r="AI5781">
        <v>0</v>
      </c>
      <c r="AJ5781">
        <v>108</v>
      </c>
      <c r="AK5781" t="s">
        <v>3</v>
      </c>
      <c r="AL5781">
        <v>0</v>
      </c>
      <c r="AM5781">
        <v>0</v>
      </c>
      <c r="AN5781">
        <v>0</v>
      </c>
      <c r="AO5781">
        <v>0</v>
      </c>
      <c r="AP5781">
        <v>0</v>
      </c>
      <c r="AQ5781">
        <v>0</v>
      </c>
      <c r="AR5781">
        <v>0</v>
      </c>
      <c r="AS5781">
        <v>0</v>
      </c>
      <c r="AT5781">
        <v>0</v>
      </c>
      <c r="AU5781">
        <v>0</v>
      </c>
      <c r="AV5781">
        <v>0</v>
      </c>
      <c r="AW5781">
        <v>0</v>
      </c>
      <c r="AX5781">
        <v>3256</v>
      </c>
      <c r="AY5781">
        <v>64</v>
      </c>
      <c r="AZ5781">
        <v>139</v>
      </c>
      <c r="BA5781">
        <v>9739</v>
      </c>
    </row>
    <row r="5782" spans="1:53" x14ac:dyDescent="0.4">
      <c r="A5782">
        <v>5826</v>
      </c>
      <c r="B5782" s="1">
        <v>45026</v>
      </c>
      <c r="C5782">
        <v>1</v>
      </c>
      <c r="D5782" s="1">
        <v>45026.291666666664</v>
      </c>
      <c r="E5782" s="1">
        <v>45026.447222222225</v>
      </c>
      <c r="F5782">
        <v>0</v>
      </c>
      <c r="G5782">
        <v>0</v>
      </c>
      <c r="H5782">
        <v>0</v>
      </c>
      <c r="I5782">
        <v>0</v>
      </c>
      <c r="J5782">
        <v>0</v>
      </c>
      <c r="K5782">
        <v>0</v>
      </c>
      <c r="L5782">
        <v>0</v>
      </c>
      <c r="M5782">
        <v>0</v>
      </c>
      <c r="N5782">
        <v>0</v>
      </c>
      <c r="O5782">
        <v>0</v>
      </c>
      <c r="P5782">
        <v>0</v>
      </c>
      <c r="Q5782">
        <v>0</v>
      </c>
      <c r="R5782">
        <v>0</v>
      </c>
      <c r="S5782">
        <v>0</v>
      </c>
      <c r="T5782">
        <v>0</v>
      </c>
      <c r="U5782">
        <v>0</v>
      </c>
      <c r="V5782">
        <v>0</v>
      </c>
      <c r="W5782">
        <v>1</v>
      </c>
      <c r="X5782">
        <v>0</v>
      </c>
      <c r="Y5782">
        <v>28</v>
      </c>
      <c r="Z5782">
        <v>11</v>
      </c>
      <c r="AA5782">
        <v>86</v>
      </c>
      <c r="AB5782">
        <v>34</v>
      </c>
      <c r="AC5782">
        <v>104</v>
      </c>
      <c r="AD5782">
        <v>22</v>
      </c>
      <c r="AE5782">
        <v>50</v>
      </c>
      <c r="AF5782">
        <v>0</v>
      </c>
      <c r="AG5782">
        <v>50000</v>
      </c>
      <c r="AH5782">
        <v>50000</v>
      </c>
      <c r="AI5782">
        <v>0</v>
      </c>
      <c r="AJ5782">
        <v>0</v>
      </c>
      <c r="AK5782" t="s">
        <v>6</v>
      </c>
      <c r="AL5782">
        <v>0</v>
      </c>
      <c r="AM5782">
        <v>0</v>
      </c>
      <c r="AN5782">
        <v>0</v>
      </c>
      <c r="AO5782">
        <v>0</v>
      </c>
      <c r="AP5782">
        <v>0</v>
      </c>
      <c r="AQ5782">
        <v>0</v>
      </c>
      <c r="AR5782">
        <v>0</v>
      </c>
      <c r="AS5782">
        <v>0</v>
      </c>
      <c r="AT5782">
        <v>0</v>
      </c>
      <c r="AU5782">
        <v>0</v>
      </c>
      <c r="AV5782">
        <v>0</v>
      </c>
      <c r="AW5782">
        <v>0</v>
      </c>
      <c r="AX5782">
        <v>0</v>
      </c>
      <c r="AY5782">
        <v>0</v>
      </c>
      <c r="AZ5782">
        <v>0</v>
      </c>
      <c r="BA5782">
        <v>0</v>
      </c>
    </row>
    <row r="5783" spans="1:53" x14ac:dyDescent="0.4">
      <c r="A5783">
        <v>5827</v>
      </c>
      <c r="B5783" s="1">
        <v>45026</v>
      </c>
      <c r="C5783">
        <v>2</v>
      </c>
      <c r="D5783" s="1">
        <v>45026.447222222225</v>
      </c>
      <c r="E5783" s="1">
        <v>45026.745138888888</v>
      </c>
      <c r="F5783">
        <v>16450</v>
      </c>
      <c r="G5783">
        <v>1628</v>
      </c>
      <c r="H5783">
        <v>220</v>
      </c>
      <c r="I5783">
        <v>0</v>
      </c>
      <c r="J5783">
        <v>200</v>
      </c>
      <c r="K5783">
        <v>0</v>
      </c>
      <c r="L5783">
        <v>0</v>
      </c>
      <c r="M5783">
        <v>1645</v>
      </c>
      <c r="N5783">
        <v>0</v>
      </c>
      <c r="O5783">
        <v>0</v>
      </c>
      <c r="P5783">
        <v>27670</v>
      </c>
      <c r="Q5783">
        <v>0</v>
      </c>
      <c r="R5783">
        <v>45768</v>
      </c>
      <c r="S5783">
        <v>0</v>
      </c>
      <c r="T5783">
        <v>0</v>
      </c>
      <c r="U5783">
        <v>0</v>
      </c>
      <c r="V5783">
        <v>0</v>
      </c>
      <c r="W5783">
        <v>2</v>
      </c>
      <c r="X5783">
        <v>0</v>
      </c>
      <c r="Y5783">
        <v>61</v>
      </c>
      <c r="Z5783">
        <v>28</v>
      </c>
      <c r="AA5783">
        <v>43</v>
      </c>
      <c r="AB5783">
        <v>33</v>
      </c>
      <c r="AC5783">
        <v>145</v>
      </c>
      <c r="AD5783">
        <v>22</v>
      </c>
      <c r="AE5783">
        <v>48</v>
      </c>
      <c r="AF5783">
        <v>3210</v>
      </c>
      <c r="AG5783">
        <v>95768</v>
      </c>
      <c r="AH5783">
        <v>50000</v>
      </c>
      <c r="AI5783">
        <v>0</v>
      </c>
      <c r="AJ5783">
        <v>119</v>
      </c>
      <c r="AK5783" t="s">
        <v>56</v>
      </c>
      <c r="AL5783">
        <v>0</v>
      </c>
      <c r="AM5783">
        <v>0</v>
      </c>
      <c r="AN5783">
        <v>0</v>
      </c>
      <c r="AO5783">
        <v>0</v>
      </c>
      <c r="AP5783">
        <v>0</v>
      </c>
      <c r="AQ5783">
        <v>0</v>
      </c>
      <c r="AR5783">
        <v>0</v>
      </c>
      <c r="AS5783">
        <v>0</v>
      </c>
      <c r="AT5783">
        <v>0</v>
      </c>
      <c r="AU5783">
        <v>0</v>
      </c>
      <c r="AV5783">
        <v>0</v>
      </c>
      <c r="AW5783">
        <v>0</v>
      </c>
      <c r="AX5783">
        <v>-1680</v>
      </c>
      <c r="AY5783">
        <v>38</v>
      </c>
      <c r="AZ5783">
        <v>64</v>
      </c>
      <c r="BA5783">
        <v>5131</v>
      </c>
    </row>
    <row r="5784" spans="1:53" x14ac:dyDescent="0.4">
      <c r="A5784">
        <v>5828</v>
      </c>
      <c r="B5784" s="1">
        <v>45026</v>
      </c>
      <c r="C5784">
        <v>3</v>
      </c>
      <c r="D5784" s="1">
        <v>45026.745138888888</v>
      </c>
      <c r="E5784" s="1">
        <v>45026.957638888889</v>
      </c>
      <c r="F5784">
        <v>40850</v>
      </c>
      <c r="G5784">
        <v>1166</v>
      </c>
      <c r="H5784">
        <v>0</v>
      </c>
      <c r="I5784">
        <v>0</v>
      </c>
      <c r="J5784">
        <v>140</v>
      </c>
      <c r="K5784">
        <v>0</v>
      </c>
      <c r="L5784">
        <v>0</v>
      </c>
      <c r="M5784">
        <v>3803</v>
      </c>
      <c r="N5784">
        <v>0</v>
      </c>
      <c r="O5784">
        <v>0</v>
      </c>
      <c r="P5784">
        <v>-9470</v>
      </c>
      <c r="Q5784">
        <v>0</v>
      </c>
      <c r="R5784">
        <v>32406</v>
      </c>
      <c r="S5784">
        <v>0</v>
      </c>
      <c r="T5784">
        <v>0</v>
      </c>
      <c r="U5784">
        <v>0</v>
      </c>
      <c r="V5784">
        <v>0</v>
      </c>
      <c r="W5784">
        <v>5</v>
      </c>
      <c r="X5784">
        <v>0</v>
      </c>
      <c r="Y5784">
        <v>65</v>
      </c>
      <c r="Z5784">
        <v>27</v>
      </c>
      <c r="AA5784">
        <v>47</v>
      </c>
      <c r="AB5784">
        <v>38</v>
      </c>
      <c r="AC5784">
        <v>150</v>
      </c>
      <c r="AD5784">
        <v>24</v>
      </c>
      <c r="AE5784">
        <v>44</v>
      </c>
      <c r="AF5784">
        <v>16410</v>
      </c>
      <c r="AG5784">
        <v>128174</v>
      </c>
      <c r="AH5784">
        <v>50000</v>
      </c>
      <c r="AI5784">
        <v>0</v>
      </c>
      <c r="AJ5784">
        <v>108</v>
      </c>
      <c r="AK5784" t="s">
        <v>3</v>
      </c>
      <c r="AL5784">
        <v>0</v>
      </c>
      <c r="AM5784">
        <v>0</v>
      </c>
      <c r="AN5784">
        <v>0</v>
      </c>
      <c r="AO5784">
        <v>0</v>
      </c>
      <c r="AP5784">
        <v>0</v>
      </c>
      <c r="AQ5784">
        <v>0</v>
      </c>
      <c r="AR5784">
        <v>0</v>
      </c>
      <c r="AS5784">
        <v>0</v>
      </c>
      <c r="AT5784">
        <v>0</v>
      </c>
      <c r="AU5784">
        <v>0</v>
      </c>
      <c r="AV5784">
        <v>0</v>
      </c>
      <c r="AW5784">
        <v>0</v>
      </c>
      <c r="AX5784">
        <v>10725</v>
      </c>
      <c r="AY5784">
        <v>10</v>
      </c>
      <c r="AZ5784">
        <v>34</v>
      </c>
      <c r="BA5784">
        <v>2978</v>
      </c>
    </row>
    <row r="5785" spans="1:53" x14ac:dyDescent="0.4">
      <c r="A5785">
        <v>5829</v>
      </c>
      <c r="B5785" s="1">
        <v>45027</v>
      </c>
      <c r="C5785">
        <v>1</v>
      </c>
      <c r="D5785" s="1">
        <v>45027.291666666664</v>
      </c>
      <c r="E5785" s="1">
        <v>45027.45208333333</v>
      </c>
      <c r="F5785">
        <v>0</v>
      </c>
      <c r="G5785">
        <v>0</v>
      </c>
      <c r="H5785">
        <v>0</v>
      </c>
      <c r="I5785">
        <v>0</v>
      </c>
      <c r="J5785">
        <v>0</v>
      </c>
      <c r="K5785">
        <v>0</v>
      </c>
      <c r="L5785">
        <v>0</v>
      </c>
      <c r="M5785">
        <v>0</v>
      </c>
      <c r="N5785">
        <v>0</v>
      </c>
      <c r="O5785">
        <v>0</v>
      </c>
      <c r="P5785">
        <v>0</v>
      </c>
      <c r="Q5785">
        <v>0</v>
      </c>
      <c r="R5785">
        <v>0</v>
      </c>
      <c r="S5785">
        <v>0</v>
      </c>
      <c r="T5785">
        <v>0</v>
      </c>
      <c r="U5785">
        <v>0</v>
      </c>
      <c r="V5785">
        <v>0</v>
      </c>
      <c r="W5785">
        <v>1</v>
      </c>
      <c r="X5785">
        <v>0</v>
      </c>
      <c r="Y5785">
        <v>28</v>
      </c>
      <c r="Z5785">
        <v>19</v>
      </c>
      <c r="AA5785">
        <v>43</v>
      </c>
      <c r="AB5785">
        <v>35</v>
      </c>
      <c r="AC5785">
        <v>129</v>
      </c>
      <c r="AD5785">
        <v>24</v>
      </c>
      <c r="AE5785">
        <v>40</v>
      </c>
      <c r="AF5785">
        <v>0</v>
      </c>
      <c r="AG5785">
        <v>50000</v>
      </c>
      <c r="AH5785">
        <v>50000</v>
      </c>
      <c r="AI5785">
        <v>0</v>
      </c>
      <c r="AJ5785">
        <v>0</v>
      </c>
      <c r="AK5785" t="s">
        <v>6</v>
      </c>
      <c r="AL5785">
        <v>0</v>
      </c>
      <c r="AM5785">
        <v>0</v>
      </c>
      <c r="AN5785">
        <v>0</v>
      </c>
      <c r="AO5785">
        <v>0</v>
      </c>
      <c r="AP5785">
        <v>0</v>
      </c>
      <c r="AQ5785">
        <v>0</v>
      </c>
      <c r="AR5785">
        <v>0</v>
      </c>
      <c r="AS5785">
        <v>0</v>
      </c>
      <c r="AT5785">
        <v>0</v>
      </c>
      <c r="AU5785">
        <v>0</v>
      </c>
      <c r="AV5785">
        <v>0</v>
      </c>
      <c r="AW5785">
        <v>0</v>
      </c>
      <c r="AX5785">
        <v>0</v>
      </c>
      <c r="AY5785">
        <v>0</v>
      </c>
      <c r="AZ5785">
        <v>0</v>
      </c>
      <c r="BA5785">
        <v>0</v>
      </c>
    </row>
    <row r="5786" spans="1:53" x14ac:dyDescent="0.4">
      <c r="A5786">
        <v>5830</v>
      </c>
      <c r="B5786" s="1">
        <v>45027</v>
      </c>
      <c r="C5786">
        <v>2</v>
      </c>
      <c r="D5786" s="1">
        <v>45027.45208333333</v>
      </c>
      <c r="E5786" s="1">
        <v>45027.737500000003</v>
      </c>
      <c r="F5786">
        <v>16120</v>
      </c>
      <c r="G5786">
        <v>4136</v>
      </c>
      <c r="H5786">
        <v>0</v>
      </c>
      <c r="I5786">
        <v>0</v>
      </c>
      <c r="J5786">
        <v>100</v>
      </c>
      <c r="K5786">
        <v>0</v>
      </c>
      <c r="L5786">
        <v>0</v>
      </c>
      <c r="M5786">
        <v>1833</v>
      </c>
      <c r="N5786">
        <v>0</v>
      </c>
      <c r="O5786">
        <v>0</v>
      </c>
      <c r="P5786">
        <v>15410</v>
      </c>
      <c r="Q5786">
        <v>0</v>
      </c>
      <c r="R5786">
        <v>35566</v>
      </c>
      <c r="S5786">
        <v>0</v>
      </c>
      <c r="T5786">
        <v>0</v>
      </c>
      <c r="U5786">
        <v>0</v>
      </c>
      <c r="V5786">
        <v>0</v>
      </c>
      <c r="W5786">
        <v>4</v>
      </c>
      <c r="X5786">
        <v>0</v>
      </c>
      <c r="Y5786">
        <v>44</v>
      </c>
      <c r="Z5786">
        <v>18</v>
      </c>
      <c r="AA5786">
        <v>79</v>
      </c>
      <c r="AB5786">
        <v>26</v>
      </c>
      <c r="AC5786">
        <v>114</v>
      </c>
      <c r="AD5786">
        <v>24</v>
      </c>
      <c r="AE5786">
        <v>36</v>
      </c>
      <c r="AF5786">
        <v>2070</v>
      </c>
      <c r="AG5786">
        <v>85566</v>
      </c>
      <c r="AH5786">
        <v>50000</v>
      </c>
      <c r="AI5786">
        <v>0</v>
      </c>
      <c r="AJ5786">
        <v>119</v>
      </c>
      <c r="AK5786" t="s">
        <v>56</v>
      </c>
      <c r="AL5786">
        <v>0</v>
      </c>
      <c r="AM5786">
        <v>0</v>
      </c>
      <c r="AN5786">
        <v>0</v>
      </c>
      <c r="AO5786">
        <v>0</v>
      </c>
      <c r="AP5786">
        <v>0</v>
      </c>
      <c r="AQ5786">
        <v>0</v>
      </c>
      <c r="AR5786">
        <v>0</v>
      </c>
      <c r="AS5786">
        <v>0</v>
      </c>
      <c r="AT5786">
        <v>0</v>
      </c>
      <c r="AU5786">
        <v>0</v>
      </c>
      <c r="AV5786">
        <v>0</v>
      </c>
      <c r="AW5786">
        <v>0</v>
      </c>
      <c r="AX5786">
        <v>-606</v>
      </c>
      <c r="AY5786">
        <v>34</v>
      </c>
      <c r="AZ5786">
        <v>54</v>
      </c>
      <c r="BA5786">
        <v>4434</v>
      </c>
    </row>
    <row r="5787" spans="1:53" x14ac:dyDescent="0.4">
      <c r="A5787">
        <v>5831</v>
      </c>
      <c r="B5787" s="1">
        <v>45028</v>
      </c>
      <c r="C5787">
        <v>1</v>
      </c>
      <c r="D5787" s="1">
        <v>45028.291666666664</v>
      </c>
      <c r="E5787" s="1">
        <v>45028.444444444445</v>
      </c>
      <c r="F5787">
        <v>0</v>
      </c>
      <c r="G5787">
        <v>0</v>
      </c>
      <c r="H5787">
        <v>0</v>
      </c>
      <c r="I5787">
        <v>0</v>
      </c>
      <c r="J5787">
        <v>0</v>
      </c>
      <c r="K5787">
        <v>0</v>
      </c>
      <c r="L5787">
        <v>0</v>
      </c>
      <c r="M5787">
        <v>0</v>
      </c>
      <c r="N5787">
        <v>0</v>
      </c>
      <c r="O5787">
        <v>0</v>
      </c>
      <c r="P5787">
        <v>0</v>
      </c>
      <c r="Q5787">
        <v>0</v>
      </c>
      <c r="R5787">
        <v>0</v>
      </c>
      <c r="S5787">
        <v>0</v>
      </c>
      <c r="T5787">
        <v>0</v>
      </c>
      <c r="U5787">
        <v>0</v>
      </c>
      <c r="V5787">
        <v>0</v>
      </c>
      <c r="W5787">
        <v>1</v>
      </c>
      <c r="X5787">
        <v>0</v>
      </c>
      <c r="Y5787">
        <v>29</v>
      </c>
      <c r="Z5787">
        <v>12</v>
      </c>
      <c r="AA5787">
        <v>76</v>
      </c>
      <c r="AB5787">
        <v>25</v>
      </c>
      <c r="AC5787">
        <v>100</v>
      </c>
      <c r="AD5787">
        <v>23</v>
      </c>
      <c r="AE5787">
        <v>35</v>
      </c>
      <c r="AF5787">
        <v>0</v>
      </c>
      <c r="AG5787">
        <v>50000</v>
      </c>
      <c r="AH5787">
        <v>50000</v>
      </c>
      <c r="AI5787">
        <v>0</v>
      </c>
      <c r="AJ5787">
        <v>0</v>
      </c>
      <c r="AK5787" t="s">
        <v>6</v>
      </c>
      <c r="AL5787">
        <v>0</v>
      </c>
      <c r="AM5787">
        <v>0</v>
      </c>
      <c r="AN5787">
        <v>0</v>
      </c>
      <c r="AO5787">
        <v>0</v>
      </c>
      <c r="AP5787">
        <v>0</v>
      </c>
      <c r="AQ5787">
        <v>0</v>
      </c>
      <c r="AR5787">
        <v>0</v>
      </c>
      <c r="AS5787">
        <v>0</v>
      </c>
      <c r="AT5787">
        <v>0</v>
      </c>
      <c r="AU5787">
        <v>0</v>
      </c>
      <c r="AV5787">
        <v>0</v>
      </c>
      <c r="AW5787">
        <v>0</v>
      </c>
      <c r="AX5787">
        <v>0</v>
      </c>
      <c r="AY5787">
        <v>0</v>
      </c>
      <c r="AZ5787">
        <v>0</v>
      </c>
      <c r="BA5787">
        <v>0</v>
      </c>
    </row>
    <row r="5788" spans="1:53" x14ac:dyDescent="0.4">
      <c r="A5788">
        <v>5832</v>
      </c>
      <c r="B5788" s="1">
        <v>45028</v>
      </c>
      <c r="C5788">
        <v>2</v>
      </c>
      <c r="D5788" s="1">
        <v>45028.444444444445</v>
      </c>
      <c r="E5788" s="1">
        <v>45028.745833333334</v>
      </c>
      <c r="F5788">
        <v>12770</v>
      </c>
      <c r="G5788">
        <v>2694</v>
      </c>
      <c r="H5788">
        <v>0</v>
      </c>
      <c r="I5788">
        <v>0</v>
      </c>
      <c r="J5788">
        <v>100</v>
      </c>
      <c r="K5788">
        <v>0</v>
      </c>
      <c r="L5788">
        <v>0</v>
      </c>
      <c r="M5788">
        <v>1397</v>
      </c>
      <c r="N5788">
        <v>0</v>
      </c>
      <c r="O5788">
        <v>0</v>
      </c>
      <c r="P5788">
        <v>4000</v>
      </c>
      <c r="Q5788">
        <v>0</v>
      </c>
      <c r="R5788">
        <v>19364</v>
      </c>
      <c r="S5788">
        <v>0</v>
      </c>
      <c r="T5788">
        <v>0</v>
      </c>
      <c r="U5788">
        <v>0</v>
      </c>
      <c r="V5788">
        <v>1</v>
      </c>
      <c r="W5788">
        <v>1</v>
      </c>
      <c r="X5788">
        <v>0</v>
      </c>
      <c r="Y5788">
        <v>36</v>
      </c>
      <c r="Z5788">
        <v>16</v>
      </c>
      <c r="AA5788">
        <v>64</v>
      </c>
      <c r="AB5788">
        <v>23</v>
      </c>
      <c r="AC5788">
        <v>108</v>
      </c>
      <c r="AD5788">
        <v>22</v>
      </c>
      <c r="AE5788">
        <v>34</v>
      </c>
      <c r="AF5788">
        <v>1590</v>
      </c>
      <c r="AG5788">
        <v>69364</v>
      </c>
      <c r="AH5788">
        <v>50000</v>
      </c>
      <c r="AI5788">
        <v>0</v>
      </c>
      <c r="AJ5788">
        <v>29</v>
      </c>
      <c r="AK5788" t="s">
        <v>62</v>
      </c>
      <c r="AL5788">
        <v>0</v>
      </c>
      <c r="AM5788">
        <v>0</v>
      </c>
      <c r="AN5788">
        <v>0</v>
      </c>
      <c r="AO5788">
        <v>0</v>
      </c>
      <c r="AP5788">
        <v>0</v>
      </c>
      <c r="AQ5788">
        <v>0</v>
      </c>
      <c r="AR5788">
        <v>0</v>
      </c>
      <c r="AS5788">
        <v>0</v>
      </c>
      <c r="AT5788">
        <v>0</v>
      </c>
      <c r="AU5788">
        <v>0</v>
      </c>
      <c r="AV5788">
        <v>0</v>
      </c>
      <c r="AW5788">
        <v>0</v>
      </c>
      <c r="AX5788">
        <v>0</v>
      </c>
      <c r="AY5788">
        <v>22</v>
      </c>
      <c r="AZ5788">
        <v>28</v>
      </c>
      <c r="BA5788">
        <v>3376</v>
      </c>
    </row>
    <row r="5789" spans="1:53" x14ac:dyDescent="0.4">
      <c r="A5789">
        <v>5833</v>
      </c>
      <c r="B5789" s="1">
        <v>45029</v>
      </c>
      <c r="C5789">
        <v>1</v>
      </c>
      <c r="D5789" s="1">
        <v>45029.291666666664</v>
      </c>
      <c r="E5789" s="1">
        <v>45029.447222222225</v>
      </c>
      <c r="F5789">
        <v>0</v>
      </c>
      <c r="G5789">
        <v>0</v>
      </c>
      <c r="H5789">
        <v>0</v>
      </c>
      <c r="I5789">
        <v>0</v>
      </c>
      <c r="J5789">
        <v>0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  <c r="S5789">
        <v>0</v>
      </c>
      <c r="T5789">
        <v>0</v>
      </c>
      <c r="U5789">
        <v>0</v>
      </c>
      <c r="V5789">
        <v>0</v>
      </c>
      <c r="W5789">
        <v>1</v>
      </c>
      <c r="X5789">
        <v>0</v>
      </c>
      <c r="Y5789">
        <v>26</v>
      </c>
      <c r="Z5789">
        <v>16</v>
      </c>
      <c r="AA5789">
        <v>89</v>
      </c>
      <c r="AB5789">
        <v>19</v>
      </c>
      <c r="AC5789">
        <v>100</v>
      </c>
      <c r="AD5789">
        <v>23</v>
      </c>
      <c r="AE5789">
        <v>35</v>
      </c>
      <c r="AF5789">
        <v>0</v>
      </c>
      <c r="AG5789">
        <v>50000</v>
      </c>
      <c r="AH5789">
        <v>50000</v>
      </c>
      <c r="AI5789">
        <v>0</v>
      </c>
      <c r="AJ5789">
        <v>0</v>
      </c>
      <c r="AK5789" t="s">
        <v>6</v>
      </c>
      <c r="AL5789">
        <v>0</v>
      </c>
      <c r="AM5789">
        <v>0</v>
      </c>
      <c r="AN5789">
        <v>0</v>
      </c>
      <c r="AO5789">
        <v>0</v>
      </c>
      <c r="AP5789">
        <v>0</v>
      </c>
      <c r="AQ5789">
        <v>0</v>
      </c>
      <c r="AR5789">
        <v>0</v>
      </c>
      <c r="AS5789">
        <v>0</v>
      </c>
      <c r="AT5789">
        <v>0</v>
      </c>
      <c r="AU5789">
        <v>0</v>
      </c>
      <c r="AV5789">
        <v>0</v>
      </c>
      <c r="AW5789">
        <v>0</v>
      </c>
      <c r="AX5789">
        <v>0</v>
      </c>
      <c r="AY5789">
        <v>0</v>
      </c>
      <c r="AZ5789">
        <v>0</v>
      </c>
      <c r="BA5789">
        <v>0</v>
      </c>
    </row>
    <row r="5790" spans="1:53" x14ac:dyDescent="0.4">
      <c r="A5790">
        <v>5834</v>
      </c>
      <c r="B5790" s="1">
        <v>45029</v>
      </c>
      <c r="C5790">
        <v>2</v>
      </c>
      <c r="D5790" s="1">
        <v>45029.447222222225</v>
      </c>
      <c r="E5790" s="1">
        <v>45029.740277777775</v>
      </c>
      <c r="F5790">
        <v>10290</v>
      </c>
      <c r="G5790">
        <v>0</v>
      </c>
      <c r="H5790">
        <v>0</v>
      </c>
      <c r="I5790">
        <v>0</v>
      </c>
      <c r="J5790">
        <v>0</v>
      </c>
      <c r="K5790">
        <v>0</v>
      </c>
      <c r="L5790">
        <v>0</v>
      </c>
      <c r="M5790">
        <v>935</v>
      </c>
      <c r="N5790">
        <v>0</v>
      </c>
      <c r="O5790">
        <v>0</v>
      </c>
      <c r="P5790">
        <v>16910</v>
      </c>
      <c r="Q5790">
        <v>0</v>
      </c>
      <c r="R5790">
        <v>27200</v>
      </c>
      <c r="S5790">
        <v>0</v>
      </c>
      <c r="T5790">
        <v>0</v>
      </c>
      <c r="U5790">
        <v>0</v>
      </c>
      <c r="V5790">
        <v>1</v>
      </c>
      <c r="W5790">
        <v>0</v>
      </c>
      <c r="X5790">
        <v>0</v>
      </c>
      <c r="Y5790">
        <v>42</v>
      </c>
      <c r="Z5790">
        <v>24</v>
      </c>
      <c r="AA5790">
        <v>94</v>
      </c>
      <c r="AB5790">
        <v>14</v>
      </c>
      <c r="AC5790">
        <v>107</v>
      </c>
      <c r="AD5790">
        <v>23</v>
      </c>
      <c r="AE5790">
        <v>35</v>
      </c>
      <c r="AF5790">
        <v>1880</v>
      </c>
      <c r="AG5790">
        <v>77200</v>
      </c>
      <c r="AH5790">
        <v>50000</v>
      </c>
      <c r="AI5790">
        <v>0</v>
      </c>
      <c r="AJ5790">
        <v>119</v>
      </c>
      <c r="AK5790" t="s">
        <v>56</v>
      </c>
      <c r="AL5790">
        <v>0</v>
      </c>
      <c r="AM5790">
        <v>0</v>
      </c>
      <c r="AN5790">
        <v>0</v>
      </c>
      <c r="AO5790">
        <v>0</v>
      </c>
      <c r="AP5790">
        <v>0</v>
      </c>
      <c r="AQ5790">
        <v>0</v>
      </c>
      <c r="AR5790">
        <v>0</v>
      </c>
      <c r="AS5790">
        <v>0</v>
      </c>
      <c r="AT5790">
        <v>0</v>
      </c>
      <c r="AU5790">
        <v>0</v>
      </c>
      <c r="AV5790">
        <v>0</v>
      </c>
      <c r="AW5790">
        <v>0</v>
      </c>
      <c r="AX5790">
        <v>3996</v>
      </c>
      <c r="AY5790">
        <v>29</v>
      </c>
      <c r="AZ5790">
        <v>46</v>
      </c>
      <c r="BA5790">
        <v>3257</v>
      </c>
    </row>
    <row r="5791" spans="1:53" x14ac:dyDescent="0.4">
      <c r="A5791">
        <v>5835</v>
      </c>
      <c r="B5791" s="1">
        <v>45030</v>
      </c>
      <c r="C5791">
        <v>1</v>
      </c>
      <c r="D5791" s="1">
        <v>45030.291666666664</v>
      </c>
      <c r="E5791" s="1">
        <v>45030.445138888892</v>
      </c>
      <c r="F5791">
        <v>0</v>
      </c>
      <c r="G5791">
        <v>0</v>
      </c>
      <c r="H5791">
        <v>0</v>
      </c>
      <c r="I5791">
        <v>0</v>
      </c>
      <c r="J5791">
        <v>0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  <c r="S5791">
        <v>0</v>
      </c>
      <c r="T5791">
        <v>0</v>
      </c>
      <c r="U5791">
        <v>0</v>
      </c>
      <c r="V5791">
        <v>0</v>
      </c>
      <c r="W5791">
        <v>1</v>
      </c>
      <c r="X5791">
        <v>0</v>
      </c>
      <c r="Y5791">
        <v>28</v>
      </c>
      <c r="Z5791">
        <v>14</v>
      </c>
      <c r="AA5791">
        <v>84</v>
      </c>
      <c r="AB5791">
        <v>11</v>
      </c>
      <c r="AC5791">
        <v>92</v>
      </c>
      <c r="AD5791">
        <v>19</v>
      </c>
      <c r="AE5791">
        <v>35</v>
      </c>
      <c r="AF5791">
        <v>0</v>
      </c>
      <c r="AG5791">
        <v>50000</v>
      </c>
      <c r="AH5791">
        <v>50000</v>
      </c>
      <c r="AI5791">
        <v>0</v>
      </c>
      <c r="AJ5791">
        <v>0</v>
      </c>
      <c r="AK5791" t="s">
        <v>6</v>
      </c>
      <c r="AL5791">
        <v>0</v>
      </c>
      <c r="AM5791">
        <v>0</v>
      </c>
      <c r="AN5791">
        <v>0</v>
      </c>
      <c r="AO5791">
        <v>0</v>
      </c>
      <c r="AP5791">
        <v>0</v>
      </c>
      <c r="AQ5791">
        <v>0</v>
      </c>
      <c r="AR5791">
        <v>0</v>
      </c>
      <c r="AS5791">
        <v>0</v>
      </c>
      <c r="AT5791">
        <v>0</v>
      </c>
      <c r="AU5791">
        <v>0</v>
      </c>
      <c r="AV5791">
        <v>0</v>
      </c>
      <c r="AW5791">
        <v>0</v>
      </c>
      <c r="AX5791">
        <v>0</v>
      </c>
      <c r="AY5791">
        <v>0</v>
      </c>
      <c r="AZ5791">
        <v>0</v>
      </c>
      <c r="BA5791">
        <v>0</v>
      </c>
    </row>
    <row r="5792" spans="1:53" x14ac:dyDescent="0.4">
      <c r="A5792">
        <v>5836</v>
      </c>
      <c r="B5792" s="1">
        <v>45030</v>
      </c>
      <c r="C5792">
        <v>2</v>
      </c>
      <c r="D5792" s="1">
        <v>45030.445138888892</v>
      </c>
      <c r="E5792" s="1">
        <v>45030.751388888886</v>
      </c>
      <c r="F5792">
        <v>18380</v>
      </c>
      <c r="G5792">
        <v>2597</v>
      </c>
      <c r="H5792">
        <v>0</v>
      </c>
      <c r="I5792">
        <v>0</v>
      </c>
      <c r="J5792">
        <v>200</v>
      </c>
      <c r="K5792">
        <v>0</v>
      </c>
      <c r="L5792">
        <v>0</v>
      </c>
      <c r="M5792">
        <v>1890</v>
      </c>
      <c r="N5792">
        <v>0</v>
      </c>
      <c r="O5792">
        <v>0</v>
      </c>
      <c r="P5792">
        <v>12120</v>
      </c>
      <c r="Q5792">
        <v>0</v>
      </c>
      <c r="R5792">
        <v>32897</v>
      </c>
      <c r="S5792">
        <v>0</v>
      </c>
      <c r="T5792">
        <v>0</v>
      </c>
      <c r="U5792">
        <v>0</v>
      </c>
      <c r="V5792">
        <v>2</v>
      </c>
      <c r="W5792">
        <v>1</v>
      </c>
      <c r="X5792">
        <v>0</v>
      </c>
      <c r="Y5792">
        <v>29</v>
      </c>
      <c r="Z5792">
        <v>14</v>
      </c>
      <c r="AA5792">
        <v>80</v>
      </c>
      <c r="AB5792">
        <v>11</v>
      </c>
      <c r="AC5792">
        <v>133</v>
      </c>
      <c r="AD5792">
        <v>19</v>
      </c>
      <c r="AE5792">
        <v>36</v>
      </c>
      <c r="AF5792">
        <v>11886</v>
      </c>
      <c r="AG5792">
        <v>82897</v>
      </c>
      <c r="AH5792">
        <v>50000</v>
      </c>
      <c r="AI5792">
        <v>0</v>
      </c>
      <c r="AJ5792">
        <v>119</v>
      </c>
      <c r="AK5792" t="s">
        <v>56</v>
      </c>
      <c r="AL5792">
        <v>0</v>
      </c>
      <c r="AM5792">
        <v>0</v>
      </c>
      <c r="AN5792">
        <v>0</v>
      </c>
      <c r="AO5792">
        <v>0</v>
      </c>
      <c r="AP5792">
        <v>0</v>
      </c>
      <c r="AQ5792">
        <v>0</v>
      </c>
      <c r="AR5792">
        <v>0</v>
      </c>
      <c r="AS5792">
        <v>0</v>
      </c>
      <c r="AT5792">
        <v>0</v>
      </c>
      <c r="AU5792">
        <v>0</v>
      </c>
      <c r="AV5792">
        <v>0</v>
      </c>
      <c r="AW5792">
        <v>0</v>
      </c>
      <c r="AX5792">
        <v>440</v>
      </c>
      <c r="AY5792">
        <v>35</v>
      </c>
      <c r="AZ5792">
        <v>50</v>
      </c>
      <c r="BA5792">
        <v>4666</v>
      </c>
    </row>
    <row r="5793" spans="1:53" x14ac:dyDescent="0.4">
      <c r="A5793">
        <v>5837</v>
      </c>
      <c r="B5793" s="1">
        <v>45030</v>
      </c>
      <c r="C5793">
        <v>3</v>
      </c>
      <c r="D5793" s="1">
        <v>45030.751388888886</v>
      </c>
      <c r="E5793" s="1">
        <v>45030.954861111109</v>
      </c>
      <c r="F5793">
        <v>48880</v>
      </c>
      <c r="G5793">
        <v>1936</v>
      </c>
      <c r="H5793">
        <v>0</v>
      </c>
      <c r="I5793">
        <v>0</v>
      </c>
      <c r="J5793">
        <v>100</v>
      </c>
      <c r="K5793">
        <v>0</v>
      </c>
      <c r="L5793">
        <v>0</v>
      </c>
      <c r="M5793">
        <v>4608</v>
      </c>
      <c r="N5793">
        <v>0</v>
      </c>
      <c r="O5793">
        <v>0</v>
      </c>
      <c r="P5793">
        <v>-12120</v>
      </c>
      <c r="Q5793">
        <v>0</v>
      </c>
      <c r="R5793">
        <v>38596</v>
      </c>
      <c r="S5793">
        <v>0</v>
      </c>
      <c r="T5793">
        <v>0</v>
      </c>
      <c r="U5793">
        <v>0</v>
      </c>
      <c r="V5793">
        <v>4</v>
      </c>
      <c r="W5793">
        <v>0</v>
      </c>
      <c r="X5793">
        <v>0</v>
      </c>
      <c r="Y5793">
        <v>38</v>
      </c>
      <c r="Z5793">
        <v>10</v>
      </c>
      <c r="AA5793">
        <v>86</v>
      </c>
      <c r="AB5793">
        <v>10</v>
      </c>
      <c r="AC5793">
        <v>152</v>
      </c>
      <c r="AD5793">
        <v>19</v>
      </c>
      <c r="AE5793">
        <v>32</v>
      </c>
      <c r="AF5793">
        <v>27746</v>
      </c>
      <c r="AG5793">
        <v>121493</v>
      </c>
      <c r="AH5793">
        <v>50000</v>
      </c>
      <c r="AI5793">
        <v>0</v>
      </c>
      <c r="AJ5793">
        <v>116</v>
      </c>
      <c r="AK5793" t="s">
        <v>51</v>
      </c>
      <c r="AL5793">
        <v>0</v>
      </c>
      <c r="AM5793">
        <v>0</v>
      </c>
      <c r="AN5793">
        <v>0</v>
      </c>
      <c r="AO5793">
        <v>0</v>
      </c>
      <c r="AP5793">
        <v>0</v>
      </c>
      <c r="AQ5793">
        <v>0</v>
      </c>
      <c r="AR5793">
        <v>0</v>
      </c>
      <c r="AS5793">
        <v>0</v>
      </c>
      <c r="AT5793">
        <v>0</v>
      </c>
      <c r="AU5793">
        <v>0</v>
      </c>
      <c r="AV5793">
        <v>0</v>
      </c>
      <c r="AW5793">
        <v>0</v>
      </c>
      <c r="AX5793">
        <v>66980</v>
      </c>
      <c r="AY5793">
        <v>20</v>
      </c>
      <c r="AZ5793">
        <v>64</v>
      </c>
      <c r="BA5793">
        <v>2772</v>
      </c>
    </row>
    <row r="5794" spans="1:53" x14ac:dyDescent="0.4">
      <c r="A5794">
        <v>5838</v>
      </c>
      <c r="B5794" s="1">
        <v>45031</v>
      </c>
      <c r="C5794">
        <v>1</v>
      </c>
      <c r="D5794" s="1">
        <v>45031.291666666664</v>
      </c>
      <c r="E5794" s="1">
        <v>45031.40625</v>
      </c>
      <c r="F5794">
        <v>0</v>
      </c>
      <c r="G5794">
        <v>0</v>
      </c>
      <c r="H5794">
        <v>0</v>
      </c>
      <c r="I5794">
        <v>0</v>
      </c>
      <c r="J5794">
        <v>0</v>
      </c>
      <c r="K5794">
        <v>0</v>
      </c>
      <c r="L5794">
        <v>0</v>
      </c>
      <c r="M5794">
        <v>0</v>
      </c>
      <c r="N5794">
        <v>0</v>
      </c>
      <c r="O5794">
        <v>0</v>
      </c>
      <c r="P5794">
        <v>0</v>
      </c>
      <c r="Q5794">
        <v>0</v>
      </c>
      <c r="R5794">
        <v>0</v>
      </c>
      <c r="S5794">
        <v>0</v>
      </c>
      <c r="T5794">
        <v>0</v>
      </c>
      <c r="U5794">
        <v>0</v>
      </c>
      <c r="V5794">
        <v>0</v>
      </c>
      <c r="W5794">
        <v>1</v>
      </c>
      <c r="X5794">
        <v>0</v>
      </c>
      <c r="Y5794">
        <v>29</v>
      </c>
      <c r="Z5794">
        <v>10</v>
      </c>
      <c r="AA5794">
        <v>86</v>
      </c>
      <c r="AB5794">
        <v>17</v>
      </c>
      <c r="AC5794">
        <v>141</v>
      </c>
      <c r="AD5794">
        <v>21</v>
      </c>
      <c r="AE5794">
        <v>35</v>
      </c>
      <c r="AF5794">
        <v>0</v>
      </c>
      <c r="AG5794">
        <v>50000</v>
      </c>
      <c r="AH5794">
        <v>50000</v>
      </c>
      <c r="AI5794">
        <v>0</v>
      </c>
      <c r="AJ5794">
        <v>0</v>
      </c>
      <c r="AK5794" t="s">
        <v>6</v>
      </c>
      <c r="AL5794">
        <v>0</v>
      </c>
      <c r="AM5794">
        <v>0</v>
      </c>
      <c r="AN5794">
        <v>0</v>
      </c>
      <c r="AO5794">
        <v>0</v>
      </c>
      <c r="AP5794">
        <v>0</v>
      </c>
      <c r="AQ5794">
        <v>0</v>
      </c>
      <c r="AR5794">
        <v>0</v>
      </c>
      <c r="AS5794">
        <v>0</v>
      </c>
      <c r="AT5794">
        <v>0</v>
      </c>
      <c r="AU5794">
        <v>0</v>
      </c>
      <c r="AV5794">
        <v>0</v>
      </c>
      <c r="AW5794">
        <v>0</v>
      </c>
      <c r="AX5794">
        <v>0</v>
      </c>
      <c r="AY5794">
        <v>0</v>
      </c>
      <c r="AZ5794">
        <v>0</v>
      </c>
      <c r="BA5794">
        <v>0</v>
      </c>
    </row>
    <row r="5795" spans="1:53" x14ac:dyDescent="0.4">
      <c r="A5795">
        <v>5839</v>
      </c>
      <c r="B5795" s="1">
        <v>45031</v>
      </c>
      <c r="C5795">
        <v>2</v>
      </c>
      <c r="D5795" s="1">
        <v>45031.40625</v>
      </c>
      <c r="E5795" s="1">
        <v>45031.734722222223</v>
      </c>
      <c r="F5795">
        <v>39510</v>
      </c>
      <c r="G5795">
        <v>3542</v>
      </c>
      <c r="H5795">
        <v>220</v>
      </c>
      <c r="I5795">
        <v>0</v>
      </c>
      <c r="J5795">
        <v>300</v>
      </c>
      <c r="K5795">
        <v>0</v>
      </c>
      <c r="L5795">
        <v>0</v>
      </c>
      <c r="M5795">
        <v>3904</v>
      </c>
      <c r="N5795">
        <v>0</v>
      </c>
      <c r="O5795">
        <v>0</v>
      </c>
      <c r="P5795">
        <v>22930</v>
      </c>
      <c r="Q5795">
        <v>0</v>
      </c>
      <c r="R5795">
        <v>65902</v>
      </c>
      <c r="S5795">
        <v>0</v>
      </c>
      <c r="T5795">
        <v>0</v>
      </c>
      <c r="U5795">
        <v>0</v>
      </c>
      <c r="V5795">
        <v>1</v>
      </c>
      <c r="W5795">
        <v>4</v>
      </c>
      <c r="X5795">
        <v>0</v>
      </c>
      <c r="Y5795">
        <v>59</v>
      </c>
      <c r="Z5795">
        <v>23</v>
      </c>
      <c r="AA5795">
        <v>106</v>
      </c>
      <c r="AB5795">
        <v>16</v>
      </c>
      <c r="AC5795">
        <v>177</v>
      </c>
      <c r="AD5795">
        <v>20</v>
      </c>
      <c r="AE5795">
        <v>32</v>
      </c>
      <c r="AF5795">
        <v>2100</v>
      </c>
      <c r="AG5795">
        <v>115902</v>
      </c>
      <c r="AH5795">
        <v>50000</v>
      </c>
      <c r="AI5795">
        <v>0</v>
      </c>
      <c r="AJ5795">
        <v>115</v>
      </c>
      <c r="AK5795" t="s">
        <v>55</v>
      </c>
      <c r="AL5795">
        <v>0</v>
      </c>
      <c r="AM5795">
        <v>0</v>
      </c>
      <c r="AN5795">
        <v>0</v>
      </c>
      <c r="AO5795">
        <v>0</v>
      </c>
      <c r="AP5795">
        <v>0</v>
      </c>
      <c r="AQ5795">
        <v>0</v>
      </c>
      <c r="AR5795">
        <v>0</v>
      </c>
      <c r="AS5795">
        <v>0</v>
      </c>
      <c r="AT5795">
        <v>0</v>
      </c>
      <c r="AU5795">
        <v>0</v>
      </c>
      <c r="AV5795">
        <v>0</v>
      </c>
      <c r="AW5795">
        <v>0</v>
      </c>
      <c r="AX5795">
        <v>128</v>
      </c>
      <c r="AY5795">
        <v>49</v>
      </c>
      <c r="AZ5795">
        <v>100</v>
      </c>
      <c r="BA5795">
        <v>7164</v>
      </c>
    </row>
    <row r="5796" spans="1:53" x14ac:dyDescent="0.4">
      <c r="A5796">
        <v>5840</v>
      </c>
      <c r="B5796" s="1">
        <v>45032</v>
      </c>
      <c r="C5796">
        <v>1</v>
      </c>
      <c r="D5796" s="1">
        <v>45032.291666666664</v>
      </c>
      <c r="E5796" s="1">
        <v>45032.407638888886</v>
      </c>
      <c r="F5796">
        <v>0</v>
      </c>
      <c r="G5796">
        <v>0</v>
      </c>
      <c r="H5796">
        <v>0</v>
      </c>
      <c r="I5796">
        <v>0</v>
      </c>
      <c r="J5796">
        <v>0</v>
      </c>
      <c r="K5796">
        <v>0</v>
      </c>
      <c r="L5796">
        <v>0</v>
      </c>
      <c r="M5796">
        <v>0</v>
      </c>
      <c r="N5796">
        <v>0</v>
      </c>
      <c r="O5796">
        <v>0</v>
      </c>
      <c r="P5796">
        <v>0</v>
      </c>
      <c r="Q5796">
        <v>0</v>
      </c>
      <c r="R5796">
        <v>0</v>
      </c>
      <c r="S5796">
        <v>0</v>
      </c>
      <c r="T5796">
        <v>0</v>
      </c>
      <c r="U5796">
        <v>0</v>
      </c>
      <c r="V5796">
        <v>0</v>
      </c>
      <c r="W5796">
        <v>1</v>
      </c>
      <c r="X5796">
        <v>0</v>
      </c>
      <c r="Y5796">
        <v>29</v>
      </c>
      <c r="Z5796">
        <v>11</v>
      </c>
      <c r="AA5796">
        <v>86</v>
      </c>
      <c r="AB5796">
        <v>16</v>
      </c>
      <c r="AC5796">
        <v>98</v>
      </c>
      <c r="AD5796">
        <v>18</v>
      </c>
      <c r="AE5796">
        <v>30</v>
      </c>
      <c r="AF5796">
        <v>0</v>
      </c>
      <c r="AG5796">
        <v>50000</v>
      </c>
      <c r="AH5796">
        <v>50000</v>
      </c>
      <c r="AI5796">
        <v>0</v>
      </c>
      <c r="AJ5796">
        <v>0</v>
      </c>
      <c r="AK5796" t="s">
        <v>6</v>
      </c>
      <c r="AL5796">
        <v>0</v>
      </c>
      <c r="AM5796">
        <v>0</v>
      </c>
      <c r="AN5796">
        <v>0</v>
      </c>
      <c r="AO5796">
        <v>0</v>
      </c>
      <c r="AP5796">
        <v>0</v>
      </c>
      <c r="AQ5796">
        <v>0</v>
      </c>
      <c r="AR5796">
        <v>0</v>
      </c>
      <c r="AS5796">
        <v>0</v>
      </c>
      <c r="AT5796">
        <v>0</v>
      </c>
      <c r="AU5796">
        <v>0</v>
      </c>
      <c r="AV5796">
        <v>0</v>
      </c>
      <c r="AW5796">
        <v>0</v>
      </c>
      <c r="AX5796">
        <v>0</v>
      </c>
      <c r="AY5796">
        <v>0</v>
      </c>
      <c r="AZ5796">
        <v>0</v>
      </c>
      <c r="BA5796">
        <v>0</v>
      </c>
    </row>
    <row r="5797" spans="1:53" x14ac:dyDescent="0.4">
      <c r="A5797">
        <v>5841</v>
      </c>
      <c r="B5797" s="1">
        <v>45032</v>
      </c>
      <c r="C5797">
        <v>2</v>
      </c>
      <c r="D5797" s="1">
        <v>45032.407638888886</v>
      </c>
      <c r="E5797" s="1">
        <v>45032.761805555558</v>
      </c>
      <c r="F5797">
        <v>58550</v>
      </c>
      <c r="G5797">
        <v>6460</v>
      </c>
      <c r="H5797">
        <v>0</v>
      </c>
      <c r="I5797">
        <v>0</v>
      </c>
      <c r="J5797">
        <v>400</v>
      </c>
      <c r="K5797">
        <v>0</v>
      </c>
      <c r="L5797">
        <v>0</v>
      </c>
      <c r="M5797">
        <v>5870</v>
      </c>
      <c r="N5797">
        <v>0</v>
      </c>
      <c r="O5797">
        <v>0</v>
      </c>
      <c r="P5797">
        <v>27880</v>
      </c>
      <c r="Q5797">
        <v>0</v>
      </c>
      <c r="R5797">
        <v>92490</v>
      </c>
      <c r="S5797">
        <v>0</v>
      </c>
      <c r="T5797">
        <v>0</v>
      </c>
      <c r="U5797">
        <v>0</v>
      </c>
      <c r="V5797">
        <v>3</v>
      </c>
      <c r="W5797">
        <v>5</v>
      </c>
      <c r="X5797">
        <v>0</v>
      </c>
      <c r="Y5797">
        <v>69</v>
      </c>
      <c r="Z5797">
        <v>15</v>
      </c>
      <c r="AA5797">
        <v>64</v>
      </c>
      <c r="AB5797">
        <v>14</v>
      </c>
      <c r="AC5797">
        <v>130</v>
      </c>
      <c r="AD5797">
        <v>22</v>
      </c>
      <c r="AE5797">
        <v>30</v>
      </c>
      <c r="AF5797">
        <v>2450</v>
      </c>
      <c r="AG5797">
        <v>142490</v>
      </c>
      <c r="AH5797">
        <v>50000</v>
      </c>
      <c r="AI5797">
        <v>0</v>
      </c>
      <c r="AJ5797">
        <v>94</v>
      </c>
      <c r="AL5797">
        <v>0</v>
      </c>
      <c r="AM5797">
        <v>0</v>
      </c>
      <c r="AN5797">
        <v>0</v>
      </c>
      <c r="AO5797">
        <v>0</v>
      </c>
      <c r="AP5797">
        <v>0</v>
      </c>
      <c r="AQ5797">
        <v>0</v>
      </c>
      <c r="AR5797">
        <v>0</v>
      </c>
      <c r="AS5797">
        <v>0</v>
      </c>
      <c r="AT5797">
        <v>0</v>
      </c>
      <c r="AU5797">
        <v>0</v>
      </c>
      <c r="AV5797">
        <v>0</v>
      </c>
      <c r="AW5797">
        <v>0</v>
      </c>
      <c r="AX5797">
        <v>5082</v>
      </c>
      <c r="AY5797">
        <v>59</v>
      </c>
      <c r="AZ5797">
        <v>138</v>
      </c>
      <c r="BA5797">
        <v>8821</v>
      </c>
    </row>
    <row r="5798" spans="1:53" x14ac:dyDescent="0.4">
      <c r="A5798">
        <v>5842</v>
      </c>
      <c r="B5798" s="1">
        <v>45033</v>
      </c>
      <c r="C5798">
        <v>1</v>
      </c>
      <c r="D5798" s="1">
        <v>45033.291666666664</v>
      </c>
      <c r="E5798" s="1">
        <v>45033.451388888891</v>
      </c>
      <c r="F5798">
        <v>0</v>
      </c>
      <c r="G5798">
        <v>0</v>
      </c>
      <c r="H5798">
        <v>0</v>
      </c>
      <c r="I5798">
        <v>0</v>
      </c>
      <c r="J5798">
        <v>0</v>
      </c>
      <c r="K5798">
        <v>0</v>
      </c>
      <c r="L5798">
        <v>0</v>
      </c>
      <c r="M5798">
        <v>0</v>
      </c>
      <c r="N5798">
        <v>0</v>
      </c>
      <c r="O5798">
        <v>0</v>
      </c>
      <c r="P5798">
        <v>0</v>
      </c>
      <c r="Q5798">
        <v>0</v>
      </c>
      <c r="R5798">
        <v>0</v>
      </c>
      <c r="S5798">
        <v>0</v>
      </c>
      <c r="T5798">
        <v>0</v>
      </c>
      <c r="U5798">
        <v>0</v>
      </c>
      <c r="V5798">
        <v>0</v>
      </c>
      <c r="W5798">
        <v>1</v>
      </c>
      <c r="X5798">
        <v>0</v>
      </c>
      <c r="Y5798">
        <v>30</v>
      </c>
      <c r="Z5798">
        <v>13</v>
      </c>
      <c r="AA5798">
        <v>62</v>
      </c>
      <c r="AB5798">
        <v>17</v>
      </c>
      <c r="AC5798">
        <v>131</v>
      </c>
      <c r="AD5798">
        <v>23</v>
      </c>
      <c r="AE5798">
        <v>25</v>
      </c>
      <c r="AF5798">
        <v>0</v>
      </c>
      <c r="AG5798">
        <v>50000</v>
      </c>
      <c r="AH5798">
        <v>50000</v>
      </c>
      <c r="AI5798">
        <v>0</v>
      </c>
      <c r="AJ5798">
        <v>0</v>
      </c>
      <c r="AK5798" t="s">
        <v>6</v>
      </c>
      <c r="AL5798">
        <v>0</v>
      </c>
      <c r="AM5798">
        <v>0</v>
      </c>
      <c r="AN5798">
        <v>0</v>
      </c>
      <c r="AO5798">
        <v>0</v>
      </c>
      <c r="AP5798">
        <v>0</v>
      </c>
      <c r="AQ5798">
        <v>0</v>
      </c>
      <c r="AR5798">
        <v>0</v>
      </c>
      <c r="AS5798">
        <v>0</v>
      </c>
      <c r="AT5798">
        <v>0</v>
      </c>
      <c r="AU5798">
        <v>0</v>
      </c>
      <c r="AV5798">
        <v>0</v>
      </c>
      <c r="AW5798">
        <v>0</v>
      </c>
      <c r="AX5798">
        <v>0</v>
      </c>
      <c r="AY5798">
        <v>0</v>
      </c>
      <c r="AZ5798">
        <v>0</v>
      </c>
      <c r="BA5798">
        <v>0</v>
      </c>
    </row>
    <row r="5799" spans="1:53" x14ac:dyDescent="0.4">
      <c r="A5799">
        <v>5843</v>
      </c>
      <c r="B5799" s="1">
        <v>45033</v>
      </c>
      <c r="C5799">
        <v>2</v>
      </c>
      <c r="D5799" s="1">
        <v>45033.451388888891</v>
      </c>
      <c r="E5799" s="1">
        <v>45033.756249999999</v>
      </c>
      <c r="F5799">
        <v>23610</v>
      </c>
      <c r="G5799">
        <v>1034</v>
      </c>
      <c r="H5799">
        <v>440</v>
      </c>
      <c r="I5799">
        <v>0</v>
      </c>
      <c r="J5799">
        <v>100</v>
      </c>
      <c r="K5799">
        <v>0</v>
      </c>
      <c r="L5799">
        <v>0</v>
      </c>
      <c r="M5799">
        <v>2274</v>
      </c>
      <c r="N5799">
        <v>0</v>
      </c>
      <c r="O5799">
        <v>0</v>
      </c>
      <c r="P5799">
        <v>18250</v>
      </c>
      <c r="Q5799">
        <v>0</v>
      </c>
      <c r="R5799">
        <v>43234</v>
      </c>
      <c r="S5799">
        <v>0</v>
      </c>
      <c r="T5799">
        <v>0</v>
      </c>
      <c r="U5799">
        <v>0</v>
      </c>
      <c r="V5799">
        <v>0</v>
      </c>
      <c r="W5799">
        <v>5</v>
      </c>
      <c r="X5799">
        <v>0</v>
      </c>
      <c r="Y5799">
        <v>49</v>
      </c>
      <c r="Z5799">
        <v>24</v>
      </c>
      <c r="AA5799">
        <v>34</v>
      </c>
      <c r="AB5799">
        <v>20</v>
      </c>
      <c r="AC5799">
        <v>154</v>
      </c>
      <c r="AD5799">
        <v>27</v>
      </c>
      <c r="AE5799">
        <v>29</v>
      </c>
      <c r="AF5799">
        <v>1130</v>
      </c>
      <c r="AG5799">
        <v>93234</v>
      </c>
      <c r="AH5799">
        <v>50000</v>
      </c>
      <c r="AI5799">
        <v>0</v>
      </c>
      <c r="AJ5799">
        <v>94</v>
      </c>
      <c r="AL5799">
        <v>0</v>
      </c>
      <c r="AM5799">
        <v>0</v>
      </c>
      <c r="AN5799">
        <v>0</v>
      </c>
      <c r="AO5799">
        <v>0</v>
      </c>
      <c r="AP5799">
        <v>0</v>
      </c>
      <c r="AQ5799">
        <v>0</v>
      </c>
      <c r="AR5799">
        <v>0</v>
      </c>
      <c r="AS5799">
        <v>0</v>
      </c>
      <c r="AT5799">
        <v>0</v>
      </c>
      <c r="AU5799">
        <v>0</v>
      </c>
      <c r="AV5799">
        <v>0</v>
      </c>
      <c r="AW5799">
        <v>0</v>
      </c>
      <c r="AX5799">
        <v>0</v>
      </c>
      <c r="AY5799">
        <v>37</v>
      </c>
      <c r="AZ5799">
        <v>69</v>
      </c>
      <c r="BA5799">
        <v>4495</v>
      </c>
    </row>
    <row r="5800" spans="1:53" x14ac:dyDescent="0.4">
      <c r="A5800">
        <v>5844</v>
      </c>
      <c r="B5800" s="1">
        <v>45033</v>
      </c>
      <c r="C5800">
        <v>3</v>
      </c>
      <c r="D5800" s="1">
        <v>45033.756249999999</v>
      </c>
      <c r="E5800" s="1">
        <v>45033.956944444442</v>
      </c>
      <c r="F5800">
        <v>20520</v>
      </c>
      <c r="G5800">
        <v>1595</v>
      </c>
      <c r="H5800">
        <v>220</v>
      </c>
      <c r="I5800">
        <v>0</v>
      </c>
      <c r="J5800">
        <v>0</v>
      </c>
      <c r="K5800">
        <v>0</v>
      </c>
      <c r="L5800">
        <v>0</v>
      </c>
      <c r="M5800">
        <v>2030</v>
      </c>
      <c r="N5800">
        <v>0</v>
      </c>
      <c r="O5800">
        <v>0</v>
      </c>
      <c r="P5800">
        <v>-11650</v>
      </c>
      <c r="Q5800">
        <v>0</v>
      </c>
      <c r="R5800">
        <v>10685</v>
      </c>
      <c r="S5800">
        <v>0</v>
      </c>
      <c r="T5800">
        <v>0</v>
      </c>
      <c r="U5800">
        <v>0</v>
      </c>
      <c r="V5800">
        <v>0</v>
      </c>
      <c r="W5800">
        <v>8</v>
      </c>
      <c r="X5800">
        <v>0</v>
      </c>
      <c r="Y5800">
        <v>42</v>
      </c>
      <c r="Z5800">
        <v>19</v>
      </c>
      <c r="AA5800">
        <v>62</v>
      </c>
      <c r="AB5800">
        <v>24</v>
      </c>
      <c r="AC5800">
        <v>158</v>
      </c>
      <c r="AD5800">
        <v>28</v>
      </c>
      <c r="AE5800">
        <v>29</v>
      </c>
      <c r="AF5800">
        <v>3270</v>
      </c>
      <c r="AG5800">
        <v>103919</v>
      </c>
      <c r="AH5800">
        <v>50000</v>
      </c>
      <c r="AI5800">
        <v>0</v>
      </c>
      <c r="AJ5800">
        <v>95</v>
      </c>
      <c r="AK5800" t="s">
        <v>21</v>
      </c>
      <c r="AL5800">
        <v>0</v>
      </c>
      <c r="AM5800">
        <v>0</v>
      </c>
      <c r="AN5800">
        <v>0</v>
      </c>
      <c r="AO5800">
        <v>0</v>
      </c>
      <c r="AP5800">
        <v>0</v>
      </c>
      <c r="AQ5800">
        <v>0</v>
      </c>
      <c r="AR5800">
        <v>0</v>
      </c>
      <c r="AS5800">
        <v>0</v>
      </c>
      <c r="AT5800">
        <v>0</v>
      </c>
      <c r="AU5800">
        <v>0</v>
      </c>
      <c r="AV5800">
        <v>0</v>
      </c>
      <c r="AW5800">
        <v>0</v>
      </c>
      <c r="AX5800">
        <v>0</v>
      </c>
      <c r="AY5800">
        <v>6</v>
      </c>
      <c r="AZ5800">
        <v>13</v>
      </c>
      <c r="BA5800">
        <v>1687</v>
      </c>
    </row>
    <row r="5801" spans="1:53" x14ac:dyDescent="0.4">
      <c r="A5801">
        <v>5845</v>
      </c>
      <c r="B5801" s="1">
        <v>45034</v>
      </c>
      <c r="C5801">
        <v>1</v>
      </c>
      <c r="D5801" s="1">
        <v>45034.291666666664</v>
      </c>
      <c r="E5801" s="1">
        <v>45034.446527777778</v>
      </c>
      <c r="F5801">
        <v>0</v>
      </c>
      <c r="G5801">
        <v>0</v>
      </c>
      <c r="H5801">
        <v>0</v>
      </c>
      <c r="I5801">
        <v>0</v>
      </c>
      <c r="J5801">
        <v>0</v>
      </c>
      <c r="K5801">
        <v>0</v>
      </c>
      <c r="L5801">
        <v>0</v>
      </c>
      <c r="M5801">
        <v>0</v>
      </c>
      <c r="N5801">
        <v>0</v>
      </c>
      <c r="O5801">
        <v>0</v>
      </c>
      <c r="P5801">
        <v>0</v>
      </c>
      <c r="Q5801">
        <v>0</v>
      </c>
      <c r="R5801">
        <v>0</v>
      </c>
      <c r="S5801">
        <v>0</v>
      </c>
      <c r="T5801">
        <v>0</v>
      </c>
      <c r="U5801">
        <v>0</v>
      </c>
      <c r="V5801">
        <v>0</v>
      </c>
      <c r="W5801">
        <v>1</v>
      </c>
      <c r="X5801">
        <v>0</v>
      </c>
      <c r="Y5801">
        <v>29</v>
      </c>
      <c r="Z5801">
        <v>15</v>
      </c>
      <c r="AA5801">
        <v>58</v>
      </c>
      <c r="AB5801">
        <v>23</v>
      </c>
      <c r="AC5801">
        <v>139</v>
      </c>
      <c r="AD5801">
        <v>27</v>
      </c>
      <c r="AE5801">
        <v>25</v>
      </c>
      <c r="AF5801">
        <v>0</v>
      </c>
      <c r="AG5801">
        <v>50000</v>
      </c>
      <c r="AH5801">
        <v>50000</v>
      </c>
      <c r="AI5801">
        <v>0</v>
      </c>
      <c r="AJ5801">
        <v>0</v>
      </c>
      <c r="AK5801" t="s">
        <v>6</v>
      </c>
      <c r="AL5801">
        <v>0</v>
      </c>
      <c r="AM5801">
        <v>0</v>
      </c>
      <c r="AN5801">
        <v>0</v>
      </c>
      <c r="AO5801">
        <v>0</v>
      </c>
      <c r="AP5801">
        <v>0</v>
      </c>
      <c r="AQ5801">
        <v>0</v>
      </c>
      <c r="AR5801">
        <v>0</v>
      </c>
      <c r="AS5801">
        <v>0</v>
      </c>
      <c r="AT5801">
        <v>0</v>
      </c>
      <c r="AU5801">
        <v>0</v>
      </c>
      <c r="AV5801">
        <v>0</v>
      </c>
      <c r="AW5801">
        <v>0</v>
      </c>
      <c r="AX5801">
        <v>0</v>
      </c>
      <c r="AY5801">
        <v>0</v>
      </c>
      <c r="AZ5801">
        <v>0</v>
      </c>
      <c r="BA5801">
        <v>0</v>
      </c>
    </row>
    <row r="5802" spans="1:53" x14ac:dyDescent="0.4">
      <c r="A5802">
        <v>5846</v>
      </c>
      <c r="B5802" s="1">
        <v>45034</v>
      </c>
      <c r="C5802">
        <v>2</v>
      </c>
      <c r="D5802" s="1">
        <v>45034.446527777778</v>
      </c>
      <c r="E5802" s="1">
        <v>45034.745833333334</v>
      </c>
      <c r="F5802">
        <v>14380</v>
      </c>
      <c r="G5802">
        <v>0</v>
      </c>
      <c r="H5802">
        <v>0</v>
      </c>
      <c r="I5802">
        <v>0</v>
      </c>
      <c r="J5802">
        <v>0</v>
      </c>
      <c r="K5802">
        <v>0</v>
      </c>
      <c r="L5802">
        <v>0</v>
      </c>
      <c r="M5802">
        <v>1306</v>
      </c>
      <c r="N5802">
        <v>0</v>
      </c>
      <c r="O5802">
        <v>0</v>
      </c>
      <c r="P5802">
        <v>9920</v>
      </c>
      <c r="Q5802">
        <v>0</v>
      </c>
      <c r="R5802">
        <v>24300</v>
      </c>
      <c r="S5802">
        <v>0</v>
      </c>
      <c r="T5802">
        <v>0</v>
      </c>
      <c r="U5802">
        <v>0</v>
      </c>
      <c r="V5802">
        <v>1</v>
      </c>
      <c r="W5802">
        <v>0</v>
      </c>
      <c r="X5802">
        <v>0</v>
      </c>
      <c r="Y5802">
        <v>39</v>
      </c>
      <c r="Z5802">
        <v>23</v>
      </c>
      <c r="AA5802">
        <v>80</v>
      </c>
      <c r="AB5802">
        <v>25</v>
      </c>
      <c r="AC5802">
        <v>167</v>
      </c>
      <c r="AD5802">
        <v>27</v>
      </c>
      <c r="AE5802">
        <v>25</v>
      </c>
      <c r="AF5802">
        <v>2720</v>
      </c>
      <c r="AG5802">
        <v>74300</v>
      </c>
      <c r="AH5802">
        <v>50000</v>
      </c>
      <c r="AI5802">
        <v>0</v>
      </c>
      <c r="AJ5802">
        <v>119</v>
      </c>
      <c r="AK5802" t="s">
        <v>56</v>
      </c>
      <c r="AL5802">
        <v>0</v>
      </c>
      <c r="AM5802">
        <v>0</v>
      </c>
      <c r="AN5802">
        <v>0</v>
      </c>
      <c r="AO5802">
        <v>0</v>
      </c>
      <c r="AP5802">
        <v>0</v>
      </c>
      <c r="AQ5802">
        <v>0</v>
      </c>
      <c r="AR5802">
        <v>0</v>
      </c>
      <c r="AS5802">
        <v>0</v>
      </c>
      <c r="AT5802">
        <v>0</v>
      </c>
      <c r="AU5802">
        <v>0</v>
      </c>
      <c r="AV5802">
        <v>0</v>
      </c>
      <c r="AW5802">
        <v>0</v>
      </c>
      <c r="AX5802">
        <v>-996</v>
      </c>
      <c r="AY5802">
        <v>29</v>
      </c>
      <c r="AZ5802">
        <v>41</v>
      </c>
      <c r="BA5802">
        <v>3483</v>
      </c>
    </row>
    <row r="5803" spans="1:53" x14ac:dyDescent="0.4">
      <c r="A5803">
        <v>5847</v>
      </c>
      <c r="B5803" s="1">
        <v>45034</v>
      </c>
      <c r="C5803">
        <v>3</v>
      </c>
      <c r="D5803" s="1">
        <v>45034.745833333334</v>
      </c>
      <c r="E5803" s="1">
        <v>45034.955555555556</v>
      </c>
      <c r="F5803">
        <v>19860</v>
      </c>
      <c r="G5803">
        <v>1518</v>
      </c>
      <c r="H5803">
        <v>0</v>
      </c>
      <c r="I5803">
        <v>0</v>
      </c>
      <c r="J5803">
        <v>0</v>
      </c>
      <c r="K5803">
        <v>0</v>
      </c>
      <c r="L5803">
        <v>0</v>
      </c>
      <c r="M5803">
        <v>1942</v>
      </c>
      <c r="N5803">
        <v>0</v>
      </c>
      <c r="O5803">
        <v>0</v>
      </c>
      <c r="P5803">
        <v>1260</v>
      </c>
      <c r="Q5803">
        <v>0</v>
      </c>
      <c r="R5803">
        <v>22638</v>
      </c>
      <c r="S5803">
        <v>0</v>
      </c>
      <c r="T5803">
        <v>0</v>
      </c>
      <c r="U5803">
        <v>0</v>
      </c>
      <c r="V5803">
        <v>1</v>
      </c>
      <c r="W5803">
        <v>2</v>
      </c>
      <c r="X5803">
        <v>0</v>
      </c>
      <c r="Y5803">
        <v>48</v>
      </c>
      <c r="Z5803">
        <v>21</v>
      </c>
      <c r="AA5803">
        <v>73</v>
      </c>
      <c r="AB5803">
        <v>28</v>
      </c>
      <c r="AC5803">
        <v>167</v>
      </c>
      <c r="AD5803">
        <v>26</v>
      </c>
      <c r="AE5803">
        <v>28</v>
      </c>
      <c r="AF5803">
        <v>7960</v>
      </c>
      <c r="AG5803">
        <v>96988</v>
      </c>
      <c r="AH5803">
        <v>50000</v>
      </c>
      <c r="AI5803">
        <v>50</v>
      </c>
      <c r="AJ5803">
        <v>74</v>
      </c>
      <c r="AK5803" t="s">
        <v>67</v>
      </c>
      <c r="AL5803">
        <v>0</v>
      </c>
      <c r="AM5803">
        <v>0</v>
      </c>
      <c r="AN5803">
        <v>0</v>
      </c>
      <c r="AO5803">
        <v>0</v>
      </c>
      <c r="AP5803">
        <v>0</v>
      </c>
      <c r="AQ5803">
        <v>0</v>
      </c>
      <c r="AR5803">
        <v>0</v>
      </c>
      <c r="AS5803">
        <v>0</v>
      </c>
      <c r="AT5803">
        <v>0</v>
      </c>
      <c r="AU5803">
        <v>0</v>
      </c>
      <c r="AV5803">
        <v>0</v>
      </c>
      <c r="AW5803">
        <v>0</v>
      </c>
      <c r="AX5803">
        <v>1485</v>
      </c>
      <c r="AY5803">
        <v>11</v>
      </c>
      <c r="AZ5803">
        <v>19</v>
      </c>
      <c r="BA5803">
        <v>1796</v>
      </c>
    </row>
    <row r="5804" spans="1:53" x14ac:dyDescent="0.4">
      <c r="A5804">
        <v>5848</v>
      </c>
      <c r="B5804" s="1">
        <v>45035</v>
      </c>
      <c r="C5804">
        <v>1</v>
      </c>
      <c r="D5804" s="1">
        <v>45035.291666666664</v>
      </c>
      <c r="E5804" s="1">
        <v>45035.448611111111</v>
      </c>
      <c r="F5804">
        <v>0</v>
      </c>
      <c r="G5804">
        <v>0</v>
      </c>
      <c r="H5804">
        <v>0</v>
      </c>
      <c r="I5804">
        <v>0</v>
      </c>
      <c r="J5804">
        <v>0</v>
      </c>
      <c r="K5804">
        <v>0</v>
      </c>
      <c r="L5804">
        <v>0</v>
      </c>
      <c r="M5804">
        <v>0</v>
      </c>
      <c r="N5804">
        <v>0</v>
      </c>
      <c r="O5804">
        <v>0</v>
      </c>
      <c r="P5804">
        <v>0</v>
      </c>
      <c r="Q5804">
        <v>0</v>
      </c>
      <c r="R5804">
        <v>0</v>
      </c>
      <c r="S5804">
        <v>0</v>
      </c>
      <c r="T5804">
        <v>0</v>
      </c>
      <c r="U5804">
        <v>0</v>
      </c>
      <c r="V5804">
        <v>0</v>
      </c>
      <c r="W5804">
        <v>1</v>
      </c>
      <c r="X5804">
        <v>0</v>
      </c>
      <c r="Y5804">
        <v>27</v>
      </c>
      <c r="Z5804">
        <v>14</v>
      </c>
      <c r="AA5804">
        <v>87</v>
      </c>
      <c r="AB5804">
        <v>25</v>
      </c>
      <c r="AC5804">
        <v>90</v>
      </c>
      <c r="AD5804">
        <v>25</v>
      </c>
      <c r="AE5804">
        <v>25</v>
      </c>
      <c r="AF5804">
        <v>0</v>
      </c>
      <c r="AG5804">
        <v>50000</v>
      </c>
      <c r="AH5804">
        <v>50000</v>
      </c>
      <c r="AI5804">
        <v>0</v>
      </c>
      <c r="AJ5804">
        <v>0</v>
      </c>
      <c r="AK5804" t="s">
        <v>6</v>
      </c>
      <c r="AL5804">
        <v>0</v>
      </c>
      <c r="AM5804">
        <v>0</v>
      </c>
      <c r="AN5804">
        <v>0</v>
      </c>
      <c r="AO5804">
        <v>0</v>
      </c>
      <c r="AP5804">
        <v>0</v>
      </c>
      <c r="AQ5804">
        <v>0</v>
      </c>
      <c r="AR5804">
        <v>0</v>
      </c>
      <c r="AS5804">
        <v>0</v>
      </c>
      <c r="AT5804">
        <v>0</v>
      </c>
      <c r="AU5804">
        <v>0</v>
      </c>
      <c r="AV5804">
        <v>0</v>
      </c>
      <c r="AW5804">
        <v>0</v>
      </c>
      <c r="AX5804">
        <v>0</v>
      </c>
      <c r="AY5804">
        <v>0</v>
      </c>
      <c r="AZ5804">
        <v>0</v>
      </c>
      <c r="BA5804">
        <v>0</v>
      </c>
    </row>
    <row r="5805" spans="1:53" x14ac:dyDescent="0.4">
      <c r="A5805">
        <v>5849</v>
      </c>
      <c r="B5805" s="1">
        <v>45035</v>
      </c>
      <c r="C5805">
        <v>2</v>
      </c>
      <c r="D5805" s="1">
        <v>45035.448611111111</v>
      </c>
      <c r="E5805" s="1">
        <v>45035.746527777781</v>
      </c>
      <c r="F5805">
        <v>12200</v>
      </c>
      <c r="G5805">
        <v>0</v>
      </c>
      <c r="H5805">
        <v>440</v>
      </c>
      <c r="I5805">
        <v>0</v>
      </c>
      <c r="J5805">
        <v>100</v>
      </c>
      <c r="K5805">
        <v>0</v>
      </c>
      <c r="L5805">
        <v>0</v>
      </c>
      <c r="M5805">
        <v>1140</v>
      </c>
      <c r="N5805">
        <v>0</v>
      </c>
      <c r="O5805">
        <v>0</v>
      </c>
      <c r="P5805">
        <v>16040</v>
      </c>
      <c r="Q5805">
        <v>0</v>
      </c>
      <c r="R5805">
        <v>28580</v>
      </c>
      <c r="S5805">
        <v>0</v>
      </c>
      <c r="T5805">
        <v>0</v>
      </c>
      <c r="U5805">
        <v>0</v>
      </c>
      <c r="V5805">
        <v>0</v>
      </c>
      <c r="W5805">
        <v>1</v>
      </c>
      <c r="X5805">
        <v>0</v>
      </c>
      <c r="Y5805">
        <v>43</v>
      </c>
      <c r="Z5805">
        <v>19</v>
      </c>
      <c r="AA5805">
        <v>85</v>
      </c>
      <c r="AB5805">
        <v>25</v>
      </c>
      <c r="AC5805">
        <v>97</v>
      </c>
      <c r="AD5805">
        <v>24</v>
      </c>
      <c r="AE5805">
        <v>24</v>
      </c>
      <c r="AF5805">
        <v>10216</v>
      </c>
      <c r="AG5805">
        <v>78580</v>
      </c>
      <c r="AH5805">
        <v>50000</v>
      </c>
      <c r="AI5805">
        <v>0</v>
      </c>
      <c r="AJ5805">
        <v>29</v>
      </c>
      <c r="AK5805" t="s">
        <v>62</v>
      </c>
      <c r="AL5805">
        <v>0</v>
      </c>
      <c r="AM5805">
        <v>0</v>
      </c>
      <c r="AN5805">
        <v>0</v>
      </c>
      <c r="AO5805">
        <v>0</v>
      </c>
      <c r="AP5805">
        <v>0</v>
      </c>
      <c r="AQ5805">
        <v>0</v>
      </c>
      <c r="AR5805">
        <v>0</v>
      </c>
      <c r="AS5805">
        <v>0</v>
      </c>
      <c r="AT5805">
        <v>0</v>
      </c>
      <c r="AU5805">
        <v>0</v>
      </c>
      <c r="AV5805">
        <v>0</v>
      </c>
      <c r="AW5805">
        <v>0</v>
      </c>
      <c r="AX5805">
        <v>-1212</v>
      </c>
      <c r="AY5805">
        <v>28</v>
      </c>
      <c r="AZ5805">
        <v>46</v>
      </c>
      <c r="BA5805">
        <v>3805</v>
      </c>
    </row>
    <row r="5806" spans="1:53" x14ac:dyDescent="0.4">
      <c r="A5806">
        <v>5850</v>
      </c>
      <c r="B5806" s="1">
        <v>45035</v>
      </c>
      <c r="C5806">
        <v>3</v>
      </c>
      <c r="D5806" s="1">
        <v>45035.746527777781</v>
      </c>
      <c r="E5806" s="1">
        <v>45035.956944444442</v>
      </c>
      <c r="F5806">
        <v>22970</v>
      </c>
      <c r="G5806">
        <v>1188</v>
      </c>
      <c r="H5806">
        <v>0</v>
      </c>
      <c r="I5806">
        <v>0</v>
      </c>
      <c r="J5806">
        <v>100</v>
      </c>
      <c r="K5806">
        <v>0</v>
      </c>
      <c r="L5806">
        <v>0</v>
      </c>
      <c r="M5806">
        <v>2187</v>
      </c>
      <c r="N5806">
        <v>0</v>
      </c>
      <c r="O5806">
        <v>0</v>
      </c>
      <c r="P5806">
        <v>-5840</v>
      </c>
      <c r="Q5806">
        <v>0</v>
      </c>
      <c r="R5806">
        <v>18218</v>
      </c>
      <c r="S5806">
        <v>0</v>
      </c>
      <c r="T5806">
        <v>0</v>
      </c>
      <c r="U5806">
        <v>0</v>
      </c>
      <c r="V5806">
        <v>0</v>
      </c>
      <c r="W5806">
        <v>2</v>
      </c>
      <c r="X5806">
        <v>0</v>
      </c>
      <c r="Y5806">
        <v>43</v>
      </c>
      <c r="Z5806">
        <v>20</v>
      </c>
      <c r="AA5806">
        <v>86</v>
      </c>
      <c r="AB5806">
        <v>27</v>
      </c>
      <c r="AC5806">
        <v>109</v>
      </c>
      <c r="AD5806">
        <v>25</v>
      </c>
      <c r="AE5806">
        <v>27</v>
      </c>
      <c r="AF5806">
        <v>22606</v>
      </c>
      <c r="AG5806">
        <v>96798</v>
      </c>
      <c r="AH5806">
        <v>50000</v>
      </c>
      <c r="AI5806">
        <v>0</v>
      </c>
      <c r="AJ5806">
        <v>74</v>
      </c>
      <c r="AK5806" t="s">
        <v>67</v>
      </c>
      <c r="AL5806">
        <v>0</v>
      </c>
      <c r="AM5806">
        <v>0</v>
      </c>
      <c r="AN5806">
        <v>0</v>
      </c>
      <c r="AO5806">
        <v>0</v>
      </c>
      <c r="AP5806">
        <v>0</v>
      </c>
      <c r="AQ5806">
        <v>0</v>
      </c>
      <c r="AR5806">
        <v>0</v>
      </c>
      <c r="AS5806">
        <v>0</v>
      </c>
      <c r="AT5806">
        <v>0</v>
      </c>
      <c r="AU5806">
        <v>0</v>
      </c>
      <c r="AV5806">
        <v>0</v>
      </c>
      <c r="AW5806">
        <v>0</v>
      </c>
      <c r="AX5806">
        <v>-2570</v>
      </c>
      <c r="AY5806">
        <v>10</v>
      </c>
      <c r="AZ5806">
        <v>21</v>
      </c>
      <c r="BA5806">
        <v>1972</v>
      </c>
    </row>
    <row r="5807" spans="1:53" x14ac:dyDescent="0.4">
      <c r="A5807">
        <v>5851</v>
      </c>
      <c r="B5807" s="1">
        <v>45036</v>
      </c>
      <c r="C5807">
        <v>1</v>
      </c>
      <c r="D5807" s="1">
        <v>45036.291666666664</v>
      </c>
      <c r="E5807" s="1">
        <v>45036.449305555558</v>
      </c>
      <c r="F5807">
        <v>0</v>
      </c>
      <c r="G5807">
        <v>0</v>
      </c>
      <c r="H5807">
        <v>0</v>
      </c>
      <c r="I5807">
        <v>0</v>
      </c>
      <c r="J5807">
        <v>0</v>
      </c>
      <c r="K5807">
        <v>0</v>
      </c>
      <c r="L5807">
        <v>0</v>
      </c>
      <c r="M5807">
        <v>0</v>
      </c>
      <c r="N5807">
        <v>0</v>
      </c>
      <c r="O5807">
        <v>0</v>
      </c>
      <c r="P5807">
        <v>0</v>
      </c>
      <c r="Q5807">
        <v>0</v>
      </c>
      <c r="R5807">
        <v>0</v>
      </c>
      <c r="S5807">
        <v>0</v>
      </c>
      <c r="T5807">
        <v>0</v>
      </c>
      <c r="U5807">
        <v>0</v>
      </c>
      <c r="V5807">
        <v>0</v>
      </c>
      <c r="W5807">
        <v>1</v>
      </c>
      <c r="X5807">
        <v>0</v>
      </c>
      <c r="Y5807">
        <v>27</v>
      </c>
      <c r="Z5807">
        <v>12</v>
      </c>
      <c r="AA5807">
        <v>95</v>
      </c>
      <c r="AB5807">
        <v>28</v>
      </c>
      <c r="AC5807">
        <v>95</v>
      </c>
      <c r="AD5807">
        <v>25</v>
      </c>
      <c r="AE5807">
        <v>25</v>
      </c>
      <c r="AF5807">
        <v>0</v>
      </c>
      <c r="AG5807">
        <v>50000</v>
      </c>
      <c r="AH5807">
        <v>50000</v>
      </c>
      <c r="AI5807">
        <v>0</v>
      </c>
      <c r="AJ5807">
        <v>0</v>
      </c>
      <c r="AK5807" t="s">
        <v>6</v>
      </c>
      <c r="AL5807">
        <v>0</v>
      </c>
      <c r="AM5807">
        <v>0</v>
      </c>
      <c r="AN5807">
        <v>0</v>
      </c>
      <c r="AO5807">
        <v>0</v>
      </c>
      <c r="AP5807">
        <v>0</v>
      </c>
      <c r="AQ5807">
        <v>0</v>
      </c>
      <c r="AR5807">
        <v>0</v>
      </c>
      <c r="AS5807">
        <v>0</v>
      </c>
      <c r="AT5807">
        <v>0</v>
      </c>
      <c r="AU5807">
        <v>0</v>
      </c>
      <c r="AV5807">
        <v>0</v>
      </c>
      <c r="AW5807">
        <v>0</v>
      </c>
      <c r="AX5807">
        <v>0</v>
      </c>
      <c r="AY5807">
        <v>0</v>
      </c>
      <c r="AZ5807">
        <v>0</v>
      </c>
      <c r="BA5807">
        <v>0</v>
      </c>
    </row>
    <row r="5808" spans="1:53" x14ac:dyDescent="0.4">
      <c r="A5808">
        <v>5852</v>
      </c>
      <c r="B5808" s="1">
        <v>45036</v>
      </c>
      <c r="C5808">
        <v>2</v>
      </c>
      <c r="D5808" s="1">
        <v>45036.449305555558</v>
      </c>
      <c r="E5808" s="1">
        <v>45036.770833333336</v>
      </c>
      <c r="F5808">
        <v>16810</v>
      </c>
      <c r="G5808">
        <v>726</v>
      </c>
      <c r="H5808">
        <v>0</v>
      </c>
      <c r="I5808">
        <v>0</v>
      </c>
      <c r="J5808">
        <v>200</v>
      </c>
      <c r="K5808">
        <v>0</v>
      </c>
      <c r="L5808">
        <v>0</v>
      </c>
      <c r="M5808">
        <v>1577</v>
      </c>
      <c r="N5808">
        <v>0</v>
      </c>
      <c r="O5808">
        <v>0</v>
      </c>
      <c r="P5808">
        <v>8510</v>
      </c>
      <c r="Q5808">
        <v>0</v>
      </c>
      <c r="R5808">
        <v>25846</v>
      </c>
      <c r="S5808">
        <v>0</v>
      </c>
      <c r="T5808">
        <v>0</v>
      </c>
      <c r="U5808">
        <v>0</v>
      </c>
      <c r="V5808">
        <v>0</v>
      </c>
      <c r="W5808">
        <v>2</v>
      </c>
      <c r="X5808">
        <v>0</v>
      </c>
      <c r="Y5808">
        <v>40</v>
      </c>
      <c r="Z5808">
        <v>22</v>
      </c>
      <c r="AA5808">
        <v>117</v>
      </c>
      <c r="AB5808">
        <v>30</v>
      </c>
      <c r="AC5808">
        <v>100</v>
      </c>
      <c r="AD5808">
        <v>25</v>
      </c>
      <c r="AE5808">
        <v>21</v>
      </c>
      <c r="AF5808">
        <v>500</v>
      </c>
      <c r="AG5808">
        <v>75846</v>
      </c>
      <c r="AH5808">
        <v>50000</v>
      </c>
      <c r="AI5808">
        <v>0</v>
      </c>
      <c r="AJ5808">
        <v>116</v>
      </c>
      <c r="AK5808" t="s">
        <v>51</v>
      </c>
      <c r="AL5808">
        <v>0</v>
      </c>
      <c r="AM5808">
        <v>0</v>
      </c>
      <c r="AN5808">
        <v>0</v>
      </c>
      <c r="AO5808">
        <v>0</v>
      </c>
      <c r="AP5808">
        <v>0</v>
      </c>
      <c r="AQ5808">
        <v>0</v>
      </c>
      <c r="AR5808">
        <v>0</v>
      </c>
      <c r="AS5808">
        <v>0</v>
      </c>
      <c r="AT5808">
        <v>0</v>
      </c>
      <c r="AU5808">
        <v>0</v>
      </c>
      <c r="AV5808">
        <v>0</v>
      </c>
      <c r="AW5808">
        <v>0</v>
      </c>
      <c r="AX5808">
        <v>3608</v>
      </c>
      <c r="AY5808">
        <v>31</v>
      </c>
      <c r="AZ5808">
        <v>48</v>
      </c>
      <c r="BA5808">
        <v>3758</v>
      </c>
    </row>
    <row r="5809" spans="1:53" x14ac:dyDescent="0.4">
      <c r="A5809">
        <v>5853</v>
      </c>
      <c r="B5809" s="1">
        <v>45037</v>
      </c>
      <c r="C5809">
        <v>1</v>
      </c>
      <c r="D5809" s="1">
        <v>45037.291666666664</v>
      </c>
      <c r="E5809" s="1">
        <v>45037.456250000003</v>
      </c>
      <c r="F5809">
        <v>0</v>
      </c>
      <c r="G5809">
        <v>0</v>
      </c>
      <c r="H5809">
        <v>0</v>
      </c>
      <c r="I5809">
        <v>0</v>
      </c>
      <c r="J5809">
        <v>0</v>
      </c>
      <c r="K5809">
        <v>0</v>
      </c>
      <c r="L5809">
        <v>0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>
        <v>0</v>
      </c>
      <c r="U5809">
        <v>0</v>
      </c>
      <c r="V5809">
        <v>0</v>
      </c>
      <c r="W5809">
        <v>1</v>
      </c>
      <c r="X5809">
        <v>0</v>
      </c>
      <c r="Y5809">
        <v>26</v>
      </c>
      <c r="Z5809">
        <v>14</v>
      </c>
      <c r="AA5809">
        <v>99</v>
      </c>
      <c r="AB5809">
        <v>26</v>
      </c>
      <c r="AC5809">
        <v>65</v>
      </c>
      <c r="AD5809">
        <v>25</v>
      </c>
      <c r="AE5809">
        <v>25</v>
      </c>
      <c r="AF5809">
        <v>0</v>
      </c>
      <c r="AG5809">
        <v>50000</v>
      </c>
      <c r="AH5809">
        <v>50000</v>
      </c>
      <c r="AI5809">
        <v>0</v>
      </c>
      <c r="AJ5809">
        <v>0</v>
      </c>
      <c r="AK5809" t="s">
        <v>6</v>
      </c>
      <c r="AL5809">
        <v>0</v>
      </c>
      <c r="AM5809">
        <v>0</v>
      </c>
      <c r="AN5809">
        <v>0</v>
      </c>
      <c r="AO5809">
        <v>0</v>
      </c>
      <c r="AP5809">
        <v>0</v>
      </c>
      <c r="AQ5809">
        <v>0</v>
      </c>
      <c r="AR5809">
        <v>0</v>
      </c>
      <c r="AS5809">
        <v>0</v>
      </c>
      <c r="AT5809">
        <v>0</v>
      </c>
      <c r="AU5809">
        <v>0</v>
      </c>
      <c r="AV5809">
        <v>0</v>
      </c>
      <c r="AW5809">
        <v>0</v>
      </c>
      <c r="AX5809">
        <v>0</v>
      </c>
      <c r="AY5809">
        <v>0</v>
      </c>
      <c r="AZ5809">
        <v>0</v>
      </c>
      <c r="BA5809">
        <v>0</v>
      </c>
    </row>
    <row r="5810" spans="1:53" x14ac:dyDescent="0.4">
      <c r="A5810">
        <v>5854</v>
      </c>
      <c r="B5810" s="1">
        <v>45037</v>
      </c>
      <c r="C5810">
        <v>2</v>
      </c>
      <c r="D5810" s="1">
        <v>45037.456250000003</v>
      </c>
      <c r="E5810" s="1">
        <v>45038</v>
      </c>
      <c r="F5810">
        <v>144290</v>
      </c>
      <c r="G5810">
        <v>15566</v>
      </c>
      <c r="H5810">
        <v>0</v>
      </c>
      <c r="I5810">
        <v>0</v>
      </c>
      <c r="J5810">
        <v>100</v>
      </c>
      <c r="K5810">
        <v>200</v>
      </c>
      <c r="L5810">
        <v>0</v>
      </c>
      <c r="M5810">
        <v>14539</v>
      </c>
      <c r="N5810">
        <v>0</v>
      </c>
      <c r="O5810">
        <v>0</v>
      </c>
      <c r="P5810">
        <v>61600</v>
      </c>
      <c r="Q5810">
        <v>0</v>
      </c>
      <c r="R5810">
        <v>221556</v>
      </c>
      <c r="S5810">
        <v>0</v>
      </c>
      <c r="T5810">
        <v>0</v>
      </c>
      <c r="U5810">
        <v>0</v>
      </c>
      <c r="V5810">
        <v>8</v>
      </c>
      <c r="W5810">
        <v>2</v>
      </c>
      <c r="X5810">
        <v>0</v>
      </c>
      <c r="Y5810">
        <v>26</v>
      </c>
      <c r="Z5810">
        <v>21</v>
      </c>
      <c r="AA5810">
        <v>108</v>
      </c>
      <c r="AB5810">
        <v>32</v>
      </c>
      <c r="AC5810">
        <v>103</v>
      </c>
      <c r="AD5810">
        <v>23</v>
      </c>
      <c r="AE5810">
        <v>21</v>
      </c>
      <c r="AF5810">
        <v>131470</v>
      </c>
      <c r="AG5810">
        <v>271536</v>
      </c>
      <c r="AH5810">
        <v>50000</v>
      </c>
      <c r="AI5810">
        <v>-20</v>
      </c>
      <c r="AJ5810">
        <v>104</v>
      </c>
      <c r="AK5810" t="s">
        <v>60</v>
      </c>
      <c r="AL5810">
        <v>0</v>
      </c>
      <c r="AM5810">
        <v>0</v>
      </c>
      <c r="AN5810">
        <v>0</v>
      </c>
      <c r="AO5810">
        <v>0</v>
      </c>
      <c r="AP5810">
        <v>0</v>
      </c>
      <c r="AQ5810">
        <v>0</v>
      </c>
      <c r="AR5810">
        <v>0</v>
      </c>
      <c r="AS5810">
        <v>0</v>
      </c>
      <c r="AT5810">
        <v>0</v>
      </c>
      <c r="AU5810">
        <v>0</v>
      </c>
      <c r="AV5810">
        <v>0</v>
      </c>
      <c r="AW5810">
        <v>0</v>
      </c>
      <c r="AX5810">
        <v>19462</v>
      </c>
      <c r="AY5810">
        <v>65</v>
      </c>
      <c r="AZ5810">
        <v>160</v>
      </c>
      <c r="BA5810">
        <v>8065</v>
      </c>
    </row>
    <row r="5811" spans="1:53" x14ac:dyDescent="0.4">
      <c r="A5811">
        <v>5855</v>
      </c>
      <c r="B5811" s="1">
        <v>45038</v>
      </c>
      <c r="C5811">
        <v>1</v>
      </c>
      <c r="D5811" s="1">
        <v>45038.291666666664</v>
      </c>
      <c r="E5811" s="1">
        <v>45038.410416666666</v>
      </c>
      <c r="F5811">
        <v>0</v>
      </c>
      <c r="G5811">
        <v>0</v>
      </c>
      <c r="H5811">
        <v>0</v>
      </c>
      <c r="I5811">
        <v>0</v>
      </c>
      <c r="J5811">
        <v>0</v>
      </c>
      <c r="K5811">
        <v>0</v>
      </c>
      <c r="L5811">
        <v>0</v>
      </c>
      <c r="M5811">
        <v>0</v>
      </c>
      <c r="N5811">
        <v>0</v>
      </c>
      <c r="O5811">
        <v>0</v>
      </c>
      <c r="P5811">
        <v>0</v>
      </c>
      <c r="Q5811">
        <v>0</v>
      </c>
      <c r="R5811">
        <v>0</v>
      </c>
      <c r="S5811">
        <v>0</v>
      </c>
      <c r="T5811">
        <v>0</v>
      </c>
      <c r="U5811">
        <v>0</v>
      </c>
      <c r="V5811">
        <v>0</v>
      </c>
      <c r="W5811">
        <v>1</v>
      </c>
      <c r="X5811">
        <v>0</v>
      </c>
      <c r="Y5811">
        <v>29</v>
      </c>
      <c r="Z5811">
        <v>12</v>
      </c>
      <c r="AA5811">
        <v>74</v>
      </c>
      <c r="AB5811">
        <v>33</v>
      </c>
      <c r="AC5811">
        <v>82</v>
      </c>
      <c r="AD5811">
        <v>22</v>
      </c>
      <c r="AE5811">
        <v>20</v>
      </c>
      <c r="AF5811">
        <v>0</v>
      </c>
      <c r="AG5811">
        <v>50000</v>
      </c>
      <c r="AH5811">
        <v>50000</v>
      </c>
      <c r="AI5811">
        <v>0</v>
      </c>
      <c r="AJ5811">
        <v>0</v>
      </c>
      <c r="AK5811" t="s">
        <v>6</v>
      </c>
      <c r="AL5811">
        <v>0</v>
      </c>
      <c r="AM5811">
        <v>0</v>
      </c>
      <c r="AN5811">
        <v>0</v>
      </c>
      <c r="AO5811">
        <v>0</v>
      </c>
      <c r="AP5811">
        <v>0</v>
      </c>
      <c r="AQ5811">
        <v>0</v>
      </c>
      <c r="AR5811">
        <v>0</v>
      </c>
      <c r="AS5811">
        <v>0</v>
      </c>
      <c r="AT5811">
        <v>0</v>
      </c>
      <c r="AU5811">
        <v>0</v>
      </c>
      <c r="AV5811">
        <v>0</v>
      </c>
      <c r="AW5811">
        <v>0</v>
      </c>
      <c r="AX5811">
        <v>0</v>
      </c>
      <c r="AY5811">
        <v>0</v>
      </c>
      <c r="AZ5811">
        <v>0</v>
      </c>
      <c r="BA5811">
        <v>0</v>
      </c>
    </row>
    <row r="5812" spans="1:53" x14ac:dyDescent="0.4">
      <c r="A5812">
        <v>5856</v>
      </c>
      <c r="B5812" s="1">
        <v>45038</v>
      </c>
      <c r="C5812">
        <v>2</v>
      </c>
      <c r="D5812" s="1">
        <v>45038.410416666666</v>
      </c>
      <c r="E5812" s="1">
        <v>45038.761805555558</v>
      </c>
      <c r="F5812">
        <v>50630</v>
      </c>
      <c r="G5812">
        <v>3362</v>
      </c>
      <c r="H5812">
        <v>0</v>
      </c>
      <c r="I5812">
        <v>0</v>
      </c>
      <c r="J5812">
        <v>0</v>
      </c>
      <c r="K5812">
        <v>0</v>
      </c>
      <c r="L5812">
        <v>0</v>
      </c>
      <c r="M5812">
        <v>4908</v>
      </c>
      <c r="N5812">
        <v>0</v>
      </c>
      <c r="O5812">
        <v>0</v>
      </c>
      <c r="P5812">
        <v>28075</v>
      </c>
      <c r="Q5812">
        <v>0</v>
      </c>
      <c r="R5812">
        <v>82067</v>
      </c>
      <c r="S5812">
        <v>0</v>
      </c>
      <c r="T5812">
        <v>0</v>
      </c>
      <c r="U5812">
        <v>0</v>
      </c>
      <c r="V5812">
        <v>4</v>
      </c>
      <c r="W5812">
        <v>1</v>
      </c>
      <c r="X5812">
        <v>0</v>
      </c>
      <c r="Y5812">
        <v>46</v>
      </c>
      <c r="Z5812">
        <v>23</v>
      </c>
      <c r="AA5812">
        <v>98</v>
      </c>
      <c r="AB5812">
        <v>45</v>
      </c>
      <c r="AC5812">
        <v>109</v>
      </c>
      <c r="AD5812">
        <v>20</v>
      </c>
      <c r="AE5812">
        <v>27</v>
      </c>
      <c r="AF5812">
        <v>16350</v>
      </c>
      <c r="AG5812">
        <v>132117</v>
      </c>
      <c r="AH5812">
        <v>50000</v>
      </c>
      <c r="AI5812">
        <v>50</v>
      </c>
      <c r="AJ5812">
        <v>110</v>
      </c>
      <c r="AK5812" t="s">
        <v>31</v>
      </c>
      <c r="AL5812">
        <v>0</v>
      </c>
      <c r="AM5812">
        <v>0</v>
      </c>
      <c r="AN5812">
        <v>0</v>
      </c>
      <c r="AO5812">
        <v>0</v>
      </c>
      <c r="AP5812">
        <v>0</v>
      </c>
      <c r="AQ5812">
        <v>0</v>
      </c>
      <c r="AR5812">
        <v>0</v>
      </c>
      <c r="AS5812">
        <v>0</v>
      </c>
      <c r="AT5812">
        <v>0</v>
      </c>
      <c r="AU5812">
        <v>0</v>
      </c>
      <c r="AV5812">
        <v>0</v>
      </c>
      <c r="AW5812">
        <v>0</v>
      </c>
      <c r="AX5812">
        <v>3740</v>
      </c>
      <c r="AY5812">
        <v>55</v>
      </c>
      <c r="AZ5812">
        <v>125</v>
      </c>
      <c r="BA5812">
        <v>8254</v>
      </c>
    </row>
    <row r="5813" spans="1:53" x14ac:dyDescent="0.4">
      <c r="A5813">
        <v>5857</v>
      </c>
      <c r="B5813" s="1">
        <v>45038</v>
      </c>
      <c r="C5813">
        <v>3</v>
      </c>
      <c r="D5813" s="1">
        <v>45038.761805555558</v>
      </c>
      <c r="E5813" s="1">
        <v>45038.964583333334</v>
      </c>
      <c r="F5813">
        <v>87895</v>
      </c>
      <c r="G5813">
        <v>11161</v>
      </c>
      <c r="H5813">
        <v>0</v>
      </c>
      <c r="I5813">
        <v>0</v>
      </c>
      <c r="J5813">
        <v>100</v>
      </c>
      <c r="K5813">
        <v>1800</v>
      </c>
      <c r="L5813">
        <v>0</v>
      </c>
      <c r="M5813">
        <v>9158</v>
      </c>
      <c r="N5813">
        <v>0</v>
      </c>
      <c r="O5813">
        <v>0</v>
      </c>
      <c r="P5813">
        <v>-19855</v>
      </c>
      <c r="Q5813">
        <v>0</v>
      </c>
      <c r="R5813">
        <v>80901</v>
      </c>
      <c r="S5813">
        <v>0</v>
      </c>
      <c r="T5813">
        <v>0</v>
      </c>
      <c r="U5813">
        <v>0</v>
      </c>
      <c r="V5813">
        <v>8</v>
      </c>
      <c r="W5813">
        <v>1</v>
      </c>
      <c r="X5813">
        <v>0</v>
      </c>
      <c r="Y5813">
        <v>69</v>
      </c>
      <c r="Z5813">
        <v>26</v>
      </c>
      <c r="AA5813">
        <v>116</v>
      </c>
      <c r="AB5813">
        <v>44</v>
      </c>
      <c r="AC5813">
        <v>126</v>
      </c>
      <c r="AD5813">
        <v>19</v>
      </c>
      <c r="AE5813">
        <v>23</v>
      </c>
      <c r="AF5813">
        <v>30790</v>
      </c>
      <c r="AG5813">
        <v>212968</v>
      </c>
      <c r="AH5813">
        <v>50000</v>
      </c>
      <c r="AI5813">
        <v>0</v>
      </c>
      <c r="AJ5813">
        <v>110</v>
      </c>
      <c r="AK5813" t="s">
        <v>31</v>
      </c>
      <c r="AL5813">
        <v>0</v>
      </c>
      <c r="AM5813">
        <v>0</v>
      </c>
      <c r="AN5813">
        <v>0</v>
      </c>
      <c r="AO5813">
        <v>0</v>
      </c>
      <c r="AP5813">
        <v>0</v>
      </c>
      <c r="AQ5813">
        <v>0</v>
      </c>
      <c r="AR5813">
        <v>0</v>
      </c>
      <c r="AS5813">
        <v>0</v>
      </c>
      <c r="AT5813">
        <v>0</v>
      </c>
      <c r="AU5813">
        <v>0</v>
      </c>
      <c r="AV5813">
        <v>0</v>
      </c>
      <c r="AW5813">
        <v>0</v>
      </c>
      <c r="AX5813">
        <v>52772</v>
      </c>
      <c r="AY5813">
        <v>23</v>
      </c>
      <c r="AZ5813">
        <v>64</v>
      </c>
      <c r="BA5813">
        <v>3697</v>
      </c>
    </row>
    <row r="5814" spans="1:53" x14ac:dyDescent="0.4">
      <c r="A5814">
        <v>5858</v>
      </c>
      <c r="B5814" s="1">
        <v>45039</v>
      </c>
      <c r="C5814">
        <v>1</v>
      </c>
      <c r="D5814" s="1">
        <v>45039.291666666664</v>
      </c>
      <c r="E5814" s="1">
        <v>45039.40902777778</v>
      </c>
      <c r="F5814">
        <v>0</v>
      </c>
      <c r="G5814">
        <v>0</v>
      </c>
      <c r="H5814">
        <v>0</v>
      </c>
      <c r="I5814">
        <v>0</v>
      </c>
      <c r="J5814">
        <v>0</v>
      </c>
      <c r="K5814">
        <v>0</v>
      </c>
      <c r="L5814">
        <v>0</v>
      </c>
      <c r="M5814">
        <v>0</v>
      </c>
      <c r="N5814">
        <v>0</v>
      </c>
      <c r="O5814">
        <v>0</v>
      </c>
      <c r="P5814">
        <v>0</v>
      </c>
      <c r="Q5814">
        <v>0</v>
      </c>
      <c r="R5814">
        <v>0</v>
      </c>
      <c r="S5814">
        <v>0</v>
      </c>
      <c r="T5814">
        <v>0</v>
      </c>
      <c r="U5814">
        <v>0</v>
      </c>
      <c r="V5814">
        <v>0</v>
      </c>
      <c r="W5814">
        <v>1</v>
      </c>
      <c r="X5814">
        <v>0</v>
      </c>
      <c r="Y5814">
        <v>29</v>
      </c>
      <c r="Z5814">
        <v>10</v>
      </c>
      <c r="AA5814">
        <v>77</v>
      </c>
      <c r="AB5814">
        <v>42</v>
      </c>
      <c r="AC5814">
        <v>106</v>
      </c>
      <c r="AD5814">
        <v>20</v>
      </c>
      <c r="AE5814">
        <v>40</v>
      </c>
      <c r="AF5814">
        <v>0</v>
      </c>
      <c r="AG5814">
        <v>50000</v>
      </c>
      <c r="AH5814">
        <v>50000</v>
      </c>
      <c r="AI5814">
        <v>0</v>
      </c>
      <c r="AJ5814">
        <v>0</v>
      </c>
      <c r="AK5814" t="s">
        <v>6</v>
      </c>
      <c r="AL5814">
        <v>0</v>
      </c>
      <c r="AM5814">
        <v>0</v>
      </c>
      <c r="AN5814">
        <v>0</v>
      </c>
      <c r="AO5814">
        <v>0</v>
      </c>
      <c r="AP5814">
        <v>0</v>
      </c>
      <c r="AQ5814">
        <v>0</v>
      </c>
      <c r="AR5814">
        <v>0</v>
      </c>
      <c r="AS5814">
        <v>0</v>
      </c>
      <c r="AT5814">
        <v>0</v>
      </c>
      <c r="AU5814">
        <v>0</v>
      </c>
      <c r="AV5814">
        <v>0</v>
      </c>
      <c r="AW5814">
        <v>0</v>
      </c>
      <c r="AX5814">
        <v>0</v>
      </c>
      <c r="AY5814">
        <v>0</v>
      </c>
      <c r="AZ5814">
        <v>0</v>
      </c>
      <c r="BA5814">
        <v>0</v>
      </c>
    </row>
    <row r="5815" spans="1:53" x14ac:dyDescent="0.4">
      <c r="A5815">
        <v>5859</v>
      </c>
      <c r="B5815" s="1">
        <v>45039</v>
      </c>
      <c r="C5815">
        <v>2</v>
      </c>
      <c r="D5815" s="1">
        <v>45039.40902777778</v>
      </c>
      <c r="E5815" s="1">
        <v>45039.738194444442</v>
      </c>
      <c r="F5815">
        <v>42380</v>
      </c>
      <c r="G5815">
        <v>3934</v>
      </c>
      <c r="H5815">
        <v>0</v>
      </c>
      <c r="I5815">
        <v>0</v>
      </c>
      <c r="J5815">
        <v>0</v>
      </c>
      <c r="K5815">
        <v>0</v>
      </c>
      <c r="L5815">
        <v>0</v>
      </c>
      <c r="M5815">
        <v>4206</v>
      </c>
      <c r="N5815">
        <v>0</v>
      </c>
      <c r="O5815">
        <v>0</v>
      </c>
      <c r="P5815">
        <v>22650</v>
      </c>
      <c r="Q5815">
        <v>0</v>
      </c>
      <c r="R5815">
        <v>68964</v>
      </c>
      <c r="S5815">
        <v>0</v>
      </c>
      <c r="T5815">
        <v>0</v>
      </c>
      <c r="U5815">
        <v>0</v>
      </c>
      <c r="V5815">
        <v>2</v>
      </c>
      <c r="W5815">
        <v>2</v>
      </c>
      <c r="X5815">
        <v>0</v>
      </c>
      <c r="Y5815">
        <v>72</v>
      </c>
      <c r="Z5815">
        <v>13</v>
      </c>
      <c r="AA5815">
        <v>39</v>
      </c>
      <c r="AB5815">
        <v>48</v>
      </c>
      <c r="AC5815">
        <v>109</v>
      </c>
      <c r="AD5815">
        <v>17</v>
      </c>
      <c r="AE5815">
        <v>39</v>
      </c>
      <c r="AF5815">
        <v>5350</v>
      </c>
      <c r="AG5815">
        <v>121364</v>
      </c>
      <c r="AH5815">
        <v>50000</v>
      </c>
      <c r="AI5815">
        <v>2400</v>
      </c>
      <c r="AJ5815">
        <v>116</v>
      </c>
      <c r="AK5815" t="s">
        <v>51</v>
      </c>
      <c r="AL5815">
        <v>0</v>
      </c>
      <c r="AM5815">
        <v>0</v>
      </c>
      <c r="AN5815">
        <v>0</v>
      </c>
      <c r="AO5815">
        <v>0</v>
      </c>
      <c r="AP5815">
        <v>0</v>
      </c>
      <c r="AQ5815">
        <v>0</v>
      </c>
      <c r="AR5815">
        <v>0</v>
      </c>
      <c r="AS5815">
        <v>0</v>
      </c>
      <c r="AT5815">
        <v>0</v>
      </c>
      <c r="AU5815">
        <v>0</v>
      </c>
      <c r="AV5815">
        <v>0</v>
      </c>
      <c r="AW5815">
        <v>0</v>
      </c>
      <c r="AX5815">
        <v>-2926</v>
      </c>
      <c r="AY5815">
        <v>54</v>
      </c>
      <c r="AZ5815">
        <v>110</v>
      </c>
      <c r="BA5815">
        <v>7702</v>
      </c>
    </row>
    <row r="5816" spans="1:53" x14ac:dyDescent="0.4">
      <c r="A5816">
        <v>5860</v>
      </c>
      <c r="B5816" s="1">
        <v>45040</v>
      </c>
      <c r="C5816">
        <v>1</v>
      </c>
      <c r="D5816" s="1">
        <v>45040.291666666664</v>
      </c>
      <c r="E5816" s="1">
        <v>45040.448611111111</v>
      </c>
      <c r="F5816">
        <v>0</v>
      </c>
      <c r="G5816">
        <v>0</v>
      </c>
      <c r="H5816">
        <v>0</v>
      </c>
      <c r="I5816">
        <v>0</v>
      </c>
      <c r="J5816">
        <v>0</v>
      </c>
      <c r="K5816">
        <v>0</v>
      </c>
      <c r="L5816">
        <v>0</v>
      </c>
      <c r="M5816">
        <v>0</v>
      </c>
      <c r="N5816">
        <v>0</v>
      </c>
      <c r="O5816">
        <v>0</v>
      </c>
      <c r="P5816">
        <v>0</v>
      </c>
      <c r="Q5816">
        <v>0</v>
      </c>
      <c r="R5816">
        <v>0</v>
      </c>
      <c r="S5816">
        <v>0</v>
      </c>
      <c r="T5816">
        <v>0</v>
      </c>
      <c r="U5816">
        <v>0</v>
      </c>
      <c r="V5816">
        <v>0</v>
      </c>
      <c r="W5816">
        <v>2</v>
      </c>
      <c r="X5816">
        <v>0</v>
      </c>
      <c r="Y5816">
        <v>23</v>
      </c>
      <c r="Z5816">
        <v>15</v>
      </c>
      <c r="AA5816">
        <v>64</v>
      </c>
      <c r="AB5816">
        <v>38</v>
      </c>
      <c r="AC5816">
        <v>106</v>
      </c>
      <c r="AD5816">
        <v>20</v>
      </c>
      <c r="AE5816">
        <v>40</v>
      </c>
      <c r="AF5816">
        <v>0</v>
      </c>
      <c r="AG5816">
        <v>50000</v>
      </c>
      <c r="AH5816">
        <v>50000</v>
      </c>
      <c r="AI5816">
        <v>0</v>
      </c>
      <c r="AJ5816">
        <v>0</v>
      </c>
      <c r="AK5816" t="s">
        <v>6</v>
      </c>
      <c r="AL5816">
        <v>0</v>
      </c>
      <c r="AM5816">
        <v>0</v>
      </c>
      <c r="AN5816">
        <v>0</v>
      </c>
      <c r="AO5816">
        <v>0</v>
      </c>
      <c r="AP5816">
        <v>0</v>
      </c>
      <c r="AQ5816">
        <v>0</v>
      </c>
      <c r="AR5816">
        <v>0</v>
      </c>
      <c r="AS5816">
        <v>0</v>
      </c>
      <c r="AT5816">
        <v>0</v>
      </c>
      <c r="AU5816">
        <v>0</v>
      </c>
      <c r="AV5816">
        <v>0</v>
      </c>
      <c r="AW5816">
        <v>0</v>
      </c>
      <c r="AX5816">
        <v>0</v>
      </c>
      <c r="AY5816">
        <v>0</v>
      </c>
      <c r="AZ5816">
        <v>0</v>
      </c>
      <c r="BA5816">
        <v>0</v>
      </c>
    </row>
    <row r="5817" spans="1:53" x14ac:dyDescent="0.4">
      <c r="A5817">
        <v>5861</v>
      </c>
      <c r="B5817" s="1">
        <v>45040</v>
      </c>
      <c r="C5817">
        <v>2</v>
      </c>
      <c r="D5817" s="1">
        <v>45040.448611111111</v>
      </c>
      <c r="E5817" s="1">
        <v>45040.740277777775</v>
      </c>
      <c r="F5817">
        <v>20400</v>
      </c>
      <c r="G5817">
        <v>5206</v>
      </c>
      <c r="H5817">
        <v>0</v>
      </c>
      <c r="I5817">
        <v>0</v>
      </c>
      <c r="J5817">
        <v>100</v>
      </c>
      <c r="K5817">
        <v>0</v>
      </c>
      <c r="L5817">
        <v>0</v>
      </c>
      <c r="M5817">
        <v>2320</v>
      </c>
      <c r="N5817">
        <v>0</v>
      </c>
      <c r="O5817">
        <v>0</v>
      </c>
      <c r="P5817">
        <v>11830</v>
      </c>
      <c r="Q5817">
        <v>0</v>
      </c>
      <c r="R5817">
        <v>37336</v>
      </c>
      <c r="S5817">
        <v>0</v>
      </c>
      <c r="T5817">
        <v>0</v>
      </c>
      <c r="U5817">
        <v>0</v>
      </c>
      <c r="V5817">
        <v>3</v>
      </c>
      <c r="W5817">
        <v>3</v>
      </c>
      <c r="X5817">
        <v>0</v>
      </c>
      <c r="Y5817">
        <v>16</v>
      </c>
      <c r="Z5817">
        <v>27</v>
      </c>
      <c r="AA5817">
        <v>75</v>
      </c>
      <c r="AB5817">
        <v>31</v>
      </c>
      <c r="AC5817">
        <v>100</v>
      </c>
      <c r="AD5817">
        <v>20</v>
      </c>
      <c r="AE5817">
        <v>36</v>
      </c>
      <c r="AF5817">
        <v>2650</v>
      </c>
      <c r="AG5817">
        <v>87336</v>
      </c>
      <c r="AH5817">
        <v>50000</v>
      </c>
      <c r="AI5817">
        <v>0</v>
      </c>
      <c r="AJ5817">
        <v>119</v>
      </c>
      <c r="AK5817" t="s">
        <v>56</v>
      </c>
      <c r="AL5817">
        <v>0</v>
      </c>
      <c r="AM5817">
        <v>0</v>
      </c>
      <c r="AN5817">
        <v>0</v>
      </c>
      <c r="AO5817">
        <v>0</v>
      </c>
      <c r="AP5817">
        <v>0</v>
      </c>
      <c r="AQ5817">
        <v>0</v>
      </c>
      <c r="AR5817">
        <v>0</v>
      </c>
      <c r="AS5817">
        <v>0</v>
      </c>
      <c r="AT5817">
        <v>0</v>
      </c>
      <c r="AU5817">
        <v>0</v>
      </c>
      <c r="AV5817">
        <v>0</v>
      </c>
      <c r="AW5817">
        <v>0</v>
      </c>
      <c r="AX5817">
        <v>-534</v>
      </c>
      <c r="AY5817">
        <v>35</v>
      </c>
      <c r="AZ5817">
        <v>54</v>
      </c>
      <c r="BA5817">
        <v>5058</v>
      </c>
    </row>
    <row r="5818" spans="1:53" x14ac:dyDescent="0.4">
      <c r="A5818">
        <v>5862</v>
      </c>
      <c r="B5818" s="1">
        <v>45041</v>
      </c>
      <c r="C5818">
        <v>1</v>
      </c>
      <c r="D5818" s="1">
        <v>45041.291666666664</v>
      </c>
      <c r="E5818" s="1">
        <v>45041.45208333333</v>
      </c>
      <c r="F5818">
        <v>0</v>
      </c>
      <c r="G5818">
        <v>0</v>
      </c>
      <c r="H5818">
        <v>0</v>
      </c>
      <c r="I5818">
        <v>0</v>
      </c>
      <c r="J5818">
        <v>0</v>
      </c>
      <c r="K5818">
        <v>0</v>
      </c>
      <c r="L5818">
        <v>0</v>
      </c>
      <c r="M5818">
        <v>0</v>
      </c>
      <c r="N5818">
        <v>0</v>
      </c>
      <c r="O5818">
        <v>0</v>
      </c>
      <c r="P5818">
        <v>0</v>
      </c>
      <c r="Q5818">
        <v>0</v>
      </c>
      <c r="R5818">
        <v>0</v>
      </c>
      <c r="S5818">
        <v>0</v>
      </c>
      <c r="T5818">
        <v>0</v>
      </c>
      <c r="U5818">
        <v>0</v>
      </c>
      <c r="V5818">
        <v>0</v>
      </c>
      <c r="W5818">
        <v>1</v>
      </c>
      <c r="X5818">
        <v>0</v>
      </c>
      <c r="Y5818">
        <v>24</v>
      </c>
      <c r="Z5818">
        <v>19</v>
      </c>
      <c r="AA5818">
        <v>85</v>
      </c>
      <c r="AB5818">
        <v>34</v>
      </c>
      <c r="AC5818">
        <v>116</v>
      </c>
      <c r="AD5818">
        <v>20</v>
      </c>
      <c r="AE5818">
        <v>40</v>
      </c>
      <c r="AF5818">
        <v>0</v>
      </c>
      <c r="AG5818">
        <v>50000</v>
      </c>
      <c r="AH5818">
        <v>50000</v>
      </c>
      <c r="AI5818">
        <v>0</v>
      </c>
      <c r="AJ5818">
        <v>0</v>
      </c>
      <c r="AK5818" t="s">
        <v>6</v>
      </c>
      <c r="AL5818">
        <v>0</v>
      </c>
      <c r="AM5818">
        <v>0</v>
      </c>
      <c r="AN5818">
        <v>0</v>
      </c>
      <c r="AO5818">
        <v>0</v>
      </c>
      <c r="AP5818">
        <v>0</v>
      </c>
      <c r="AQ5818">
        <v>0</v>
      </c>
      <c r="AR5818">
        <v>0</v>
      </c>
      <c r="AS5818">
        <v>0</v>
      </c>
      <c r="AT5818">
        <v>0</v>
      </c>
      <c r="AU5818">
        <v>0</v>
      </c>
      <c r="AV5818">
        <v>0</v>
      </c>
      <c r="AW5818">
        <v>0</v>
      </c>
      <c r="AX5818">
        <v>0</v>
      </c>
      <c r="AY5818">
        <v>0</v>
      </c>
      <c r="AZ5818">
        <v>0</v>
      </c>
      <c r="BA5818">
        <v>0</v>
      </c>
    </row>
    <row r="5819" spans="1:53" x14ac:dyDescent="0.4">
      <c r="A5819">
        <v>5863</v>
      </c>
      <c r="B5819" s="1">
        <v>45041</v>
      </c>
      <c r="C5819">
        <v>2</v>
      </c>
      <c r="D5819" s="1">
        <v>45041.45208333333</v>
      </c>
      <c r="E5819" s="1">
        <v>45041.736805555556</v>
      </c>
      <c r="F5819">
        <v>7080</v>
      </c>
      <c r="G5819">
        <v>440</v>
      </c>
      <c r="H5819">
        <v>0</v>
      </c>
      <c r="I5819">
        <v>0</v>
      </c>
      <c r="J5819">
        <v>0</v>
      </c>
      <c r="K5819">
        <v>0</v>
      </c>
      <c r="L5819">
        <v>0</v>
      </c>
      <c r="M5819">
        <v>683</v>
      </c>
      <c r="N5819">
        <v>0</v>
      </c>
      <c r="O5819">
        <v>0</v>
      </c>
      <c r="P5819">
        <v>9190</v>
      </c>
      <c r="Q5819">
        <v>0</v>
      </c>
      <c r="R5819">
        <v>16710</v>
      </c>
      <c r="S5819">
        <v>0</v>
      </c>
      <c r="T5819">
        <v>0</v>
      </c>
      <c r="U5819">
        <v>0</v>
      </c>
      <c r="V5819">
        <v>2</v>
      </c>
      <c r="W5819">
        <v>1</v>
      </c>
      <c r="X5819">
        <v>0</v>
      </c>
      <c r="Y5819">
        <v>16</v>
      </c>
      <c r="Z5819">
        <v>25</v>
      </c>
      <c r="AA5819">
        <v>86</v>
      </c>
      <c r="AB5819">
        <v>35</v>
      </c>
      <c r="AC5819">
        <v>124</v>
      </c>
      <c r="AD5819">
        <v>20</v>
      </c>
      <c r="AE5819">
        <v>40</v>
      </c>
      <c r="AF5819">
        <v>1480</v>
      </c>
      <c r="AG5819">
        <v>66710</v>
      </c>
      <c r="AH5819">
        <v>50000</v>
      </c>
      <c r="AI5819">
        <v>0</v>
      </c>
      <c r="AJ5819">
        <v>119</v>
      </c>
      <c r="AK5819" t="s">
        <v>56</v>
      </c>
      <c r="AL5819">
        <v>0</v>
      </c>
      <c r="AM5819">
        <v>0</v>
      </c>
      <c r="AN5819">
        <v>0</v>
      </c>
      <c r="AO5819">
        <v>0</v>
      </c>
      <c r="AP5819">
        <v>0</v>
      </c>
      <c r="AQ5819">
        <v>0</v>
      </c>
      <c r="AR5819">
        <v>0</v>
      </c>
      <c r="AS5819">
        <v>0</v>
      </c>
      <c r="AT5819">
        <v>0</v>
      </c>
      <c r="AU5819">
        <v>0</v>
      </c>
      <c r="AV5819">
        <v>0</v>
      </c>
      <c r="AW5819">
        <v>0</v>
      </c>
      <c r="AX5819">
        <v>0</v>
      </c>
      <c r="AY5819">
        <v>17</v>
      </c>
      <c r="AZ5819">
        <v>22</v>
      </c>
      <c r="BA5819">
        <v>2555</v>
      </c>
    </row>
    <row r="5820" spans="1:53" x14ac:dyDescent="0.4">
      <c r="A5820">
        <v>5864</v>
      </c>
      <c r="B5820" s="1">
        <v>45042</v>
      </c>
      <c r="C5820">
        <v>1</v>
      </c>
      <c r="D5820" s="1">
        <v>45042.291666666664</v>
      </c>
      <c r="E5820" s="1">
        <v>45042.447222222225</v>
      </c>
      <c r="F5820">
        <v>0</v>
      </c>
      <c r="G5820">
        <v>0</v>
      </c>
      <c r="H5820">
        <v>0</v>
      </c>
      <c r="I5820">
        <v>0</v>
      </c>
      <c r="J5820">
        <v>0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  <c r="S5820">
        <v>0</v>
      </c>
      <c r="T5820">
        <v>0</v>
      </c>
      <c r="U5820">
        <v>0</v>
      </c>
      <c r="V5820">
        <v>0</v>
      </c>
      <c r="W5820">
        <v>2</v>
      </c>
      <c r="X5820">
        <v>0</v>
      </c>
      <c r="Y5820">
        <v>24</v>
      </c>
      <c r="Z5820">
        <v>11</v>
      </c>
      <c r="AA5820">
        <v>77</v>
      </c>
      <c r="AB5820">
        <v>33</v>
      </c>
      <c r="AC5820">
        <v>102</v>
      </c>
      <c r="AD5820">
        <v>19</v>
      </c>
      <c r="AE5820">
        <v>35</v>
      </c>
      <c r="AF5820">
        <v>0</v>
      </c>
      <c r="AG5820">
        <v>50000</v>
      </c>
      <c r="AH5820">
        <v>50000</v>
      </c>
      <c r="AI5820">
        <v>0</v>
      </c>
      <c r="AJ5820">
        <v>0</v>
      </c>
      <c r="AK5820" t="s">
        <v>6</v>
      </c>
      <c r="AL5820">
        <v>0</v>
      </c>
      <c r="AM5820">
        <v>0</v>
      </c>
      <c r="AN5820">
        <v>0</v>
      </c>
      <c r="AO5820">
        <v>0</v>
      </c>
      <c r="AP5820">
        <v>0</v>
      </c>
      <c r="AQ5820">
        <v>0</v>
      </c>
      <c r="AR5820">
        <v>0</v>
      </c>
      <c r="AS5820">
        <v>0</v>
      </c>
      <c r="AT5820">
        <v>0</v>
      </c>
      <c r="AU5820">
        <v>0</v>
      </c>
      <c r="AV5820">
        <v>0</v>
      </c>
      <c r="AW5820">
        <v>0</v>
      </c>
      <c r="AX5820">
        <v>0</v>
      </c>
      <c r="AY5820">
        <v>0</v>
      </c>
      <c r="AZ5820">
        <v>0</v>
      </c>
      <c r="BA5820">
        <v>0</v>
      </c>
    </row>
    <row r="5821" spans="1:53" x14ac:dyDescent="0.4">
      <c r="A5821">
        <v>5865</v>
      </c>
      <c r="B5821" s="1">
        <v>45042</v>
      </c>
      <c r="C5821">
        <v>2</v>
      </c>
      <c r="D5821" s="1">
        <v>45042.447222222225</v>
      </c>
      <c r="E5821" s="1">
        <v>45042.741666666669</v>
      </c>
      <c r="F5821">
        <v>17310</v>
      </c>
      <c r="G5821">
        <v>1628</v>
      </c>
      <c r="H5821">
        <v>220</v>
      </c>
      <c r="I5821">
        <v>0</v>
      </c>
      <c r="J5821">
        <v>100</v>
      </c>
      <c r="K5821">
        <v>0</v>
      </c>
      <c r="L5821">
        <v>0</v>
      </c>
      <c r="M5821">
        <v>1731</v>
      </c>
      <c r="N5821">
        <v>0</v>
      </c>
      <c r="O5821">
        <v>0</v>
      </c>
      <c r="P5821">
        <v>8690</v>
      </c>
      <c r="Q5821">
        <v>0</v>
      </c>
      <c r="R5821">
        <v>27748</v>
      </c>
      <c r="S5821">
        <v>0</v>
      </c>
      <c r="T5821">
        <v>0</v>
      </c>
      <c r="U5821">
        <v>0</v>
      </c>
      <c r="V5821">
        <v>1</v>
      </c>
      <c r="W5821">
        <v>1</v>
      </c>
      <c r="X5821">
        <v>0</v>
      </c>
      <c r="Y5821">
        <v>47</v>
      </c>
      <c r="Z5821">
        <v>8</v>
      </c>
      <c r="AA5821">
        <v>67</v>
      </c>
      <c r="AB5821">
        <v>33</v>
      </c>
      <c r="AC5821">
        <v>113</v>
      </c>
      <c r="AD5821">
        <v>21</v>
      </c>
      <c r="AE5821">
        <v>43</v>
      </c>
      <c r="AF5821">
        <v>2120</v>
      </c>
      <c r="AG5821">
        <v>77748</v>
      </c>
      <c r="AH5821">
        <v>50000</v>
      </c>
      <c r="AI5821">
        <v>0</v>
      </c>
      <c r="AJ5821">
        <v>36</v>
      </c>
      <c r="AK5821" t="s">
        <v>68</v>
      </c>
      <c r="AL5821">
        <v>0</v>
      </c>
      <c r="AM5821">
        <v>0</v>
      </c>
      <c r="AN5821">
        <v>0</v>
      </c>
      <c r="AO5821">
        <v>0</v>
      </c>
      <c r="AP5821">
        <v>0</v>
      </c>
      <c r="AQ5821">
        <v>0</v>
      </c>
      <c r="AR5821">
        <v>0</v>
      </c>
      <c r="AS5821">
        <v>0</v>
      </c>
      <c r="AT5821">
        <v>0</v>
      </c>
      <c r="AU5821">
        <v>0</v>
      </c>
      <c r="AV5821">
        <v>0</v>
      </c>
      <c r="AW5821">
        <v>0</v>
      </c>
      <c r="AX5821">
        <v>0</v>
      </c>
      <c r="AY5821">
        <v>26</v>
      </c>
      <c r="AZ5821">
        <v>42</v>
      </c>
      <c r="BA5821">
        <v>3911</v>
      </c>
    </row>
    <row r="5822" spans="1:53" x14ac:dyDescent="0.4">
      <c r="A5822">
        <v>5866</v>
      </c>
      <c r="B5822" s="1">
        <v>45042</v>
      </c>
      <c r="C5822">
        <v>3</v>
      </c>
      <c r="D5822" s="1">
        <v>45042.741666666669</v>
      </c>
      <c r="E5822" s="1">
        <v>45042.988888888889</v>
      </c>
      <c r="F5822">
        <v>50060</v>
      </c>
      <c r="G5822">
        <v>3674</v>
      </c>
      <c r="H5822">
        <v>0</v>
      </c>
      <c r="I5822">
        <v>0</v>
      </c>
      <c r="J5822">
        <v>0</v>
      </c>
      <c r="K5822">
        <v>0</v>
      </c>
      <c r="L5822">
        <v>0</v>
      </c>
      <c r="M5822">
        <v>4885</v>
      </c>
      <c r="N5822">
        <v>0</v>
      </c>
      <c r="O5822">
        <v>0</v>
      </c>
      <c r="P5822">
        <v>-4070</v>
      </c>
      <c r="Q5822">
        <v>0</v>
      </c>
      <c r="R5822">
        <v>49664</v>
      </c>
      <c r="S5822">
        <v>0</v>
      </c>
      <c r="T5822">
        <v>0</v>
      </c>
      <c r="U5822">
        <v>0</v>
      </c>
      <c r="V5822">
        <v>4</v>
      </c>
      <c r="W5822">
        <v>0</v>
      </c>
      <c r="X5822">
        <v>0</v>
      </c>
      <c r="Y5822">
        <v>61</v>
      </c>
      <c r="Z5822">
        <v>11</v>
      </c>
      <c r="AA5822">
        <v>70</v>
      </c>
      <c r="AB5822">
        <v>38</v>
      </c>
      <c r="AC5822">
        <v>121</v>
      </c>
      <c r="AD5822">
        <v>22</v>
      </c>
      <c r="AE5822">
        <v>51</v>
      </c>
      <c r="AF5822">
        <v>10641</v>
      </c>
      <c r="AG5822">
        <v>127412</v>
      </c>
      <c r="AH5822">
        <v>50000</v>
      </c>
      <c r="AI5822">
        <v>0</v>
      </c>
      <c r="AJ5822">
        <v>37</v>
      </c>
      <c r="AK5822" t="s">
        <v>69</v>
      </c>
      <c r="AL5822">
        <v>0</v>
      </c>
      <c r="AM5822">
        <v>0</v>
      </c>
      <c r="AN5822">
        <v>0</v>
      </c>
      <c r="AO5822">
        <v>0</v>
      </c>
      <c r="AP5822">
        <v>0</v>
      </c>
      <c r="AQ5822">
        <v>0</v>
      </c>
      <c r="AR5822">
        <v>0</v>
      </c>
      <c r="AS5822">
        <v>0</v>
      </c>
      <c r="AT5822">
        <v>0</v>
      </c>
      <c r="AU5822">
        <v>0</v>
      </c>
      <c r="AV5822">
        <v>0</v>
      </c>
      <c r="AW5822">
        <v>0</v>
      </c>
      <c r="AX5822">
        <v>0</v>
      </c>
      <c r="AY5822">
        <v>16</v>
      </c>
      <c r="AZ5822">
        <v>40</v>
      </c>
      <c r="BA5822">
        <v>2141</v>
      </c>
    </row>
    <row r="5823" spans="1:53" x14ac:dyDescent="0.4">
      <c r="A5823">
        <v>5867</v>
      </c>
      <c r="B5823" s="1">
        <v>45045</v>
      </c>
      <c r="C5823">
        <v>1</v>
      </c>
      <c r="D5823" s="1">
        <v>45045.291666666664</v>
      </c>
      <c r="E5823" s="1">
        <v>45045.407638888886</v>
      </c>
      <c r="F5823">
        <v>0</v>
      </c>
      <c r="G5823">
        <v>0</v>
      </c>
      <c r="H5823">
        <v>0</v>
      </c>
      <c r="I5823">
        <v>0</v>
      </c>
      <c r="J5823">
        <v>0</v>
      </c>
      <c r="K5823">
        <v>0</v>
      </c>
      <c r="L5823">
        <v>0</v>
      </c>
      <c r="M5823">
        <v>0</v>
      </c>
      <c r="N5823">
        <v>0</v>
      </c>
      <c r="O5823">
        <v>0</v>
      </c>
      <c r="P5823">
        <v>0</v>
      </c>
      <c r="Q5823">
        <v>0</v>
      </c>
      <c r="R5823">
        <v>0</v>
      </c>
      <c r="S5823">
        <v>0</v>
      </c>
      <c r="T5823">
        <v>0</v>
      </c>
      <c r="U5823">
        <v>0</v>
      </c>
      <c r="V5823">
        <v>0</v>
      </c>
      <c r="W5823">
        <v>1</v>
      </c>
      <c r="X5823">
        <v>0</v>
      </c>
      <c r="Y5823">
        <v>28</v>
      </c>
      <c r="Z5823">
        <v>12</v>
      </c>
      <c r="AA5823">
        <v>80</v>
      </c>
      <c r="AB5823">
        <v>36</v>
      </c>
      <c r="AC5823">
        <v>100</v>
      </c>
      <c r="AD5823">
        <v>22</v>
      </c>
      <c r="AE5823">
        <v>90</v>
      </c>
      <c r="AF5823">
        <v>0</v>
      </c>
      <c r="AG5823">
        <v>50000</v>
      </c>
      <c r="AH5823">
        <v>50000</v>
      </c>
      <c r="AI5823">
        <v>0</v>
      </c>
      <c r="AJ5823">
        <v>0</v>
      </c>
      <c r="AK5823" t="s">
        <v>6</v>
      </c>
      <c r="AL5823">
        <v>0</v>
      </c>
      <c r="AM5823">
        <v>0</v>
      </c>
      <c r="AN5823">
        <v>0</v>
      </c>
      <c r="AO5823">
        <v>0</v>
      </c>
      <c r="AP5823">
        <v>0</v>
      </c>
      <c r="AQ5823">
        <v>0</v>
      </c>
      <c r="AR5823">
        <v>0</v>
      </c>
      <c r="AS5823">
        <v>0</v>
      </c>
      <c r="AT5823">
        <v>0</v>
      </c>
      <c r="AU5823">
        <v>0</v>
      </c>
      <c r="AV5823">
        <v>0</v>
      </c>
      <c r="AW5823">
        <v>0</v>
      </c>
      <c r="AX5823">
        <v>0</v>
      </c>
      <c r="AY5823">
        <v>0</v>
      </c>
      <c r="AZ5823">
        <v>0</v>
      </c>
      <c r="BA5823">
        <v>0</v>
      </c>
    </row>
    <row r="5824" spans="1:53" x14ac:dyDescent="0.4">
      <c r="A5824">
        <v>5868</v>
      </c>
      <c r="B5824" s="1">
        <v>45045</v>
      </c>
      <c r="C5824">
        <v>2</v>
      </c>
      <c r="D5824" s="1">
        <v>45045.407638888886</v>
      </c>
      <c r="E5824" s="1">
        <v>45045.736805555556</v>
      </c>
      <c r="F5824">
        <v>38540</v>
      </c>
      <c r="G5824">
        <v>1140</v>
      </c>
      <c r="H5824">
        <v>0</v>
      </c>
      <c r="I5824">
        <v>0</v>
      </c>
      <c r="J5824">
        <v>500</v>
      </c>
      <c r="K5824">
        <v>0</v>
      </c>
      <c r="L5824">
        <v>0</v>
      </c>
      <c r="M5824">
        <v>3558</v>
      </c>
      <c r="N5824">
        <v>0</v>
      </c>
      <c r="O5824">
        <v>0</v>
      </c>
      <c r="P5824">
        <v>24830</v>
      </c>
      <c r="Q5824">
        <v>0</v>
      </c>
      <c r="R5824">
        <v>64010</v>
      </c>
      <c r="S5824">
        <v>0</v>
      </c>
      <c r="T5824">
        <v>0</v>
      </c>
      <c r="U5824">
        <v>0</v>
      </c>
      <c r="V5824">
        <v>0</v>
      </c>
      <c r="W5824">
        <v>2</v>
      </c>
      <c r="X5824">
        <v>0</v>
      </c>
      <c r="Y5824">
        <v>74</v>
      </c>
      <c r="Z5824">
        <v>25</v>
      </c>
      <c r="AA5824">
        <v>107</v>
      </c>
      <c r="AB5824">
        <v>34</v>
      </c>
      <c r="AC5824">
        <v>149</v>
      </c>
      <c r="AD5824">
        <v>25</v>
      </c>
      <c r="AE5824">
        <v>95</v>
      </c>
      <c r="AF5824">
        <v>3400</v>
      </c>
      <c r="AG5824">
        <v>114010</v>
      </c>
      <c r="AH5824">
        <v>50000</v>
      </c>
      <c r="AI5824">
        <v>0</v>
      </c>
      <c r="AJ5824">
        <v>35</v>
      </c>
      <c r="AK5824" t="s">
        <v>70</v>
      </c>
      <c r="AL5824">
        <v>0</v>
      </c>
      <c r="AM5824">
        <v>0</v>
      </c>
      <c r="AN5824">
        <v>0</v>
      </c>
      <c r="AO5824">
        <v>0</v>
      </c>
      <c r="AP5824">
        <v>0</v>
      </c>
      <c r="AQ5824">
        <v>0</v>
      </c>
      <c r="AR5824">
        <v>0</v>
      </c>
      <c r="AS5824">
        <v>0</v>
      </c>
      <c r="AT5824">
        <v>0</v>
      </c>
      <c r="AU5824">
        <v>0</v>
      </c>
      <c r="AV5824">
        <v>0</v>
      </c>
      <c r="AW5824">
        <v>0</v>
      </c>
      <c r="AX5824">
        <v>-1060</v>
      </c>
      <c r="AY5824">
        <v>51</v>
      </c>
      <c r="AZ5824">
        <v>103</v>
      </c>
      <c r="BA5824">
        <v>7616</v>
      </c>
    </row>
    <row r="5825" spans="1:53" x14ac:dyDescent="0.4">
      <c r="A5825">
        <v>5869</v>
      </c>
      <c r="B5825" s="1">
        <v>45046</v>
      </c>
      <c r="C5825">
        <v>1</v>
      </c>
      <c r="D5825" s="1">
        <v>45046.291666666664</v>
      </c>
      <c r="E5825" s="1">
        <v>45046.402083333334</v>
      </c>
      <c r="F5825">
        <v>0</v>
      </c>
      <c r="G5825">
        <v>0</v>
      </c>
      <c r="H5825">
        <v>0</v>
      </c>
      <c r="I5825">
        <v>0</v>
      </c>
      <c r="J5825">
        <v>0</v>
      </c>
      <c r="K5825">
        <v>0</v>
      </c>
      <c r="L5825">
        <v>0</v>
      </c>
      <c r="M5825">
        <v>0</v>
      </c>
      <c r="N5825">
        <v>0</v>
      </c>
      <c r="O5825">
        <v>0</v>
      </c>
      <c r="P5825">
        <v>0</v>
      </c>
      <c r="Q5825">
        <v>0</v>
      </c>
      <c r="R5825">
        <v>0</v>
      </c>
      <c r="S5825">
        <v>0</v>
      </c>
      <c r="T5825">
        <v>0</v>
      </c>
      <c r="U5825">
        <v>0</v>
      </c>
      <c r="V5825">
        <v>0</v>
      </c>
      <c r="W5825">
        <v>1</v>
      </c>
      <c r="X5825">
        <v>0</v>
      </c>
      <c r="Y5825">
        <v>23</v>
      </c>
      <c r="Z5825">
        <v>17</v>
      </c>
      <c r="AA5825">
        <v>102</v>
      </c>
      <c r="AB5825">
        <v>33</v>
      </c>
      <c r="AC5825">
        <v>144</v>
      </c>
      <c r="AD5825">
        <v>23</v>
      </c>
      <c r="AE5825">
        <v>95</v>
      </c>
      <c r="AF5825">
        <v>0</v>
      </c>
      <c r="AG5825">
        <v>50000</v>
      </c>
      <c r="AH5825">
        <v>50000</v>
      </c>
      <c r="AI5825">
        <v>0</v>
      </c>
      <c r="AJ5825">
        <v>0</v>
      </c>
      <c r="AK5825" t="s">
        <v>6</v>
      </c>
      <c r="AL5825">
        <v>0</v>
      </c>
      <c r="AM5825">
        <v>0</v>
      </c>
      <c r="AN5825">
        <v>0</v>
      </c>
      <c r="AO5825">
        <v>0</v>
      </c>
      <c r="AP5825">
        <v>0</v>
      </c>
      <c r="AQ5825">
        <v>0</v>
      </c>
      <c r="AR5825">
        <v>0</v>
      </c>
      <c r="AS5825">
        <v>0</v>
      </c>
      <c r="AT5825">
        <v>0</v>
      </c>
      <c r="AU5825">
        <v>0</v>
      </c>
      <c r="AV5825">
        <v>0</v>
      </c>
      <c r="AW5825">
        <v>0</v>
      </c>
      <c r="AX5825">
        <v>0</v>
      </c>
      <c r="AY5825">
        <v>0</v>
      </c>
      <c r="AZ5825">
        <v>0</v>
      </c>
      <c r="BA5825">
        <v>0</v>
      </c>
    </row>
    <row r="5826" spans="1:53" x14ac:dyDescent="0.4">
      <c r="A5826">
        <v>5870</v>
      </c>
      <c r="B5826" s="1">
        <v>45046</v>
      </c>
      <c r="C5826">
        <v>2</v>
      </c>
      <c r="D5826" s="1">
        <v>45046.402083333334</v>
      </c>
      <c r="E5826" s="1">
        <v>45046.741666666669</v>
      </c>
      <c r="F5826">
        <v>44980</v>
      </c>
      <c r="G5826">
        <v>1628</v>
      </c>
      <c r="H5826">
        <v>0</v>
      </c>
      <c r="I5826">
        <v>0</v>
      </c>
      <c r="J5826">
        <v>0</v>
      </c>
      <c r="K5826">
        <v>800</v>
      </c>
      <c r="L5826">
        <v>0</v>
      </c>
      <c r="M5826">
        <v>4307</v>
      </c>
      <c r="N5826">
        <v>0</v>
      </c>
      <c r="O5826">
        <v>0</v>
      </c>
      <c r="P5826">
        <v>26540</v>
      </c>
      <c r="Q5826">
        <v>0</v>
      </c>
      <c r="R5826">
        <v>73948</v>
      </c>
      <c r="S5826">
        <v>0</v>
      </c>
      <c r="T5826">
        <v>0</v>
      </c>
      <c r="U5826">
        <v>0</v>
      </c>
      <c r="V5826">
        <v>1</v>
      </c>
      <c r="W5826">
        <v>4</v>
      </c>
      <c r="X5826">
        <v>0</v>
      </c>
      <c r="Y5826">
        <v>70</v>
      </c>
      <c r="Z5826">
        <v>18</v>
      </c>
      <c r="AA5826">
        <v>94</v>
      </c>
      <c r="AB5826">
        <v>22</v>
      </c>
      <c r="AC5826">
        <v>164</v>
      </c>
      <c r="AD5826">
        <v>23</v>
      </c>
      <c r="AE5826">
        <v>93</v>
      </c>
      <c r="AF5826">
        <v>2600</v>
      </c>
      <c r="AG5826">
        <v>123948</v>
      </c>
      <c r="AH5826">
        <v>50000</v>
      </c>
      <c r="AI5826">
        <v>0</v>
      </c>
      <c r="AJ5826">
        <v>115</v>
      </c>
      <c r="AK5826" t="s">
        <v>55</v>
      </c>
      <c r="AL5826">
        <v>0</v>
      </c>
      <c r="AM5826">
        <v>0</v>
      </c>
      <c r="AN5826">
        <v>0</v>
      </c>
      <c r="AO5826">
        <v>0</v>
      </c>
      <c r="AP5826">
        <v>0</v>
      </c>
      <c r="AQ5826">
        <v>0</v>
      </c>
      <c r="AR5826">
        <v>0</v>
      </c>
      <c r="AS5826">
        <v>0</v>
      </c>
      <c r="AT5826">
        <v>0</v>
      </c>
      <c r="AU5826">
        <v>0</v>
      </c>
      <c r="AV5826">
        <v>0</v>
      </c>
      <c r="AW5826">
        <v>0</v>
      </c>
      <c r="AX5826">
        <v>1019</v>
      </c>
      <c r="AY5826">
        <v>46</v>
      </c>
      <c r="AZ5826">
        <v>107</v>
      </c>
      <c r="BA5826">
        <v>8239</v>
      </c>
    </row>
    <row r="5827" spans="1:53" x14ac:dyDescent="0.4">
      <c r="A5827">
        <v>5871</v>
      </c>
      <c r="B5827" s="1">
        <v>45047</v>
      </c>
      <c r="C5827">
        <v>1</v>
      </c>
      <c r="D5827" s="1">
        <v>45047.291666666664</v>
      </c>
      <c r="E5827" s="1">
        <v>45047.447916666664</v>
      </c>
      <c r="F5827">
        <v>0</v>
      </c>
      <c r="G5827">
        <v>0</v>
      </c>
      <c r="H5827">
        <v>0</v>
      </c>
      <c r="I5827">
        <v>0</v>
      </c>
      <c r="J5827">
        <v>0</v>
      </c>
      <c r="K5827">
        <v>0</v>
      </c>
      <c r="L5827">
        <v>0</v>
      </c>
      <c r="M5827">
        <v>0</v>
      </c>
      <c r="N5827">
        <v>0</v>
      </c>
      <c r="O5827">
        <v>0</v>
      </c>
      <c r="P5827">
        <v>0</v>
      </c>
      <c r="Q5827">
        <v>0</v>
      </c>
      <c r="R5827">
        <v>0</v>
      </c>
      <c r="S5827">
        <v>0</v>
      </c>
      <c r="T5827">
        <v>0</v>
      </c>
      <c r="U5827">
        <v>0</v>
      </c>
      <c r="V5827">
        <v>0</v>
      </c>
      <c r="W5827">
        <v>1</v>
      </c>
      <c r="X5827">
        <v>0</v>
      </c>
      <c r="Y5827">
        <v>23</v>
      </c>
      <c r="Z5827">
        <v>18</v>
      </c>
      <c r="AA5827">
        <v>99</v>
      </c>
      <c r="AB5827">
        <v>33</v>
      </c>
      <c r="AC5827">
        <v>122</v>
      </c>
      <c r="AD5827">
        <v>26</v>
      </c>
      <c r="AE5827">
        <v>100</v>
      </c>
      <c r="AF5827">
        <v>0</v>
      </c>
      <c r="AG5827">
        <v>50000</v>
      </c>
      <c r="AH5827">
        <v>50000</v>
      </c>
      <c r="AI5827">
        <v>0</v>
      </c>
      <c r="AJ5827">
        <v>0</v>
      </c>
      <c r="AK5827" t="s">
        <v>6</v>
      </c>
      <c r="AL5827">
        <v>0</v>
      </c>
      <c r="AM5827">
        <v>0</v>
      </c>
      <c r="AN5827">
        <v>0</v>
      </c>
      <c r="AO5827">
        <v>0</v>
      </c>
      <c r="AP5827">
        <v>0</v>
      </c>
      <c r="AQ5827">
        <v>0</v>
      </c>
      <c r="AR5827">
        <v>0</v>
      </c>
      <c r="AS5827">
        <v>0</v>
      </c>
      <c r="AT5827">
        <v>0</v>
      </c>
      <c r="AU5827">
        <v>0</v>
      </c>
      <c r="AV5827">
        <v>0</v>
      </c>
      <c r="AW5827">
        <v>0</v>
      </c>
      <c r="AX5827">
        <v>0</v>
      </c>
      <c r="AY5827">
        <v>0</v>
      </c>
      <c r="AZ5827">
        <v>0</v>
      </c>
      <c r="BA5827">
        <v>0</v>
      </c>
    </row>
    <row r="5828" spans="1:53" x14ac:dyDescent="0.4">
      <c r="A5828">
        <v>5872</v>
      </c>
      <c r="B5828" s="1">
        <v>45047</v>
      </c>
      <c r="C5828">
        <v>2</v>
      </c>
      <c r="D5828" s="1">
        <v>45047.447916666664</v>
      </c>
      <c r="E5828" s="1">
        <v>45048.089583333334</v>
      </c>
      <c r="F5828">
        <v>158780</v>
      </c>
      <c r="G5828">
        <v>6556</v>
      </c>
      <c r="H5828">
        <v>0</v>
      </c>
      <c r="I5828">
        <v>0</v>
      </c>
      <c r="J5828">
        <v>200</v>
      </c>
      <c r="K5828">
        <v>1100</v>
      </c>
      <c r="L5828">
        <v>0</v>
      </c>
      <c r="M5828">
        <v>15111</v>
      </c>
      <c r="N5828">
        <v>0</v>
      </c>
      <c r="O5828">
        <v>0</v>
      </c>
      <c r="P5828">
        <v>12540</v>
      </c>
      <c r="Q5828">
        <v>0</v>
      </c>
      <c r="R5828">
        <v>178776</v>
      </c>
      <c r="S5828">
        <v>0</v>
      </c>
      <c r="T5828">
        <v>0</v>
      </c>
      <c r="U5828">
        <v>0</v>
      </c>
      <c r="V5828">
        <v>12</v>
      </c>
      <c r="W5828">
        <v>2</v>
      </c>
      <c r="X5828">
        <v>0</v>
      </c>
      <c r="Y5828">
        <v>46</v>
      </c>
      <c r="Z5828">
        <v>5</v>
      </c>
      <c r="AA5828">
        <v>88</v>
      </c>
      <c r="AB5828">
        <v>34</v>
      </c>
      <c r="AC5828">
        <v>154</v>
      </c>
      <c r="AD5828">
        <v>32</v>
      </c>
      <c r="AE5828">
        <v>112</v>
      </c>
      <c r="AF5828">
        <v>37964</v>
      </c>
      <c r="AG5828">
        <v>228776</v>
      </c>
      <c r="AH5828">
        <v>50000</v>
      </c>
      <c r="AI5828">
        <v>0</v>
      </c>
      <c r="AJ5828">
        <v>95</v>
      </c>
      <c r="AK5828" t="s">
        <v>21</v>
      </c>
      <c r="AL5828">
        <v>0</v>
      </c>
      <c r="AM5828">
        <v>0</v>
      </c>
      <c r="AN5828">
        <v>0</v>
      </c>
      <c r="AO5828">
        <v>0</v>
      </c>
      <c r="AP5828">
        <v>0</v>
      </c>
      <c r="AQ5828">
        <v>0</v>
      </c>
      <c r="AR5828">
        <v>0</v>
      </c>
      <c r="AS5828">
        <v>0</v>
      </c>
      <c r="AT5828">
        <v>0</v>
      </c>
      <c r="AU5828">
        <v>0</v>
      </c>
      <c r="AV5828">
        <v>0</v>
      </c>
      <c r="AW5828">
        <v>0</v>
      </c>
      <c r="AX5828">
        <v>0</v>
      </c>
      <c r="AY5828">
        <v>73</v>
      </c>
      <c r="AZ5828">
        <v>144</v>
      </c>
      <c r="BA5828">
        <v>10656</v>
      </c>
    </row>
    <row r="5829" spans="1:53" x14ac:dyDescent="0.4">
      <c r="A5829">
        <v>5873</v>
      </c>
      <c r="B5829" s="1">
        <v>45048</v>
      </c>
      <c r="C5829">
        <v>1</v>
      </c>
      <c r="D5829" s="1">
        <v>45048.291666666664</v>
      </c>
      <c r="E5829" s="1">
        <v>45048.749305555553</v>
      </c>
      <c r="F5829">
        <v>26770</v>
      </c>
      <c r="G5829">
        <v>2739</v>
      </c>
      <c r="H5829">
        <v>0</v>
      </c>
      <c r="I5829">
        <v>0</v>
      </c>
      <c r="J5829">
        <v>200</v>
      </c>
      <c r="K5829">
        <v>0</v>
      </c>
      <c r="L5829">
        <v>0</v>
      </c>
      <c r="M5829">
        <v>2669</v>
      </c>
      <c r="N5829">
        <v>0</v>
      </c>
      <c r="O5829">
        <v>0</v>
      </c>
      <c r="P5829">
        <v>18720</v>
      </c>
      <c r="Q5829">
        <v>0</v>
      </c>
      <c r="R5829">
        <v>48029</v>
      </c>
      <c r="S5829">
        <v>0</v>
      </c>
      <c r="T5829">
        <v>0</v>
      </c>
      <c r="U5829">
        <v>0</v>
      </c>
      <c r="V5829">
        <v>1</v>
      </c>
      <c r="W5829">
        <v>2</v>
      </c>
      <c r="X5829">
        <v>0</v>
      </c>
      <c r="Y5829">
        <v>55</v>
      </c>
      <c r="Z5829">
        <v>13</v>
      </c>
      <c r="AA5829">
        <v>88</v>
      </c>
      <c r="AB5829">
        <v>36</v>
      </c>
      <c r="AC5829">
        <v>106</v>
      </c>
      <c r="AD5829">
        <v>31</v>
      </c>
      <c r="AE5829">
        <v>104</v>
      </c>
      <c r="AF5829">
        <v>4610</v>
      </c>
      <c r="AG5829">
        <v>98029</v>
      </c>
      <c r="AH5829">
        <v>50000</v>
      </c>
      <c r="AI5829">
        <v>0</v>
      </c>
      <c r="AJ5829">
        <v>95</v>
      </c>
      <c r="AK5829" t="s">
        <v>21</v>
      </c>
      <c r="AL5829">
        <v>0</v>
      </c>
      <c r="AM5829">
        <v>0</v>
      </c>
      <c r="AN5829">
        <v>0</v>
      </c>
      <c r="AO5829">
        <v>0</v>
      </c>
      <c r="AP5829">
        <v>0</v>
      </c>
      <c r="AQ5829">
        <v>0</v>
      </c>
      <c r="AR5829">
        <v>0</v>
      </c>
      <c r="AS5829">
        <v>0</v>
      </c>
      <c r="AT5829">
        <v>0</v>
      </c>
      <c r="AU5829">
        <v>0</v>
      </c>
      <c r="AV5829">
        <v>0</v>
      </c>
      <c r="AW5829">
        <v>0</v>
      </c>
      <c r="AX5829">
        <v>3266</v>
      </c>
      <c r="AY5829">
        <v>47</v>
      </c>
      <c r="AZ5829">
        <v>78</v>
      </c>
      <c r="BA5829">
        <v>6132</v>
      </c>
    </row>
    <row r="5830" spans="1:53" x14ac:dyDescent="0.4">
      <c r="A5830">
        <v>5874</v>
      </c>
      <c r="B5830" s="1">
        <v>45048</v>
      </c>
      <c r="C5830">
        <v>2</v>
      </c>
      <c r="D5830" s="1">
        <v>45048.749305555553</v>
      </c>
      <c r="E5830" s="1">
        <v>45048.981249999997</v>
      </c>
      <c r="F5830">
        <v>118395</v>
      </c>
      <c r="G5830">
        <v>7458</v>
      </c>
      <c r="H5830">
        <v>0</v>
      </c>
      <c r="I5830">
        <v>0</v>
      </c>
      <c r="J5830">
        <v>100</v>
      </c>
      <c r="K5830">
        <v>12080</v>
      </c>
      <c r="L5830">
        <v>0</v>
      </c>
      <c r="M5830">
        <v>12529</v>
      </c>
      <c r="N5830">
        <v>0</v>
      </c>
      <c r="O5830">
        <v>0</v>
      </c>
      <c r="P5830">
        <v>-11520</v>
      </c>
      <c r="Q5830">
        <v>0</v>
      </c>
      <c r="R5830">
        <v>126313</v>
      </c>
      <c r="S5830">
        <v>0</v>
      </c>
      <c r="T5830">
        <v>0</v>
      </c>
      <c r="U5830">
        <v>0</v>
      </c>
      <c r="V5830">
        <v>9</v>
      </c>
      <c r="W5830">
        <v>2</v>
      </c>
      <c r="X5830">
        <v>0</v>
      </c>
      <c r="Y5830">
        <v>78</v>
      </c>
      <c r="Z5830">
        <v>11</v>
      </c>
      <c r="AA5830">
        <v>72</v>
      </c>
      <c r="AB5830">
        <v>36</v>
      </c>
      <c r="AC5830">
        <v>105</v>
      </c>
      <c r="AD5830">
        <v>25</v>
      </c>
      <c r="AE5830">
        <v>97</v>
      </c>
      <c r="AF5830">
        <v>30570</v>
      </c>
      <c r="AG5830">
        <v>224342</v>
      </c>
      <c r="AH5830">
        <v>50000</v>
      </c>
      <c r="AI5830">
        <v>0</v>
      </c>
      <c r="AJ5830">
        <v>115</v>
      </c>
      <c r="AK5830" t="s">
        <v>55</v>
      </c>
      <c r="AL5830">
        <v>0</v>
      </c>
      <c r="AM5830">
        <v>0</v>
      </c>
      <c r="AN5830">
        <v>0</v>
      </c>
      <c r="AO5830">
        <v>0</v>
      </c>
      <c r="AP5830">
        <v>0</v>
      </c>
      <c r="AQ5830">
        <v>0</v>
      </c>
      <c r="AR5830">
        <v>0</v>
      </c>
      <c r="AS5830">
        <v>0</v>
      </c>
      <c r="AT5830">
        <v>0</v>
      </c>
      <c r="AU5830">
        <v>0</v>
      </c>
      <c r="AV5830">
        <v>0</v>
      </c>
      <c r="AW5830">
        <v>0</v>
      </c>
      <c r="AX5830">
        <v>0</v>
      </c>
      <c r="AY5830">
        <v>24</v>
      </c>
      <c r="AZ5830">
        <v>62</v>
      </c>
      <c r="BA5830">
        <v>3726</v>
      </c>
    </row>
    <row r="5831" spans="1:53" x14ac:dyDescent="0.4">
      <c r="A5831">
        <v>5875</v>
      </c>
      <c r="B5831" s="1">
        <v>45049</v>
      </c>
      <c r="C5831">
        <v>1</v>
      </c>
      <c r="D5831" s="1">
        <v>45049.291666666664</v>
      </c>
      <c r="E5831" s="1">
        <v>45049.402777777781</v>
      </c>
      <c r="F5831">
        <v>0</v>
      </c>
      <c r="G5831">
        <v>0</v>
      </c>
      <c r="H5831">
        <v>0</v>
      </c>
      <c r="I5831">
        <v>0</v>
      </c>
      <c r="J5831">
        <v>0</v>
      </c>
      <c r="K5831">
        <v>0</v>
      </c>
      <c r="L5831">
        <v>0</v>
      </c>
      <c r="M5831">
        <v>0</v>
      </c>
      <c r="N5831">
        <v>0</v>
      </c>
      <c r="O5831">
        <v>0</v>
      </c>
      <c r="P5831">
        <v>0</v>
      </c>
      <c r="Q5831">
        <v>0</v>
      </c>
      <c r="R5831">
        <v>0</v>
      </c>
      <c r="S5831">
        <v>0</v>
      </c>
      <c r="T5831">
        <v>0</v>
      </c>
      <c r="U5831">
        <v>0</v>
      </c>
      <c r="V5831">
        <v>0</v>
      </c>
      <c r="W5831">
        <v>1</v>
      </c>
      <c r="X5831">
        <v>0</v>
      </c>
      <c r="Y5831">
        <v>30</v>
      </c>
      <c r="Z5831">
        <v>12</v>
      </c>
      <c r="AA5831">
        <v>67</v>
      </c>
      <c r="AB5831">
        <v>27</v>
      </c>
      <c r="AC5831">
        <v>73</v>
      </c>
      <c r="AD5831">
        <v>25</v>
      </c>
      <c r="AE5831">
        <v>95</v>
      </c>
      <c r="AF5831">
        <v>0</v>
      </c>
      <c r="AG5831">
        <v>50000</v>
      </c>
      <c r="AH5831">
        <v>50000</v>
      </c>
      <c r="AI5831">
        <v>0</v>
      </c>
      <c r="AJ5831">
        <v>0</v>
      </c>
      <c r="AK5831" t="s">
        <v>6</v>
      </c>
      <c r="AL5831">
        <v>0</v>
      </c>
      <c r="AM5831">
        <v>0</v>
      </c>
      <c r="AN5831">
        <v>0</v>
      </c>
      <c r="AO5831">
        <v>0</v>
      </c>
      <c r="AP5831">
        <v>0</v>
      </c>
      <c r="AQ5831">
        <v>0</v>
      </c>
      <c r="AR5831">
        <v>0</v>
      </c>
      <c r="AS5831">
        <v>0</v>
      </c>
      <c r="AT5831">
        <v>0</v>
      </c>
      <c r="AU5831">
        <v>0</v>
      </c>
      <c r="AV5831">
        <v>0</v>
      </c>
      <c r="AW5831">
        <v>0</v>
      </c>
      <c r="AX5831">
        <v>0</v>
      </c>
      <c r="AY5831">
        <v>0</v>
      </c>
      <c r="AZ5831">
        <v>0</v>
      </c>
      <c r="BA5831">
        <v>0</v>
      </c>
    </row>
    <row r="5832" spans="1:53" x14ac:dyDescent="0.4">
      <c r="A5832">
        <v>5876</v>
      </c>
      <c r="B5832" s="1">
        <v>45049</v>
      </c>
      <c r="C5832">
        <v>2</v>
      </c>
      <c r="D5832" s="1">
        <v>45049.402777777781</v>
      </c>
      <c r="E5832" s="1">
        <v>45049.74722222222</v>
      </c>
      <c r="F5832">
        <v>52330</v>
      </c>
      <c r="G5832">
        <v>3362</v>
      </c>
      <c r="H5832">
        <v>440</v>
      </c>
      <c r="I5832">
        <v>0</v>
      </c>
      <c r="J5832">
        <v>100</v>
      </c>
      <c r="K5832">
        <v>0</v>
      </c>
      <c r="L5832">
        <v>0</v>
      </c>
      <c r="M5832">
        <v>5094</v>
      </c>
      <c r="N5832">
        <v>0</v>
      </c>
      <c r="O5832">
        <v>0</v>
      </c>
      <c r="P5832">
        <v>19710</v>
      </c>
      <c r="Q5832">
        <v>0</v>
      </c>
      <c r="R5832">
        <v>75742</v>
      </c>
      <c r="S5832">
        <v>0</v>
      </c>
      <c r="T5832">
        <v>0</v>
      </c>
      <c r="U5832">
        <v>0</v>
      </c>
      <c r="V5832">
        <v>5</v>
      </c>
      <c r="W5832">
        <v>1</v>
      </c>
      <c r="X5832">
        <v>0</v>
      </c>
      <c r="Y5832">
        <v>39</v>
      </c>
      <c r="Z5832">
        <v>23</v>
      </c>
      <c r="AA5832">
        <v>121</v>
      </c>
      <c r="AB5832">
        <v>34</v>
      </c>
      <c r="AC5832">
        <v>89</v>
      </c>
      <c r="AD5832">
        <v>26</v>
      </c>
      <c r="AE5832">
        <v>102</v>
      </c>
      <c r="AF5832">
        <v>5310</v>
      </c>
      <c r="AG5832">
        <v>125732</v>
      </c>
      <c r="AH5832">
        <v>50000</v>
      </c>
      <c r="AI5832">
        <v>-10</v>
      </c>
      <c r="AJ5832">
        <v>104</v>
      </c>
      <c r="AK5832" t="s">
        <v>60</v>
      </c>
      <c r="AL5832">
        <v>0</v>
      </c>
      <c r="AM5832">
        <v>0</v>
      </c>
      <c r="AN5832">
        <v>0</v>
      </c>
      <c r="AO5832">
        <v>0</v>
      </c>
      <c r="AP5832">
        <v>0</v>
      </c>
      <c r="AQ5832">
        <v>0</v>
      </c>
      <c r="AR5832">
        <v>0</v>
      </c>
      <c r="AS5832">
        <v>0</v>
      </c>
      <c r="AT5832">
        <v>0</v>
      </c>
      <c r="AU5832">
        <v>0</v>
      </c>
      <c r="AV5832">
        <v>0</v>
      </c>
      <c r="AW5832">
        <v>0</v>
      </c>
      <c r="AX5832">
        <v>0</v>
      </c>
      <c r="AY5832">
        <v>52</v>
      </c>
      <c r="AZ5832">
        <v>112</v>
      </c>
      <c r="BA5832">
        <v>7990</v>
      </c>
    </row>
    <row r="5833" spans="1:53" x14ac:dyDescent="0.4">
      <c r="A5833">
        <v>5877</v>
      </c>
      <c r="B5833" s="1">
        <v>45050</v>
      </c>
      <c r="C5833">
        <v>1</v>
      </c>
      <c r="D5833" s="1">
        <v>45050.291666666664</v>
      </c>
      <c r="E5833" s="1">
        <v>45050.412499999999</v>
      </c>
      <c r="F5833">
        <v>0</v>
      </c>
      <c r="G5833">
        <v>0</v>
      </c>
      <c r="H5833">
        <v>0</v>
      </c>
      <c r="I5833">
        <v>0</v>
      </c>
      <c r="J5833">
        <v>0</v>
      </c>
      <c r="K5833">
        <v>0</v>
      </c>
      <c r="L5833">
        <v>0</v>
      </c>
      <c r="M5833">
        <v>0</v>
      </c>
      <c r="N5833">
        <v>0</v>
      </c>
      <c r="O5833">
        <v>0</v>
      </c>
      <c r="P5833">
        <v>0</v>
      </c>
      <c r="Q5833">
        <v>0</v>
      </c>
      <c r="R5833">
        <v>0</v>
      </c>
      <c r="S5833">
        <v>0</v>
      </c>
      <c r="T5833">
        <v>0</v>
      </c>
      <c r="U5833">
        <v>0</v>
      </c>
      <c r="V5833">
        <v>0</v>
      </c>
      <c r="W5833">
        <v>1</v>
      </c>
      <c r="X5833">
        <v>0</v>
      </c>
      <c r="Y5833">
        <v>29</v>
      </c>
      <c r="Z5833">
        <v>13</v>
      </c>
      <c r="AA5833">
        <v>71</v>
      </c>
      <c r="AB5833">
        <v>27</v>
      </c>
      <c r="AC5833">
        <v>82</v>
      </c>
      <c r="AD5833">
        <v>25</v>
      </c>
      <c r="AE5833">
        <v>105</v>
      </c>
      <c r="AF5833">
        <v>0</v>
      </c>
      <c r="AG5833">
        <v>50000</v>
      </c>
      <c r="AH5833">
        <v>50000</v>
      </c>
      <c r="AI5833">
        <v>0</v>
      </c>
      <c r="AJ5833">
        <v>0</v>
      </c>
      <c r="AK5833" t="s">
        <v>6</v>
      </c>
      <c r="AL5833">
        <v>0</v>
      </c>
      <c r="AM5833">
        <v>0</v>
      </c>
      <c r="AN5833">
        <v>0</v>
      </c>
      <c r="AO5833">
        <v>0</v>
      </c>
      <c r="AP5833">
        <v>0</v>
      </c>
      <c r="AQ5833">
        <v>0</v>
      </c>
      <c r="AR5833">
        <v>0</v>
      </c>
      <c r="AS5833">
        <v>0</v>
      </c>
      <c r="AT5833">
        <v>0</v>
      </c>
      <c r="AU5833">
        <v>0</v>
      </c>
      <c r="AV5833">
        <v>0</v>
      </c>
      <c r="AW5833">
        <v>0</v>
      </c>
      <c r="AX5833">
        <v>0</v>
      </c>
      <c r="AY5833">
        <v>0</v>
      </c>
      <c r="AZ5833">
        <v>0</v>
      </c>
      <c r="BA5833">
        <v>0</v>
      </c>
    </row>
    <row r="5834" spans="1:53" x14ac:dyDescent="0.4">
      <c r="A5834">
        <v>5878</v>
      </c>
      <c r="B5834" s="1">
        <v>45050</v>
      </c>
      <c r="C5834">
        <v>2</v>
      </c>
      <c r="D5834" s="1">
        <v>45050.412499999999</v>
      </c>
      <c r="E5834" s="1">
        <v>45050.740972222222</v>
      </c>
      <c r="F5834">
        <v>50190</v>
      </c>
      <c r="G5834">
        <v>5434</v>
      </c>
      <c r="H5834">
        <v>0</v>
      </c>
      <c r="I5834">
        <v>0</v>
      </c>
      <c r="J5834">
        <v>700</v>
      </c>
      <c r="K5834">
        <v>0</v>
      </c>
      <c r="L5834">
        <v>0</v>
      </c>
      <c r="M5834">
        <v>4993</v>
      </c>
      <c r="N5834">
        <v>0</v>
      </c>
      <c r="O5834">
        <v>0</v>
      </c>
      <c r="P5834">
        <v>27100</v>
      </c>
      <c r="Q5834">
        <v>0</v>
      </c>
      <c r="R5834">
        <v>82024</v>
      </c>
      <c r="S5834">
        <v>0</v>
      </c>
      <c r="T5834">
        <v>0</v>
      </c>
      <c r="U5834">
        <v>0</v>
      </c>
      <c r="V5834">
        <v>3</v>
      </c>
      <c r="W5834">
        <v>3</v>
      </c>
      <c r="X5834">
        <v>0</v>
      </c>
      <c r="Y5834">
        <v>60</v>
      </c>
      <c r="Z5834">
        <v>22</v>
      </c>
      <c r="AA5834">
        <v>120</v>
      </c>
      <c r="AB5834">
        <v>24</v>
      </c>
      <c r="AC5834">
        <v>94</v>
      </c>
      <c r="AD5834">
        <v>26</v>
      </c>
      <c r="AE5834">
        <v>94</v>
      </c>
      <c r="AF5834">
        <v>1660</v>
      </c>
      <c r="AG5834">
        <v>132024</v>
      </c>
      <c r="AH5834">
        <v>50000</v>
      </c>
      <c r="AI5834">
        <v>0</v>
      </c>
      <c r="AJ5834">
        <v>118</v>
      </c>
      <c r="AK5834" t="s">
        <v>59</v>
      </c>
      <c r="AL5834">
        <v>0</v>
      </c>
      <c r="AM5834">
        <v>0</v>
      </c>
      <c r="AN5834">
        <v>0</v>
      </c>
      <c r="AO5834">
        <v>0</v>
      </c>
      <c r="AP5834">
        <v>0</v>
      </c>
      <c r="AQ5834">
        <v>0</v>
      </c>
      <c r="AR5834">
        <v>0</v>
      </c>
      <c r="AS5834">
        <v>0</v>
      </c>
      <c r="AT5834">
        <v>0</v>
      </c>
      <c r="AU5834">
        <v>0</v>
      </c>
      <c r="AV5834">
        <v>0</v>
      </c>
      <c r="AW5834">
        <v>0</v>
      </c>
      <c r="AX5834">
        <v>-3320</v>
      </c>
      <c r="AY5834">
        <v>55</v>
      </c>
      <c r="AZ5834">
        <v>128</v>
      </c>
      <c r="BA5834">
        <v>8004</v>
      </c>
    </row>
    <row r="5835" spans="1:53" x14ac:dyDescent="0.4">
      <c r="A5835">
        <v>5879</v>
      </c>
      <c r="B5835" s="1">
        <v>45050</v>
      </c>
      <c r="C5835">
        <v>3</v>
      </c>
      <c r="D5835" s="1">
        <v>45050.740972222222</v>
      </c>
      <c r="E5835" s="1">
        <v>45051.074999999997</v>
      </c>
      <c r="F5835">
        <v>217640</v>
      </c>
      <c r="G5835">
        <v>8253</v>
      </c>
      <c r="H5835">
        <v>0</v>
      </c>
      <c r="I5835">
        <v>0</v>
      </c>
      <c r="J5835">
        <v>0</v>
      </c>
      <c r="K5835">
        <v>0</v>
      </c>
      <c r="L5835">
        <v>0</v>
      </c>
      <c r="M5835">
        <v>20539</v>
      </c>
      <c r="N5835">
        <v>0</v>
      </c>
      <c r="O5835">
        <v>0</v>
      </c>
      <c r="P5835">
        <v>37860</v>
      </c>
      <c r="Q5835">
        <v>0</v>
      </c>
      <c r="R5835">
        <v>263753</v>
      </c>
      <c r="S5835">
        <v>0</v>
      </c>
      <c r="T5835">
        <v>0</v>
      </c>
      <c r="U5835">
        <v>0</v>
      </c>
      <c r="V5835">
        <v>16</v>
      </c>
      <c r="W5835">
        <v>13</v>
      </c>
      <c r="X5835">
        <v>0</v>
      </c>
      <c r="Y5835">
        <v>75</v>
      </c>
      <c r="Z5835">
        <v>26</v>
      </c>
      <c r="AA5835">
        <v>97</v>
      </c>
      <c r="AB5835">
        <v>16</v>
      </c>
      <c r="AC5835">
        <v>83</v>
      </c>
      <c r="AD5835">
        <v>25</v>
      </c>
      <c r="AE5835">
        <v>95</v>
      </c>
      <c r="AF5835">
        <v>71227</v>
      </c>
      <c r="AG5835">
        <v>395777</v>
      </c>
      <c r="AH5835">
        <v>50000</v>
      </c>
      <c r="AI5835">
        <v>0</v>
      </c>
      <c r="AJ5835">
        <v>120</v>
      </c>
      <c r="AK5835" t="s">
        <v>2</v>
      </c>
      <c r="AL5835">
        <v>0</v>
      </c>
      <c r="AM5835">
        <v>0</v>
      </c>
      <c r="AN5835">
        <v>0</v>
      </c>
      <c r="AO5835">
        <v>0</v>
      </c>
      <c r="AP5835">
        <v>0</v>
      </c>
      <c r="AQ5835">
        <v>0</v>
      </c>
      <c r="AR5835">
        <v>0</v>
      </c>
      <c r="AS5835">
        <v>0</v>
      </c>
      <c r="AT5835">
        <v>0</v>
      </c>
      <c r="AU5835">
        <v>0</v>
      </c>
      <c r="AV5835">
        <v>0</v>
      </c>
      <c r="AW5835">
        <v>0</v>
      </c>
      <c r="AX5835">
        <v>9010</v>
      </c>
      <c r="AY5835">
        <v>41</v>
      </c>
      <c r="AZ5835">
        <v>128</v>
      </c>
      <c r="BA5835">
        <v>6533</v>
      </c>
    </row>
    <row r="5836" spans="1:53" x14ac:dyDescent="0.4">
      <c r="A5836">
        <v>5880</v>
      </c>
      <c r="B5836" s="1">
        <v>45051</v>
      </c>
      <c r="C5836">
        <v>1</v>
      </c>
      <c r="D5836" s="1">
        <v>45051.291666666664</v>
      </c>
      <c r="E5836" s="1">
        <v>45051.406944444447</v>
      </c>
      <c r="F5836">
        <v>0</v>
      </c>
      <c r="G5836">
        <v>0</v>
      </c>
      <c r="H5836">
        <v>0</v>
      </c>
      <c r="I5836">
        <v>0</v>
      </c>
      <c r="J5836">
        <v>0</v>
      </c>
      <c r="K5836">
        <v>0</v>
      </c>
      <c r="L5836">
        <v>0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>
        <v>0</v>
      </c>
      <c r="U5836">
        <v>0</v>
      </c>
      <c r="V5836">
        <v>0</v>
      </c>
      <c r="W5836">
        <v>1</v>
      </c>
      <c r="X5836">
        <v>0</v>
      </c>
      <c r="Y5836">
        <v>27</v>
      </c>
      <c r="Z5836">
        <v>13</v>
      </c>
      <c r="AA5836">
        <v>98</v>
      </c>
      <c r="AB5836">
        <v>15</v>
      </c>
      <c r="AC5836">
        <v>74</v>
      </c>
      <c r="AD5836">
        <v>24</v>
      </c>
      <c r="AE5836">
        <v>90</v>
      </c>
      <c r="AF5836">
        <v>0</v>
      </c>
      <c r="AG5836">
        <v>50000</v>
      </c>
      <c r="AH5836">
        <v>50000</v>
      </c>
      <c r="AI5836">
        <v>0</v>
      </c>
      <c r="AJ5836">
        <v>0</v>
      </c>
      <c r="AK5836" t="s">
        <v>6</v>
      </c>
      <c r="AL5836">
        <v>0</v>
      </c>
      <c r="AM5836">
        <v>0</v>
      </c>
      <c r="AN5836">
        <v>0</v>
      </c>
      <c r="AO5836">
        <v>0</v>
      </c>
      <c r="AP5836">
        <v>0</v>
      </c>
      <c r="AQ5836">
        <v>0</v>
      </c>
      <c r="AR5836">
        <v>0</v>
      </c>
      <c r="AS5836">
        <v>0</v>
      </c>
      <c r="AT5836">
        <v>0</v>
      </c>
      <c r="AU5836">
        <v>0</v>
      </c>
      <c r="AV5836">
        <v>0</v>
      </c>
      <c r="AW5836">
        <v>0</v>
      </c>
      <c r="AX5836">
        <v>0</v>
      </c>
      <c r="AY5836">
        <v>0</v>
      </c>
      <c r="AZ5836">
        <v>0</v>
      </c>
      <c r="BA5836">
        <v>0</v>
      </c>
    </row>
    <row r="5837" spans="1:53" x14ac:dyDescent="0.4">
      <c r="A5837">
        <v>5881</v>
      </c>
      <c r="B5837" s="1">
        <v>45051</v>
      </c>
      <c r="C5837">
        <v>2</v>
      </c>
      <c r="D5837" s="1">
        <v>45051.406944444447</v>
      </c>
      <c r="E5837" s="1">
        <v>45051.745138888888</v>
      </c>
      <c r="F5837">
        <v>58950</v>
      </c>
      <c r="G5837">
        <v>880</v>
      </c>
      <c r="H5837">
        <v>0</v>
      </c>
      <c r="I5837">
        <v>0</v>
      </c>
      <c r="J5837">
        <v>200</v>
      </c>
      <c r="K5837">
        <v>0</v>
      </c>
      <c r="L5837">
        <v>0</v>
      </c>
      <c r="M5837">
        <v>5418</v>
      </c>
      <c r="N5837">
        <v>0</v>
      </c>
      <c r="O5837">
        <v>0</v>
      </c>
      <c r="P5837">
        <v>25190</v>
      </c>
      <c r="Q5837">
        <v>0</v>
      </c>
      <c r="R5837">
        <v>84820</v>
      </c>
      <c r="S5837">
        <v>0</v>
      </c>
      <c r="T5837">
        <v>0</v>
      </c>
      <c r="U5837">
        <v>0</v>
      </c>
      <c r="V5837">
        <v>2</v>
      </c>
      <c r="W5837">
        <v>2</v>
      </c>
      <c r="X5837">
        <v>0</v>
      </c>
      <c r="Y5837">
        <v>70</v>
      </c>
      <c r="Z5837">
        <v>40</v>
      </c>
      <c r="AA5837">
        <v>128</v>
      </c>
      <c r="AB5837">
        <v>17</v>
      </c>
      <c r="AC5837">
        <v>94</v>
      </c>
      <c r="AD5837">
        <v>27</v>
      </c>
      <c r="AE5837">
        <v>95</v>
      </c>
      <c r="AF5837">
        <v>0</v>
      </c>
      <c r="AG5837">
        <v>134820</v>
      </c>
      <c r="AH5837">
        <v>50000</v>
      </c>
      <c r="AI5837">
        <v>0</v>
      </c>
      <c r="AJ5837">
        <v>36</v>
      </c>
      <c r="AK5837" t="s">
        <v>68</v>
      </c>
      <c r="AL5837">
        <v>0</v>
      </c>
      <c r="AM5837">
        <v>0</v>
      </c>
      <c r="AN5837">
        <v>0</v>
      </c>
      <c r="AO5837">
        <v>0</v>
      </c>
      <c r="AP5837">
        <v>0</v>
      </c>
      <c r="AQ5837">
        <v>0</v>
      </c>
      <c r="AR5837">
        <v>0</v>
      </c>
      <c r="AS5837">
        <v>0</v>
      </c>
      <c r="AT5837">
        <v>0</v>
      </c>
      <c r="AU5837">
        <v>0</v>
      </c>
      <c r="AV5837">
        <v>0</v>
      </c>
      <c r="AW5837">
        <v>0</v>
      </c>
      <c r="AX5837">
        <v>-760</v>
      </c>
      <c r="AY5837">
        <v>55</v>
      </c>
      <c r="AZ5837">
        <v>135</v>
      </c>
      <c r="BA5837">
        <v>8382</v>
      </c>
    </row>
    <row r="5838" spans="1:53" x14ac:dyDescent="0.4">
      <c r="A5838">
        <v>5882</v>
      </c>
      <c r="B5838" s="1">
        <v>45051</v>
      </c>
      <c r="C5838">
        <v>3</v>
      </c>
      <c r="D5838" s="1">
        <v>45051.745138888888</v>
      </c>
      <c r="E5838" s="1">
        <v>45051.970833333333</v>
      </c>
      <c r="F5838">
        <v>122950</v>
      </c>
      <c r="G5838">
        <v>3850</v>
      </c>
      <c r="H5838">
        <v>0</v>
      </c>
      <c r="I5838">
        <v>0</v>
      </c>
      <c r="J5838">
        <v>0</v>
      </c>
      <c r="K5838">
        <v>0</v>
      </c>
      <c r="L5838">
        <v>0</v>
      </c>
      <c r="M5838">
        <v>11527</v>
      </c>
      <c r="N5838">
        <v>0</v>
      </c>
      <c r="O5838">
        <v>0</v>
      </c>
      <c r="P5838">
        <v>33580</v>
      </c>
      <c r="Q5838">
        <v>0</v>
      </c>
      <c r="R5838">
        <v>160380</v>
      </c>
      <c r="S5838">
        <v>0</v>
      </c>
      <c r="T5838">
        <v>0</v>
      </c>
      <c r="U5838">
        <v>0</v>
      </c>
      <c r="V5838">
        <v>13</v>
      </c>
      <c r="W5838">
        <v>0</v>
      </c>
      <c r="X5838">
        <v>0</v>
      </c>
      <c r="Y5838">
        <v>79</v>
      </c>
      <c r="Z5838">
        <v>41</v>
      </c>
      <c r="AA5838">
        <v>125</v>
      </c>
      <c r="AB5838">
        <v>21</v>
      </c>
      <c r="AC5838">
        <v>92</v>
      </c>
      <c r="AD5838">
        <v>28</v>
      </c>
      <c r="AE5838">
        <v>90</v>
      </c>
      <c r="AF5838">
        <v>51000</v>
      </c>
      <c r="AG5838">
        <v>295200</v>
      </c>
      <c r="AH5838">
        <v>50000</v>
      </c>
      <c r="AI5838">
        <v>0</v>
      </c>
      <c r="AJ5838">
        <v>104</v>
      </c>
      <c r="AK5838" t="s">
        <v>60</v>
      </c>
      <c r="AL5838">
        <v>0</v>
      </c>
      <c r="AM5838">
        <v>0</v>
      </c>
      <c r="AN5838">
        <v>0</v>
      </c>
      <c r="AO5838">
        <v>0</v>
      </c>
      <c r="AP5838">
        <v>0</v>
      </c>
      <c r="AQ5838">
        <v>0</v>
      </c>
      <c r="AR5838">
        <v>0</v>
      </c>
      <c r="AS5838">
        <v>0</v>
      </c>
      <c r="AT5838">
        <v>0</v>
      </c>
      <c r="AU5838">
        <v>0</v>
      </c>
      <c r="AV5838">
        <v>0</v>
      </c>
      <c r="AW5838">
        <v>0</v>
      </c>
      <c r="AX5838">
        <v>1058</v>
      </c>
      <c r="AY5838">
        <v>30</v>
      </c>
      <c r="AZ5838">
        <v>86</v>
      </c>
      <c r="BA5838">
        <v>4141</v>
      </c>
    </row>
    <row r="5839" spans="1:53" x14ac:dyDescent="0.4">
      <c r="A5839">
        <v>5883</v>
      </c>
      <c r="B5839" s="1">
        <v>45052</v>
      </c>
      <c r="C5839">
        <v>1</v>
      </c>
      <c r="D5839" s="1">
        <v>45052.291666666664</v>
      </c>
      <c r="E5839" s="1">
        <v>45052.397222222222</v>
      </c>
      <c r="F5839">
        <v>0</v>
      </c>
      <c r="G5839">
        <v>0</v>
      </c>
      <c r="H5839">
        <v>0</v>
      </c>
      <c r="I5839">
        <v>0</v>
      </c>
      <c r="J5839">
        <v>0</v>
      </c>
      <c r="K5839">
        <v>0</v>
      </c>
      <c r="L5839">
        <v>0</v>
      </c>
      <c r="M5839">
        <v>0</v>
      </c>
      <c r="N5839">
        <v>0</v>
      </c>
      <c r="O5839">
        <v>0</v>
      </c>
      <c r="P5839">
        <v>0</v>
      </c>
      <c r="Q5839">
        <v>0</v>
      </c>
      <c r="R5839">
        <v>0</v>
      </c>
      <c r="S5839">
        <v>0</v>
      </c>
      <c r="T5839">
        <v>0</v>
      </c>
      <c r="U5839">
        <v>0</v>
      </c>
      <c r="V5839">
        <v>0</v>
      </c>
      <c r="W5839">
        <v>1</v>
      </c>
      <c r="X5839">
        <v>0</v>
      </c>
      <c r="Y5839">
        <v>29</v>
      </c>
      <c r="Z5839">
        <v>12</v>
      </c>
      <c r="AA5839">
        <v>80</v>
      </c>
      <c r="AB5839">
        <v>22</v>
      </c>
      <c r="AC5839">
        <v>70</v>
      </c>
      <c r="AD5839">
        <v>23</v>
      </c>
      <c r="AE5839">
        <v>85</v>
      </c>
      <c r="AF5839">
        <v>0</v>
      </c>
      <c r="AG5839">
        <v>50000</v>
      </c>
      <c r="AH5839">
        <v>0</v>
      </c>
      <c r="AI5839">
        <v>50000</v>
      </c>
      <c r="AJ5839">
        <v>0</v>
      </c>
      <c r="AK5839" t="s">
        <v>6</v>
      </c>
      <c r="AL5839">
        <v>0</v>
      </c>
      <c r="AM5839">
        <v>0</v>
      </c>
      <c r="AN5839">
        <v>0</v>
      </c>
      <c r="AO5839">
        <v>0</v>
      </c>
      <c r="AP5839">
        <v>0</v>
      </c>
      <c r="AQ5839">
        <v>0</v>
      </c>
      <c r="AR5839">
        <v>0</v>
      </c>
      <c r="AS5839">
        <v>0</v>
      </c>
      <c r="AT5839">
        <v>0</v>
      </c>
      <c r="AU5839">
        <v>0</v>
      </c>
      <c r="AV5839">
        <v>0</v>
      </c>
      <c r="AW5839">
        <v>0</v>
      </c>
      <c r="AX5839">
        <v>0</v>
      </c>
      <c r="AY5839">
        <v>0</v>
      </c>
      <c r="AZ5839">
        <v>0</v>
      </c>
      <c r="BA5839">
        <v>0</v>
      </c>
    </row>
    <row r="5840" spans="1:53" x14ac:dyDescent="0.4">
      <c r="A5840">
        <v>5884</v>
      </c>
      <c r="B5840" s="1">
        <v>45052</v>
      </c>
      <c r="C5840">
        <v>2</v>
      </c>
      <c r="D5840" s="1">
        <v>45052.397222222222</v>
      </c>
      <c r="E5840" s="1">
        <v>45052.73333333333</v>
      </c>
      <c r="F5840">
        <v>45610</v>
      </c>
      <c r="G5840">
        <v>6660</v>
      </c>
      <c r="H5840">
        <v>0</v>
      </c>
      <c r="I5840">
        <v>0</v>
      </c>
      <c r="J5840">
        <v>200</v>
      </c>
      <c r="K5840">
        <v>0</v>
      </c>
      <c r="L5840">
        <v>0</v>
      </c>
      <c r="M5840">
        <v>4735</v>
      </c>
      <c r="N5840">
        <v>0</v>
      </c>
      <c r="O5840">
        <v>0</v>
      </c>
      <c r="P5840">
        <v>19990</v>
      </c>
      <c r="Q5840">
        <v>0</v>
      </c>
      <c r="R5840">
        <v>72060</v>
      </c>
      <c r="S5840">
        <v>0</v>
      </c>
      <c r="T5840">
        <v>0</v>
      </c>
      <c r="U5840">
        <v>0</v>
      </c>
      <c r="V5840">
        <v>1</v>
      </c>
      <c r="W5840">
        <v>4</v>
      </c>
      <c r="X5840">
        <v>0</v>
      </c>
      <c r="Y5840">
        <v>75</v>
      </c>
      <c r="Z5840">
        <v>13</v>
      </c>
      <c r="AA5840">
        <v>73</v>
      </c>
      <c r="AB5840">
        <v>32</v>
      </c>
      <c r="AC5840">
        <v>93</v>
      </c>
      <c r="AD5840">
        <v>24</v>
      </c>
      <c r="AE5840">
        <v>80</v>
      </c>
      <c r="AF5840">
        <v>530</v>
      </c>
      <c r="AG5840">
        <v>122060</v>
      </c>
      <c r="AH5840">
        <v>50000</v>
      </c>
      <c r="AI5840">
        <v>0</v>
      </c>
      <c r="AJ5840">
        <v>40</v>
      </c>
      <c r="AK5840" t="s">
        <v>71</v>
      </c>
      <c r="AL5840">
        <v>0</v>
      </c>
      <c r="AM5840">
        <v>0</v>
      </c>
      <c r="AN5840">
        <v>0</v>
      </c>
      <c r="AO5840">
        <v>0</v>
      </c>
      <c r="AP5840">
        <v>0</v>
      </c>
      <c r="AQ5840">
        <v>0</v>
      </c>
      <c r="AR5840">
        <v>0</v>
      </c>
      <c r="AS5840">
        <v>0</v>
      </c>
      <c r="AT5840">
        <v>0</v>
      </c>
      <c r="AU5840">
        <v>0</v>
      </c>
      <c r="AV5840">
        <v>0</v>
      </c>
      <c r="AW5840">
        <v>0</v>
      </c>
      <c r="AX5840">
        <v>-3180</v>
      </c>
      <c r="AY5840">
        <v>49</v>
      </c>
      <c r="AZ5840">
        <v>99</v>
      </c>
      <c r="BA5840">
        <v>8188</v>
      </c>
    </row>
    <row r="5841" spans="1:53" x14ac:dyDescent="0.4">
      <c r="A5841">
        <v>5885</v>
      </c>
      <c r="B5841" s="1">
        <v>45052</v>
      </c>
      <c r="C5841">
        <v>3</v>
      </c>
      <c r="D5841" s="1">
        <v>45052.73333333333</v>
      </c>
      <c r="E5841" s="1">
        <v>45053.133333333331</v>
      </c>
      <c r="F5841">
        <v>204400</v>
      </c>
      <c r="G5841">
        <v>10145</v>
      </c>
      <c r="H5841">
        <v>0</v>
      </c>
      <c r="I5841">
        <v>0</v>
      </c>
      <c r="J5841">
        <v>400</v>
      </c>
      <c r="K5841">
        <v>0</v>
      </c>
      <c r="L5841">
        <v>0</v>
      </c>
      <c r="M5841">
        <v>19462</v>
      </c>
      <c r="N5841">
        <v>0</v>
      </c>
      <c r="O5841">
        <v>0</v>
      </c>
      <c r="P5841">
        <v>36370</v>
      </c>
      <c r="Q5841">
        <v>0</v>
      </c>
      <c r="R5841">
        <v>250515</v>
      </c>
      <c r="S5841">
        <v>0</v>
      </c>
      <c r="T5841">
        <v>0</v>
      </c>
      <c r="U5841">
        <v>0</v>
      </c>
      <c r="V5841">
        <v>17</v>
      </c>
      <c r="W5841">
        <v>5</v>
      </c>
      <c r="X5841">
        <v>0</v>
      </c>
      <c r="Y5841">
        <v>110</v>
      </c>
      <c r="Z5841">
        <v>13</v>
      </c>
      <c r="AA5841">
        <v>93</v>
      </c>
      <c r="AB5841">
        <v>34</v>
      </c>
      <c r="AC5841">
        <v>79</v>
      </c>
      <c r="AD5841">
        <v>23</v>
      </c>
      <c r="AE5841">
        <v>80</v>
      </c>
      <c r="AF5841">
        <v>49530</v>
      </c>
      <c r="AG5841">
        <v>373015</v>
      </c>
      <c r="AH5841">
        <v>50000</v>
      </c>
      <c r="AI5841">
        <v>440</v>
      </c>
      <c r="AJ5841">
        <v>74</v>
      </c>
      <c r="AK5841" t="s">
        <v>67</v>
      </c>
      <c r="AL5841">
        <v>0</v>
      </c>
      <c r="AM5841">
        <v>0</v>
      </c>
      <c r="AN5841">
        <v>0</v>
      </c>
      <c r="AO5841">
        <v>0</v>
      </c>
      <c r="AP5841">
        <v>0</v>
      </c>
      <c r="AQ5841">
        <v>0</v>
      </c>
      <c r="AR5841">
        <v>0</v>
      </c>
      <c r="AS5841">
        <v>0</v>
      </c>
      <c r="AT5841">
        <v>0</v>
      </c>
      <c r="AU5841">
        <v>0</v>
      </c>
      <c r="AV5841">
        <v>0</v>
      </c>
      <c r="AW5841">
        <v>0</v>
      </c>
      <c r="AX5841">
        <v>-2795</v>
      </c>
      <c r="AY5841">
        <v>36</v>
      </c>
      <c r="AZ5841">
        <v>114</v>
      </c>
      <c r="BA5841">
        <v>7349</v>
      </c>
    </row>
    <row r="5842" spans="1:53" x14ac:dyDescent="0.4">
      <c r="A5842">
        <v>5886</v>
      </c>
      <c r="B5842" s="1">
        <v>45053</v>
      </c>
      <c r="C5842">
        <v>1</v>
      </c>
      <c r="D5842" s="1">
        <v>45053.291666666664</v>
      </c>
      <c r="E5842" s="1">
        <v>45053.405555555553</v>
      </c>
      <c r="F5842">
        <v>0</v>
      </c>
      <c r="G5842">
        <v>0</v>
      </c>
      <c r="H5842">
        <v>0</v>
      </c>
      <c r="I5842">
        <v>0</v>
      </c>
      <c r="J5842">
        <v>0</v>
      </c>
      <c r="K5842">
        <v>0</v>
      </c>
      <c r="L5842">
        <v>0</v>
      </c>
      <c r="M5842">
        <v>0</v>
      </c>
      <c r="N5842">
        <v>0</v>
      </c>
      <c r="O5842">
        <v>0</v>
      </c>
      <c r="P5842">
        <v>0</v>
      </c>
      <c r="Q5842">
        <v>0</v>
      </c>
      <c r="R5842">
        <v>0</v>
      </c>
      <c r="S5842">
        <v>0</v>
      </c>
      <c r="T5842">
        <v>0</v>
      </c>
      <c r="U5842">
        <v>0</v>
      </c>
      <c r="V5842">
        <v>0</v>
      </c>
      <c r="W5842">
        <v>1</v>
      </c>
      <c r="X5842">
        <v>0</v>
      </c>
      <c r="Y5842">
        <v>28</v>
      </c>
      <c r="Z5842">
        <v>11</v>
      </c>
      <c r="AA5842">
        <v>89</v>
      </c>
      <c r="AB5842">
        <v>33</v>
      </c>
      <c r="AC5842">
        <v>75</v>
      </c>
      <c r="AD5842">
        <v>24</v>
      </c>
      <c r="AE5842">
        <v>80</v>
      </c>
      <c r="AF5842">
        <v>0</v>
      </c>
      <c r="AG5842">
        <v>50000</v>
      </c>
      <c r="AH5842">
        <v>50000</v>
      </c>
      <c r="AI5842">
        <v>0</v>
      </c>
      <c r="AJ5842">
        <v>0</v>
      </c>
      <c r="AK5842" t="s">
        <v>6</v>
      </c>
      <c r="AL5842">
        <v>0</v>
      </c>
      <c r="AM5842">
        <v>0</v>
      </c>
      <c r="AN5842">
        <v>0</v>
      </c>
      <c r="AO5842">
        <v>0</v>
      </c>
      <c r="AP5842">
        <v>0</v>
      </c>
      <c r="AQ5842">
        <v>0</v>
      </c>
      <c r="AR5842">
        <v>0</v>
      </c>
      <c r="AS5842">
        <v>0</v>
      </c>
      <c r="AT5842">
        <v>0</v>
      </c>
      <c r="AU5842">
        <v>0</v>
      </c>
      <c r="AV5842">
        <v>0</v>
      </c>
      <c r="AW5842">
        <v>0</v>
      </c>
      <c r="AX5842">
        <v>0</v>
      </c>
      <c r="AY5842">
        <v>0</v>
      </c>
      <c r="AZ5842">
        <v>0</v>
      </c>
      <c r="BA5842">
        <v>0</v>
      </c>
    </row>
    <row r="5843" spans="1:53" x14ac:dyDescent="0.4">
      <c r="A5843">
        <v>5887</v>
      </c>
      <c r="B5843" s="1">
        <v>45053</v>
      </c>
      <c r="C5843">
        <v>2</v>
      </c>
      <c r="D5843" s="1">
        <v>45053.405555555553</v>
      </c>
      <c r="E5843" s="1">
        <v>45053.745833333334</v>
      </c>
      <c r="F5843">
        <v>54280</v>
      </c>
      <c r="G5843">
        <v>4816</v>
      </c>
      <c r="H5843">
        <v>0</v>
      </c>
      <c r="I5843">
        <v>0</v>
      </c>
      <c r="J5843">
        <v>300</v>
      </c>
      <c r="K5843">
        <v>1600</v>
      </c>
      <c r="L5843">
        <v>0</v>
      </c>
      <c r="M5843">
        <v>5487</v>
      </c>
      <c r="N5843">
        <v>0</v>
      </c>
      <c r="O5843">
        <v>0</v>
      </c>
      <c r="P5843">
        <v>25210</v>
      </c>
      <c r="Q5843">
        <v>0</v>
      </c>
      <c r="R5843">
        <v>85606</v>
      </c>
      <c r="S5843">
        <v>0</v>
      </c>
      <c r="T5843">
        <v>0</v>
      </c>
      <c r="U5843">
        <v>0</v>
      </c>
      <c r="V5843">
        <v>1</v>
      </c>
      <c r="W5843">
        <v>2</v>
      </c>
      <c r="X5843">
        <v>0</v>
      </c>
      <c r="Y5843">
        <v>82</v>
      </c>
      <c r="Z5843">
        <v>29</v>
      </c>
      <c r="AA5843">
        <v>105</v>
      </c>
      <c r="AB5843">
        <v>30</v>
      </c>
      <c r="AC5843">
        <v>101</v>
      </c>
      <c r="AD5843">
        <v>24</v>
      </c>
      <c r="AE5843">
        <v>76</v>
      </c>
      <c r="AF5843">
        <v>5900</v>
      </c>
      <c r="AG5843">
        <v>135606</v>
      </c>
      <c r="AH5843">
        <v>50000</v>
      </c>
      <c r="AI5843">
        <v>0</v>
      </c>
      <c r="AJ5843">
        <v>118</v>
      </c>
      <c r="AK5843" t="s">
        <v>59</v>
      </c>
      <c r="AL5843">
        <v>0</v>
      </c>
      <c r="AM5843">
        <v>0</v>
      </c>
      <c r="AN5843">
        <v>0</v>
      </c>
      <c r="AO5843">
        <v>0</v>
      </c>
      <c r="AP5843">
        <v>0</v>
      </c>
      <c r="AQ5843">
        <v>0</v>
      </c>
      <c r="AR5843">
        <v>0</v>
      </c>
      <c r="AS5843">
        <v>0</v>
      </c>
      <c r="AT5843">
        <v>0</v>
      </c>
      <c r="AU5843">
        <v>0</v>
      </c>
      <c r="AV5843">
        <v>0</v>
      </c>
      <c r="AW5843">
        <v>0</v>
      </c>
      <c r="AX5843">
        <v>9174</v>
      </c>
      <c r="AY5843">
        <v>50</v>
      </c>
      <c r="AZ5843">
        <v>128</v>
      </c>
      <c r="BA5843">
        <v>8027</v>
      </c>
    </row>
    <row r="5844" spans="1:53" x14ac:dyDescent="0.4">
      <c r="A5844">
        <v>5888</v>
      </c>
      <c r="B5844" s="1">
        <v>45053</v>
      </c>
      <c r="C5844">
        <v>3</v>
      </c>
      <c r="D5844" s="1">
        <v>45053.745833333334</v>
      </c>
      <c r="E5844" s="1">
        <v>45053.95416666667</v>
      </c>
      <c r="F5844">
        <v>44985</v>
      </c>
      <c r="G5844">
        <v>14450</v>
      </c>
      <c r="H5844">
        <v>0</v>
      </c>
      <c r="I5844">
        <v>0</v>
      </c>
      <c r="J5844">
        <v>0</v>
      </c>
      <c r="K5844">
        <v>800</v>
      </c>
      <c r="L5844">
        <v>0</v>
      </c>
      <c r="M5844">
        <v>5473</v>
      </c>
      <c r="N5844">
        <v>0</v>
      </c>
      <c r="O5844">
        <v>0</v>
      </c>
      <c r="P5844">
        <v>-25210</v>
      </c>
      <c r="Q5844">
        <v>0</v>
      </c>
      <c r="R5844">
        <v>35025</v>
      </c>
      <c r="S5844">
        <v>0</v>
      </c>
      <c r="T5844">
        <v>0</v>
      </c>
      <c r="U5844">
        <v>0</v>
      </c>
      <c r="V5844">
        <v>3</v>
      </c>
      <c r="W5844">
        <v>0</v>
      </c>
      <c r="X5844">
        <v>0</v>
      </c>
      <c r="Y5844">
        <v>88</v>
      </c>
      <c r="Z5844">
        <v>24</v>
      </c>
      <c r="AA5844">
        <v>118</v>
      </c>
      <c r="AB5844">
        <v>33</v>
      </c>
      <c r="AC5844">
        <v>99</v>
      </c>
      <c r="AD5844">
        <v>25</v>
      </c>
      <c r="AE5844">
        <v>76</v>
      </c>
      <c r="AF5844">
        <v>25990</v>
      </c>
      <c r="AG5844">
        <v>170631</v>
      </c>
      <c r="AH5844">
        <v>50000</v>
      </c>
      <c r="AI5844">
        <v>0</v>
      </c>
      <c r="AJ5844">
        <v>95</v>
      </c>
      <c r="AK5844" t="s">
        <v>21</v>
      </c>
      <c r="AL5844">
        <v>0</v>
      </c>
      <c r="AM5844">
        <v>0</v>
      </c>
      <c r="AN5844">
        <v>0</v>
      </c>
      <c r="AO5844">
        <v>0</v>
      </c>
      <c r="AP5844">
        <v>0</v>
      </c>
      <c r="AQ5844">
        <v>0</v>
      </c>
      <c r="AR5844">
        <v>0</v>
      </c>
      <c r="AS5844">
        <v>0</v>
      </c>
      <c r="AT5844">
        <v>0</v>
      </c>
      <c r="AU5844">
        <v>0</v>
      </c>
      <c r="AV5844">
        <v>0</v>
      </c>
      <c r="AW5844">
        <v>0</v>
      </c>
      <c r="AX5844">
        <v>1320</v>
      </c>
      <c r="AY5844">
        <v>13</v>
      </c>
      <c r="AZ5844">
        <v>31</v>
      </c>
      <c r="BA5844">
        <v>2555</v>
      </c>
    </row>
    <row r="5845" spans="1:53" x14ac:dyDescent="0.4">
      <c r="A5845">
        <v>5889</v>
      </c>
      <c r="B5845" s="1">
        <v>45054</v>
      </c>
      <c r="C5845">
        <v>1</v>
      </c>
      <c r="D5845" s="1">
        <v>45054.291666666664</v>
      </c>
      <c r="E5845" s="1">
        <v>45054.447222222225</v>
      </c>
      <c r="F5845">
        <v>0</v>
      </c>
      <c r="G5845">
        <v>0</v>
      </c>
      <c r="H5845">
        <v>0</v>
      </c>
      <c r="I5845">
        <v>0</v>
      </c>
      <c r="J5845">
        <v>0</v>
      </c>
      <c r="K5845">
        <v>0</v>
      </c>
      <c r="L5845">
        <v>0</v>
      </c>
      <c r="M5845">
        <v>0</v>
      </c>
      <c r="N5845">
        <v>0</v>
      </c>
      <c r="O5845">
        <v>0</v>
      </c>
      <c r="P5845">
        <v>0</v>
      </c>
      <c r="Q5845">
        <v>0</v>
      </c>
      <c r="R5845">
        <v>0</v>
      </c>
      <c r="S5845">
        <v>0</v>
      </c>
      <c r="T5845">
        <v>0</v>
      </c>
      <c r="U5845">
        <v>0</v>
      </c>
      <c r="V5845">
        <v>0</v>
      </c>
      <c r="W5845">
        <v>0</v>
      </c>
      <c r="X5845">
        <v>0</v>
      </c>
      <c r="Y5845">
        <v>24</v>
      </c>
      <c r="Z5845">
        <v>24</v>
      </c>
      <c r="AA5845">
        <v>112</v>
      </c>
      <c r="AB5845">
        <v>32</v>
      </c>
      <c r="AC5845">
        <v>100</v>
      </c>
      <c r="AD5845">
        <v>25</v>
      </c>
      <c r="AE5845">
        <v>75</v>
      </c>
      <c r="AF5845">
        <v>0</v>
      </c>
      <c r="AG5845">
        <v>50000</v>
      </c>
      <c r="AH5845">
        <v>0</v>
      </c>
      <c r="AI5845">
        <v>50000</v>
      </c>
      <c r="AJ5845">
        <v>0</v>
      </c>
      <c r="AK5845" t="s">
        <v>6</v>
      </c>
      <c r="AL5845">
        <v>0</v>
      </c>
      <c r="AM5845">
        <v>0</v>
      </c>
      <c r="AN5845">
        <v>0</v>
      </c>
      <c r="AO5845">
        <v>0</v>
      </c>
      <c r="AP5845">
        <v>0</v>
      </c>
      <c r="AQ5845">
        <v>0</v>
      </c>
      <c r="AR5845">
        <v>0</v>
      </c>
      <c r="AS5845">
        <v>0</v>
      </c>
      <c r="AT5845">
        <v>0</v>
      </c>
      <c r="AU5845">
        <v>0</v>
      </c>
      <c r="AV5845">
        <v>0</v>
      </c>
      <c r="AW5845">
        <v>0</v>
      </c>
      <c r="AX5845">
        <v>0</v>
      </c>
      <c r="AY5845">
        <v>0</v>
      </c>
      <c r="AZ5845">
        <v>0</v>
      </c>
      <c r="BA5845">
        <v>0</v>
      </c>
    </row>
    <row r="5846" spans="1:53" x14ac:dyDescent="0.4">
      <c r="A5846">
        <v>5890</v>
      </c>
      <c r="B5846" s="1">
        <v>45054</v>
      </c>
      <c r="C5846">
        <v>2</v>
      </c>
      <c r="D5846" s="1">
        <v>45054.447222222225</v>
      </c>
      <c r="E5846" s="1">
        <v>45054.754861111112</v>
      </c>
      <c r="F5846">
        <v>21010</v>
      </c>
      <c r="G5846">
        <v>1188</v>
      </c>
      <c r="H5846">
        <v>0</v>
      </c>
      <c r="I5846">
        <v>0</v>
      </c>
      <c r="J5846">
        <v>600</v>
      </c>
      <c r="K5846">
        <v>0</v>
      </c>
      <c r="L5846">
        <v>0</v>
      </c>
      <c r="M5846">
        <v>1963</v>
      </c>
      <c r="N5846">
        <v>0</v>
      </c>
      <c r="O5846">
        <v>0</v>
      </c>
      <c r="P5846">
        <v>18650</v>
      </c>
      <c r="Q5846">
        <v>0</v>
      </c>
      <c r="R5846">
        <v>40248</v>
      </c>
      <c r="S5846">
        <v>0</v>
      </c>
      <c r="T5846">
        <v>0</v>
      </c>
      <c r="U5846">
        <v>0</v>
      </c>
      <c r="V5846">
        <v>2</v>
      </c>
      <c r="W5846">
        <v>2</v>
      </c>
      <c r="X5846">
        <v>0</v>
      </c>
      <c r="Y5846">
        <v>34</v>
      </c>
      <c r="Z5846">
        <v>19</v>
      </c>
      <c r="AA5846">
        <v>115</v>
      </c>
      <c r="AB5846">
        <v>34</v>
      </c>
      <c r="AC5846">
        <v>138</v>
      </c>
      <c r="AD5846">
        <v>28</v>
      </c>
      <c r="AE5846">
        <v>78</v>
      </c>
      <c r="AF5846">
        <v>1950</v>
      </c>
      <c r="AG5846">
        <v>90248</v>
      </c>
      <c r="AH5846">
        <v>50000</v>
      </c>
      <c r="AI5846">
        <v>0</v>
      </c>
      <c r="AJ5846">
        <v>42</v>
      </c>
      <c r="AK5846" t="s">
        <v>72</v>
      </c>
      <c r="AL5846">
        <v>0</v>
      </c>
      <c r="AM5846">
        <v>0</v>
      </c>
      <c r="AN5846">
        <v>0</v>
      </c>
      <c r="AO5846">
        <v>0</v>
      </c>
      <c r="AP5846">
        <v>0</v>
      </c>
      <c r="AQ5846">
        <v>0</v>
      </c>
      <c r="AR5846">
        <v>0</v>
      </c>
      <c r="AS5846">
        <v>0</v>
      </c>
      <c r="AT5846">
        <v>0</v>
      </c>
      <c r="AU5846">
        <v>0</v>
      </c>
      <c r="AV5846">
        <v>0</v>
      </c>
      <c r="AW5846">
        <v>0</v>
      </c>
      <c r="AX5846">
        <v>-600</v>
      </c>
      <c r="AY5846">
        <v>44</v>
      </c>
      <c r="AZ5846">
        <v>66</v>
      </c>
      <c r="BA5846">
        <v>5985</v>
      </c>
    </row>
    <row r="5847" spans="1:53" x14ac:dyDescent="0.4">
      <c r="A5847">
        <v>5891</v>
      </c>
      <c r="B5847" s="1">
        <v>45055</v>
      </c>
      <c r="C5847">
        <v>1</v>
      </c>
      <c r="D5847" s="1">
        <v>45055.291666666664</v>
      </c>
      <c r="E5847" s="1">
        <v>45055.443749999999</v>
      </c>
      <c r="F5847">
        <v>0</v>
      </c>
      <c r="G5847">
        <v>0</v>
      </c>
      <c r="H5847">
        <v>0</v>
      </c>
      <c r="I5847">
        <v>0</v>
      </c>
      <c r="J5847">
        <v>0</v>
      </c>
      <c r="K5847">
        <v>0</v>
      </c>
      <c r="L5847">
        <v>0</v>
      </c>
      <c r="M5847">
        <v>0</v>
      </c>
      <c r="N5847">
        <v>0</v>
      </c>
      <c r="O5847">
        <v>0</v>
      </c>
      <c r="P5847">
        <v>0</v>
      </c>
      <c r="Q5847">
        <v>0</v>
      </c>
      <c r="R5847">
        <v>0</v>
      </c>
      <c r="S5847">
        <v>0</v>
      </c>
      <c r="T5847">
        <v>0</v>
      </c>
      <c r="U5847">
        <v>0</v>
      </c>
      <c r="V5847">
        <v>0</v>
      </c>
      <c r="W5847">
        <v>1</v>
      </c>
      <c r="X5847">
        <v>0</v>
      </c>
      <c r="Y5847">
        <v>22</v>
      </c>
      <c r="Z5847">
        <v>15</v>
      </c>
      <c r="AA5847">
        <v>122</v>
      </c>
      <c r="AB5847">
        <v>39</v>
      </c>
      <c r="AC5847">
        <v>113</v>
      </c>
      <c r="AD5847">
        <v>29</v>
      </c>
      <c r="AE5847">
        <v>75</v>
      </c>
      <c r="AF5847">
        <v>0</v>
      </c>
      <c r="AG5847">
        <v>50000</v>
      </c>
      <c r="AH5847">
        <v>50000</v>
      </c>
      <c r="AI5847">
        <v>0</v>
      </c>
      <c r="AJ5847">
        <v>0</v>
      </c>
      <c r="AK5847" t="s">
        <v>6</v>
      </c>
      <c r="AL5847">
        <v>0</v>
      </c>
      <c r="AM5847">
        <v>0</v>
      </c>
      <c r="AN5847">
        <v>0</v>
      </c>
      <c r="AO5847">
        <v>0</v>
      </c>
      <c r="AP5847">
        <v>0</v>
      </c>
      <c r="AQ5847">
        <v>0</v>
      </c>
      <c r="AR5847">
        <v>0</v>
      </c>
      <c r="AS5847">
        <v>0</v>
      </c>
      <c r="AT5847">
        <v>0</v>
      </c>
      <c r="AU5847">
        <v>0</v>
      </c>
      <c r="AV5847">
        <v>0</v>
      </c>
      <c r="AW5847">
        <v>0</v>
      </c>
      <c r="AX5847">
        <v>0</v>
      </c>
      <c r="AY5847">
        <v>0</v>
      </c>
      <c r="AZ5847">
        <v>0</v>
      </c>
      <c r="BA5847">
        <v>0</v>
      </c>
    </row>
    <row r="5848" spans="1:53" x14ac:dyDescent="0.4">
      <c r="A5848">
        <v>5892</v>
      </c>
      <c r="B5848" s="1">
        <v>45055</v>
      </c>
      <c r="C5848">
        <v>2</v>
      </c>
      <c r="D5848" s="1">
        <v>45055.443749999999</v>
      </c>
      <c r="E5848" s="1">
        <v>45055.759722222225</v>
      </c>
      <c r="F5848">
        <v>18540</v>
      </c>
      <c r="G5848">
        <v>1034</v>
      </c>
      <c r="H5848">
        <v>0</v>
      </c>
      <c r="I5848">
        <v>0</v>
      </c>
      <c r="J5848">
        <v>0</v>
      </c>
      <c r="K5848">
        <v>0</v>
      </c>
      <c r="L5848">
        <v>0</v>
      </c>
      <c r="M5848">
        <v>1779</v>
      </c>
      <c r="N5848">
        <v>0</v>
      </c>
      <c r="O5848">
        <v>0</v>
      </c>
      <c r="P5848">
        <v>11510</v>
      </c>
      <c r="Q5848">
        <v>0</v>
      </c>
      <c r="R5848">
        <v>31084</v>
      </c>
      <c r="S5848">
        <v>0</v>
      </c>
      <c r="T5848">
        <v>0</v>
      </c>
      <c r="U5848">
        <v>0</v>
      </c>
      <c r="V5848">
        <v>1</v>
      </c>
      <c r="W5848">
        <v>1</v>
      </c>
      <c r="X5848">
        <v>0</v>
      </c>
      <c r="Y5848">
        <v>34</v>
      </c>
      <c r="Z5848">
        <v>29</v>
      </c>
      <c r="AA5848">
        <v>111</v>
      </c>
      <c r="AB5848">
        <v>34</v>
      </c>
      <c r="AC5848">
        <v>132</v>
      </c>
      <c r="AD5848">
        <v>29</v>
      </c>
      <c r="AE5848">
        <v>75</v>
      </c>
      <c r="AF5848">
        <v>3244</v>
      </c>
      <c r="AG5848">
        <v>81084</v>
      </c>
      <c r="AH5848">
        <v>50000</v>
      </c>
      <c r="AI5848">
        <v>0</v>
      </c>
      <c r="AJ5848">
        <v>104</v>
      </c>
      <c r="AK5848" t="s">
        <v>60</v>
      </c>
      <c r="AL5848">
        <v>0</v>
      </c>
      <c r="AM5848">
        <v>0</v>
      </c>
      <c r="AN5848">
        <v>0</v>
      </c>
      <c r="AO5848">
        <v>0</v>
      </c>
      <c r="AP5848">
        <v>0</v>
      </c>
      <c r="AQ5848">
        <v>0</v>
      </c>
      <c r="AR5848">
        <v>0</v>
      </c>
      <c r="AS5848">
        <v>0</v>
      </c>
      <c r="AT5848">
        <v>0</v>
      </c>
      <c r="AU5848">
        <v>0</v>
      </c>
      <c r="AV5848">
        <v>0</v>
      </c>
      <c r="AW5848">
        <v>0</v>
      </c>
      <c r="AX5848">
        <v>-160</v>
      </c>
      <c r="AY5848">
        <v>42</v>
      </c>
      <c r="AZ5848">
        <v>52</v>
      </c>
      <c r="BA5848">
        <v>5186</v>
      </c>
    </row>
    <row r="5849" spans="1:53" x14ac:dyDescent="0.4">
      <c r="A5849">
        <v>5893</v>
      </c>
      <c r="B5849" s="1">
        <v>45055</v>
      </c>
      <c r="C5849">
        <v>3</v>
      </c>
      <c r="D5849" s="1">
        <v>45055.759722222225</v>
      </c>
      <c r="E5849" s="1">
        <v>45055.956250000003</v>
      </c>
      <c r="F5849">
        <v>21150</v>
      </c>
      <c r="G5849">
        <v>440</v>
      </c>
      <c r="H5849">
        <v>0</v>
      </c>
      <c r="I5849">
        <v>0</v>
      </c>
      <c r="J5849">
        <v>0</v>
      </c>
      <c r="K5849">
        <v>0</v>
      </c>
      <c r="L5849">
        <v>0</v>
      </c>
      <c r="M5849">
        <v>1962</v>
      </c>
      <c r="N5849">
        <v>0</v>
      </c>
      <c r="O5849">
        <v>0</v>
      </c>
      <c r="P5849">
        <v>-11510</v>
      </c>
      <c r="Q5849">
        <v>0</v>
      </c>
      <c r="R5849">
        <v>10080</v>
      </c>
      <c r="S5849">
        <v>0</v>
      </c>
      <c r="T5849">
        <v>0</v>
      </c>
      <c r="U5849">
        <v>0</v>
      </c>
      <c r="V5849">
        <v>1</v>
      </c>
      <c r="W5849">
        <v>1</v>
      </c>
      <c r="X5849">
        <v>0</v>
      </c>
      <c r="Y5849">
        <v>42</v>
      </c>
      <c r="Z5849">
        <v>32</v>
      </c>
      <c r="AA5849">
        <v>117</v>
      </c>
      <c r="AB5849">
        <v>33</v>
      </c>
      <c r="AC5849">
        <v>134</v>
      </c>
      <c r="AD5849">
        <v>30</v>
      </c>
      <c r="AE5849">
        <v>80</v>
      </c>
      <c r="AF5849">
        <v>3244</v>
      </c>
      <c r="AG5849">
        <v>91164</v>
      </c>
      <c r="AH5849">
        <v>50000</v>
      </c>
      <c r="AI5849">
        <v>0</v>
      </c>
      <c r="AJ5849">
        <v>39</v>
      </c>
      <c r="AK5849" t="s">
        <v>73</v>
      </c>
      <c r="AL5849">
        <v>0</v>
      </c>
      <c r="AM5849">
        <v>0</v>
      </c>
      <c r="AN5849">
        <v>0</v>
      </c>
      <c r="AO5849">
        <v>0</v>
      </c>
      <c r="AP5849">
        <v>0</v>
      </c>
      <c r="AQ5849">
        <v>0</v>
      </c>
      <c r="AR5849">
        <v>0</v>
      </c>
      <c r="AS5849">
        <v>0</v>
      </c>
      <c r="AT5849">
        <v>0</v>
      </c>
      <c r="AU5849">
        <v>0</v>
      </c>
      <c r="AV5849">
        <v>0</v>
      </c>
      <c r="AW5849">
        <v>0</v>
      </c>
      <c r="AX5849">
        <v>3135</v>
      </c>
      <c r="AY5849">
        <v>6</v>
      </c>
      <c r="AZ5849">
        <v>14</v>
      </c>
      <c r="BA5849">
        <v>1334</v>
      </c>
    </row>
    <row r="5850" spans="1:53" x14ac:dyDescent="0.4">
      <c r="A5850">
        <v>5894</v>
      </c>
      <c r="B5850" s="1">
        <v>45056</v>
      </c>
      <c r="C5850">
        <v>1</v>
      </c>
      <c r="D5850" s="1">
        <v>45056.291666666664</v>
      </c>
      <c r="E5850" s="1">
        <v>45056.445833333331</v>
      </c>
      <c r="F5850">
        <v>0</v>
      </c>
      <c r="G5850">
        <v>0</v>
      </c>
      <c r="H5850">
        <v>0</v>
      </c>
      <c r="I5850">
        <v>0</v>
      </c>
      <c r="J5850">
        <v>0</v>
      </c>
      <c r="K5850">
        <v>0</v>
      </c>
      <c r="L5850">
        <v>0</v>
      </c>
      <c r="M5850">
        <v>0</v>
      </c>
      <c r="N5850">
        <v>0</v>
      </c>
      <c r="O5850">
        <v>0</v>
      </c>
      <c r="P5850">
        <v>0</v>
      </c>
      <c r="Q5850">
        <v>0</v>
      </c>
      <c r="R5850">
        <v>0</v>
      </c>
      <c r="S5850">
        <v>0</v>
      </c>
      <c r="T5850">
        <v>0</v>
      </c>
      <c r="U5850">
        <v>0</v>
      </c>
      <c r="V5850">
        <v>0</v>
      </c>
      <c r="W5850">
        <v>1</v>
      </c>
      <c r="X5850">
        <v>0</v>
      </c>
      <c r="Y5850">
        <v>28</v>
      </c>
      <c r="Z5850">
        <v>12</v>
      </c>
      <c r="AA5850">
        <v>83</v>
      </c>
      <c r="AB5850">
        <v>32</v>
      </c>
      <c r="AC5850">
        <v>86</v>
      </c>
      <c r="AD5850">
        <v>31</v>
      </c>
      <c r="AE5850">
        <v>85</v>
      </c>
      <c r="AF5850">
        <v>0</v>
      </c>
      <c r="AG5850">
        <v>50000</v>
      </c>
      <c r="AH5850">
        <v>0</v>
      </c>
      <c r="AI5850">
        <v>50000</v>
      </c>
      <c r="AJ5850">
        <v>0</v>
      </c>
      <c r="AK5850" t="s">
        <v>6</v>
      </c>
      <c r="AL5850">
        <v>0</v>
      </c>
      <c r="AM5850">
        <v>0</v>
      </c>
      <c r="AN5850">
        <v>0</v>
      </c>
      <c r="AO5850">
        <v>0</v>
      </c>
      <c r="AP5850">
        <v>0</v>
      </c>
      <c r="AQ5850">
        <v>0</v>
      </c>
      <c r="AR5850">
        <v>0</v>
      </c>
      <c r="AS5850">
        <v>0</v>
      </c>
      <c r="AT5850">
        <v>0</v>
      </c>
      <c r="AU5850">
        <v>0</v>
      </c>
      <c r="AV5850">
        <v>0</v>
      </c>
      <c r="AW5850">
        <v>0</v>
      </c>
      <c r="AX5850">
        <v>0</v>
      </c>
      <c r="AY5850">
        <v>0</v>
      </c>
      <c r="AZ5850">
        <v>0</v>
      </c>
      <c r="BA5850">
        <v>0</v>
      </c>
    </row>
    <row r="5851" spans="1:53" x14ac:dyDescent="0.4">
      <c r="A5851">
        <v>5895</v>
      </c>
      <c r="B5851" s="1">
        <v>45056</v>
      </c>
      <c r="C5851">
        <v>2</v>
      </c>
      <c r="D5851" s="1">
        <v>45056.445833333331</v>
      </c>
      <c r="E5851" s="1">
        <v>45056.73333333333</v>
      </c>
      <c r="F5851">
        <v>12810</v>
      </c>
      <c r="G5851">
        <v>616</v>
      </c>
      <c r="H5851">
        <v>220</v>
      </c>
      <c r="I5851">
        <v>0</v>
      </c>
      <c r="J5851">
        <v>200</v>
      </c>
      <c r="K5851">
        <v>0</v>
      </c>
      <c r="L5851">
        <v>0</v>
      </c>
      <c r="M5851">
        <v>1221</v>
      </c>
      <c r="N5851">
        <v>0</v>
      </c>
      <c r="O5851">
        <v>0</v>
      </c>
      <c r="P5851">
        <v>10210</v>
      </c>
      <c r="Q5851">
        <v>0</v>
      </c>
      <c r="R5851">
        <v>23656</v>
      </c>
      <c r="S5851">
        <v>0</v>
      </c>
      <c r="T5851">
        <v>0</v>
      </c>
      <c r="U5851">
        <v>0</v>
      </c>
      <c r="V5851">
        <v>0</v>
      </c>
      <c r="W5851">
        <v>3</v>
      </c>
      <c r="X5851">
        <v>0</v>
      </c>
      <c r="Y5851">
        <v>38</v>
      </c>
      <c r="Z5851">
        <v>15</v>
      </c>
      <c r="AA5851">
        <v>88</v>
      </c>
      <c r="AB5851">
        <v>42</v>
      </c>
      <c r="AC5851">
        <v>99</v>
      </c>
      <c r="AD5851">
        <v>31</v>
      </c>
      <c r="AE5851">
        <v>81</v>
      </c>
      <c r="AF5851">
        <v>1030</v>
      </c>
      <c r="AG5851">
        <v>73656</v>
      </c>
      <c r="AH5851">
        <v>50000</v>
      </c>
      <c r="AI5851">
        <v>0</v>
      </c>
      <c r="AJ5851">
        <v>36</v>
      </c>
      <c r="AK5851" t="s">
        <v>68</v>
      </c>
      <c r="AL5851">
        <v>0</v>
      </c>
      <c r="AM5851">
        <v>0</v>
      </c>
      <c r="AN5851">
        <v>0</v>
      </c>
      <c r="AO5851">
        <v>0</v>
      </c>
      <c r="AP5851">
        <v>0</v>
      </c>
      <c r="AQ5851">
        <v>0</v>
      </c>
      <c r="AR5851">
        <v>0</v>
      </c>
      <c r="AS5851">
        <v>0</v>
      </c>
      <c r="AT5851">
        <v>0</v>
      </c>
      <c r="AU5851">
        <v>0</v>
      </c>
      <c r="AV5851">
        <v>0</v>
      </c>
      <c r="AW5851">
        <v>0</v>
      </c>
      <c r="AX5851">
        <v>1188</v>
      </c>
      <c r="AY5851">
        <v>28</v>
      </c>
      <c r="AZ5851">
        <v>39</v>
      </c>
      <c r="BA5851">
        <v>3252</v>
      </c>
    </row>
    <row r="5852" spans="1:53" x14ac:dyDescent="0.4">
      <c r="A5852">
        <v>5896</v>
      </c>
      <c r="B5852" s="1">
        <v>45056</v>
      </c>
      <c r="C5852">
        <v>3</v>
      </c>
      <c r="D5852" s="1">
        <v>45056.73333333333</v>
      </c>
      <c r="E5852" s="1">
        <v>45056.955555555556</v>
      </c>
      <c r="F5852">
        <v>28090</v>
      </c>
      <c r="G5852">
        <v>3988</v>
      </c>
      <c r="H5852">
        <v>0</v>
      </c>
      <c r="I5852">
        <v>0</v>
      </c>
      <c r="J5852">
        <v>100</v>
      </c>
      <c r="K5852">
        <v>0</v>
      </c>
      <c r="L5852">
        <v>0</v>
      </c>
      <c r="M5852">
        <v>2909</v>
      </c>
      <c r="N5852">
        <v>0</v>
      </c>
      <c r="O5852">
        <v>0</v>
      </c>
      <c r="P5852">
        <v>-1070</v>
      </c>
      <c r="Q5852">
        <v>0</v>
      </c>
      <c r="R5852">
        <v>30908</v>
      </c>
      <c r="S5852">
        <v>0</v>
      </c>
      <c r="T5852">
        <v>0</v>
      </c>
      <c r="U5852">
        <v>0</v>
      </c>
      <c r="V5852">
        <v>0</v>
      </c>
      <c r="W5852">
        <v>4</v>
      </c>
      <c r="X5852">
        <v>0</v>
      </c>
      <c r="Y5852">
        <v>64</v>
      </c>
      <c r="Z5852">
        <v>14</v>
      </c>
      <c r="AA5852">
        <v>82</v>
      </c>
      <c r="AB5852">
        <v>37</v>
      </c>
      <c r="AC5852">
        <v>93</v>
      </c>
      <c r="AD5852">
        <v>31</v>
      </c>
      <c r="AE5852">
        <v>79</v>
      </c>
      <c r="AF5852">
        <v>2350</v>
      </c>
      <c r="AG5852">
        <v>104564</v>
      </c>
      <c r="AH5852">
        <v>50000</v>
      </c>
      <c r="AI5852">
        <v>0</v>
      </c>
      <c r="AJ5852">
        <v>74</v>
      </c>
      <c r="AK5852" t="s">
        <v>67</v>
      </c>
      <c r="AL5852">
        <v>0</v>
      </c>
      <c r="AM5852">
        <v>0</v>
      </c>
      <c r="AN5852">
        <v>0</v>
      </c>
      <c r="AO5852">
        <v>0</v>
      </c>
      <c r="AP5852">
        <v>0</v>
      </c>
      <c r="AQ5852">
        <v>0</v>
      </c>
      <c r="AR5852">
        <v>0</v>
      </c>
      <c r="AS5852">
        <v>0</v>
      </c>
      <c r="AT5852">
        <v>0</v>
      </c>
      <c r="AU5852">
        <v>0</v>
      </c>
      <c r="AV5852">
        <v>0</v>
      </c>
      <c r="AW5852">
        <v>0</v>
      </c>
      <c r="AX5852">
        <v>4806</v>
      </c>
      <c r="AY5852">
        <v>12</v>
      </c>
      <c r="AZ5852">
        <v>22</v>
      </c>
      <c r="BA5852">
        <v>2112</v>
      </c>
    </row>
    <row r="5853" spans="1:53" x14ac:dyDescent="0.4">
      <c r="A5853">
        <v>5897</v>
      </c>
      <c r="B5853" s="1">
        <v>45058</v>
      </c>
      <c r="C5853">
        <v>1</v>
      </c>
      <c r="D5853" s="1">
        <v>45058.291666666664</v>
      </c>
      <c r="E5853" s="1">
        <v>45058.445833333331</v>
      </c>
      <c r="F5853">
        <v>0</v>
      </c>
      <c r="G5853">
        <v>0</v>
      </c>
      <c r="H5853">
        <v>0</v>
      </c>
      <c r="I5853">
        <v>0</v>
      </c>
      <c r="J5853">
        <v>0</v>
      </c>
      <c r="K5853">
        <v>0</v>
      </c>
      <c r="L5853">
        <v>0</v>
      </c>
      <c r="M5853">
        <v>0</v>
      </c>
      <c r="N5853">
        <v>0</v>
      </c>
      <c r="O5853">
        <v>0</v>
      </c>
      <c r="P5853">
        <v>0</v>
      </c>
      <c r="Q5853">
        <v>0</v>
      </c>
      <c r="R5853">
        <v>0</v>
      </c>
      <c r="S5853">
        <v>0</v>
      </c>
      <c r="T5853">
        <v>0</v>
      </c>
      <c r="U5853">
        <v>0</v>
      </c>
      <c r="V5853">
        <v>0</v>
      </c>
      <c r="W5853">
        <v>1</v>
      </c>
      <c r="X5853">
        <v>0</v>
      </c>
      <c r="Y5853">
        <v>29</v>
      </c>
      <c r="Z5853">
        <v>11</v>
      </c>
      <c r="AA5853">
        <v>79</v>
      </c>
      <c r="AB5853">
        <v>31</v>
      </c>
      <c r="AC5853">
        <v>80</v>
      </c>
      <c r="AD5853">
        <v>32</v>
      </c>
      <c r="AE5853">
        <v>90</v>
      </c>
      <c r="AF5853">
        <v>0</v>
      </c>
      <c r="AG5853">
        <v>50000</v>
      </c>
      <c r="AH5853">
        <v>50000</v>
      </c>
      <c r="AI5853">
        <v>0</v>
      </c>
      <c r="AJ5853">
        <v>0</v>
      </c>
      <c r="AK5853" t="s">
        <v>6</v>
      </c>
      <c r="AL5853">
        <v>0</v>
      </c>
      <c r="AM5853">
        <v>0</v>
      </c>
      <c r="AN5853">
        <v>0</v>
      </c>
      <c r="AO5853">
        <v>0</v>
      </c>
      <c r="AP5853">
        <v>0</v>
      </c>
      <c r="AQ5853">
        <v>0</v>
      </c>
      <c r="AR5853">
        <v>0</v>
      </c>
      <c r="AS5853">
        <v>0</v>
      </c>
      <c r="AT5853">
        <v>0</v>
      </c>
      <c r="AU5853">
        <v>0</v>
      </c>
      <c r="AV5853">
        <v>0</v>
      </c>
      <c r="AW5853">
        <v>0</v>
      </c>
      <c r="AX5853">
        <v>0</v>
      </c>
      <c r="AY5853">
        <v>0</v>
      </c>
      <c r="AZ5853">
        <v>0</v>
      </c>
      <c r="BA5853">
        <v>0</v>
      </c>
    </row>
    <row r="5854" spans="1:53" x14ac:dyDescent="0.4">
      <c r="A5854">
        <v>5898</v>
      </c>
      <c r="B5854" s="1">
        <v>45058</v>
      </c>
      <c r="C5854">
        <v>2</v>
      </c>
      <c r="D5854" s="1">
        <v>45058.445833333331</v>
      </c>
      <c r="E5854" s="1">
        <v>45058.736805555556</v>
      </c>
      <c r="F5854">
        <v>13470</v>
      </c>
      <c r="G5854">
        <v>3542</v>
      </c>
      <c r="H5854">
        <v>0</v>
      </c>
      <c r="I5854">
        <v>0</v>
      </c>
      <c r="J5854">
        <v>0</v>
      </c>
      <c r="K5854">
        <v>0</v>
      </c>
      <c r="L5854">
        <v>0</v>
      </c>
      <c r="M5854">
        <v>1544</v>
      </c>
      <c r="N5854">
        <v>0</v>
      </c>
      <c r="O5854">
        <v>0</v>
      </c>
      <c r="P5854">
        <v>10830</v>
      </c>
      <c r="Q5854">
        <v>0</v>
      </c>
      <c r="R5854">
        <v>27842</v>
      </c>
      <c r="S5854">
        <v>0</v>
      </c>
      <c r="T5854">
        <v>0</v>
      </c>
      <c r="U5854">
        <v>0</v>
      </c>
      <c r="V5854">
        <v>0</v>
      </c>
      <c r="W5854">
        <v>3</v>
      </c>
      <c r="X5854">
        <v>0</v>
      </c>
      <c r="Y5854">
        <v>41</v>
      </c>
      <c r="Z5854">
        <v>14</v>
      </c>
      <c r="AA5854">
        <v>95</v>
      </c>
      <c r="AB5854">
        <v>36</v>
      </c>
      <c r="AC5854">
        <v>104</v>
      </c>
      <c r="AD5854">
        <v>31</v>
      </c>
      <c r="AE5854">
        <v>87</v>
      </c>
      <c r="AF5854">
        <v>2260</v>
      </c>
      <c r="AG5854">
        <v>77842</v>
      </c>
      <c r="AH5854">
        <v>50000</v>
      </c>
      <c r="AI5854">
        <v>0</v>
      </c>
      <c r="AJ5854">
        <v>36</v>
      </c>
      <c r="AK5854" t="s">
        <v>68</v>
      </c>
      <c r="AL5854">
        <v>0</v>
      </c>
      <c r="AM5854">
        <v>0</v>
      </c>
      <c r="AN5854">
        <v>0</v>
      </c>
      <c r="AO5854">
        <v>0</v>
      </c>
      <c r="AP5854">
        <v>0</v>
      </c>
      <c r="AQ5854">
        <v>0</v>
      </c>
      <c r="AR5854">
        <v>0</v>
      </c>
      <c r="AS5854">
        <v>0</v>
      </c>
      <c r="AT5854">
        <v>0</v>
      </c>
      <c r="AU5854">
        <v>0</v>
      </c>
      <c r="AV5854">
        <v>0</v>
      </c>
      <c r="AW5854">
        <v>0</v>
      </c>
      <c r="AX5854">
        <v>150</v>
      </c>
      <c r="AY5854">
        <v>26</v>
      </c>
      <c r="AZ5854">
        <v>41</v>
      </c>
      <c r="BA5854">
        <v>3407</v>
      </c>
    </row>
    <row r="5855" spans="1:53" x14ac:dyDescent="0.4">
      <c r="A5855">
        <v>5899</v>
      </c>
      <c r="B5855" s="1">
        <v>45058</v>
      </c>
      <c r="C5855">
        <v>3</v>
      </c>
      <c r="D5855" s="1">
        <v>45058.736805555556</v>
      </c>
      <c r="E5855" s="1">
        <v>45058.954861111109</v>
      </c>
      <c r="F5855">
        <v>71650</v>
      </c>
      <c r="G5855">
        <v>4103</v>
      </c>
      <c r="H5855">
        <v>0</v>
      </c>
      <c r="I5855">
        <v>0</v>
      </c>
      <c r="J5855">
        <v>0</v>
      </c>
      <c r="K5855">
        <v>0</v>
      </c>
      <c r="L5855">
        <v>0</v>
      </c>
      <c r="M5855">
        <v>6886</v>
      </c>
      <c r="N5855">
        <v>0</v>
      </c>
      <c r="O5855">
        <v>0</v>
      </c>
      <c r="P5855">
        <v>-8770</v>
      </c>
      <c r="Q5855">
        <v>0</v>
      </c>
      <c r="R5855">
        <v>66983</v>
      </c>
      <c r="S5855">
        <v>0</v>
      </c>
      <c r="T5855">
        <v>0</v>
      </c>
      <c r="U5855">
        <v>0</v>
      </c>
      <c r="V5855">
        <v>3</v>
      </c>
      <c r="W5855">
        <v>4</v>
      </c>
      <c r="X5855">
        <v>0</v>
      </c>
      <c r="Y5855">
        <v>63</v>
      </c>
      <c r="Z5855">
        <v>10</v>
      </c>
      <c r="AA5855">
        <v>105</v>
      </c>
      <c r="AB5855">
        <v>35</v>
      </c>
      <c r="AC5855">
        <v>108</v>
      </c>
      <c r="AD5855">
        <v>30</v>
      </c>
      <c r="AE5855">
        <v>90</v>
      </c>
      <c r="AF5855">
        <v>13255</v>
      </c>
      <c r="AG5855">
        <v>144825</v>
      </c>
      <c r="AH5855">
        <v>50000</v>
      </c>
      <c r="AI5855">
        <v>0</v>
      </c>
      <c r="AJ5855">
        <v>74</v>
      </c>
      <c r="AK5855" t="s">
        <v>67</v>
      </c>
      <c r="AL5855">
        <v>0</v>
      </c>
      <c r="AM5855">
        <v>0</v>
      </c>
      <c r="AN5855">
        <v>0</v>
      </c>
      <c r="AO5855">
        <v>0</v>
      </c>
      <c r="AP5855">
        <v>0</v>
      </c>
      <c r="AQ5855">
        <v>0</v>
      </c>
      <c r="AR5855">
        <v>0</v>
      </c>
      <c r="AS5855">
        <v>0</v>
      </c>
      <c r="AT5855">
        <v>0</v>
      </c>
      <c r="AU5855">
        <v>0</v>
      </c>
      <c r="AV5855">
        <v>0</v>
      </c>
      <c r="AW5855">
        <v>0</v>
      </c>
      <c r="AX5855">
        <v>29839</v>
      </c>
      <c r="AY5855">
        <v>24</v>
      </c>
      <c r="AZ5855">
        <v>64</v>
      </c>
      <c r="BA5855">
        <v>2996</v>
      </c>
    </row>
    <row r="5856" spans="1:53" x14ac:dyDescent="0.4">
      <c r="A5856">
        <v>5900</v>
      </c>
      <c r="B5856" s="1">
        <v>45059</v>
      </c>
      <c r="C5856">
        <v>1</v>
      </c>
      <c r="D5856" s="1">
        <v>45059.291666666664</v>
      </c>
      <c r="E5856" s="1">
        <v>45059.40625</v>
      </c>
      <c r="F5856">
        <v>0</v>
      </c>
      <c r="G5856">
        <v>0</v>
      </c>
      <c r="H5856">
        <v>0</v>
      </c>
      <c r="I5856">
        <v>0</v>
      </c>
      <c r="J5856">
        <v>0</v>
      </c>
      <c r="K5856">
        <v>0</v>
      </c>
      <c r="L5856">
        <v>0</v>
      </c>
      <c r="M5856">
        <v>0</v>
      </c>
      <c r="N5856">
        <v>0</v>
      </c>
      <c r="O5856">
        <v>0</v>
      </c>
      <c r="P5856">
        <v>0</v>
      </c>
      <c r="Q5856">
        <v>0</v>
      </c>
      <c r="R5856">
        <v>0</v>
      </c>
      <c r="S5856">
        <v>0</v>
      </c>
      <c r="T5856">
        <v>0</v>
      </c>
      <c r="U5856">
        <v>0</v>
      </c>
      <c r="V5856">
        <v>0</v>
      </c>
      <c r="W5856">
        <v>1</v>
      </c>
      <c r="X5856">
        <v>0</v>
      </c>
      <c r="Y5856">
        <v>30</v>
      </c>
      <c r="Z5856">
        <v>10</v>
      </c>
      <c r="AA5856">
        <v>73</v>
      </c>
      <c r="AB5856">
        <v>34</v>
      </c>
      <c r="AC5856">
        <v>77</v>
      </c>
      <c r="AD5856">
        <v>29</v>
      </c>
      <c r="AE5856">
        <v>85</v>
      </c>
      <c r="AF5856">
        <v>0</v>
      </c>
      <c r="AG5856">
        <v>50000</v>
      </c>
      <c r="AH5856">
        <v>50000</v>
      </c>
      <c r="AI5856">
        <v>0</v>
      </c>
      <c r="AJ5856">
        <v>0</v>
      </c>
      <c r="AK5856" t="s">
        <v>6</v>
      </c>
      <c r="AL5856">
        <v>0</v>
      </c>
      <c r="AM5856">
        <v>0</v>
      </c>
      <c r="AN5856">
        <v>0</v>
      </c>
      <c r="AO5856">
        <v>0</v>
      </c>
      <c r="AP5856">
        <v>0</v>
      </c>
      <c r="AQ5856">
        <v>0</v>
      </c>
      <c r="AR5856">
        <v>0</v>
      </c>
      <c r="AS5856">
        <v>0</v>
      </c>
      <c r="AT5856">
        <v>0</v>
      </c>
      <c r="AU5856">
        <v>0</v>
      </c>
      <c r="AV5856">
        <v>0</v>
      </c>
      <c r="AW5856">
        <v>0</v>
      </c>
      <c r="AX5856">
        <v>0</v>
      </c>
      <c r="AY5856">
        <v>0</v>
      </c>
      <c r="AZ5856">
        <v>0</v>
      </c>
      <c r="BA5856">
        <v>0</v>
      </c>
    </row>
    <row r="5857" spans="1:53" x14ac:dyDescent="0.4">
      <c r="A5857">
        <v>5901</v>
      </c>
      <c r="B5857" s="1">
        <v>45059</v>
      </c>
      <c r="C5857">
        <v>2</v>
      </c>
      <c r="D5857" s="1">
        <v>45059.40625</v>
      </c>
      <c r="E5857" s="1">
        <v>45059.744444444441</v>
      </c>
      <c r="F5857">
        <v>40070</v>
      </c>
      <c r="G5857">
        <v>2684</v>
      </c>
      <c r="H5857">
        <v>220</v>
      </c>
      <c r="I5857">
        <v>0</v>
      </c>
      <c r="J5857">
        <v>300</v>
      </c>
      <c r="K5857">
        <v>300</v>
      </c>
      <c r="L5857">
        <v>0</v>
      </c>
      <c r="M5857">
        <v>3904</v>
      </c>
      <c r="N5857">
        <v>0</v>
      </c>
      <c r="O5857">
        <v>0</v>
      </c>
      <c r="P5857">
        <v>24590</v>
      </c>
      <c r="Q5857">
        <v>0</v>
      </c>
      <c r="R5857">
        <v>67564</v>
      </c>
      <c r="S5857">
        <v>0</v>
      </c>
      <c r="T5857">
        <v>0</v>
      </c>
      <c r="U5857">
        <v>0</v>
      </c>
      <c r="V5857">
        <v>1</v>
      </c>
      <c r="W5857">
        <v>2</v>
      </c>
      <c r="X5857">
        <v>0</v>
      </c>
      <c r="Y5857">
        <v>73</v>
      </c>
      <c r="Z5857">
        <v>25</v>
      </c>
      <c r="AA5857">
        <v>64</v>
      </c>
      <c r="AB5857">
        <v>37</v>
      </c>
      <c r="AC5857">
        <v>66</v>
      </c>
      <c r="AD5857">
        <v>28</v>
      </c>
      <c r="AE5857">
        <v>84</v>
      </c>
      <c r="AF5857">
        <v>2930</v>
      </c>
      <c r="AG5857">
        <v>117564</v>
      </c>
      <c r="AH5857">
        <v>50000</v>
      </c>
      <c r="AI5857">
        <v>0</v>
      </c>
      <c r="AJ5857">
        <v>115</v>
      </c>
      <c r="AK5857" t="s">
        <v>55</v>
      </c>
      <c r="AL5857">
        <v>0</v>
      </c>
      <c r="AM5857">
        <v>0</v>
      </c>
      <c r="AN5857">
        <v>0</v>
      </c>
      <c r="AO5857">
        <v>0</v>
      </c>
      <c r="AP5857">
        <v>0</v>
      </c>
      <c r="AQ5857">
        <v>0</v>
      </c>
      <c r="AR5857">
        <v>0</v>
      </c>
      <c r="AS5857">
        <v>0</v>
      </c>
      <c r="AT5857">
        <v>0</v>
      </c>
      <c r="AU5857">
        <v>0</v>
      </c>
      <c r="AV5857">
        <v>0</v>
      </c>
      <c r="AW5857">
        <v>0</v>
      </c>
      <c r="AX5857">
        <v>-1616</v>
      </c>
      <c r="AY5857">
        <v>58</v>
      </c>
      <c r="AZ5857">
        <v>105</v>
      </c>
      <c r="BA5857">
        <v>8234</v>
      </c>
    </row>
    <row r="5858" spans="1:53" x14ac:dyDescent="0.4">
      <c r="A5858">
        <v>5902</v>
      </c>
      <c r="B5858" s="1">
        <v>45060</v>
      </c>
      <c r="C5858">
        <v>1</v>
      </c>
      <c r="D5858" s="1">
        <v>45060.291666666664</v>
      </c>
      <c r="E5858" s="1">
        <v>45060.730555555558</v>
      </c>
      <c r="F5858">
        <v>36650</v>
      </c>
      <c r="G5858">
        <v>2068</v>
      </c>
      <c r="H5858">
        <v>0</v>
      </c>
      <c r="I5858">
        <v>0</v>
      </c>
      <c r="J5858">
        <v>1000</v>
      </c>
      <c r="K5858">
        <v>0</v>
      </c>
      <c r="L5858">
        <v>0</v>
      </c>
      <c r="M5858">
        <v>3426</v>
      </c>
      <c r="N5858">
        <v>0</v>
      </c>
      <c r="O5858">
        <v>0</v>
      </c>
      <c r="P5858">
        <v>23960</v>
      </c>
      <c r="Q5858">
        <v>0</v>
      </c>
      <c r="R5858">
        <v>61678</v>
      </c>
      <c r="S5858">
        <v>0</v>
      </c>
      <c r="T5858">
        <v>0</v>
      </c>
      <c r="U5858">
        <v>0</v>
      </c>
      <c r="V5858">
        <v>3</v>
      </c>
      <c r="W5858">
        <v>0</v>
      </c>
      <c r="X5858">
        <v>0</v>
      </c>
      <c r="Y5858">
        <v>51</v>
      </c>
      <c r="Z5858">
        <v>25</v>
      </c>
      <c r="AA5858">
        <v>110</v>
      </c>
      <c r="AB5858">
        <v>42</v>
      </c>
      <c r="AC5858">
        <v>108</v>
      </c>
      <c r="AD5858">
        <v>23</v>
      </c>
      <c r="AE5858">
        <v>83</v>
      </c>
      <c r="AF5858">
        <v>3800</v>
      </c>
      <c r="AG5858">
        <v>111678</v>
      </c>
      <c r="AH5858">
        <v>50000</v>
      </c>
      <c r="AI5858">
        <v>0</v>
      </c>
      <c r="AJ5858">
        <v>115</v>
      </c>
      <c r="AK5858" t="s">
        <v>55</v>
      </c>
      <c r="AL5858">
        <v>0</v>
      </c>
      <c r="AM5858">
        <v>0</v>
      </c>
      <c r="AN5858">
        <v>0</v>
      </c>
      <c r="AO5858">
        <v>0</v>
      </c>
      <c r="AP5858">
        <v>0</v>
      </c>
      <c r="AQ5858">
        <v>0</v>
      </c>
      <c r="AR5858">
        <v>0</v>
      </c>
      <c r="AS5858">
        <v>0</v>
      </c>
      <c r="AT5858">
        <v>0</v>
      </c>
      <c r="AU5858">
        <v>0</v>
      </c>
      <c r="AV5858">
        <v>0</v>
      </c>
      <c r="AW5858">
        <v>0</v>
      </c>
      <c r="AX5858">
        <v>-140</v>
      </c>
      <c r="AY5858">
        <v>48</v>
      </c>
      <c r="AZ5858">
        <v>96</v>
      </c>
      <c r="BA5858">
        <v>6947</v>
      </c>
    </row>
    <row r="5859" spans="1:53" x14ac:dyDescent="0.4">
      <c r="A5859">
        <v>5903</v>
      </c>
      <c r="B5859" s="1">
        <v>45060</v>
      </c>
      <c r="C5859">
        <v>2</v>
      </c>
      <c r="D5859" s="1">
        <v>45060.730555555558</v>
      </c>
      <c r="E5859" s="1">
        <v>45060.95416666667</v>
      </c>
      <c r="F5859">
        <v>38280</v>
      </c>
      <c r="G5859">
        <v>5324</v>
      </c>
      <c r="H5859">
        <v>0</v>
      </c>
      <c r="I5859">
        <v>0</v>
      </c>
      <c r="J5859">
        <v>300</v>
      </c>
      <c r="K5859">
        <v>2640</v>
      </c>
      <c r="L5859">
        <v>0</v>
      </c>
      <c r="M5859">
        <v>4176</v>
      </c>
      <c r="N5859">
        <v>0</v>
      </c>
      <c r="O5859">
        <v>0</v>
      </c>
      <c r="P5859">
        <v>-15960</v>
      </c>
      <c r="Q5859">
        <v>0</v>
      </c>
      <c r="R5859">
        <v>29984</v>
      </c>
      <c r="S5859">
        <v>0</v>
      </c>
      <c r="T5859">
        <v>0</v>
      </c>
      <c r="U5859">
        <v>0</v>
      </c>
      <c r="V5859">
        <v>4</v>
      </c>
      <c r="W5859">
        <v>1</v>
      </c>
      <c r="X5859">
        <v>0</v>
      </c>
      <c r="Y5859">
        <v>58</v>
      </c>
      <c r="Z5859">
        <v>27</v>
      </c>
      <c r="AA5859">
        <v>126</v>
      </c>
      <c r="AB5859">
        <v>41</v>
      </c>
      <c r="AC5859">
        <v>113</v>
      </c>
      <c r="AD5859">
        <v>21</v>
      </c>
      <c r="AE5859">
        <v>77</v>
      </c>
      <c r="AF5859">
        <v>9300</v>
      </c>
      <c r="AG5859">
        <v>141762</v>
      </c>
      <c r="AH5859">
        <v>50000</v>
      </c>
      <c r="AI5859">
        <v>100</v>
      </c>
      <c r="AJ5859">
        <v>35</v>
      </c>
      <c r="AK5859" t="s">
        <v>70</v>
      </c>
      <c r="AL5859">
        <v>0</v>
      </c>
      <c r="AM5859">
        <v>0</v>
      </c>
      <c r="AN5859">
        <v>0</v>
      </c>
      <c r="AO5859">
        <v>0</v>
      </c>
      <c r="AP5859">
        <v>0</v>
      </c>
      <c r="AQ5859">
        <v>0</v>
      </c>
      <c r="AR5859">
        <v>0</v>
      </c>
      <c r="AS5859">
        <v>0</v>
      </c>
      <c r="AT5859">
        <v>0</v>
      </c>
      <c r="AU5859">
        <v>0</v>
      </c>
      <c r="AV5859">
        <v>0</v>
      </c>
      <c r="AW5859">
        <v>0</v>
      </c>
      <c r="AX5859">
        <v>8640</v>
      </c>
      <c r="AY5859">
        <v>11</v>
      </c>
      <c r="AZ5859">
        <v>28</v>
      </c>
      <c r="BA5859">
        <v>2936</v>
      </c>
    </row>
    <row r="5860" spans="1:53" x14ac:dyDescent="0.4">
      <c r="A5860">
        <v>5904</v>
      </c>
      <c r="B5860" s="1">
        <v>45061</v>
      </c>
      <c r="C5860">
        <v>1</v>
      </c>
      <c r="D5860" s="1">
        <v>45061.291666666664</v>
      </c>
      <c r="E5860" s="1">
        <v>45061.444444444445</v>
      </c>
      <c r="F5860">
        <v>0</v>
      </c>
      <c r="G5860">
        <v>0</v>
      </c>
      <c r="H5860">
        <v>0</v>
      </c>
      <c r="I5860">
        <v>0</v>
      </c>
      <c r="J5860">
        <v>0</v>
      </c>
      <c r="K5860">
        <v>0</v>
      </c>
      <c r="L5860">
        <v>0</v>
      </c>
      <c r="M5860">
        <v>0</v>
      </c>
      <c r="N5860">
        <v>0</v>
      </c>
      <c r="O5860">
        <v>0</v>
      </c>
      <c r="P5860">
        <v>0</v>
      </c>
      <c r="Q5860">
        <v>0</v>
      </c>
      <c r="R5860">
        <v>0</v>
      </c>
      <c r="S5860">
        <v>0</v>
      </c>
      <c r="T5860">
        <v>0</v>
      </c>
      <c r="U5860">
        <v>0</v>
      </c>
      <c r="V5860">
        <v>0</v>
      </c>
      <c r="W5860">
        <v>0</v>
      </c>
      <c r="X5860">
        <v>0</v>
      </c>
      <c r="Y5860">
        <v>25</v>
      </c>
      <c r="Z5860">
        <v>18</v>
      </c>
      <c r="AA5860">
        <v>125</v>
      </c>
      <c r="AB5860">
        <v>45</v>
      </c>
      <c r="AC5860">
        <v>107</v>
      </c>
      <c r="AD5860">
        <v>21</v>
      </c>
      <c r="AE5860">
        <v>75</v>
      </c>
      <c r="AF5860">
        <v>0</v>
      </c>
      <c r="AG5860">
        <v>50000</v>
      </c>
      <c r="AH5860">
        <v>0</v>
      </c>
      <c r="AI5860">
        <v>50000</v>
      </c>
      <c r="AJ5860">
        <v>0</v>
      </c>
      <c r="AK5860" t="s">
        <v>6</v>
      </c>
      <c r="AL5860">
        <v>0</v>
      </c>
      <c r="AM5860">
        <v>0</v>
      </c>
      <c r="AN5860">
        <v>0</v>
      </c>
      <c r="AO5860">
        <v>0</v>
      </c>
      <c r="AP5860">
        <v>0</v>
      </c>
      <c r="AQ5860">
        <v>0</v>
      </c>
      <c r="AR5860">
        <v>0</v>
      </c>
      <c r="AS5860">
        <v>0</v>
      </c>
      <c r="AT5860">
        <v>0</v>
      </c>
      <c r="AU5860">
        <v>0</v>
      </c>
      <c r="AV5860">
        <v>0</v>
      </c>
      <c r="AW5860">
        <v>0</v>
      </c>
      <c r="AX5860">
        <v>0</v>
      </c>
      <c r="AY5860">
        <v>0</v>
      </c>
      <c r="AZ5860">
        <v>0</v>
      </c>
      <c r="BA5860">
        <v>0</v>
      </c>
    </row>
    <row r="5861" spans="1:53" x14ac:dyDescent="0.4">
      <c r="A5861">
        <v>5905</v>
      </c>
      <c r="B5861" s="1">
        <v>45061</v>
      </c>
      <c r="C5861">
        <v>2</v>
      </c>
      <c r="D5861" s="1">
        <v>45061.444444444445</v>
      </c>
      <c r="E5861" s="1">
        <v>45061.447916666664</v>
      </c>
      <c r="F5861">
        <v>0</v>
      </c>
      <c r="G5861">
        <v>0</v>
      </c>
      <c r="H5861">
        <v>0</v>
      </c>
      <c r="I5861">
        <v>0</v>
      </c>
      <c r="J5861">
        <v>0</v>
      </c>
      <c r="K5861">
        <v>0</v>
      </c>
      <c r="L5861">
        <v>0</v>
      </c>
      <c r="M5861">
        <v>0</v>
      </c>
      <c r="N5861">
        <v>0</v>
      </c>
      <c r="O5861">
        <v>0</v>
      </c>
      <c r="P5861">
        <v>0</v>
      </c>
      <c r="Q5861">
        <v>0</v>
      </c>
      <c r="R5861">
        <v>0</v>
      </c>
      <c r="S5861">
        <v>0</v>
      </c>
      <c r="T5861">
        <v>0</v>
      </c>
      <c r="U5861">
        <v>0</v>
      </c>
      <c r="V5861">
        <v>0</v>
      </c>
      <c r="W5861">
        <v>0</v>
      </c>
      <c r="X5861">
        <v>0</v>
      </c>
      <c r="Y5861">
        <v>25</v>
      </c>
      <c r="Z5861">
        <v>18</v>
      </c>
      <c r="AA5861">
        <v>125</v>
      </c>
      <c r="AB5861">
        <v>45</v>
      </c>
      <c r="AC5861">
        <v>107</v>
      </c>
      <c r="AD5861">
        <v>21</v>
      </c>
      <c r="AE5861">
        <v>75</v>
      </c>
      <c r="AF5861">
        <v>0</v>
      </c>
      <c r="AG5861">
        <v>50000</v>
      </c>
      <c r="AH5861">
        <v>50000</v>
      </c>
      <c r="AI5861">
        <v>0</v>
      </c>
      <c r="AJ5861">
        <v>0</v>
      </c>
      <c r="AK5861" t="s">
        <v>6</v>
      </c>
      <c r="AL5861">
        <v>0</v>
      </c>
      <c r="AM5861">
        <v>0</v>
      </c>
      <c r="AN5861">
        <v>0</v>
      </c>
      <c r="AO5861">
        <v>0</v>
      </c>
      <c r="AP5861">
        <v>0</v>
      </c>
      <c r="AQ5861">
        <v>0</v>
      </c>
      <c r="AR5861">
        <v>0</v>
      </c>
      <c r="AS5861">
        <v>0</v>
      </c>
      <c r="AT5861">
        <v>0</v>
      </c>
      <c r="AU5861">
        <v>0</v>
      </c>
      <c r="AV5861">
        <v>0</v>
      </c>
      <c r="AW5861">
        <v>0</v>
      </c>
      <c r="AX5861">
        <v>0</v>
      </c>
      <c r="AY5861">
        <v>0</v>
      </c>
      <c r="AZ5861">
        <v>0</v>
      </c>
      <c r="BA5861">
        <v>0</v>
      </c>
    </row>
    <row r="5862" spans="1:53" x14ac:dyDescent="0.4">
      <c r="A5862">
        <v>5906</v>
      </c>
      <c r="B5862" s="1">
        <v>45061</v>
      </c>
      <c r="C5862">
        <v>3</v>
      </c>
      <c r="D5862" s="1">
        <v>45061.447916666664</v>
      </c>
      <c r="E5862" s="1">
        <v>45061.731249999997</v>
      </c>
      <c r="F5862">
        <v>21205</v>
      </c>
      <c r="G5862">
        <v>2222</v>
      </c>
      <c r="H5862">
        <v>0</v>
      </c>
      <c r="I5862">
        <v>0</v>
      </c>
      <c r="J5862">
        <v>200</v>
      </c>
      <c r="K5862">
        <v>0</v>
      </c>
      <c r="L5862">
        <v>0</v>
      </c>
      <c r="M5862">
        <v>2109</v>
      </c>
      <c r="N5862">
        <v>0</v>
      </c>
      <c r="O5862">
        <v>0</v>
      </c>
      <c r="P5862">
        <v>17530</v>
      </c>
      <c r="Q5862">
        <v>0</v>
      </c>
      <c r="R5862">
        <v>40757</v>
      </c>
      <c r="S5862">
        <v>0</v>
      </c>
      <c r="T5862">
        <v>0</v>
      </c>
      <c r="U5862">
        <v>0</v>
      </c>
      <c r="V5862">
        <v>1</v>
      </c>
      <c r="W5862">
        <v>0</v>
      </c>
      <c r="X5862">
        <v>0</v>
      </c>
      <c r="Y5862">
        <v>46</v>
      </c>
      <c r="Z5862">
        <v>26</v>
      </c>
      <c r="AA5862">
        <v>131</v>
      </c>
      <c r="AB5862">
        <v>42</v>
      </c>
      <c r="AC5862">
        <v>142</v>
      </c>
      <c r="AD5862">
        <v>18</v>
      </c>
      <c r="AE5862">
        <v>77</v>
      </c>
      <c r="AF5862">
        <v>4970</v>
      </c>
      <c r="AG5862">
        <v>90757</v>
      </c>
      <c r="AH5862">
        <v>50000</v>
      </c>
      <c r="AI5862">
        <v>0</v>
      </c>
      <c r="AJ5862">
        <v>36</v>
      </c>
      <c r="AK5862" t="s">
        <v>68</v>
      </c>
      <c r="AL5862">
        <v>0</v>
      </c>
      <c r="AM5862">
        <v>0</v>
      </c>
      <c r="AN5862">
        <v>0</v>
      </c>
      <c r="AO5862">
        <v>0</v>
      </c>
      <c r="AP5862">
        <v>0</v>
      </c>
      <c r="AQ5862">
        <v>0</v>
      </c>
      <c r="AR5862">
        <v>0</v>
      </c>
      <c r="AS5862">
        <v>0</v>
      </c>
      <c r="AT5862">
        <v>0</v>
      </c>
      <c r="AU5862">
        <v>0</v>
      </c>
      <c r="AV5862">
        <v>0</v>
      </c>
      <c r="AW5862">
        <v>0</v>
      </c>
      <c r="AX5862">
        <v>0</v>
      </c>
      <c r="AY5862">
        <v>40</v>
      </c>
      <c r="AZ5862">
        <v>65</v>
      </c>
      <c r="BA5862">
        <v>5282</v>
      </c>
    </row>
    <row r="5863" spans="1:53" x14ac:dyDescent="0.4">
      <c r="A5863">
        <v>5907</v>
      </c>
      <c r="B5863" s="1">
        <v>45061</v>
      </c>
      <c r="C5863">
        <v>4</v>
      </c>
      <c r="D5863" s="1">
        <v>45061.731249999997</v>
      </c>
      <c r="E5863" s="1">
        <v>45061.954861111109</v>
      </c>
      <c r="F5863">
        <v>29020</v>
      </c>
      <c r="G5863">
        <v>0</v>
      </c>
      <c r="H5863">
        <v>0</v>
      </c>
      <c r="I5863">
        <v>0</v>
      </c>
      <c r="J5863">
        <v>100</v>
      </c>
      <c r="K5863">
        <v>0</v>
      </c>
      <c r="L5863">
        <v>0</v>
      </c>
      <c r="M5863">
        <v>2627</v>
      </c>
      <c r="N5863">
        <v>0</v>
      </c>
      <c r="O5863">
        <v>0</v>
      </c>
      <c r="P5863">
        <v>-14450</v>
      </c>
      <c r="Q5863">
        <v>0</v>
      </c>
      <c r="R5863">
        <v>14470</v>
      </c>
      <c r="S5863">
        <v>0</v>
      </c>
      <c r="T5863">
        <v>0</v>
      </c>
      <c r="U5863">
        <v>0</v>
      </c>
      <c r="V5863">
        <v>2</v>
      </c>
      <c r="W5863">
        <v>0</v>
      </c>
      <c r="X5863">
        <v>0</v>
      </c>
      <c r="Y5863">
        <v>50</v>
      </c>
      <c r="Z5863">
        <v>22</v>
      </c>
      <c r="AA5863">
        <v>124</v>
      </c>
      <c r="AB5863">
        <v>41</v>
      </c>
      <c r="AC5863">
        <v>156</v>
      </c>
      <c r="AD5863">
        <v>18</v>
      </c>
      <c r="AE5863">
        <v>77</v>
      </c>
      <c r="AF5863">
        <v>8050</v>
      </c>
      <c r="AG5863">
        <v>105227</v>
      </c>
      <c r="AH5863">
        <v>50000</v>
      </c>
      <c r="AI5863">
        <v>0</v>
      </c>
      <c r="AJ5863">
        <v>42</v>
      </c>
      <c r="AK5863" t="s">
        <v>72</v>
      </c>
      <c r="AL5863">
        <v>0</v>
      </c>
      <c r="AM5863">
        <v>0</v>
      </c>
      <c r="AN5863">
        <v>0</v>
      </c>
      <c r="AO5863">
        <v>0</v>
      </c>
      <c r="AP5863">
        <v>0</v>
      </c>
      <c r="AQ5863">
        <v>0</v>
      </c>
      <c r="AR5863">
        <v>0</v>
      </c>
      <c r="AS5863">
        <v>0</v>
      </c>
      <c r="AT5863">
        <v>0</v>
      </c>
      <c r="AU5863">
        <v>0</v>
      </c>
      <c r="AV5863">
        <v>0</v>
      </c>
      <c r="AW5863">
        <v>0</v>
      </c>
      <c r="AX5863">
        <v>3080</v>
      </c>
      <c r="AY5863">
        <v>8</v>
      </c>
      <c r="AZ5863">
        <v>17</v>
      </c>
      <c r="BA5863">
        <v>2166</v>
      </c>
    </row>
    <row r="5864" spans="1:53" x14ac:dyDescent="0.4">
      <c r="A5864">
        <v>5908</v>
      </c>
      <c r="B5864" s="1">
        <v>45062</v>
      </c>
      <c r="C5864">
        <v>1</v>
      </c>
      <c r="D5864" s="1">
        <v>45062.291666666664</v>
      </c>
      <c r="E5864" s="1">
        <v>45062.4375</v>
      </c>
      <c r="F5864">
        <v>0</v>
      </c>
      <c r="G5864">
        <v>0</v>
      </c>
      <c r="H5864">
        <v>0</v>
      </c>
      <c r="I5864">
        <v>0</v>
      </c>
      <c r="J5864">
        <v>0</v>
      </c>
      <c r="K5864">
        <v>0</v>
      </c>
      <c r="L5864">
        <v>0</v>
      </c>
      <c r="M5864">
        <v>0</v>
      </c>
      <c r="N5864">
        <v>0</v>
      </c>
      <c r="O5864">
        <v>0</v>
      </c>
      <c r="P5864">
        <v>0</v>
      </c>
      <c r="Q5864">
        <v>0</v>
      </c>
      <c r="R5864">
        <v>0</v>
      </c>
      <c r="S5864">
        <v>0</v>
      </c>
      <c r="T5864">
        <v>0</v>
      </c>
      <c r="U5864">
        <v>0</v>
      </c>
      <c r="V5864">
        <v>0</v>
      </c>
      <c r="W5864">
        <v>0</v>
      </c>
      <c r="X5864">
        <v>0</v>
      </c>
      <c r="Y5864">
        <v>28</v>
      </c>
      <c r="Z5864">
        <v>14</v>
      </c>
      <c r="AA5864">
        <v>118</v>
      </c>
      <c r="AB5864">
        <v>40</v>
      </c>
      <c r="AC5864">
        <v>104</v>
      </c>
      <c r="AD5864">
        <v>17</v>
      </c>
      <c r="AE5864">
        <v>75</v>
      </c>
      <c r="AF5864">
        <v>0</v>
      </c>
      <c r="AG5864">
        <v>50000</v>
      </c>
      <c r="AH5864">
        <v>50000</v>
      </c>
      <c r="AI5864">
        <v>0</v>
      </c>
      <c r="AJ5864">
        <v>0</v>
      </c>
      <c r="AK5864" t="s">
        <v>6</v>
      </c>
      <c r="AL5864">
        <v>0</v>
      </c>
      <c r="AM5864">
        <v>0</v>
      </c>
      <c r="AN5864">
        <v>0</v>
      </c>
      <c r="AO5864">
        <v>0</v>
      </c>
      <c r="AP5864">
        <v>0</v>
      </c>
      <c r="AQ5864">
        <v>0</v>
      </c>
      <c r="AR5864">
        <v>0</v>
      </c>
      <c r="AS5864">
        <v>0</v>
      </c>
      <c r="AT5864">
        <v>0</v>
      </c>
      <c r="AU5864">
        <v>0</v>
      </c>
      <c r="AV5864">
        <v>0</v>
      </c>
      <c r="AW5864">
        <v>0</v>
      </c>
      <c r="AX5864">
        <v>0</v>
      </c>
      <c r="AY5864">
        <v>0</v>
      </c>
      <c r="AZ5864">
        <v>0</v>
      </c>
      <c r="BA5864">
        <v>0</v>
      </c>
    </row>
    <row r="5865" spans="1:53" x14ac:dyDescent="0.4">
      <c r="A5865">
        <v>5909</v>
      </c>
      <c r="B5865" s="1">
        <v>45062</v>
      </c>
      <c r="C5865">
        <v>2</v>
      </c>
      <c r="D5865" s="1">
        <v>45062.4375</v>
      </c>
      <c r="E5865" s="1">
        <v>45062.955555555556</v>
      </c>
      <c r="F5865">
        <v>56630</v>
      </c>
      <c r="G5865">
        <v>308</v>
      </c>
      <c r="H5865">
        <v>0</v>
      </c>
      <c r="I5865">
        <v>0</v>
      </c>
      <c r="J5865">
        <v>0</v>
      </c>
      <c r="K5865">
        <v>0</v>
      </c>
      <c r="L5865">
        <v>0</v>
      </c>
      <c r="M5865">
        <v>5178</v>
      </c>
      <c r="N5865">
        <v>0</v>
      </c>
      <c r="O5865">
        <v>0</v>
      </c>
      <c r="P5865">
        <v>0</v>
      </c>
      <c r="Q5865">
        <v>0</v>
      </c>
      <c r="R5865">
        <v>56938</v>
      </c>
      <c r="S5865">
        <v>0</v>
      </c>
      <c r="T5865">
        <v>0</v>
      </c>
      <c r="U5865">
        <v>0</v>
      </c>
      <c r="V5865">
        <v>5</v>
      </c>
      <c r="W5865">
        <v>0</v>
      </c>
      <c r="X5865">
        <v>0</v>
      </c>
      <c r="Y5865">
        <v>28</v>
      </c>
      <c r="Z5865">
        <v>20</v>
      </c>
      <c r="AA5865">
        <v>111</v>
      </c>
      <c r="AB5865">
        <v>43</v>
      </c>
      <c r="AC5865">
        <v>143</v>
      </c>
      <c r="AD5865">
        <v>18</v>
      </c>
      <c r="AE5865">
        <v>78</v>
      </c>
      <c r="AF5865">
        <v>4090</v>
      </c>
      <c r="AG5865">
        <v>106938</v>
      </c>
      <c r="AH5865">
        <v>50000</v>
      </c>
      <c r="AI5865">
        <v>0</v>
      </c>
      <c r="AJ5865">
        <v>120</v>
      </c>
      <c r="AK5865" t="s">
        <v>2</v>
      </c>
      <c r="AL5865">
        <v>0</v>
      </c>
      <c r="AM5865">
        <v>0</v>
      </c>
      <c r="AN5865">
        <v>0</v>
      </c>
      <c r="AO5865">
        <v>0</v>
      </c>
      <c r="AP5865">
        <v>0</v>
      </c>
      <c r="AQ5865">
        <v>0</v>
      </c>
      <c r="AR5865">
        <v>0</v>
      </c>
      <c r="AS5865">
        <v>0</v>
      </c>
      <c r="AT5865">
        <v>0</v>
      </c>
      <c r="AU5865">
        <v>0</v>
      </c>
      <c r="AV5865">
        <v>0</v>
      </c>
      <c r="AW5865">
        <v>0</v>
      </c>
      <c r="AX5865">
        <v>24043</v>
      </c>
      <c r="AY5865">
        <v>53</v>
      </c>
      <c r="AZ5865">
        <v>92</v>
      </c>
      <c r="BA5865">
        <v>7601</v>
      </c>
    </row>
    <row r="5866" spans="1:53" x14ac:dyDescent="0.4">
      <c r="A5866">
        <v>5910</v>
      </c>
      <c r="B5866" s="1">
        <v>45063</v>
      </c>
      <c r="C5866">
        <v>1</v>
      </c>
      <c r="D5866" s="1">
        <v>45063.291666666664</v>
      </c>
      <c r="E5866" s="1">
        <v>45063.447222222225</v>
      </c>
      <c r="F5866">
        <v>0</v>
      </c>
      <c r="G5866">
        <v>0</v>
      </c>
      <c r="H5866">
        <v>0</v>
      </c>
      <c r="I5866">
        <v>0</v>
      </c>
      <c r="J5866">
        <v>0</v>
      </c>
      <c r="K5866">
        <v>0</v>
      </c>
      <c r="L5866">
        <v>0</v>
      </c>
      <c r="M5866">
        <v>0</v>
      </c>
      <c r="N5866">
        <v>0</v>
      </c>
      <c r="O5866">
        <v>0</v>
      </c>
      <c r="P5866">
        <v>0</v>
      </c>
      <c r="Q5866">
        <v>0</v>
      </c>
      <c r="R5866">
        <v>0</v>
      </c>
      <c r="S5866">
        <v>0</v>
      </c>
      <c r="T5866">
        <v>0</v>
      </c>
      <c r="U5866">
        <v>0</v>
      </c>
      <c r="V5866">
        <v>0</v>
      </c>
      <c r="W5866">
        <v>1</v>
      </c>
      <c r="X5866">
        <v>0</v>
      </c>
      <c r="Y5866">
        <v>26</v>
      </c>
      <c r="Z5866">
        <v>10</v>
      </c>
      <c r="AA5866">
        <v>111</v>
      </c>
      <c r="AB5866">
        <v>37</v>
      </c>
      <c r="AC5866">
        <v>89</v>
      </c>
      <c r="AD5866">
        <v>17</v>
      </c>
      <c r="AE5866">
        <v>75</v>
      </c>
      <c r="AF5866">
        <v>0</v>
      </c>
      <c r="AG5866">
        <v>50000</v>
      </c>
      <c r="AH5866">
        <v>50000</v>
      </c>
      <c r="AI5866">
        <v>0</v>
      </c>
      <c r="AJ5866">
        <v>0</v>
      </c>
      <c r="AK5866" t="s">
        <v>6</v>
      </c>
      <c r="AL5866">
        <v>0</v>
      </c>
      <c r="AM5866">
        <v>0</v>
      </c>
      <c r="AN5866">
        <v>0</v>
      </c>
      <c r="AO5866">
        <v>0</v>
      </c>
      <c r="AP5866">
        <v>0</v>
      </c>
      <c r="AQ5866">
        <v>0</v>
      </c>
      <c r="AR5866">
        <v>0</v>
      </c>
      <c r="AS5866">
        <v>0</v>
      </c>
      <c r="AT5866">
        <v>0</v>
      </c>
      <c r="AU5866">
        <v>0</v>
      </c>
      <c r="AV5866">
        <v>0</v>
      </c>
      <c r="AW5866">
        <v>0</v>
      </c>
      <c r="AX5866">
        <v>0</v>
      </c>
      <c r="AY5866">
        <v>0</v>
      </c>
      <c r="AZ5866">
        <v>0</v>
      </c>
      <c r="BA5866">
        <v>0</v>
      </c>
    </row>
    <row r="5867" spans="1:53" x14ac:dyDescent="0.4">
      <c r="A5867">
        <v>5911</v>
      </c>
      <c r="B5867" s="1">
        <v>45063</v>
      </c>
      <c r="C5867">
        <v>2</v>
      </c>
      <c r="D5867" s="1">
        <v>45063.447222222225</v>
      </c>
      <c r="E5867" s="1">
        <v>45063.740277777775</v>
      </c>
      <c r="F5867">
        <v>17600</v>
      </c>
      <c r="G5867">
        <v>1254</v>
      </c>
      <c r="H5867">
        <v>0</v>
      </c>
      <c r="I5867">
        <v>0</v>
      </c>
      <c r="J5867">
        <v>0</v>
      </c>
      <c r="K5867">
        <v>300</v>
      </c>
      <c r="L5867">
        <v>0</v>
      </c>
      <c r="M5867">
        <v>1744</v>
      </c>
      <c r="N5867">
        <v>0</v>
      </c>
      <c r="O5867">
        <v>0</v>
      </c>
      <c r="P5867">
        <v>11370</v>
      </c>
      <c r="Q5867">
        <v>0</v>
      </c>
      <c r="R5867">
        <v>30524</v>
      </c>
      <c r="S5867">
        <v>0</v>
      </c>
      <c r="T5867">
        <v>0</v>
      </c>
      <c r="U5867">
        <v>0</v>
      </c>
      <c r="V5867">
        <v>2</v>
      </c>
      <c r="W5867">
        <v>1</v>
      </c>
      <c r="X5867">
        <v>0</v>
      </c>
      <c r="Y5867">
        <v>32</v>
      </c>
      <c r="Z5867">
        <v>9</v>
      </c>
      <c r="AA5867">
        <v>136</v>
      </c>
      <c r="AB5867">
        <v>41</v>
      </c>
      <c r="AC5867">
        <v>113</v>
      </c>
      <c r="AD5867">
        <v>16</v>
      </c>
      <c r="AE5867">
        <v>74</v>
      </c>
      <c r="AF5867">
        <v>2090</v>
      </c>
      <c r="AG5867">
        <v>80524</v>
      </c>
      <c r="AH5867">
        <v>50000</v>
      </c>
      <c r="AI5867">
        <v>0</v>
      </c>
      <c r="AJ5867">
        <v>36</v>
      </c>
      <c r="AK5867" t="s">
        <v>68</v>
      </c>
      <c r="AL5867">
        <v>0</v>
      </c>
      <c r="AM5867">
        <v>0</v>
      </c>
      <c r="AN5867">
        <v>0</v>
      </c>
      <c r="AO5867">
        <v>0</v>
      </c>
      <c r="AP5867">
        <v>0</v>
      </c>
      <c r="AQ5867">
        <v>0</v>
      </c>
      <c r="AR5867">
        <v>0</v>
      </c>
      <c r="AS5867">
        <v>0</v>
      </c>
      <c r="AT5867">
        <v>0</v>
      </c>
      <c r="AU5867">
        <v>0</v>
      </c>
      <c r="AV5867">
        <v>0</v>
      </c>
      <c r="AW5867">
        <v>0</v>
      </c>
      <c r="AX5867">
        <v>-1200</v>
      </c>
      <c r="AY5867">
        <v>34</v>
      </c>
      <c r="AZ5867">
        <v>47</v>
      </c>
      <c r="BA5867">
        <v>4424</v>
      </c>
    </row>
    <row r="5868" spans="1:53" x14ac:dyDescent="0.4">
      <c r="A5868">
        <v>5912</v>
      </c>
      <c r="B5868" s="1">
        <v>45065</v>
      </c>
      <c r="C5868">
        <v>1</v>
      </c>
      <c r="D5868" s="1">
        <v>45065.291666666664</v>
      </c>
      <c r="E5868" s="1">
        <v>45065.448611111111</v>
      </c>
      <c r="F5868">
        <v>0</v>
      </c>
      <c r="G5868">
        <v>0</v>
      </c>
      <c r="H5868">
        <v>0</v>
      </c>
      <c r="I5868">
        <v>0</v>
      </c>
      <c r="J5868">
        <v>0</v>
      </c>
      <c r="K5868">
        <v>0</v>
      </c>
      <c r="L5868">
        <v>0</v>
      </c>
      <c r="M5868">
        <v>0</v>
      </c>
      <c r="N5868">
        <v>0</v>
      </c>
      <c r="O5868">
        <v>0</v>
      </c>
      <c r="P5868">
        <v>0</v>
      </c>
      <c r="Q5868">
        <v>0</v>
      </c>
      <c r="R5868">
        <v>0</v>
      </c>
      <c r="S5868">
        <v>0</v>
      </c>
      <c r="T5868">
        <v>0</v>
      </c>
      <c r="U5868">
        <v>0</v>
      </c>
      <c r="V5868">
        <v>0</v>
      </c>
      <c r="W5868">
        <v>1</v>
      </c>
      <c r="X5868">
        <v>0</v>
      </c>
      <c r="Y5868">
        <v>28</v>
      </c>
      <c r="Z5868">
        <v>11</v>
      </c>
      <c r="AA5868">
        <v>89</v>
      </c>
      <c r="AB5868">
        <v>33</v>
      </c>
      <c r="AC5868">
        <v>78</v>
      </c>
      <c r="AD5868">
        <v>19</v>
      </c>
      <c r="AE5868">
        <v>75</v>
      </c>
      <c r="AF5868">
        <v>0</v>
      </c>
      <c r="AG5868">
        <v>50000</v>
      </c>
      <c r="AH5868">
        <v>50000</v>
      </c>
      <c r="AI5868">
        <v>0</v>
      </c>
      <c r="AJ5868">
        <v>0</v>
      </c>
      <c r="AK5868" t="s">
        <v>6</v>
      </c>
      <c r="AL5868">
        <v>0</v>
      </c>
      <c r="AM5868">
        <v>0</v>
      </c>
      <c r="AN5868">
        <v>0</v>
      </c>
      <c r="AO5868">
        <v>0</v>
      </c>
      <c r="AP5868">
        <v>0</v>
      </c>
      <c r="AQ5868">
        <v>0</v>
      </c>
      <c r="AR5868">
        <v>0</v>
      </c>
      <c r="AS5868">
        <v>0</v>
      </c>
      <c r="AT5868">
        <v>0</v>
      </c>
      <c r="AU5868">
        <v>0</v>
      </c>
      <c r="AV5868">
        <v>0</v>
      </c>
      <c r="AW5868">
        <v>0</v>
      </c>
      <c r="AX5868">
        <v>0</v>
      </c>
      <c r="AY5868">
        <v>0</v>
      </c>
      <c r="AZ5868">
        <v>0</v>
      </c>
      <c r="BA5868">
        <v>0</v>
      </c>
    </row>
    <row r="5869" spans="1:53" x14ac:dyDescent="0.4">
      <c r="A5869">
        <v>5913</v>
      </c>
      <c r="B5869" s="1">
        <v>45065</v>
      </c>
      <c r="C5869">
        <v>2</v>
      </c>
      <c r="D5869" s="1">
        <v>45065.448611111111</v>
      </c>
      <c r="E5869" s="1">
        <v>45065.743750000001</v>
      </c>
      <c r="F5869">
        <v>26530</v>
      </c>
      <c r="G5869">
        <v>594</v>
      </c>
      <c r="H5869">
        <v>0</v>
      </c>
      <c r="I5869">
        <v>0</v>
      </c>
      <c r="J5869">
        <v>0</v>
      </c>
      <c r="K5869">
        <v>0</v>
      </c>
      <c r="L5869">
        <v>0</v>
      </c>
      <c r="M5869">
        <v>2465</v>
      </c>
      <c r="N5869">
        <v>0</v>
      </c>
      <c r="O5869">
        <v>0</v>
      </c>
      <c r="P5869">
        <v>20620</v>
      </c>
      <c r="Q5869">
        <v>0</v>
      </c>
      <c r="R5869">
        <v>47744</v>
      </c>
      <c r="S5869">
        <v>0</v>
      </c>
      <c r="T5869">
        <v>0</v>
      </c>
      <c r="U5869">
        <v>0</v>
      </c>
      <c r="V5869">
        <v>0</v>
      </c>
      <c r="W5869">
        <v>2</v>
      </c>
      <c r="X5869">
        <v>0</v>
      </c>
      <c r="Y5869">
        <v>61</v>
      </c>
      <c r="Z5869">
        <v>22</v>
      </c>
      <c r="AA5869">
        <v>79</v>
      </c>
      <c r="AB5869">
        <v>38</v>
      </c>
      <c r="AC5869">
        <v>72</v>
      </c>
      <c r="AD5869">
        <v>18</v>
      </c>
      <c r="AE5869">
        <v>74</v>
      </c>
      <c r="AF5869">
        <v>5060</v>
      </c>
      <c r="AG5869">
        <v>97744</v>
      </c>
      <c r="AH5869">
        <v>50000</v>
      </c>
      <c r="AI5869">
        <v>0</v>
      </c>
      <c r="AJ5869">
        <v>36</v>
      </c>
      <c r="AK5869" t="s">
        <v>68</v>
      </c>
      <c r="AL5869">
        <v>0</v>
      </c>
      <c r="AM5869">
        <v>0</v>
      </c>
      <c r="AN5869">
        <v>0</v>
      </c>
      <c r="AO5869">
        <v>0</v>
      </c>
      <c r="AP5869">
        <v>0</v>
      </c>
      <c r="AQ5869">
        <v>0</v>
      </c>
      <c r="AR5869">
        <v>0</v>
      </c>
      <c r="AS5869">
        <v>0</v>
      </c>
      <c r="AT5869">
        <v>0</v>
      </c>
      <c r="AU5869">
        <v>0</v>
      </c>
      <c r="AV5869">
        <v>0</v>
      </c>
      <c r="AW5869">
        <v>0</v>
      </c>
      <c r="AX5869">
        <v>-632</v>
      </c>
      <c r="AY5869">
        <v>40</v>
      </c>
      <c r="AZ5869">
        <v>78</v>
      </c>
      <c r="BA5869">
        <v>5278</v>
      </c>
    </row>
    <row r="5870" spans="1:53" x14ac:dyDescent="0.4">
      <c r="A5870">
        <v>5914</v>
      </c>
      <c r="B5870" s="1">
        <v>45065</v>
      </c>
      <c r="C5870">
        <v>3</v>
      </c>
      <c r="D5870" s="1">
        <v>45065.743750000001</v>
      </c>
      <c r="E5870" s="1">
        <v>45065.914583333331</v>
      </c>
      <c r="F5870">
        <v>23260</v>
      </c>
      <c r="G5870">
        <v>1628</v>
      </c>
      <c r="H5870">
        <v>0</v>
      </c>
      <c r="I5870">
        <v>0</v>
      </c>
      <c r="J5870">
        <v>0</v>
      </c>
      <c r="K5870">
        <v>4920</v>
      </c>
      <c r="L5870">
        <v>0</v>
      </c>
      <c r="M5870">
        <v>2709</v>
      </c>
      <c r="N5870">
        <v>0</v>
      </c>
      <c r="O5870">
        <v>0</v>
      </c>
      <c r="P5870">
        <v>-20620</v>
      </c>
      <c r="Q5870">
        <v>0</v>
      </c>
      <c r="R5870">
        <v>9188</v>
      </c>
      <c r="S5870">
        <v>0</v>
      </c>
      <c r="T5870">
        <v>0</v>
      </c>
      <c r="U5870">
        <v>0</v>
      </c>
      <c r="V5870">
        <v>0</v>
      </c>
      <c r="W5870">
        <v>1</v>
      </c>
      <c r="X5870">
        <v>0</v>
      </c>
      <c r="Y5870">
        <v>69</v>
      </c>
      <c r="Z5870">
        <v>21</v>
      </c>
      <c r="AA5870">
        <v>84</v>
      </c>
      <c r="AB5870">
        <v>37</v>
      </c>
      <c r="AC5870">
        <v>76</v>
      </c>
      <c r="AD5870">
        <v>18</v>
      </c>
      <c r="AE5870">
        <v>74</v>
      </c>
      <c r="AF5870">
        <v>11258</v>
      </c>
      <c r="AG5870">
        <v>106932</v>
      </c>
      <c r="AH5870">
        <v>50000</v>
      </c>
      <c r="AI5870">
        <v>0</v>
      </c>
      <c r="AJ5870">
        <v>116</v>
      </c>
      <c r="AK5870" t="s">
        <v>51</v>
      </c>
      <c r="AL5870">
        <v>0</v>
      </c>
      <c r="AM5870">
        <v>0</v>
      </c>
      <c r="AN5870">
        <v>0</v>
      </c>
      <c r="AO5870">
        <v>0</v>
      </c>
      <c r="AP5870">
        <v>0</v>
      </c>
      <c r="AQ5870">
        <v>0</v>
      </c>
      <c r="AR5870">
        <v>0</v>
      </c>
      <c r="AS5870">
        <v>0</v>
      </c>
      <c r="AT5870">
        <v>0</v>
      </c>
      <c r="AU5870">
        <v>0</v>
      </c>
      <c r="AV5870">
        <v>0</v>
      </c>
      <c r="AW5870">
        <v>0</v>
      </c>
      <c r="AX5870">
        <v>50040</v>
      </c>
      <c r="AY5870">
        <v>15</v>
      </c>
      <c r="AZ5870">
        <v>42</v>
      </c>
      <c r="BA5870">
        <v>2929</v>
      </c>
    </row>
    <row r="5871" spans="1:53" x14ac:dyDescent="0.4">
      <c r="A5871">
        <v>5915</v>
      </c>
      <c r="B5871" s="1">
        <v>45066</v>
      </c>
      <c r="C5871">
        <v>1</v>
      </c>
      <c r="D5871" s="1">
        <v>45066.291666666664</v>
      </c>
      <c r="E5871" s="1">
        <v>45066.40625</v>
      </c>
      <c r="F5871">
        <v>0</v>
      </c>
      <c r="G5871">
        <v>0</v>
      </c>
      <c r="H5871">
        <v>0</v>
      </c>
      <c r="I5871">
        <v>0</v>
      </c>
      <c r="J5871">
        <v>0</v>
      </c>
      <c r="K5871">
        <v>0</v>
      </c>
      <c r="L5871">
        <v>0</v>
      </c>
      <c r="M5871">
        <v>0</v>
      </c>
      <c r="N5871">
        <v>0</v>
      </c>
      <c r="O5871">
        <v>0</v>
      </c>
      <c r="P5871">
        <v>0</v>
      </c>
      <c r="Q5871">
        <v>0</v>
      </c>
      <c r="R5871">
        <v>0</v>
      </c>
      <c r="S5871">
        <v>0</v>
      </c>
      <c r="T5871">
        <v>0</v>
      </c>
      <c r="U5871">
        <v>0</v>
      </c>
      <c r="V5871">
        <v>0</v>
      </c>
      <c r="W5871">
        <v>1</v>
      </c>
      <c r="X5871">
        <v>0</v>
      </c>
      <c r="Y5871">
        <v>29</v>
      </c>
      <c r="Z5871">
        <v>9</v>
      </c>
      <c r="AA5871">
        <v>91</v>
      </c>
      <c r="AB5871">
        <v>30</v>
      </c>
      <c r="AC5871">
        <v>73</v>
      </c>
      <c r="AD5871">
        <v>18</v>
      </c>
      <c r="AE5871">
        <v>80</v>
      </c>
      <c r="AF5871">
        <v>0</v>
      </c>
      <c r="AG5871">
        <v>50000</v>
      </c>
      <c r="AH5871">
        <v>50000</v>
      </c>
      <c r="AI5871">
        <v>0</v>
      </c>
      <c r="AJ5871">
        <v>0</v>
      </c>
      <c r="AK5871" t="s">
        <v>6</v>
      </c>
      <c r="AL5871">
        <v>0</v>
      </c>
      <c r="AM5871">
        <v>0</v>
      </c>
      <c r="AN5871">
        <v>0</v>
      </c>
      <c r="AO5871">
        <v>0</v>
      </c>
      <c r="AP5871">
        <v>0</v>
      </c>
      <c r="AQ5871">
        <v>0</v>
      </c>
      <c r="AR5871">
        <v>0</v>
      </c>
      <c r="AS5871">
        <v>0</v>
      </c>
      <c r="AT5871">
        <v>0</v>
      </c>
      <c r="AU5871">
        <v>0</v>
      </c>
      <c r="AV5871">
        <v>0</v>
      </c>
      <c r="AW5871">
        <v>0</v>
      </c>
      <c r="AX5871">
        <v>0</v>
      </c>
      <c r="AY5871">
        <v>0</v>
      </c>
      <c r="AZ5871">
        <v>0</v>
      </c>
      <c r="BA5871">
        <v>0</v>
      </c>
    </row>
    <row r="5872" spans="1:53" x14ac:dyDescent="0.4">
      <c r="A5872">
        <v>5916</v>
      </c>
      <c r="B5872" s="1">
        <v>45066</v>
      </c>
      <c r="C5872">
        <v>2</v>
      </c>
      <c r="D5872" s="1">
        <v>45066.40625</v>
      </c>
      <c r="E5872" s="1">
        <v>45066.749305555553</v>
      </c>
      <c r="F5872">
        <v>43450</v>
      </c>
      <c r="G5872">
        <v>2042</v>
      </c>
      <c r="H5872">
        <v>440</v>
      </c>
      <c r="I5872">
        <v>0</v>
      </c>
      <c r="J5872">
        <v>400</v>
      </c>
      <c r="K5872">
        <v>0</v>
      </c>
      <c r="L5872">
        <v>0</v>
      </c>
      <c r="M5872">
        <v>4136</v>
      </c>
      <c r="N5872">
        <v>0</v>
      </c>
      <c r="O5872">
        <v>0</v>
      </c>
      <c r="P5872">
        <v>25310</v>
      </c>
      <c r="Q5872">
        <v>0</v>
      </c>
      <c r="R5872">
        <v>70842</v>
      </c>
      <c r="S5872">
        <v>0</v>
      </c>
      <c r="T5872">
        <v>0</v>
      </c>
      <c r="U5872">
        <v>0</v>
      </c>
      <c r="V5872">
        <v>0</v>
      </c>
      <c r="W5872">
        <v>3</v>
      </c>
      <c r="X5872">
        <v>0</v>
      </c>
      <c r="Y5872">
        <v>83</v>
      </c>
      <c r="Z5872">
        <v>26</v>
      </c>
      <c r="AA5872">
        <v>43</v>
      </c>
      <c r="AB5872">
        <v>23</v>
      </c>
      <c r="AC5872">
        <v>92</v>
      </c>
      <c r="AD5872">
        <v>18</v>
      </c>
      <c r="AE5872">
        <v>82</v>
      </c>
      <c r="AF5872">
        <v>3300</v>
      </c>
      <c r="AG5872">
        <v>120842</v>
      </c>
      <c r="AH5872">
        <v>50000</v>
      </c>
      <c r="AI5872">
        <v>0</v>
      </c>
      <c r="AJ5872">
        <v>36</v>
      </c>
      <c r="AK5872" t="s">
        <v>68</v>
      </c>
      <c r="AL5872">
        <v>0</v>
      </c>
      <c r="AM5872">
        <v>0</v>
      </c>
      <c r="AN5872">
        <v>0</v>
      </c>
      <c r="AO5872">
        <v>0</v>
      </c>
      <c r="AP5872">
        <v>0</v>
      </c>
      <c r="AQ5872">
        <v>0</v>
      </c>
      <c r="AR5872">
        <v>0</v>
      </c>
      <c r="AS5872">
        <v>0</v>
      </c>
      <c r="AT5872">
        <v>0</v>
      </c>
      <c r="AU5872">
        <v>0</v>
      </c>
      <c r="AV5872">
        <v>0</v>
      </c>
      <c r="AW5872">
        <v>0</v>
      </c>
      <c r="AX5872">
        <v>-5300</v>
      </c>
      <c r="AY5872">
        <v>58</v>
      </c>
      <c r="AZ5872">
        <v>113</v>
      </c>
      <c r="BA5872">
        <v>8307</v>
      </c>
    </row>
    <row r="5873" spans="1:53" x14ac:dyDescent="0.4">
      <c r="A5873">
        <v>5917</v>
      </c>
      <c r="B5873" s="1">
        <v>45066</v>
      </c>
      <c r="C5873">
        <v>3</v>
      </c>
      <c r="D5873" s="1">
        <v>45066.749305555553</v>
      </c>
      <c r="E5873" s="1">
        <v>45067.019444444442</v>
      </c>
      <c r="F5873">
        <v>143030</v>
      </c>
      <c r="G5873">
        <v>2574</v>
      </c>
      <c r="H5873">
        <v>0</v>
      </c>
      <c r="I5873">
        <v>0</v>
      </c>
      <c r="J5873">
        <v>0</v>
      </c>
      <c r="K5873">
        <v>0</v>
      </c>
      <c r="L5873">
        <v>0</v>
      </c>
      <c r="M5873">
        <v>13236</v>
      </c>
      <c r="N5873">
        <v>0</v>
      </c>
      <c r="O5873">
        <v>0</v>
      </c>
      <c r="P5873">
        <v>14740</v>
      </c>
      <c r="Q5873">
        <v>0</v>
      </c>
      <c r="R5873">
        <v>160344</v>
      </c>
      <c r="S5873">
        <v>0</v>
      </c>
      <c r="T5873">
        <v>0</v>
      </c>
      <c r="U5873">
        <v>0</v>
      </c>
      <c r="V5873">
        <v>8</v>
      </c>
      <c r="W5873">
        <v>4</v>
      </c>
      <c r="X5873">
        <v>0</v>
      </c>
      <c r="Y5873">
        <v>93</v>
      </c>
      <c r="Z5873">
        <v>25</v>
      </c>
      <c r="AA5873">
        <v>42</v>
      </c>
      <c r="AB5873">
        <v>21</v>
      </c>
      <c r="AC5873">
        <v>86</v>
      </c>
      <c r="AD5873">
        <v>17</v>
      </c>
      <c r="AE5873">
        <v>85</v>
      </c>
      <c r="AF5873">
        <v>69406</v>
      </c>
      <c r="AG5873">
        <v>281186</v>
      </c>
      <c r="AH5873">
        <v>50000</v>
      </c>
      <c r="AI5873">
        <v>0</v>
      </c>
      <c r="AJ5873">
        <v>44</v>
      </c>
      <c r="AK5873" t="s">
        <v>74</v>
      </c>
      <c r="AL5873">
        <v>0</v>
      </c>
      <c r="AM5873">
        <v>0</v>
      </c>
      <c r="AN5873">
        <v>0</v>
      </c>
      <c r="AO5873">
        <v>0</v>
      </c>
      <c r="AP5873">
        <v>0</v>
      </c>
      <c r="AQ5873">
        <v>0</v>
      </c>
      <c r="AR5873">
        <v>0</v>
      </c>
      <c r="AS5873">
        <v>0</v>
      </c>
      <c r="AT5873">
        <v>0</v>
      </c>
      <c r="AU5873">
        <v>0</v>
      </c>
      <c r="AV5873">
        <v>0</v>
      </c>
      <c r="AW5873">
        <v>0</v>
      </c>
      <c r="AX5873">
        <v>17330</v>
      </c>
      <c r="AY5873">
        <v>25</v>
      </c>
      <c r="AZ5873">
        <v>78</v>
      </c>
      <c r="BA5873">
        <v>4553</v>
      </c>
    </row>
    <row r="5874" spans="1:53" x14ac:dyDescent="0.4">
      <c r="A5874">
        <v>5918</v>
      </c>
      <c r="B5874" s="1">
        <v>45067</v>
      </c>
      <c r="C5874">
        <v>1</v>
      </c>
      <c r="D5874" s="1">
        <v>45067.291666666664</v>
      </c>
      <c r="E5874" s="1">
        <v>45067.395833333336</v>
      </c>
      <c r="F5874">
        <v>0</v>
      </c>
      <c r="G5874">
        <v>0</v>
      </c>
      <c r="H5874">
        <v>0</v>
      </c>
      <c r="I5874">
        <v>0</v>
      </c>
      <c r="J5874">
        <v>0</v>
      </c>
      <c r="K5874">
        <v>0</v>
      </c>
      <c r="L5874">
        <v>0</v>
      </c>
      <c r="M5874">
        <v>0</v>
      </c>
      <c r="N5874">
        <v>0</v>
      </c>
      <c r="O5874">
        <v>0</v>
      </c>
      <c r="P5874">
        <v>0</v>
      </c>
      <c r="Q5874">
        <v>0</v>
      </c>
      <c r="R5874">
        <v>0</v>
      </c>
      <c r="S5874">
        <v>0</v>
      </c>
      <c r="T5874">
        <v>0</v>
      </c>
      <c r="U5874">
        <v>0</v>
      </c>
      <c r="V5874">
        <v>0</v>
      </c>
      <c r="W5874">
        <v>1</v>
      </c>
      <c r="X5874">
        <v>0</v>
      </c>
      <c r="Y5874">
        <v>30</v>
      </c>
      <c r="Z5874">
        <v>11</v>
      </c>
      <c r="AA5874">
        <v>77</v>
      </c>
      <c r="AB5874">
        <v>18</v>
      </c>
      <c r="AC5874">
        <v>74</v>
      </c>
      <c r="AD5874">
        <v>16</v>
      </c>
      <c r="AE5874">
        <v>80</v>
      </c>
      <c r="AF5874">
        <v>0</v>
      </c>
      <c r="AG5874">
        <v>50000</v>
      </c>
      <c r="AH5874">
        <v>50000</v>
      </c>
      <c r="AI5874">
        <v>0</v>
      </c>
      <c r="AJ5874">
        <v>0</v>
      </c>
      <c r="AK5874" t="s">
        <v>6</v>
      </c>
      <c r="AL5874">
        <v>0</v>
      </c>
      <c r="AM5874">
        <v>0</v>
      </c>
      <c r="AN5874">
        <v>0</v>
      </c>
      <c r="AO5874">
        <v>0</v>
      </c>
      <c r="AP5874">
        <v>0</v>
      </c>
      <c r="AQ5874">
        <v>0</v>
      </c>
      <c r="AR5874">
        <v>0</v>
      </c>
      <c r="AS5874">
        <v>0</v>
      </c>
      <c r="AT5874">
        <v>0</v>
      </c>
      <c r="AU5874">
        <v>0</v>
      </c>
      <c r="AV5874">
        <v>0</v>
      </c>
      <c r="AW5874">
        <v>0</v>
      </c>
      <c r="AX5874">
        <v>0</v>
      </c>
      <c r="AY5874">
        <v>0</v>
      </c>
      <c r="AZ5874">
        <v>0</v>
      </c>
      <c r="BA5874">
        <v>0</v>
      </c>
    </row>
    <row r="5875" spans="1:53" x14ac:dyDescent="0.4">
      <c r="A5875">
        <v>5919</v>
      </c>
      <c r="B5875" s="1">
        <v>45067</v>
      </c>
      <c r="C5875">
        <v>2</v>
      </c>
      <c r="D5875" s="1">
        <v>45067.395833333336</v>
      </c>
      <c r="E5875" s="1">
        <v>45067.731249999997</v>
      </c>
      <c r="F5875">
        <v>39120</v>
      </c>
      <c r="G5875">
        <v>2376</v>
      </c>
      <c r="H5875">
        <v>0</v>
      </c>
      <c r="I5875">
        <v>0</v>
      </c>
      <c r="J5875">
        <v>100</v>
      </c>
      <c r="K5875">
        <v>0</v>
      </c>
      <c r="L5875">
        <v>0</v>
      </c>
      <c r="M5875">
        <v>3761</v>
      </c>
      <c r="N5875">
        <v>0</v>
      </c>
      <c r="O5875">
        <v>0</v>
      </c>
      <c r="P5875">
        <v>19214</v>
      </c>
      <c r="Q5875">
        <v>0</v>
      </c>
      <c r="R5875">
        <v>60610</v>
      </c>
      <c r="S5875">
        <v>0</v>
      </c>
      <c r="T5875">
        <v>0</v>
      </c>
      <c r="U5875">
        <v>0</v>
      </c>
      <c r="V5875">
        <v>3</v>
      </c>
      <c r="W5875">
        <v>0</v>
      </c>
      <c r="X5875">
        <v>0</v>
      </c>
      <c r="Y5875">
        <v>55</v>
      </c>
      <c r="Z5875">
        <v>20</v>
      </c>
      <c r="AA5875">
        <v>116</v>
      </c>
      <c r="AB5875">
        <v>21</v>
      </c>
      <c r="AC5875">
        <v>129</v>
      </c>
      <c r="AD5875">
        <v>15</v>
      </c>
      <c r="AE5875">
        <v>95</v>
      </c>
      <c r="AF5875">
        <v>1500</v>
      </c>
      <c r="AG5875">
        <v>110610</v>
      </c>
      <c r="AH5875">
        <v>50000</v>
      </c>
      <c r="AI5875">
        <v>0</v>
      </c>
      <c r="AJ5875">
        <v>115</v>
      </c>
      <c r="AK5875" t="s">
        <v>55</v>
      </c>
      <c r="AL5875">
        <v>0</v>
      </c>
      <c r="AM5875">
        <v>0</v>
      </c>
      <c r="AN5875">
        <v>0</v>
      </c>
      <c r="AO5875">
        <v>0</v>
      </c>
      <c r="AP5875">
        <v>0</v>
      </c>
      <c r="AQ5875">
        <v>0</v>
      </c>
      <c r="AR5875">
        <v>0</v>
      </c>
      <c r="AS5875">
        <v>0</v>
      </c>
      <c r="AT5875">
        <v>0</v>
      </c>
      <c r="AU5875">
        <v>0</v>
      </c>
      <c r="AV5875">
        <v>0</v>
      </c>
      <c r="AW5875">
        <v>0</v>
      </c>
      <c r="AX5875">
        <v>-1200</v>
      </c>
      <c r="AY5875">
        <v>50</v>
      </c>
      <c r="AZ5875">
        <v>88</v>
      </c>
      <c r="BA5875">
        <v>8047</v>
      </c>
    </row>
    <row r="5876" spans="1:53" x14ac:dyDescent="0.4">
      <c r="A5876">
        <v>5920</v>
      </c>
      <c r="B5876" s="1">
        <v>45068</v>
      </c>
      <c r="C5876">
        <v>1</v>
      </c>
      <c r="D5876" s="1">
        <v>45068.291666666664</v>
      </c>
      <c r="E5876" s="1">
        <v>45068.445833333331</v>
      </c>
      <c r="F5876">
        <v>0</v>
      </c>
      <c r="G5876">
        <v>0</v>
      </c>
      <c r="H5876">
        <v>0</v>
      </c>
      <c r="I5876">
        <v>0</v>
      </c>
      <c r="J5876">
        <v>0</v>
      </c>
      <c r="K5876">
        <v>0</v>
      </c>
      <c r="L5876">
        <v>0</v>
      </c>
      <c r="M5876">
        <v>0</v>
      </c>
      <c r="N5876">
        <v>0</v>
      </c>
      <c r="O5876">
        <v>0</v>
      </c>
      <c r="P5876">
        <v>0</v>
      </c>
      <c r="Q5876">
        <v>0</v>
      </c>
      <c r="R5876">
        <v>0</v>
      </c>
      <c r="S5876">
        <v>0</v>
      </c>
      <c r="T5876">
        <v>0</v>
      </c>
      <c r="U5876">
        <v>0</v>
      </c>
      <c r="V5876">
        <v>0</v>
      </c>
      <c r="W5876">
        <v>1</v>
      </c>
      <c r="X5876">
        <v>0</v>
      </c>
      <c r="Y5876">
        <v>23</v>
      </c>
      <c r="Z5876">
        <v>15</v>
      </c>
      <c r="AA5876">
        <v>116</v>
      </c>
      <c r="AB5876">
        <v>29</v>
      </c>
      <c r="AC5876">
        <v>127</v>
      </c>
      <c r="AD5876">
        <v>18</v>
      </c>
      <c r="AE5876">
        <v>90</v>
      </c>
      <c r="AF5876">
        <v>0</v>
      </c>
      <c r="AG5876">
        <v>50000</v>
      </c>
      <c r="AH5876">
        <v>50000</v>
      </c>
      <c r="AI5876">
        <v>0</v>
      </c>
      <c r="AJ5876">
        <v>0</v>
      </c>
      <c r="AK5876" t="s">
        <v>6</v>
      </c>
      <c r="AL5876">
        <v>0</v>
      </c>
      <c r="AM5876">
        <v>0</v>
      </c>
      <c r="AN5876">
        <v>0</v>
      </c>
      <c r="AO5876">
        <v>0</v>
      </c>
      <c r="AP5876">
        <v>0</v>
      </c>
      <c r="AQ5876">
        <v>0</v>
      </c>
      <c r="AR5876">
        <v>0</v>
      </c>
      <c r="AS5876">
        <v>0</v>
      </c>
      <c r="AT5876">
        <v>0</v>
      </c>
      <c r="AU5876">
        <v>0</v>
      </c>
      <c r="AV5876">
        <v>0</v>
      </c>
      <c r="AW5876">
        <v>0</v>
      </c>
      <c r="AX5876">
        <v>0</v>
      </c>
      <c r="AY5876">
        <v>0</v>
      </c>
      <c r="AZ5876">
        <v>0</v>
      </c>
      <c r="BA5876">
        <v>0</v>
      </c>
    </row>
    <row r="5877" spans="1:53" x14ac:dyDescent="0.4">
      <c r="A5877">
        <v>5921</v>
      </c>
      <c r="B5877" s="1">
        <v>45068</v>
      </c>
      <c r="C5877">
        <v>2</v>
      </c>
      <c r="D5877" s="1">
        <v>45068.445833333331</v>
      </c>
      <c r="E5877" s="1">
        <v>45068.743055555555</v>
      </c>
      <c r="F5877">
        <v>35300</v>
      </c>
      <c r="G5877">
        <v>308</v>
      </c>
      <c r="H5877">
        <v>0</v>
      </c>
      <c r="I5877">
        <v>0</v>
      </c>
      <c r="J5877">
        <v>200</v>
      </c>
      <c r="K5877">
        <v>0</v>
      </c>
      <c r="L5877">
        <v>0</v>
      </c>
      <c r="M5877">
        <v>3217</v>
      </c>
      <c r="N5877">
        <v>0</v>
      </c>
      <c r="O5877">
        <v>0</v>
      </c>
      <c r="P5877">
        <v>16420</v>
      </c>
      <c r="Q5877">
        <v>0</v>
      </c>
      <c r="R5877">
        <v>51828</v>
      </c>
      <c r="S5877">
        <v>0</v>
      </c>
      <c r="T5877">
        <v>0</v>
      </c>
      <c r="U5877">
        <v>0</v>
      </c>
      <c r="V5877">
        <v>0</v>
      </c>
      <c r="W5877">
        <v>5</v>
      </c>
      <c r="X5877">
        <v>0</v>
      </c>
      <c r="Y5877">
        <v>38</v>
      </c>
      <c r="Z5877">
        <v>31</v>
      </c>
      <c r="AA5877">
        <v>157</v>
      </c>
      <c r="AB5877">
        <v>45</v>
      </c>
      <c r="AC5877">
        <v>159</v>
      </c>
      <c r="AD5877">
        <v>18</v>
      </c>
      <c r="AE5877">
        <v>88</v>
      </c>
      <c r="AF5877">
        <v>3610</v>
      </c>
      <c r="AG5877">
        <v>101828</v>
      </c>
      <c r="AH5877">
        <v>50000</v>
      </c>
      <c r="AI5877">
        <v>0</v>
      </c>
      <c r="AJ5877">
        <v>36</v>
      </c>
      <c r="AK5877" t="s">
        <v>68</v>
      </c>
      <c r="AL5877">
        <v>0</v>
      </c>
      <c r="AM5877">
        <v>0</v>
      </c>
      <c r="AN5877">
        <v>0</v>
      </c>
      <c r="AO5877">
        <v>0</v>
      </c>
      <c r="AP5877">
        <v>0</v>
      </c>
      <c r="AQ5877">
        <v>0</v>
      </c>
      <c r="AR5877">
        <v>0</v>
      </c>
      <c r="AS5877">
        <v>0</v>
      </c>
      <c r="AT5877">
        <v>0</v>
      </c>
      <c r="AU5877">
        <v>0</v>
      </c>
      <c r="AV5877">
        <v>0</v>
      </c>
      <c r="AW5877">
        <v>0</v>
      </c>
      <c r="AX5877">
        <v>-240</v>
      </c>
      <c r="AY5877">
        <v>46</v>
      </c>
      <c r="AZ5877">
        <v>84</v>
      </c>
      <c r="BA5877">
        <v>6144</v>
      </c>
    </row>
    <row r="5878" spans="1:53" x14ac:dyDescent="0.4">
      <c r="A5878">
        <v>5922</v>
      </c>
      <c r="B5878" s="1">
        <v>45069</v>
      </c>
      <c r="C5878">
        <v>1</v>
      </c>
      <c r="D5878" s="1">
        <v>45069.291666666664</v>
      </c>
      <c r="E5878" s="1">
        <v>45069.425694444442</v>
      </c>
      <c r="F5878">
        <v>0</v>
      </c>
      <c r="G5878">
        <v>0</v>
      </c>
      <c r="H5878">
        <v>0</v>
      </c>
      <c r="I5878">
        <v>0</v>
      </c>
      <c r="J5878">
        <v>0</v>
      </c>
      <c r="K5878">
        <v>0</v>
      </c>
      <c r="L5878">
        <v>0</v>
      </c>
      <c r="M5878">
        <v>0</v>
      </c>
      <c r="N5878">
        <v>0</v>
      </c>
      <c r="O5878">
        <v>0</v>
      </c>
      <c r="P5878">
        <v>0</v>
      </c>
      <c r="Q5878">
        <v>0</v>
      </c>
      <c r="R5878">
        <v>0</v>
      </c>
      <c r="S5878">
        <v>0</v>
      </c>
      <c r="T5878">
        <v>0</v>
      </c>
      <c r="U5878">
        <v>0</v>
      </c>
      <c r="V5878">
        <v>0</v>
      </c>
      <c r="W5878">
        <v>1</v>
      </c>
      <c r="X5878">
        <v>0</v>
      </c>
      <c r="Y5878">
        <v>22</v>
      </c>
      <c r="Z5878">
        <v>16</v>
      </c>
      <c r="AA5878">
        <v>113</v>
      </c>
      <c r="AB5878">
        <v>46</v>
      </c>
      <c r="AC5878">
        <v>123</v>
      </c>
      <c r="AD5878">
        <v>18</v>
      </c>
      <c r="AE5878">
        <v>80</v>
      </c>
      <c r="AF5878">
        <v>0</v>
      </c>
      <c r="AG5878">
        <v>50000</v>
      </c>
      <c r="AH5878">
        <v>50000</v>
      </c>
      <c r="AI5878">
        <v>0</v>
      </c>
      <c r="AJ5878">
        <v>0</v>
      </c>
      <c r="AK5878" t="s">
        <v>6</v>
      </c>
      <c r="AL5878">
        <v>0</v>
      </c>
      <c r="AM5878">
        <v>0</v>
      </c>
      <c r="AN5878">
        <v>0</v>
      </c>
      <c r="AO5878">
        <v>0</v>
      </c>
      <c r="AP5878">
        <v>0</v>
      </c>
      <c r="AQ5878">
        <v>0</v>
      </c>
      <c r="AR5878">
        <v>0</v>
      </c>
      <c r="AS5878">
        <v>0</v>
      </c>
      <c r="AT5878">
        <v>0</v>
      </c>
      <c r="AU5878">
        <v>0</v>
      </c>
      <c r="AV5878">
        <v>0</v>
      </c>
      <c r="AW5878">
        <v>0</v>
      </c>
      <c r="AX5878">
        <v>0</v>
      </c>
      <c r="AY5878">
        <v>0</v>
      </c>
      <c r="AZ5878">
        <v>0</v>
      </c>
      <c r="BA5878">
        <v>0</v>
      </c>
    </row>
    <row r="5879" spans="1:53" x14ac:dyDescent="0.4">
      <c r="A5879">
        <v>5923</v>
      </c>
      <c r="B5879" s="1">
        <v>45069</v>
      </c>
      <c r="C5879">
        <v>2</v>
      </c>
      <c r="D5879" s="1">
        <v>45069.425694444442</v>
      </c>
      <c r="E5879" s="1">
        <v>45069.71597222222</v>
      </c>
      <c r="F5879">
        <v>19060</v>
      </c>
      <c r="G5879">
        <v>594</v>
      </c>
      <c r="H5879">
        <v>0</v>
      </c>
      <c r="I5879">
        <v>0</v>
      </c>
      <c r="J5879">
        <v>200</v>
      </c>
      <c r="K5879">
        <v>0</v>
      </c>
      <c r="L5879">
        <v>0</v>
      </c>
      <c r="M5879">
        <v>1768</v>
      </c>
      <c r="N5879">
        <v>0</v>
      </c>
      <c r="O5879">
        <v>0</v>
      </c>
      <c r="P5879">
        <v>9320</v>
      </c>
      <c r="Q5879">
        <v>0</v>
      </c>
      <c r="R5879">
        <v>28774</v>
      </c>
      <c r="S5879">
        <v>0</v>
      </c>
      <c r="T5879">
        <v>0</v>
      </c>
      <c r="U5879">
        <v>0</v>
      </c>
      <c r="V5879">
        <v>1</v>
      </c>
      <c r="W5879">
        <v>0</v>
      </c>
      <c r="X5879">
        <v>0</v>
      </c>
      <c r="Y5879">
        <v>34</v>
      </c>
      <c r="Z5879">
        <v>18</v>
      </c>
      <c r="AA5879">
        <v>105</v>
      </c>
      <c r="AB5879">
        <v>54</v>
      </c>
      <c r="AC5879">
        <v>135</v>
      </c>
      <c r="AD5879">
        <v>16</v>
      </c>
      <c r="AE5879">
        <v>78</v>
      </c>
      <c r="AF5879">
        <v>0</v>
      </c>
      <c r="AG5879">
        <v>67708</v>
      </c>
      <c r="AH5879">
        <v>50000</v>
      </c>
      <c r="AI5879">
        <v>-11066</v>
      </c>
      <c r="AJ5879">
        <v>38</v>
      </c>
      <c r="AK5879" t="s">
        <v>75</v>
      </c>
      <c r="AL5879">
        <v>0</v>
      </c>
      <c r="AM5879">
        <v>0</v>
      </c>
      <c r="AN5879">
        <v>0</v>
      </c>
      <c r="AO5879">
        <v>0</v>
      </c>
      <c r="AP5879">
        <v>0</v>
      </c>
      <c r="AQ5879">
        <v>0</v>
      </c>
      <c r="AR5879">
        <v>0</v>
      </c>
      <c r="AS5879">
        <v>0</v>
      </c>
      <c r="AT5879">
        <v>0</v>
      </c>
      <c r="AU5879">
        <v>0</v>
      </c>
      <c r="AV5879">
        <v>0</v>
      </c>
      <c r="AW5879">
        <v>0</v>
      </c>
      <c r="AX5879">
        <v>0</v>
      </c>
      <c r="AY5879">
        <v>28</v>
      </c>
      <c r="AZ5879">
        <v>49</v>
      </c>
      <c r="BA5879">
        <v>3792</v>
      </c>
    </row>
    <row r="5880" spans="1:53" x14ac:dyDescent="0.4">
      <c r="A5880">
        <v>5924</v>
      </c>
      <c r="B5880" s="1">
        <v>45070</v>
      </c>
      <c r="C5880">
        <v>1</v>
      </c>
      <c r="D5880" s="1">
        <v>45070.291666666664</v>
      </c>
      <c r="E5880" s="1">
        <v>45070.447916666664</v>
      </c>
      <c r="F5880">
        <v>0</v>
      </c>
      <c r="G5880">
        <v>0</v>
      </c>
      <c r="H5880">
        <v>0</v>
      </c>
      <c r="I5880">
        <v>0</v>
      </c>
      <c r="J5880">
        <v>0</v>
      </c>
      <c r="K5880">
        <v>0</v>
      </c>
      <c r="L5880">
        <v>0</v>
      </c>
      <c r="M5880">
        <v>0</v>
      </c>
      <c r="N5880">
        <v>0</v>
      </c>
      <c r="O5880">
        <v>0</v>
      </c>
      <c r="P5880">
        <v>0</v>
      </c>
      <c r="Q5880">
        <v>0</v>
      </c>
      <c r="R5880">
        <v>0</v>
      </c>
      <c r="S5880">
        <v>0</v>
      </c>
      <c r="T5880">
        <v>0</v>
      </c>
      <c r="U5880">
        <v>0</v>
      </c>
      <c r="V5880">
        <v>0</v>
      </c>
      <c r="W5880">
        <v>1</v>
      </c>
      <c r="X5880">
        <v>0</v>
      </c>
      <c r="Y5880">
        <v>27</v>
      </c>
      <c r="Z5880">
        <v>11</v>
      </c>
      <c r="AA5880">
        <v>100</v>
      </c>
      <c r="AB5880">
        <v>31</v>
      </c>
      <c r="AC5880">
        <v>80</v>
      </c>
      <c r="AD5880">
        <v>14</v>
      </c>
      <c r="AE5880">
        <v>80</v>
      </c>
      <c r="AF5880">
        <v>0</v>
      </c>
      <c r="AG5880">
        <v>50000</v>
      </c>
      <c r="AH5880">
        <v>50000</v>
      </c>
      <c r="AI5880">
        <v>0</v>
      </c>
      <c r="AJ5880">
        <v>0</v>
      </c>
      <c r="AK5880" t="s">
        <v>6</v>
      </c>
      <c r="AL5880">
        <v>0</v>
      </c>
      <c r="AM5880">
        <v>0</v>
      </c>
      <c r="AN5880">
        <v>0</v>
      </c>
      <c r="AO5880">
        <v>0</v>
      </c>
      <c r="AP5880">
        <v>0</v>
      </c>
      <c r="AQ5880">
        <v>0</v>
      </c>
      <c r="AR5880">
        <v>0</v>
      </c>
      <c r="AS5880">
        <v>0</v>
      </c>
      <c r="AT5880">
        <v>0</v>
      </c>
      <c r="AU5880">
        <v>0</v>
      </c>
      <c r="AV5880">
        <v>0</v>
      </c>
      <c r="AW5880">
        <v>0</v>
      </c>
      <c r="AX5880">
        <v>0</v>
      </c>
      <c r="AY5880">
        <v>0</v>
      </c>
      <c r="AZ5880">
        <v>0</v>
      </c>
      <c r="BA5880">
        <v>0</v>
      </c>
    </row>
    <row r="5881" spans="1:53" x14ac:dyDescent="0.4">
      <c r="A5881">
        <v>5925</v>
      </c>
      <c r="B5881" s="1">
        <v>45070</v>
      </c>
      <c r="C5881">
        <v>2</v>
      </c>
      <c r="D5881" s="1">
        <v>45070.447916666664</v>
      </c>
      <c r="E5881" s="1">
        <v>45070.736111111109</v>
      </c>
      <c r="F5881">
        <v>20230</v>
      </c>
      <c r="G5881">
        <v>748</v>
      </c>
      <c r="H5881">
        <v>0</v>
      </c>
      <c r="I5881">
        <v>0</v>
      </c>
      <c r="J5881">
        <v>200</v>
      </c>
      <c r="K5881">
        <v>0</v>
      </c>
      <c r="L5881">
        <v>0</v>
      </c>
      <c r="M5881">
        <v>1889</v>
      </c>
      <c r="N5881">
        <v>0</v>
      </c>
      <c r="O5881">
        <v>0</v>
      </c>
      <c r="P5881">
        <v>9570</v>
      </c>
      <c r="Q5881">
        <v>0</v>
      </c>
      <c r="R5881">
        <v>30348</v>
      </c>
      <c r="S5881">
        <v>0</v>
      </c>
      <c r="T5881">
        <v>0</v>
      </c>
      <c r="U5881">
        <v>0</v>
      </c>
      <c r="V5881">
        <v>1</v>
      </c>
      <c r="W5881">
        <v>0</v>
      </c>
      <c r="X5881">
        <v>0</v>
      </c>
      <c r="Y5881">
        <v>49</v>
      </c>
      <c r="Z5881">
        <v>10</v>
      </c>
      <c r="AA5881">
        <v>107</v>
      </c>
      <c r="AB5881">
        <v>36</v>
      </c>
      <c r="AC5881">
        <v>90</v>
      </c>
      <c r="AD5881">
        <v>15</v>
      </c>
      <c r="AE5881">
        <v>83</v>
      </c>
      <c r="AF5881">
        <v>2790</v>
      </c>
      <c r="AG5881">
        <v>80348</v>
      </c>
      <c r="AH5881">
        <v>50000</v>
      </c>
      <c r="AI5881">
        <v>0</v>
      </c>
      <c r="AJ5881">
        <v>36</v>
      </c>
      <c r="AK5881" t="s">
        <v>68</v>
      </c>
      <c r="AL5881">
        <v>0</v>
      </c>
      <c r="AM5881">
        <v>0</v>
      </c>
      <c r="AN5881">
        <v>0</v>
      </c>
      <c r="AO5881">
        <v>0</v>
      </c>
      <c r="AP5881">
        <v>0</v>
      </c>
      <c r="AQ5881">
        <v>0</v>
      </c>
      <c r="AR5881">
        <v>0</v>
      </c>
      <c r="AS5881">
        <v>0</v>
      </c>
      <c r="AT5881">
        <v>0</v>
      </c>
      <c r="AU5881">
        <v>0</v>
      </c>
      <c r="AV5881">
        <v>0</v>
      </c>
      <c r="AW5881">
        <v>0</v>
      </c>
      <c r="AX5881">
        <v>308</v>
      </c>
      <c r="AY5881">
        <v>35</v>
      </c>
      <c r="AZ5881">
        <v>50</v>
      </c>
      <c r="BA5881">
        <v>5049</v>
      </c>
    </row>
    <row r="5882" spans="1:53" x14ac:dyDescent="0.4">
      <c r="A5882">
        <v>5926</v>
      </c>
      <c r="B5882" s="1">
        <v>45071</v>
      </c>
      <c r="C5882">
        <v>1</v>
      </c>
      <c r="D5882" s="1">
        <v>45071.291666666664</v>
      </c>
      <c r="E5882" s="1">
        <v>45071.443749999999</v>
      </c>
      <c r="F5882">
        <v>0</v>
      </c>
      <c r="G5882">
        <v>0</v>
      </c>
      <c r="H5882">
        <v>0</v>
      </c>
      <c r="I5882">
        <v>0</v>
      </c>
      <c r="J5882">
        <v>0</v>
      </c>
      <c r="K5882">
        <v>0</v>
      </c>
      <c r="L5882">
        <v>0</v>
      </c>
      <c r="M5882">
        <v>0</v>
      </c>
      <c r="N5882">
        <v>0</v>
      </c>
      <c r="O5882">
        <v>0</v>
      </c>
      <c r="P5882">
        <v>0</v>
      </c>
      <c r="Q5882">
        <v>0</v>
      </c>
      <c r="R5882">
        <v>0</v>
      </c>
      <c r="S5882">
        <v>0</v>
      </c>
      <c r="T5882">
        <v>0</v>
      </c>
      <c r="U5882">
        <v>0</v>
      </c>
      <c r="V5882">
        <v>0</v>
      </c>
      <c r="W5882">
        <v>1</v>
      </c>
      <c r="X5882">
        <v>0</v>
      </c>
      <c r="Y5882">
        <v>28</v>
      </c>
      <c r="Z5882">
        <v>11</v>
      </c>
      <c r="AA5882">
        <v>91</v>
      </c>
      <c r="AB5882">
        <v>31</v>
      </c>
      <c r="AC5882">
        <v>70</v>
      </c>
      <c r="AD5882">
        <v>14</v>
      </c>
      <c r="AE5882">
        <v>100</v>
      </c>
      <c r="AF5882">
        <v>0</v>
      </c>
      <c r="AG5882">
        <v>50020</v>
      </c>
      <c r="AH5882">
        <v>50000</v>
      </c>
      <c r="AI5882">
        <v>20</v>
      </c>
      <c r="AJ5882">
        <v>0</v>
      </c>
      <c r="AK5882" t="s">
        <v>6</v>
      </c>
      <c r="AL5882">
        <v>0</v>
      </c>
      <c r="AM5882">
        <v>0</v>
      </c>
      <c r="AN5882">
        <v>0</v>
      </c>
      <c r="AO5882">
        <v>0</v>
      </c>
      <c r="AP5882">
        <v>0</v>
      </c>
      <c r="AQ5882">
        <v>0</v>
      </c>
      <c r="AR5882">
        <v>0</v>
      </c>
      <c r="AS5882">
        <v>0</v>
      </c>
      <c r="AT5882">
        <v>0</v>
      </c>
      <c r="AU5882">
        <v>0</v>
      </c>
      <c r="AV5882">
        <v>0</v>
      </c>
      <c r="AW5882">
        <v>0</v>
      </c>
      <c r="AX5882">
        <v>0</v>
      </c>
      <c r="AY5882">
        <v>0</v>
      </c>
      <c r="AZ5882">
        <v>0</v>
      </c>
      <c r="BA5882">
        <v>0</v>
      </c>
    </row>
    <row r="5883" spans="1:53" x14ac:dyDescent="0.4">
      <c r="A5883">
        <v>5927</v>
      </c>
      <c r="B5883" s="1">
        <v>45071</v>
      </c>
      <c r="C5883">
        <v>2</v>
      </c>
      <c r="D5883" s="1">
        <v>45071.443749999999</v>
      </c>
      <c r="E5883" s="1">
        <v>45071.674305555556</v>
      </c>
      <c r="F5883">
        <v>8590</v>
      </c>
      <c r="G5883">
        <v>0</v>
      </c>
      <c r="H5883">
        <v>0</v>
      </c>
      <c r="I5883">
        <v>0</v>
      </c>
      <c r="J5883">
        <v>0</v>
      </c>
      <c r="K5883">
        <v>0</v>
      </c>
      <c r="L5883">
        <v>0</v>
      </c>
      <c r="M5883">
        <v>780</v>
      </c>
      <c r="N5883">
        <v>0</v>
      </c>
      <c r="O5883">
        <v>0</v>
      </c>
      <c r="P5883">
        <v>24060</v>
      </c>
      <c r="Q5883">
        <v>0</v>
      </c>
      <c r="R5883">
        <v>32650</v>
      </c>
      <c r="S5883">
        <v>0</v>
      </c>
      <c r="T5883">
        <v>0</v>
      </c>
      <c r="U5883">
        <v>0</v>
      </c>
      <c r="V5883">
        <v>0</v>
      </c>
      <c r="W5883">
        <v>2</v>
      </c>
      <c r="X5883">
        <v>0</v>
      </c>
      <c r="Y5883">
        <v>49</v>
      </c>
      <c r="Z5883">
        <v>22</v>
      </c>
      <c r="AA5883">
        <v>83</v>
      </c>
      <c r="AB5883">
        <v>36</v>
      </c>
      <c r="AC5883">
        <v>81</v>
      </c>
      <c r="AD5883">
        <v>14</v>
      </c>
      <c r="AE5883">
        <v>100</v>
      </c>
      <c r="AF5883">
        <v>0</v>
      </c>
      <c r="AG5883">
        <v>81080</v>
      </c>
      <c r="AH5883">
        <v>50000</v>
      </c>
      <c r="AI5883">
        <v>-1570</v>
      </c>
      <c r="AJ5883">
        <v>38</v>
      </c>
      <c r="AK5883" t="s">
        <v>75</v>
      </c>
      <c r="AL5883">
        <v>0</v>
      </c>
      <c r="AM5883">
        <v>0</v>
      </c>
      <c r="AN5883">
        <v>0</v>
      </c>
      <c r="AO5883">
        <v>0</v>
      </c>
      <c r="AP5883">
        <v>0</v>
      </c>
      <c r="AQ5883">
        <v>0</v>
      </c>
      <c r="AR5883">
        <v>0</v>
      </c>
      <c r="AS5883">
        <v>0</v>
      </c>
      <c r="AT5883">
        <v>0</v>
      </c>
      <c r="AU5883">
        <v>0</v>
      </c>
      <c r="AV5883">
        <v>0</v>
      </c>
      <c r="AW5883">
        <v>0</v>
      </c>
      <c r="AX5883">
        <v>-1200</v>
      </c>
      <c r="AY5883">
        <v>30</v>
      </c>
      <c r="AZ5883">
        <v>53</v>
      </c>
      <c r="BA5883">
        <v>3546</v>
      </c>
    </row>
    <row r="5884" spans="1:53" x14ac:dyDescent="0.4">
      <c r="A5884">
        <v>5928</v>
      </c>
      <c r="B5884" s="1">
        <v>45071</v>
      </c>
      <c r="C5884">
        <v>3</v>
      </c>
      <c r="D5884" s="1">
        <v>45071.674305555556</v>
      </c>
      <c r="E5884" s="1">
        <v>45071.869444444441</v>
      </c>
      <c r="F5884">
        <v>35600</v>
      </c>
      <c r="G5884">
        <v>1012</v>
      </c>
      <c r="H5884">
        <v>0</v>
      </c>
      <c r="I5884">
        <v>0</v>
      </c>
      <c r="J5884">
        <v>100</v>
      </c>
      <c r="K5884">
        <v>0</v>
      </c>
      <c r="L5884">
        <v>0</v>
      </c>
      <c r="M5884">
        <v>3320</v>
      </c>
      <c r="N5884">
        <v>0</v>
      </c>
      <c r="O5884">
        <v>0</v>
      </c>
      <c r="P5884">
        <v>-17370</v>
      </c>
      <c r="Q5884">
        <v>0</v>
      </c>
      <c r="R5884">
        <v>19142</v>
      </c>
      <c r="S5884">
        <v>0</v>
      </c>
      <c r="T5884">
        <v>0</v>
      </c>
      <c r="U5884">
        <v>0</v>
      </c>
      <c r="V5884">
        <v>1</v>
      </c>
      <c r="W5884">
        <v>2</v>
      </c>
      <c r="X5884">
        <v>0</v>
      </c>
      <c r="Y5884">
        <v>55</v>
      </c>
      <c r="Z5884">
        <v>25</v>
      </c>
      <c r="AA5884">
        <v>64</v>
      </c>
      <c r="AB5884">
        <v>45</v>
      </c>
      <c r="AC5884">
        <v>82</v>
      </c>
      <c r="AD5884">
        <v>14</v>
      </c>
      <c r="AE5884">
        <v>82</v>
      </c>
      <c r="AF5884">
        <v>4670</v>
      </c>
      <c r="AG5884">
        <v>101792</v>
      </c>
      <c r="AH5884">
        <v>50000</v>
      </c>
      <c r="AI5884">
        <v>0</v>
      </c>
      <c r="AJ5884">
        <v>116</v>
      </c>
      <c r="AK5884" t="s">
        <v>51</v>
      </c>
      <c r="AL5884">
        <v>0</v>
      </c>
      <c r="AM5884">
        <v>0</v>
      </c>
      <c r="AN5884">
        <v>0</v>
      </c>
      <c r="AO5884">
        <v>0</v>
      </c>
      <c r="AP5884">
        <v>0</v>
      </c>
      <c r="AQ5884">
        <v>0</v>
      </c>
      <c r="AR5884">
        <v>0</v>
      </c>
      <c r="AS5884">
        <v>0</v>
      </c>
      <c r="AT5884">
        <v>0</v>
      </c>
      <c r="AU5884">
        <v>0</v>
      </c>
      <c r="AV5884">
        <v>0</v>
      </c>
      <c r="AW5884">
        <v>0</v>
      </c>
      <c r="AX5884">
        <v>5900</v>
      </c>
      <c r="AY5884">
        <v>17</v>
      </c>
      <c r="AZ5884">
        <v>39</v>
      </c>
      <c r="BA5884">
        <v>3412</v>
      </c>
    </row>
    <row r="5885" spans="1:53" x14ac:dyDescent="0.4">
      <c r="A5885">
        <v>5929</v>
      </c>
      <c r="B5885" s="1">
        <v>45072</v>
      </c>
      <c r="C5885">
        <v>1</v>
      </c>
      <c r="D5885" s="1">
        <v>45072.291666666664</v>
      </c>
      <c r="E5885" s="1">
        <v>45072.449305555558</v>
      </c>
      <c r="F5885">
        <v>0</v>
      </c>
      <c r="G5885">
        <v>0</v>
      </c>
      <c r="H5885">
        <v>0</v>
      </c>
      <c r="I5885">
        <v>0</v>
      </c>
      <c r="J5885">
        <v>0</v>
      </c>
      <c r="K5885">
        <v>0</v>
      </c>
      <c r="L5885">
        <v>0</v>
      </c>
      <c r="M5885">
        <v>0</v>
      </c>
      <c r="N5885">
        <v>0</v>
      </c>
      <c r="O5885">
        <v>0</v>
      </c>
      <c r="P5885">
        <v>0</v>
      </c>
      <c r="Q5885">
        <v>0</v>
      </c>
      <c r="R5885">
        <v>0</v>
      </c>
      <c r="S5885">
        <v>0</v>
      </c>
      <c r="T5885">
        <v>0</v>
      </c>
      <c r="U5885">
        <v>0</v>
      </c>
      <c r="V5885">
        <v>0</v>
      </c>
      <c r="W5885">
        <v>1</v>
      </c>
      <c r="X5885">
        <v>0</v>
      </c>
      <c r="Y5885">
        <v>30</v>
      </c>
      <c r="Z5885">
        <v>11</v>
      </c>
      <c r="AA5885">
        <v>67</v>
      </c>
      <c r="AB5885">
        <v>37</v>
      </c>
      <c r="AC5885">
        <v>81</v>
      </c>
      <c r="AD5885">
        <v>12</v>
      </c>
      <c r="AE5885">
        <v>80</v>
      </c>
      <c r="AF5885">
        <v>0</v>
      </c>
      <c r="AG5885">
        <v>50000</v>
      </c>
      <c r="AH5885">
        <v>50000</v>
      </c>
      <c r="AI5885">
        <v>0</v>
      </c>
      <c r="AJ5885">
        <v>0</v>
      </c>
      <c r="AK5885" t="s">
        <v>6</v>
      </c>
      <c r="AL5885">
        <v>0</v>
      </c>
      <c r="AM5885">
        <v>0</v>
      </c>
      <c r="AN5885">
        <v>0</v>
      </c>
      <c r="AO5885">
        <v>0</v>
      </c>
      <c r="AP5885">
        <v>0</v>
      </c>
      <c r="AQ5885">
        <v>0</v>
      </c>
      <c r="AR5885">
        <v>0</v>
      </c>
      <c r="AS5885">
        <v>0</v>
      </c>
      <c r="AT5885">
        <v>0</v>
      </c>
      <c r="AU5885">
        <v>0</v>
      </c>
      <c r="AV5885">
        <v>0</v>
      </c>
      <c r="AW5885">
        <v>0</v>
      </c>
      <c r="AX5885">
        <v>0</v>
      </c>
      <c r="AY5885">
        <v>0</v>
      </c>
      <c r="AZ5885">
        <v>0</v>
      </c>
      <c r="BA5885">
        <v>0</v>
      </c>
    </row>
    <row r="5886" spans="1:53" x14ac:dyDescent="0.4">
      <c r="A5886">
        <v>5930</v>
      </c>
      <c r="B5886" s="1">
        <v>45072</v>
      </c>
      <c r="C5886">
        <v>2</v>
      </c>
      <c r="D5886" s="1">
        <v>45072.449305555558</v>
      </c>
      <c r="E5886" s="1">
        <v>45072.742361111108</v>
      </c>
      <c r="F5886">
        <v>21560</v>
      </c>
      <c r="G5886">
        <v>3212</v>
      </c>
      <c r="H5886">
        <v>0</v>
      </c>
      <c r="I5886">
        <v>0</v>
      </c>
      <c r="J5886">
        <v>0</v>
      </c>
      <c r="K5886">
        <v>0</v>
      </c>
      <c r="L5886">
        <v>0</v>
      </c>
      <c r="M5886">
        <v>2252</v>
      </c>
      <c r="N5886">
        <v>0</v>
      </c>
      <c r="O5886">
        <v>0</v>
      </c>
      <c r="P5886">
        <v>11830</v>
      </c>
      <c r="Q5886">
        <v>0</v>
      </c>
      <c r="R5886">
        <v>36602</v>
      </c>
      <c r="S5886">
        <v>0</v>
      </c>
      <c r="T5886">
        <v>0</v>
      </c>
      <c r="U5886">
        <v>0</v>
      </c>
      <c r="V5886">
        <v>1</v>
      </c>
      <c r="W5886">
        <v>3</v>
      </c>
      <c r="X5886">
        <v>0</v>
      </c>
      <c r="Y5886">
        <v>42</v>
      </c>
      <c r="Z5886">
        <v>17</v>
      </c>
      <c r="AA5886">
        <v>56</v>
      </c>
      <c r="AB5886">
        <v>37</v>
      </c>
      <c r="AC5886">
        <v>106</v>
      </c>
      <c r="AD5886">
        <v>19</v>
      </c>
      <c r="AE5886">
        <v>87</v>
      </c>
      <c r="AF5886">
        <v>2410</v>
      </c>
      <c r="AG5886">
        <v>86602</v>
      </c>
      <c r="AH5886">
        <v>50000</v>
      </c>
      <c r="AI5886">
        <v>0</v>
      </c>
      <c r="AJ5886">
        <v>36</v>
      </c>
      <c r="AK5886" t="s">
        <v>68</v>
      </c>
      <c r="AL5886">
        <v>0</v>
      </c>
      <c r="AM5886">
        <v>0</v>
      </c>
      <c r="AN5886">
        <v>0</v>
      </c>
      <c r="AO5886">
        <v>0</v>
      </c>
      <c r="AP5886">
        <v>0</v>
      </c>
      <c r="AQ5886">
        <v>0</v>
      </c>
      <c r="AR5886">
        <v>0</v>
      </c>
      <c r="AS5886">
        <v>0</v>
      </c>
      <c r="AT5886">
        <v>0</v>
      </c>
      <c r="AU5886">
        <v>0</v>
      </c>
      <c r="AV5886">
        <v>0</v>
      </c>
      <c r="AW5886">
        <v>0</v>
      </c>
      <c r="AX5886">
        <v>0</v>
      </c>
      <c r="AY5886">
        <v>39</v>
      </c>
      <c r="AZ5886">
        <v>56</v>
      </c>
      <c r="BA5886">
        <v>5327</v>
      </c>
    </row>
    <row r="5887" spans="1:53" x14ac:dyDescent="0.4">
      <c r="A5887">
        <v>5931</v>
      </c>
      <c r="B5887" s="1">
        <v>45073</v>
      </c>
      <c r="C5887">
        <v>1</v>
      </c>
      <c r="D5887" s="1">
        <v>45073.291666666664</v>
      </c>
      <c r="E5887" s="1">
        <v>45073.413194444445</v>
      </c>
      <c r="F5887">
        <v>0</v>
      </c>
      <c r="G5887">
        <v>0</v>
      </c>
      <c r="H5887">
        <v>0</v>
      </c>
      <c r="I5887">
        <v>0</v>
      </c>
      <c r="J5887">
        <v>0</v>
      </c>
      <c r="K5887">
        <v>0</v>
      </c>
      <c r="L5887">
        <v>0</v>
      </c>
      <c r="M5887">
        <v>0</v>
      </c>
      <c r="N5887">
        <v>0</v>
      </c>
      <c r="O5887">
        <v>0</v>
      </c>
      <c r="P5887">
        <v>0</v>
      </c>
      <c r="Q5887">
        <v>0</v>
      </c>
      <c r="R5887">
        <v>0</v>
      </c>
      <c r="S5887">
        <v>0</v>
      </c>
      <c r="T5887">
        <v>0</v>
      </c>
      <c r="U5887">
        <v>0</v>
      </c>
      <c r="V5887">
        <v>0</v>
      </c>
      <c r="W5887">
        <v>1</v>
      </c>
      <c r="X5887">
        <v>0</v>
      </c>
      <c r="Y5887">
        <v>30</v>
      </c>
      <c r="Z5887">
        <v>11</v>
      </c>
      <c r="AA5887">
        <v>69</v>
      </c>
      <c r="AB5887">
        <v>33</v>
      </c>
      <c r="AC5887">
        <v>78</v>
      </c>
      <c r="AD5887">
        <v>18</v>
      </c>
      <c r="AE5887">
        <v>80</v>
      </c>
      <c r="AF5887">
        <v>0</v>
      </c>
      <c r="AG5887">
        <v>50000</v>
      </c>
      <c r="AH5887">
        <v>50000</v>
      </c>
      <c r="AI5887">
        <v>0</v>
      </c>
      <c r="AJ5887">
        <v>0</v>
      </c>
      <c r="AK5887" t="s">
        <v>6</v>
      </c>
      <c r="AL5887">
        <v>0</v>
      </c>
      <c r="AM5887">
        <v>0</v>
      </c>
      <c r="AN5887">
        <v>0</v>
      </c>
      <c r="AO5887">
        <v>0</v>
      </c>
      <c r="AP5887">
        <v>0</v>
      </c>
      <c r="AQ5887">
        <v>0</v>
      </c>
      <c r="AR5887">
        <v>0</v>
      </c>
      <c r="AS5887">
        <v>0</v>
      </c>
      <c r="AT5887">
        <v>0</v>
      </c>
      <c r="AU5887">
        <v>0</v>
      </c>
      <c r="AV5887">
        <v>0</v>
      </c>
      <c r="AW5887">
        <v>0</v>
      </c>
      <c r="AX5887">
        <v>0</v>
      </c>
      <c r="AY5887">
        <v>0</v>
      </c>
      <c r="AZ5887">
        <v>0</v>
      </c>
      <c r="BA5887">
        <v>0</v>
      </c>
    </row>
    <row r="5888" spans="1:53" x14ac:dyDescent="0.4">
      <c r="A5888">
        <v>5932</v>
      </c>
      <c r="B5888" s="1">
        <v>45073</v>
      </c>
      <c r="C5888">
        <v>2</v>
      </c>
      <c r="D5888" s="1">
        <v>45073.413194444445</v>
      </c>
      <c r="E5888" s="1">
        <v>45073.743055555555</v>
      </c>
      <c r="F5888">
        <v>35470</v>
      </c>
      <c r="G5888">
        <v>2684</v>
      </c>
      <c r="H5888">
        <v>220</v>
      </c>
      <c r="I5888">
        <v>0</v>
      </c>
      <c r="J5888">
        <v>0</v>
      </c>
      <c r="K5888">
        <v>2000</v>
      </c>
      <c r="L5888">
        <v>0</v>
      </c>
      <c r="M5888">
        <v>3668</v>
      </c>
      <c r="N5888">
        <v>0</v>
      </c>
      <c r="O5888">
        <v>0</v>
      </c>
      <c r="P5888">
        <v>27185</v>
      </c>
      <c r="Q5888">
        <v>0</v>
      </c>
      <c r="R5888">
        <v>67559</v>
      </c>
      <c r="S5888">
        <v>0</v>
      </c>
      <c r="T5888">
        <v>0</v>
      </c>
      <c r="U5888">
        <v>0</v>
      </c>
      <c r="V5888">
        <v>2</v>
      </c>
      <c r="W5888">
        <v>1</v>
      </c>
      <c r="X5888">
        <v>0</v>
      </c>
      <c r="Y5888">
        <v>66</v>
      </c>
      <c r="Z5888">
        <v>22</v>
      </c>
      <c r="AA5888">
        <v>81</v>
      </c>
      <c r="AB5888">
        <v>32</v>
      </c>
      <c r="AC5888">
        <v>119</v>
      </c>
      <c r="AD5888">
        <v>19</v>
      </c>
      <c r="AE5888">
        <v>80</v>
      </c>
      <c r="AF5888">
        <v>4494</v>
      </c>
      <c r="AG5888">
        <v>117559</v>
      </c>
      <c r="AH5888">
        <v>50000</v>
      </c>
      <c r="AI5888">
        <v>0</v>
      </c>
      <c r="AJ5888">
        <v>118</v>
      </c>
      <c r="AK5888" t="s">
        <v>59</v>
      </c>
      <c r="AL5888">
        <v>0</v>
      </c>
      <c r="AM5888">
        <v>0</v>
      </c>
      <c r="AN5888">
        <v>0</v>
      </c>
      <c r="AO5888">
        <v>0</v>
      </c>
      <c r="AP5888">
        <v>0</v>
      </c>
      <c r="AQ5888">
        <v>0</v>
      </c>
      <c r="AR5888">
        <v>0</v>
      </c>
      <c r="AS5888">
        <v>0</v>
      </c>
      <c r="AT5888">
        <v>0</v>
      </c>
      <c r="AU5888">
        <v>0</v>
      </c>
      <c r="AV5888">
        <v>0</v>
      </c>
      <c r="AW5888">
        <v>0</v>
      </c>
      <c r="AX5888">
        <v>2376</v>
      </c>
      <c r="AY5888">
        <v>52</v>
      </c>
      <c r="AZ5888">
        <v>101</v>
      </c>
      <c r="BA5888">
        <v>7914</v>
      </c>
    </row>
    <row r="5889" spans="1:53" x14ac:dyDescent="0.4">
      <c r="A5889">
        <v>5933</v>
      </c>
      <c r="B5889" s="1">
        <v>45073</v>
      </c>
      <c r="C5889">
        <v>3</v>
      </c>
      <c r="D5889" s="1">
        <v>45073.743055555555</v>
      </c>
      <c r="E5889" s="1">
        <v>45073.957638888889</v>
      </c>
      <c r="F5889">
        <v>153145</v>
      </c>
      <c r="G5889">
        <v>11407</v>
      </c>
      <c r="H5889">
        <v>0</v>
      </c>
      <c r="I5889">
        <v>0</v>
      </c>
      <c r="J5889">
        <v>100</v>
      </c>
      <c r="K5889">
        <v>0</v>
      </c>
      <c r="L5889">
        <v>0</v>
      </c>
      <c r="M5889">
        <v>14953</v>
      </c>
      <c r="N5889">
        <v>0</v>
      </c>
      <c r="O5889">
        <v>0</v>
      </c>
      <c r="P5889">
        <v>-27185</v>
      </c>
      <c r="Q5889">
        <v>0</v>
      </c>
      <c r="R5889">
        <v>137267</v>
      </c>
      <c r="S5889">
        <v>0</v>
      </c>
      <c r="T5889">
        <v>0</v>
      </c>
      <c r="U5889">
        <v>0</v>
      </c>
      <c r="V5889">
        <v>7</v>
      </c>
      <c r="W5889">
        <v>2</v>
      </c>
      <c r="X5889">
        <v>0</v>
      </c>
      <c r="Y5889">
        <v>90</v>
      </c>
      <c r="Z5889">
        <v>26</v>
      </c>
      <c r="AA5889">
        <v>86</v>
      </c>
      <c r="AB5889">
        <v>33</v>
      </c>
      <c r="AC5889">
        <v>106</v>
      </c>
      <c r="AD5889">
        <v>20</v>
      </c>
      <c r="AE5889">
        <v>79</v>
      </c>
      <c r="AF5889">
        <v>60337</v>
      </c>
      <c r="AG5889">
        <v>254826</v>
      </c>
      <c r="AH5889">
        <v>50000</v>
      </c>
      <c r="AI5889">
        <v>0</v>
      </c>
      <c r="AJ5889">
        <v>74</v>
      </c>
      <c r="AK5889" t="s">
        <v>67</v>
      </c>
      <c r="AL5889">
        <v>0</v>
      </c>
      <c r="AM5889">
        <v>0</v>
      </c>
      <c r="AN5889">
        <v>0</v>
      </c>
      <c r="AO5889">
        <v>0</v>
      </c>
      <c r="AP5889">
        <v>0</v>
      </c>
      <c r="AQ5889">
        <v>0</v>
      </c>
      <c r="AR5889">
        <v>0</v>
      </c>
      <c r="AS5889">
        <v>0</v>
      </c>
      <c r="AT5889">
        <v>0</v>
      </c>
      <c r="AU5889">
        <v>0</v>
      </c>
      <c r="AV5889">
        <v>0</v>
      </c>
      <c r="AW5889">
        <v>0</v>
      </c>
      <c r="AX5889">
        <v>75667</v>
      </c>
      <c r="AY5889">
        <v>36</v>
      </c>
      <c r="AZ5889">
        <v>122</v>
      </c>
      <c r="BA5889">
        <v>5296</v>
      </c>
    </row>
    <row r="5890" spans="1:53" x14ac:dyDescent="0.4">
      <c r="A5890">
        <v>5934</v>
      </c>
      <c r="B5890" s="1">
        <v>45074</v>
      </c>
      <c r="C5890">
        <v>1</v>
      </c>
      <c r="D5890" s="1">
        <v>45074.291666666664</v>
      </c>
      <c r="E5890" s="1">
        <v>45074.397916666669</v>
      </c>
      <c r="F5890">
        <v>0</v>
      </c>
      <c r="G5890">
        <v>0</v>
      </c>
      <c r="H5890">
        <v>0</v>
      </c>
      <c r="I5890">
        <v>0</v>
      </c>
      <c r="J5890">
        <v>0</v>
      </c>
      <c r="K5890">
        <v>0</v>
      </c>
      <c r="L5890">
        <v>0</v>
      </c>
      <c r="M5890">
        <v>0</v>
      </c>
      <c r="N5890">
        <v>0</v>
      </c>
      <c r="O5890">
        <v>0</v>
      </c>
      <c r="P5890">
        <v>0</v>
      </c>
      <c r="Q5890">
        <v>0</v>
      </c>
      <c r="R5890">
        <v>0</v>
      </c>
      <c r="S5890">
        <v>0</v>
      </c>
      <c r="T5890">
        <v>0</v>
      </c>
      <c r="U5890">
        <v>0</v>
      </c>
      <c r="V5890">
        <v>0</v>
      </c>
      <c r="W5890">
        <v>1</v>
      </c>
      <c r="X5890">
        <v>0</v>
      </c>
      <c r="Y5890">
        <v>30</v>
      </c>
      <c r="Z5890">
        <v>10</v>
      </c>
      <c r="AA5890">
        <v>78</v>
      </c>
      <c r="AB5890">
        <v>26</v>
      </c>
      <c r="AC5890">
        <v>74</v>
      </c>
      <c r="AD5890">
        <v>18</v>
      </c>
      <c r="AE5890">
        <v>70</v>
      </c>
      <c r="AF5890">
        <v>0</v>
      </c>
      <c r="AG5890">
        <v>50000</v>
      </c>
      <c r="AH5890">
        <v>50000</v>
      </c>
      <c r="AI5890">
        <v>0</v>
      </c>
      <c r="AJ5890">
        <v>0</v>
      </c>
      <c r="AK5890" t="s">
        <v>6</v>
      </c>
      <c r="AL5890">
        <v>0</v>
      </c>
      <c r="AM5890">
        <v>0</v>
      </c>
      <c r="AN5890">
        <v>0</v>
      </c>
      <c r="AO5890">
        <v>0</v>
      </c>
      <c r="AP5890">
        <v>0</v>
      </c>
      <c r="AQ5890">
        <v>0</v>
      </c>
      <c r="AR5890">
        <v>0</v>
      </c>
      <c r="AS5890">
        <v>0</v>
      </c>
      <c r="AT5890">
        <v>0</v>
      </c>
      <c r="AU5890">
        <v>0</v>
      </c>
      <c r="AV5890">
        <v>0</v>
      </c>
      <c r="AW5890">
        <v>0</v>
      </c>
      <c r="AX5890">
        <v>0</v>
      </c>
      <c r="AY5890">
        <v>0</v>
      </c>
      <c r="AZ5890">
        <v>0</v>
      </c>
      <c r="BA5890">
        <v>0</v>
      </c>
    </row>
    <row r="5891" spans="1:53" x14ac:dyDescent="0.4">
      <c r="A5891">
        <v>5935</v>
      </c>
      <c r="B5891" s="1">
        <v>45074</v>
      </c>
      <c r="C5891">
        <v>2</v>
      </c>
      <c r="D5891" s="1">
        <v>45074.397916666669</v>
      </c>
      <c r="E5891" s="1">
        <v>45074.736111111109</v>
      </c>
      <c r="F5891">
        <v>48230</v>
      </c>
      <c r="G5891">
        <v>4400</v>
      </c>
      <c r="H5891">
        <v>220</v>
      </c>
      <c r="I5891">
        <v>0</v>
      </c>
      <c r="J5891">
        <v>400</v>
      </c>
      <c r="K5891">
        <v>0</v>
      </c>
      <c r="L5891">
        <v>0</v>
      </c>
      <c r="M5891">
        <v>4767</v>
      </c>
      <c r="N5891">
        <v>0</v>
      </c>
      <c r="O5891">
        <v>0</v>
      </c>
      <c r="P5891">
        <v>24680</v>
      </c>
      <c r="Q5891">
        <v>0</v>
      </c>
      <c r="R5891">
        <v>77130</v>
      </c>
      <c r="S5891">
        <v>0</v>
      </c>
      <c r="T5891">
        <v>0</v>
      </c>
      <c r="U5891">
        <v>0</v>
      </c>
      <c r="V5891">
        <v>2</v>
      </c>
      <c r="W5891">
        <v>1</v>
      </c>
      <c r="X5891">
        <v>0</v>
      </c>
      <c r="Y5891">
        <v>69</v>
      </c>
      <c r="Z5891">
        <v>26</v>
      </c>
      <c r="AA5891">
        <v>108</v>
      </c>
      <c r="AB5891">
        <v>26</v>
      </c>
      <c r="AC5891">
        <v>107</v>
      </c>
      <c r="AD5891">
        <v>22</v>
      </c>
      <c r="AE5891">
        <v>70</v>
      </c>
      <c r="AF5891">
        <v>6780</v>
      </c>
      <c r="AG5891">
        <v>127130</v>
      </c>
      <c r="AH5891">
        <v>50000</v>
      </c>
      <c r="AI5891">
        <v>0</v>
      </c>
      <c r="AJ5891">
        <v>115</v>
      </c>
      <c r="AK5891" t="s">
        <v>55</v>
      </c>
      <c r="AL5891">
        <v>0</v>
      </c>
      <c r="AM5891">
        <v>0</v>
      </c>
      <c r="AN5891">
        <v>0</v>
      </c>
      <c r="AO5891">
        <v>0</v>
      </c>
      <c r="AP5891">
        <v>0</v>
      </c>
      <c r="AQ5891">
        <v>0</v>
      </c>
      <c r="AR5891">
        <v>0</v>
      </c>
      <c r="AS5891">
        <v>0</v>
      </c>
      <c r="AT5891">
        <v>0</v>
      </c>
      <c r="AU5891">
        <v>0</v>
      </c>
      <c r="AV5891">
        <v>0</v>
      </c>
      <c r="AW5891">
        <v>0</v>
      </c>
      <c r="AX5891">
        <v>-612</v>
      </c>
      <c r="AY5891">
        <v>54</v>
      </c>
      <c r="AZ5891">
        <v>117</v>
      </c>
      <c r="BA5891">
        <v>7597</v>
      </c>
    </row>
    <row r="5892" spans="1:53" x14ac:dyDescent="0.4">
      <c r="A5892">
        <v>5936</v>
      </c>
      <c r="B5892" s="1">
        <v>45074</v>
      </c>
      <c r="C5892">
        <v>3</v>
      </c>
      <c r="D5892" s="1">
        <v>45074.736111111109</v>
      </c>
      <c r="E5892" s="1">
        <v>45074.957638888889</v>
      </c>
      <c r="F5892">
        <v>54960</v>
      </c>
      <c r="G5892">
        <v>3681</v>
      </c>
      <c r="H5892">
        <v>0</v>
      </c>
      <c r="I5892">
        <v>0</v>
      </c>
      <c r="J5892">
        <v>100</v>
      </c>
      <c r="K5892">
        <v>0</v>
      </c>
      <c r="L5892">
        <v>0</v>
      </c>
      <c r="M5892">
        <v>5320</v>
      </c>
      <c r="N5892">
        <v>0</v>
      </c>
      <c r="O5892">
        <v>0</v>
      </c>
      <c r="P5892">
        <v>26270</v>
      </c>
      <c r="Q5892">
        <v>0</v>
      </c>
      <c r="R5892">
        <v>84811</v>
      </c>
      <c r="S5892">
        <v>0</v>
      </c>
      <c r="T5892">
        <v>0</v>
      </c>
      <c r="U5892">
        <v>0</v>
      </c>
      <c r="V5892">
        <v>6</v>
      </c>
      <c r="W5892">
        <v>2</v>
      </c>
      <c r="X5892">
        <v>0</v>
      </c>
      <c r="Y5892">
        <v>94</v>
      </c>
      <c r="Z5892">
        <v>28</v>
      </c>
      <c r="AA5892">
        <v>115</v>
      </c>
      <c r="AB5892">
        <v>36</v>
      </c>
      <c r="AC5892">
        <v>118</v>
      </c>
      <c r="AD5892">
        <v>25</v>
      </c>
      <c r="AE5892">
        <v>73</v>
      </c>
      <c r="AF5892">
        <v>19263</v>
      </c>
      <c r="AG5892">
        <v>211941</v>
      </c>
      <c r="AH5892">
        <v>50000</v>
      </c>
      <c r="AI5892">
        <v>0</v>
      </c>
      <c r="AJ5892">
        <v>74</v>
      </c>
      <c r="AK5892" t="s">
        <v>67</v>
      </c>
      <c r="AL5892">
        <v>0</v>
      </c>
      <c r="AM5892">
        <v>0</v>
      </c>
      <c r="AN5892">
        <v>0</v>
      </c>
      <c r="AO5892">
        <v>0</v>
      </c>
      <c r="AP5892">
        <v>0</v>
      </c>
      <c r="AQ5892">
        <v>0</v>
      </c>
      <c r="AR5892">
        <v>0</v>
      </c>
      <c r="AS5892">
        <v>0</v>
      </c>
      <c r="AT5892">
        <v>0</v>
      </c>
      <c r="AU5892">
        <v>0</v>
      </c>
      <c r="AV5892">
        <v>0</v>
      </c>
      <c r="AW5892">
        <v>0</v>
      </c>
      <c r="AX5892">
        <v>1914</v>
      </c>
      <c r="AY5892">
        <v>19</v>
      </c>
      <c r="AZ5892">
        <v>44</v>
      </c>
      <c r="BA5892">
        <v>4366</v>
      </c>
    </row>
    <row r="5893" spans="1:53" x14ac:dyDescent="0.4">
      <c r="A5893">
        <v>5937</v>
      </c>
      <c r="B5893" s="1">
        <v>45075</v>
      </c>
      <c r="C5893">
        <v>1</v>
      </c>
      <c r="D5893" s="1">
        <v>45075.291666666664</v>
      </c>
      <c r="E5893" s="1">
        <v>45075.443055555559</v>
      </c>
      <c r="F5893">
        <v>0</v>
      </c>
      <c r="G5893">
        <v>0</v>
      </c>
      <c r="H5893">
        <v>0</v>
      </c>
      <c r="I5893">
        <v>0</v>
      </c>
      <c r="J5893">
        <v>0</v>
      </c>
      <c r="K5893">
        <v>0</v>
      </c>
      <c r="L5893">
        <v>0</v>
      </c>
      <c r="M5893">
        <v>0</v>
      </c>
      <c r="N5893">
        <v>0</v>
      </c>
      <c r="O5893">
        <v>0</v>
      </c>
      <c r="P5893">
        <v>0</v>
      </c>
      <c r="Q5893">
        <v>0</v>
      </c>
      <c r="R5893">
        <v>0</v>
      </c>
      <c r="S5893">
        <v>0</v>
      </c>
      <c r="T5893">
        <v>0</v>
      </c>
      <c r="U5893">
        <v>0</v>
      </c>
      <c r="V5893">
        <v>0</v>
      </c>
      <c r="W5893">
        <v>1</v>
      </c>
      <c r="X5893">
        <v>0</v>
      </c>
      <c r="Y5893">
        <v>22</v>
      </c>
      <c r="Z5893">
        <v>19</v>
      </c>
      <c r="AA5893">
        <v>105</v>
      </c>
      <c r="AB5893">
        <v>35</v>
      </c>
      <c r="AC5893">
        <v>106</v>
      </c>
      <c r="AD5893">
        <v>24</v>
      </c>
      <c r="AE5893">
        <v>70</v>
      </c>
      <c r="AF5893">
        <v>0</v>
      </c>
      <c r="AG5893">
        <v>50000</v>
      </c>
      <c r="AH5893">
        <v>50000</v>
      </c>
      <c r="AI5893">
        <v>0</v>
      </c>
      <c r="AJ5893">
        <v>0</v>
      </c>
      <c r="AK5893" t="s">
        <v>6</v>
      </c>
      <c r="AL5893">
        <v>0</v>
      </c>
      <c r="AM5893">
        <v>0</v>
      </c>
      <c r="AN5893">
        <v>0</v>
      </c>
      <c r="AO5893">
        <v>0</v>
      </c>
      <c r="AP5893">
        <v>0</v>
      </c>
      <c r="AQ5893">
        <v>0</v>
      </c>
      <c r="AR5893">
        <v>0</v>
      </c>
      <c r="AS5893">
        <v>0</v>
      </c>
      <c r="AT5893">
        <v>0</v>
      </c>
      <c r="AU5893">
        <v>0</v>
      </c>
      <c r="AV5893">
        <v>0</v>
      </c>
      <c r="AW5893">
        <v>0</v>
      </c>
      <c r="AX5893">
        <v>0</v>
      </c>
      <c r="AY5893">
        <v>0</v>
      </c>
      <c r="AZ5893">
        <v>0</v>
      </c>
      <c r="BA5893">
        <v>0</v>
      </c>
    </row>
    <row r="5894" spans="1:53" x14ac:dyDescent="0.4">
      <c r="A5894">
        <v>5938</v>
      </c>
      <c r="B5894" s="1">
        <v>45075</v>
      </c>
      <c r="C5894">
        <v>2</v>
      </c>
      <c r="D5894" s="1">
        <v>45075.443055555559</v>
      </c>
      <c r="E5894" s="1">
        <v>45075.737500000003</v>
      </c>
      <c r="F5894">
        <v>12200</v>
      </c>
      <c r="G5894">
        <v>594</v>
      </c>
      <c r="H5894">
        <v>0</v>
      </c>
      <c r="I5894">
        <v>0</v>
      </c>
      <c r="J5894">
        <v>0</v>
      </c>
      <c r="K5894">
        <v>0</v>
      </c>
      <c r="L5894">
        <v>0</v>
      </c>
      <c r="M5894">
        <v>1163</v>
      </c>
      <c r="N5894">
        <v>0</v>
      </c>
      <c r="O5894">
        <v>0</v>
      </c>
      <c r="P5894">
        <v>22640</v>
      </c>
      <c r="Q5894">
        <v>0</v>
      </c>
      <c r="R5894">
        <v>35434</v>
      </c>
      <c r="S5894">
        <v>0</v>
      </c>
      <c r="T5894">
        <v>0</v>
      </c>
      <c r="U5894">
        <v>0</v>
      </c>
      <c r="V5894">
        <v>0</v>
      </c>
      <c r="W5894">
        <v>0</v>
      </c>
      <c r="X5894">
        <v>0</v>
      </c>
      <c r="Y5894">
        <v>47</v>
      </c>
      <c r="Z5894">
        <v>21</v>
      </c>
      <c r="AA5894">
        <v>72</v>
      </c>
      <c r="AB5894">
        <v>34</v>
      </c>
      <c r="AC5894">
        <v>111</v>
      </c>
      <c r="AD5894">
        <v>23</v>
      </c>
      <c r="AE5894">
        <v>69</v>
      </c>
      <c r="AF5894">
        <v>17740</v>
      </c>
      <c r="AG5894">
        <v>85434</v>
      </c>
      <c r="AH5894">
        <v>50000</v>
      </c>
      <c r="AI5894">
        <v>0</v>
      </c>
      <c r="AJ5894">
        <v>36</v>
      </c>
      <c r="AK5894" t="s">
        <v>68</v>
      </c>
      <c r="AL5894">
        <v>0</v>
      </c>
      <c r="AM5894">
        <v>0</v>
      </c>
      <c r="AN5894">
        <v>0</v>
      </c>
      <c r="AO5894">
        <v>0</v>
      </c>
      <c r="AP5894">
        <v>0</v>
      </c>
      <c r="AQ5894">
        <v>0</v>
      </c>
      <c r="AR5894">
        <v>0</v>
      </c>
      <c r="AS5894">
        <v>0</v>
      </c>
      <c r="AT5894">
        <v>0</v>
      </c>
      <c r="AU5894">
        <v>0</v>
      </c>
      <c r="AV5894">
        <v>0</v>
      </c>
      <c r="AW5894">
        <v>0</v>
      </c>
      <c r="AX5894">
        <v>-452</v>
      </c>
      <c r="AY5894">
        <v>34</v>
      </c>
      <c r="AZ5894">
        <v>57</v>
      </c>
      <c r="BA5894">
        <v>4389</v>
      </c>
    </row>
    <row r="5895" spans="1:53" x14ac:dyDescent="0.4">
      <c r="A5895">
        <v>5939</v>
      </c>
      <c r="B5895" s="1">
        <v>45075</v>
      </c>
      <c r="C5895">
        <v>3</v>
      </c>
      <c r="D5895" s="1">
        <v>45075.737500000003</v>
      </c>
      <c r="E5895" s="1">
        <v>45075.943749999999</v>
      </c>
      <c r="F5895">
        <v>35760</v>
      </c>
      <c r="G5895">
        <v>748</v>
      </c>
      <c r="H5895">
        <v>0</v>
      </c>
      <c r="I5895">
        <v>0</v>
      </c>
      <c r="J5895">
        <v>200</v>
      </c>
      <c r="K5895">
        <v>1100</v>
      </c>
      <c r="L5895">
        <v>0</v>
      </c>
      <c r="M5895">
        <v>3400</v>
      </c>
      <c r="N5895">
        <v>0</v>
      </c>
      <c r="O5895">
        <v>0</v>
      </c>
      <c r="P5895">
        <v>-21100</v>
      </c>
      <c r="Q5895">
        <v>0</v>
      </c>
      <c r="R5895">
        <v>16308</v>
      </c>
      <c r="S5895">
        <v>0</v>
      </c>
      <c r="T5895">
        <v>0</v>
      </c>
      <c r="U5895">
        <v>0</v>
      </c>
      <c r="V5895">
        <v>0</v>
      </c>
      <c r="W5895">
        <v>1</v>
      </c>
      <c r="X5895">
        <v>0</v>
      </c>
      <c r="Y5895">
        <v>56</v>
      </c>
      <c r="Z5895">
        <v>21</v>
      </c>
      <c r="AA5895">
        <v>95</v>
      </c>
      <c r="AB5895">
        <v>31</v>
      </c>
      <c r="AC5895">
        <v>127</v>
      </c>
      <c r="AD5895">
        <v>23</v>
      </c>
      <c r="AE5895">
        <v>67</v>
      </c>
      <c r="AF5895">
        <v>17740</v>
      </c>
      <c r="AG5895">
        <v>101742</v>
      </c>
      <c r="AH5895">
        <v>50000</v>
      </c>
      <c r="AI5895">
        <v>0</v>
      </c>
      <c r="AJ5895">
        <v>95</v>
      </c>
      <c r="AK5895" t="s">
        <v>21</v>
      </c>
      <c r="AL5895">
        <v>0</v>
      </c>
      <c r="AM5895">
        <v>0</v>
      </c>
      <c r="AN5895">
        <v>0</v>
      </c>
      <c r="AO5895">
        <v>0</v>
      </c>
      <c r="AP5895">
        <v>0</v>
      </c>
      <c r="AQ5895">
        <v>0</v>
      </c>
      <c r="AR5895">
        <v>0</v>
      </c>
      <c r="AS5895">
        <v>0</v>
      </c>
      <c r="AT5895">
        <v>0</v>
      </c>
      <c r="AU5895">
        <v>0</v>
      </c>
      <c r="AV5895">
        <v>0</v>
      </c>
      <c r="AW5895">
        <v>0</v>
      </c>
      <c r="AX5895">
        <v>1100</v>
      </c>
      <c r="AY5895">
        <v>13</v>
      </c>
      <c r="AZ5895">
        <v>25</v>
      </c>
      <c r="BA5895">
        <v>2884</v>
      </c>
    </row>
    <row r="5896" spans="1:53" x14ac:dyDescent="0.4">
      <c r="A5896">
        <v>5940</v>
      </c>
      <c r="B5896" s="1">
        <v>45076</v>
      </c>
      <c r="C5896">
        <v>1</v>
      </c>
      <c r="D5896" s="1">
        <v>45076.291666666664</v>
      </c>
      <c r="E5896" s="1">
        <v>45076.446527777778</v>
      </c>
      <c r="F5896">
        <v>0</v>
      </c>
      <c r="G5896">
        <v>0</v>
      </c>
      <c r="H5896">
        <v>0</v>
      </c>
      <c r="I5896">
        <v>0</v>
      </c>
      <c r="J5896">
        <v>0</v>
      </c>
      <c r="K5896">
        <v>0</v>
      </c>
      <c r="L5896">
        <v>0</v>
      </c>
      <c r="M5896">
        <v>0</v>
      </c>
      <c r="N5896">
        <v>0</v>
      </c>
      <c r="O5896">
        <v>0</v>
      </c>
      <c r="P5896">
        <v>0</v>
      </c>
      <c r="Q5896">
        <v>0</v>
      </c>
      <c r="R5896">
        <v>0</v>
      </c>
      <c r="S5896">
        <v>0</v>
      </c>
      <c r="T5896">
        <v>0</v>
      </c>
      <c r="U5896">
        <v>0</v>
      </c>
      <c r="V5896">
        <v>0</v>
      </c>
      <c r="W5896">
        <v>1</v>
      </c>
      <c r="X5896">
        <v>0</v>
      </c>
      <c r="Y5896">
        <v>22</v>
      </c>
      <c r="Z5896">
        <v>20</v>
      </c>
      <c r="AA5896">
        <v>101</v>
      </c>
      <c r="AB5896">
        <v>33</v>
      </c>
      <c r="AC5896">
        <v>106</v>
      </c>
      <c r="AD5896">
        <v>24</v>
      </c>
      <c r="AE5896">
        <v>70</v>
      </c>
      <c r="AF5896">
        <v>0</v>
      </c>
      <c r="AG5896">
        <v>50000</v>
      </c>
      <c r="AH5896">
        <v>50000</v>
      </c>
      <c r="AI5896">
        <v>0</v>
      </c>
      <c r="AJ5896">
        <v>0</v>
      </c>
      <c r="AK5896" t="s">
        <v>6</v>
      </c>
      <c r="AL5896">
        <v>0</v>
      </c>
      <c r="AM5896">
        <v>0</v>
      </c>
      <c r="AN5896">
        <v>0</v>
      </c>
      <c r="AO5896">
        <v>0</v>
      </c>
      <c r="AP5896">
        <v>0</v>
      </c>
      <c r="AQ5896">
        <v>0</v>
      </c>
      <c r="AR5896">
        <v>0</v>
      </c>
      <c r="AS5896">
        <v>0</v>
      </c>
      <c r="AT5896">
        <v>0</v>
      </c>
      <c r="AU5896">
        <v>0</v>
      </c>
      <c r="AV5896">
        <v>0</v>
      </c>
      <c r="AW5896">
        <v>0</v>
      </c>
      <c r="AX5896">
        <v>0</v>
      </c>
      <c r="AY5896">
        <v>0</v>
      </c>
      <c r="AZ5896">
        <v>0</v>
      </c>
      <c r="BA5896">
        <v>0</v>
      </c>
    </row>
    <row r="5897" spans="1:53" x14ac:dyDescent="0.4">
      <c r="A5897">
        <v>5941</v>
      </c>
      <c r="B5897" s="1">
        <v>45076</v>
      </c>
      <c r="C5897">
        <v>2</v>
      </c>
      <c r="D5897" s="1">
        <v>45076.446527777778</v>
      </c>
      <c r="E5897" s="1">
        <v>45076.73541666667</v>
      </c>
      <c r="F5897">
        <v>16010</v>
      </c>
      <c r="G5897">
        <v>0</v>
      </c>
      <c r="H5897">
        <v>0</v>
      </c>
      <c r="I5897">
        <v>0</v>
      </c>
      <c r="J5897">
        <v>0</v>
      </c>
      <c r="K5897">
        <v>0</v>
      </c>
      <c r="L5897">
        <v>0</v>
      </c>
      <c r="M5897">
        <v>1456</v>
      </c>
      <c r="N5897">
        <v>0</v>
      </c>
      <c r="O5897">
        <v>0</v>
      </c>
      <c r="P5897">
        <v>15150</v>
      </c>
      <c r="Q5897">
        <v>0</v>
      </c>
      <c r="R5897">
        <v>31160</v>
      </c>
      <c r="S5897">
        <v>0</v>
      </c>
      <c r="T5897">
        <v>0</v>
      </c>
      <c r="U5897">
        <v>0</v>
      </c>
      <c r="V5897">
        <v>0</v>
      </c>
      <c r="W5897">
        <v>1</v>
      </c>
      <c r="X5897">
        <v>0</v>
      </c>
      <c r="Y5897">
        <v>43</v>
      </c>
      <c r="Z5897">
        <v>34</v>
      </c>
      <c r="AA5897">
        <v>109</v>
      </c>
      <c r="AB5897">
        <v>34</v>
      </c>
      <c r="AC5897">
        <v>111</v>
      </c>
      <c r="AD5897">
        <v>24</v>
      </c>
      <c r="AE5897">
        <v>70</v>
      </c>
      <c r="AF5897">
        <v>0</v>
      </c>
      <c r="AG5897">
        <v>78900</v>
      </c>
      <c r="AH5897">
        <v>50000</v>
      </c>
      <c r="AI5897">
        <v>-2260</v>
      </c>
      <c r="AJ5897">
        <v>38</v>
      </c>
      <c r="AK5897" t="s">
        <v>75</v>
      </c>
      <c r="AL5897">
        <v>0</v>
      </c>
      <c r="AM5897">
        <v>0</v>
      </c>
      <c r="AN5897">
        <v>0</v>
      </c>
      <c r="AO5897">
        <v>0</v>
      </c>
      <c r="AP5897">
        <v>0</v>
      </c>
      <c r="AQ5897">
        <v>0</v>
      </c>
      <c r="AR5897">
        <v>0</v>
      </c>
      <c r="AS5897">
        <v>0</v>
      </c>
      <c r="AT5897">
        <v>0</v>
      </c>
      <c r="AU5897">
        <v>0</v>
      </c>
      <c r="AV5897">
        <v>0</v>
      </c>
      <c r="AW5897">
        <v>0</v>
      </c>
      <c r="AX5897">
        <v>-530</v>
      </c>
      <c r="AY5897">
        <v>39</v>
      </c>
      <c r="AZ5897">
        <v>52</v>
      </c>
      <c r="BA5897">
        <v>5274</v>
      </c>
    </row>
    <row r="5898" spans="1:53" x14ac:dyDescent="0.4">
      <c r="A5898">
        <v>5942</v>
      </c>
      <c r="B5898" s="1">
        <v>45077</v>
      </c>
      <c r="C5898">
        <v>1</v>
      </c>
      <c r="D5898" s="1">
        <v>45077.291666666664</v>
      </c>
      <c r="E5898" s="1">
        <v>45077.447222222225</v>
      </c>
      <c r="F5898">
        <v>0</v>
      </c>
      <c r="G5898">
        <v>0</v>
      </c>
      <c r="H5898">
        <v>0</v>
      </c>
      <c r="I5898">
        <v>0</v>
      </c>
      <c r="J5898">
        <v>0</v>
      </c>
      <c r="K5898">
        <v>0</v>
      </c>
      <c r="L5898">
        <v>0</v>
      </c>
      <c r="M5898">
        <v>0</v>
      </c>
      <c r="N5898">
        <v>0</v>
      </c>
      <c r="O5898">
        <v>0</v>
      </c>
      <c r="P5898">
        <v>0</v>
      </c>
      <c r="Q5898">
        <v>0</v>
      </c>
      <c r="R5898">
        <v>0</v>
      </c>
      <c r="S5898">
        <v>0</v>
      </c>
      <c r="T5898">
        <v>0</v>
      </c>
      <c r="U5898">
        <v>0</v>
      </c>
      <c r="V5898">
        <v>0</v>
      </c>
      <c r="W5898">
        <v>1</v>
      </c>
      <c r="X5898">
        <v>0</v>
      </c>
      <c r="Y5898">
        <v>29</v>
      </c>
      <c r="Z5898">
        <v>11</v>
      </c>
      <c r="AA5898">
        <v>78</v>
      </c>
      <c r="AB5898">
        <v>34</v>
      </c>
      <c r="AC5898">
        <v>81</v>
      </c>
      <c r="AD5898">
        <v>23</v>
      </c>
      <c r="AE5898">
        <v>75</v>
      </c>
      <c r="AF5898">
        <v>0</v>
      </c>
      <c r="AG5898">
        <v>50000</v>
      </c>
      <c r="AH5898">
        <v>50000</v>
      </c>
      <c r="AI5898">
        <v>0</v>
      </c>
      <c r="AJ5898">
        <v>0</v>
      </c>
      <c r="AK5898" t="s">
        <v>6</v>
      </c>
      <c r="AL5898">
        <v>0</v>
      </c>
      <c r="AM5898">
        <v>0</v>
      </c>
      <c r="AN5898">
        <v>0</v>
      </c>
      <c r="AO5898">
        <v>0</v>
      </c>
      <c r="AP5898">
        <v>0</v>
      </c>
      <c r="AQ5898">
        <v>0</v>
      </c>
      <c r="AR5898">
        <v>0</v>
      </c>
      <c r="AS5898">
        <v>0</v>
      </c>
      <c r="AT5898">
        <v>0</v>
      </c>
      <c r="AU5898">
        <v>0</v>
      </c>
      <c r="AV5898">
        <v>0</v>
      </c>
      <c r="AW5898">
        <v>0</v>
      </c>
      <c r="AX5898">
        <v>0</v>
      </c>
      <c r="AY5898">
        <v>0</v>
      </c>
      <c r="AZ5898">
        <v>0</v>
      </c>
      <c r="BA5898">
        <v>0</v>
      </c>
    </row>
    <row r="5899" spans="1:53" x14ac:dyDescent="0.4">
      <c r="A5899">
        <v>5943</v>
      </c>
      <c r="B5899" s="1">
        <v>45077</v>
      </c>
      <c r="C5899">
        <v>2</v>
      </c>
      <c r="D5899" s="1">
        <v>45077.447222222225</v>
      </c>
      <c r="E5899" s="1">
        <v>45077.727777777778</v>
      </c>
      <c r="F5899">
        <v>13450</v>
      </c>
      <c r="G5899">
        <v>3080</v>
      </c>
      <c r="H5899">
        <v>0</v>
      </c>
      <c r="I5899">
        <v>0</v>
      </c>
      <c r="J5899">
        <v>0</v>
      </c>
      <c r="K5899">
        <v>0</v>
      </c>
      <c r="L5899">
        <v>0</v>
      </c>
      <c r="M5899">
        <v>1502</v>
      </c>
      <c r="N5899">
        <v>0</v>
      </c>
      <c r="O5899">
        <v>0</v>
      </c>
      <c r="P5899">
        <v>7100</v>
      </c>
      <c r="Q5899">
        <v>0</v>
      </c>
      <c r="R5899">
        <v>23630</v>
      </c>
      <c r="S5899">
        <v>0</v>
      </c>
      <c r="T5899">
        <v>0</v>
      </c>
      <c r="U5899">
        <v>0</v>
      </c>
      <c r="V5899">
        <v>3</v>
      </c>
      <c r="W5899">
        <v>0</v>
      </c>
      <c r="X5899">
        <v>0</v>
      </c>
      <c r="Y5899">
        <v>18</v>
      </c>
      <c r="Z5899">
        <v>21</v>
      </c>
      <c r="AA5899">
        <v>81</v>
      </c>
      <c r="AB5899">
        <v>37</v>
      </c>
      <c r="AC5899">
        <v>96</v>
      </c>
      <c r="AD5899">
        <v>26</v>
      </c>
      <c r="AE5899">
        <v>79</v>
      </c>
      <c r="AF5899">
        <v>4012</v>
      </c>
      <c r="AG5899">
        <v>73631</v>
      </c>
      <c r="AH5899">
        <v>50000</v>
      </c>
      <c r="AI5899">
        <v>1</v>
      </c>
      <c r="AJ5899">
        <v>36</v>
      </c>
      <c r="AK5899" t="s">
        <v>68</v>
      </c>
      <c r="AL5899">
        <v>0</v>
      </c>
      <c r="AM5899">
        <v>0</v>
      </c>
      <c r="AN5899">
        <v>0</v>
      </c>
      <c r="AO5899">
        <v>0</v>
      </c>
      <c r="AP5899">
        <v>0</v>
      </c>
      <c r="AQ5899">
        <v>0</v>
      </c>
      <c r="AR5899">
        <v>0</v>
      </c>
      <c r="AS5899">
        <v>0</v>
      </c>
      <c r="AT5899">
        <v>0</v>
      </c>
      <c r="AU5899">
        <v>0</v>
      </c>
      <c r="AV5899">
        <v>0</v>
      </c>
      <c r="AW5899">
        <v>0</v>
      </c>
      <c r="AX5899">
        <v>-1060</v>
      </c>
      <c r="AY5899">
        <v>21</v>
      </c>
      <c r="AZ5899">
        <v>36</v>
      </c>
      <c r="BA5899">
        <v>2562</v>
      </c>
    </row>
    <row r="5900" spans="1:53" x14ac:dyDescent="0.4">
      <c r="A5900">
        <v>5944</v>
      </c>
      <c r="B5900" s="1">
        <v>45078</v>
      </c>
      <c r="C5900">
        <v>1</v>
      </c>
      <c r="D5900" s="1">
        <v>45078.291666666664</v>
      </c>
      <c r="E5900" s="1">
        <v>45078.438888888886</v>
      </c>
      <c r="F5900">
        <v>0</v>
      </c>
      <c r="G5900">
        <v>0</v>
      </c>
      <c r="H5900">
        <v>0</v>
      </c>
      <c r="I5900">
        <v>0</v>
      </c>
      <c r="J5900">
        <v>0</v>
      </c>
      <c r="K5900">
        <v>0</v>
      </c>
      <c r="L5900">
        <v>0</v>
      </c>
      <c r="M5900">
        <v>0</v>
      </c>
      <c r="N5900">
        <v>0</v>
      </c>
      <c r="O5900">
        <v>0</v>
      </c>
      <c r="P5900">
        <v>0</v>
      </c>
      <c r="Q5900">
        <v>0</v>
      </c>
      <c r="R5900">
        <v>0</v>
      </c>
      <c r="S5900">
        <v>0</v>
      </c>
      <c r="T5900">
        <v>0</v>
      </c>
      <c r="U5900">
        <v>0</v>
      </c>
      <c r="V5900">
        <v>1</v>
      </c>
      <c r="W5900">
        <v>0</v>
      </c>
      <c r="X5900">
        <v>0</v>
      </c>
      <c r="Y5900">
        <v>24</v>
      </c>
      <c r="Z5900">
        <v>11</v>
      </c>
      <c r="AA5900">
        <v>77</v>
      </c>
      <c r="AB5900">
        <v>36</v>
      </c>
      <c r="AC5900">
        <v>80</v>
      </c>
      <c r="AD5900">
        <v>25</v>
      </c>
      <c r="AE5900">
        <v>75</v>
      </c>
      <c r="AF5900">
        <v>0</v>
      </c>
      <c r="AG5900">
        <v>50000</v>
      </c>
      <c r="AH5900">
        <v>50000</v>
      </c>
      <c r="AI5900">
        <v>0</v>
      </c>
      <c r="AJ5900">
        <v>0</v>
      </c>
      <c r="AK5900" t="s">
        <v>6</v>
      </c>
      <c r="AL5900">
        <v>0</v>
      </c>
      <c r="AM5900">
        <v>0</v>
      </c>
      <c r="AN5900">
        <v>0</v>
      </c>
      <c r="AO5900">
        <v>0</v>
      </c>
      <c r="AP5900">
        <v>0</v>
      </c>
      <c r="AQ5900">
        <v>0</v>
      </c>
      <c r="AR5900">
        <v>0</v>
      </c>
      <c r="AS5900">
        <v>0</v>
      </c>
      <c r="AT5900">
        <v>0</v>
      </c>
      <c r="AU5900">
        <v>0</v>
      </c>
      <c r="AV5900">
        <v>0</v>
      </c>
      <c r="AW5900">
        <v>0</v>
      </c>
      <c r="AX5900">
        <v>0</v>
      </c>
      <c r="AY5900">
        <v>0</v>
      </c>
      <c r="AZ5900">
        <v>0</v>
      </c>
      <c r="BA5900">
        <v>0</v>
      </c>
    </row>
    <row r="5901" spans="1:53" x14ac:dyDescent="0.4">
      <c r="A5901">
        <v>5945</v>
      </c>
      <c r="B5901" s="1">
        <v>45078</v>
      </c>
      <c r="C5901">
        <v>2</v>
      </c>
      <c r="D5901" s="1">
        <v>45078.438888888886</v>
      </c>
      <c r="E5901" s="1">
        <v>45078.744444444441</v>
      </c>
      <c r="F5901">
        <v>20040</v>
      </c>
      <c r="G5901">
        <v>1760</v>
      </c>
      <c r="H5901">
        <v>0</v>
      </c>
      <c r="I5901">
        <v>0</v>
      </c>
      <c r="J5901">
        <v>200</v>
      </c>
      <c r="K5901">
        <v>0</v>
      </c>
      <c r="L5901">
        <v>0</v>
      </c>
      <c r="M5901">
        <v>1963</v>
      </c>
      <c r="N5901">
        <v>0</v>
      </c>
      <c r="O5901">
        <v>0</v>
      </c>
      <c r="P5901">
        <v>27490</v>
      </c>
      <c r="Q5901">
        <v>0</v>
      </c>
      <c r="R5901">
        <v>49090</v>
      </c>
      <c r="S5901">
        <v>0</v>
      </c>
      <c r="T5901">
        <v>0</v>
      </c>
      <c r="U5901">
        <v>0</v>
      </c>
      <c r="V5901">
        <v>2</v>
      </c>
      <c r="W5901">
        <v>2</v>
      </c>
      <c r="X5901">
        <v>0</v>
      </c>
      <c r="Y5901">
        <v>46</v>
      </c>
      <c r="Z5901">
        <v>22</v>
      </c>
      <c r="AA5901">
        <v>69</v>
      </c>
      <c r="AB5901">
        <v>59</v>
      </c>
      <c r="AC5901">
        <v>94</v>
      </c>
      <c r="AD5901">
        <v>25</v>
      </c>
      <c r="AE5901">
        <v>71</v>
      </c>
      <c r="AF5901">
        <v>0</v>
      </c>
      <c r="AG5901">
        <v>97986</v>
      </c>
      <c r="AH5901">
        <v>50000</v>
      </c>
      <c r="AI5901">
        <v>-1104</v>
      </c>
      <c r="AJ5901">
        <v>38</v>
      </c>
      <c r="AK5901" t="s">
        <v>75</v>
      </c>
      <c r="AL5901">
        <v>0</v>
      </c>
      <c r="AM5901">
        <v>0</v>
      </c>
      <c r="AN5901">
        <v>0</v>
      </c>
      <c r="AO5901">
        <v>0</v>
      </c>
      <c r="AP5901">
        <v>0</v>
      </c>
      <c r="AQ5901">
        <v>0</v>
      </c>
      <c r="AR5901">
        <v>0</v>
      </c>
      <c r="AS5901">
        <v>0</v>
      </c>
      <c r="AT5901">
        <v>0</v>
      </c>
      <c r="AU5901">
        <v>0</v>
      </c>
      <c r="AV5901">
        <v>0</v>
      </c>
      <c r="AW5901">
        <v>0</v>
      </c>
      <c r="AX5901">
        <v>-710</v>
      </c>
      <c r="AY5901">
        <v>44</v>
      </c>
      <c r="AZ5901">
        <v>82</v>
      </c>
      <c r="BA5901">
        <v>5048</v>
      </c>
    </row>
    <row r="5902" spans="1:53" x14ac:dyDescent="0.4">
      <c r="A5902">
        <v>5946</v>
      </c>
      <c r="B5902" s="1">
        <v>45079</v>
      </c>
      <c r="C5902">
        <v>1</v>
      </c>
      <c r="D5902" s="1">
        <v>45079.291666666664</v>
      </c>
      <c r="E5902" s="1">
        <v>45079.442361111112</v>
      </c>
      <c r="F5902">
        <v>0</v>
      </c>
      <c r="G5902">
        <v>0</v>
      </c>
      <c r="H5902">
        <v>0</v>
      </c>
      <c r="I5902">
        <v>0</v>
      </c>
      <c r="J5902">
        <v>0</v>
      </c>
      <c r="K5902">
        <v>0</v>
      </c>
      <c r="L5902">
        <v>0</v>
      </c>
      <c r="M5902">
        <v>0</v>
      </c>
      <c r="N5902">
        <v>0</v>
      </c>
      <c r="O5902">
        <v>0</v>
      </c>
      <c r="P5902">
        <v>0</v>
      </c>
      <c r="Q5902">
        <v>0</v>
      </c>
      <c r="R5902">
        <v>0</v>
      </c>
      <c r="S5902">
        <v>0</v>
      </c>
      <c r="T5902">
        <v>0</v>
      </c>
      <c r="U5902">
        <v>0</v>
      </c>
      <c r="V5902">
        <v>0</v>
      </c>
      <c r="W5902">
        <v>1</v>
      </c>
      <c r="X5902">
        <v>0</v>
      </c>
      <c r="Y5902">
        <v>30</v>
      </c>
      <c r="Z5902">
        <v>10</v>
      </c>
      <c r="AA5902">
        <v>73</v>
      </c>
      <c r="AB5902">
        <v>37</v>
      </c>
      <c r="AC5902">
        <v>66</v>
      </c>
      <c r="AD5902">
        <v>24</v>
      </c>
      <c r="AE5902">
        <v>70</v>
      </c>
      <c r="AF5902">
        <v>0</v>
      </c>
      <c r="AG5902">
        <v>50000</v>
      </c>
      <c r="AH5902">
        <v>50000</v>
      </c>
      <c r="AI5902">
        <v>0</v>
      </c>
      <c r="AJ5902">
        <v>0</v>
      </c>
      <c r="AK5902" t="s">
        <v>6</v>
      </c>
      <c r="AL5902">
        <v>0</v>
      </c>
      <c r="AM5902">
        <v>0</v>
      </c>
      <c r="AN5902">
        <v>0</v>
      </c>
      <c r="AO5902">
        <v>0</v>
      </c>
      <c r="AP5902">
        <v>0</v>
      </c>
      <c r="AQ5902">
        <v>0</v>
      </c>
      <c r="AR5902">
        <v>0</v>
      </c>
      <c r="AS5902">
        <v>0</v>
      </c>
      <c r="AT5902">
        <v>0</v>
      </c>
      <c r="AU5902">
        <v>0</v>
      </c>
      <c r="AV5902">
        <v>0</v>
      </c>
      <c r="AW5902">
        <v>0</v>
      </c>
      <c r="AX5902">
        <v>0</v>
      </c>
      <c r="AY5902">
        <v>0</v>
      </c>
      <c r="AZ5902">
        <v>0</v>
      </c>
      <c r="BA5902">
        <v>0</v>
      </c>
    </row>
    <row r="5903" spans="1:53" x14ac:dyDescent="0.4">
      <c r="A5903">
        <v>5947</v>
      </c>
      <c r="B5903" s="1">
        <v>45079</v>
      </c>
      <c r="C5903">
        <v>2</v>
      </c>
      <c r="D5903" s="1">
        <v>45079.442361111112</v>
      </c>
      <c r="E5903" s="1">
        <v>45079.734722222223</v>
      </c>
      <c r="F5903">
        <v>24540</v>
      </c>
      <c r="G5903">
        <v>1188</v>
      </c>
      <c r="H5903">
        <v>220</v>
      </c>
      <c r="I5903">
        <v>0</v>
      </c>
      <c r="J5903">
        <v>0</v>
      </c>
      <c r="K5903">
        <v>0</v>
      </c>
      <c r="L5903">
        <v>0</v>
      </c>
      <c r="M5903">
        <v>2359</v>
      </c>
      <c r="N5903">
        <v>0</v>
      </c>
      <c r="O5903">
        <v>0</v>
      </c>
      <c r="P5903">
        <v>11490</v>
      </c>
      <c r="Q5903">
        <v>0</v>
      </c>
      <c r="R5903">
        <v>37438</v>
      </c>
      <c r="S5903">
        <v>0</v>
      </c>
      <c r="T5903">
        <v>0</v>
      </c>
      <c r="U5903">
        <v>0</v>
      </c>
      <c r="V5903">
        <v>1</v>
      </c>
      <c r="W5903">
        <v>1</v>
      </c>
      <c r="X5903">
        <v>0</v>
      </c>
      <c r="Y5903">
        <v>52</v>
      </c>
      <c r="Z5903">
        <v>19</v>
      </c>
      <c r="AA5903">
        <v>64</v>
      </c>
      <c r="AB5903">
        <v>39</v>
      </c>
      <c r="AC5903">
        <v>73</v>
      </c>
      <c r="AD5903">
        <v>25</v>
      </c>
      <c r="AE5903">
        <v>73</v>
      </c>
      <c r="AF5903">
        <v>1660</v>
      </c>
      <c r="AG5903">
        <v>87438</v>
      </c>
      <c r="AH5903">
        <v>50000</v>
      </c>
      <c r="AI5903">
        <v>0</v>
      </c>
      <c r="AJ5903">
        <v>36</v>
      </c>
      <c r="AK5903" t="s">
        <v>68</v>
      </c>
      <c r="AL5903">
        <v>0</v>
      </c>
      <c r="AM5903">
        <v>0</v>
      </c>
      <c r="AN5903">
        <v>0</v>
      </c>
      <c r="AO5903">
        <v>0</v>
      </c>
      <c r="AP5903">
        <v>0</v>
      </c>
      <c r="AQ5903">
        <v>0</v>
      </c>
      <c r="AR5903">
        <v>0</v>
      </c>
      <c r="AS5903">
        <v>0</v>
      </c>
      <c r="AT5903">
        <v>0</v>
      </c>
      <c r="AU5903">
        <v>0</v>
      </c>
      <c r="AV5903">
        <v>0</v>
      </c>
      <c r="AW5903">
        <v>0</v>
      </c>
      <c r="AX5903">
        <v>1760</v>
      </c>
      <c r="AY5903">
        <v>40</v>
      </c>
      <c r="AZ5903">
        <v>60</v>
      </c>
      <c r="BA5903">
        <v>5438</v>
      </c>
    </row>
    <row r="5904" spans="1:53" x14ac:dyDescent="0.4">
      <c r="A5904">
        <v>5948</v>
      </c>
      <c r="B5904" s="1">
        <v>45079</v>
      </c>
      <c r="C5904">
        <v>3</v>
      </c>
      <c r="D5904" s="1">
        <v>45079.734722222223</v>
      </c>
      <c r="E5904" s="1">
        <v>45079.952777777777</v>
      </c>
      <c r="F5904">
        <v>20130</v>
      </c>
      <c r="G5904">
        <v>2068</v>
      </c>
      <c r="H5904">
        <v>0</v>
      </c>
      <c r="I5904">
        <v>0</v>
      </c>
      <c r="J5904">
        <v>0</v>
      </c>
      <c r="K5904">
        <v>0</v>
      </c>
      <c r="L5904">
        <v>0</v>
      </c>
      <c r="M5904">
        <v>2017</v>
      </c>
      <c r="N5904">
        <v>0</v>
      </c>
      <c r="O5904">
        <v>0</v>
      </c>
      <c r="P5904">
        <v>-11490</v>
      </c>
      <c r="Q5904">
        <v>0</v>
      </c>
      <c r="R5904">
        <v>10708</v>
      </c>
      <c r="S5904">
        <v>0</v>
      </c>
      <c r="T5904">
        <v>0</v>
      </c>
      <c r="U5904">
        <v>0</v>
      </c>
      <c r="V5904">
        <v>2</v>
      </c>
      <c r="W5904">
        <v>0</v>
      </c>
      <c r="X5904">
        <v>0</v>
      </c>
      <c r="Y5904">
        <v>48</v>
      </c>
      <c r="Z5904">
        <v>20</v>
      </c>
      <c r="AA5904">
        <v>63</v>
      </c>
      <c r="AB5904">
        <v>41</v>
      </c>
      <c r="AC5904">
        <v>73</v>
      </c>
      <c r="AD5904">
        <v>24</v>
      </c>
      <c r="AE5904">
        <v>73</v>
      </c>
      <c r="AF5904">
        <v>10873</v>
      </c>
      <c r="AG5904">
        <v>98146</v>
      </c>
      <c r="AH5904">
        <v>50000</v>
      </c>
      <c r="AI5904">
        <v>0</v>
      </c>
      <c r="AJ5904">
        <v>116</v>
      </c>
      <c r="AK5904" t="s">
        <v>51</v>
      </c>
      <c r="AL5904">
        <v>0</v>
      </c>
      <c r="AM5904">
        <v>0</v>
      </c>
      <c r="AN5904">
        <v>0</v>
      </c>
      <c r="AO5904">
        <v>0</v>
      </c>
      <c r="AP5904">
        <v>0</v>
      </c>
      <c r="AQ5904">
        <v>0</v>
      </c>
      <c r="AR5904">
        <v>0</v>
      </c>
      <c r="AS5904">
        <v>0</v>
      </c>
      <c r="AT5904">
        <v>0</v>
      </c>
      <c r="AU5904">
        <v>0</v>
      </c>
      <c r="AV5904">
        <v>0</v>
      </c>
      <c r="AW5904">
        <v>0</v>
      </c>
      <c r="AX5904">
        <v>55360</v>
      </c>
      <c r="AY5904">
        <v>11</v>
      </c>
      <c r="AZ5904">
        <v>25</v>
      </c>
      <c r="BA5904">
        <v>1884</v>
      </c>
    </row>
    <row r="5905" spans="1:53" x14ac:dyDescent="0.4">
      <c r="A5905">
        <v>5949</v>
      </c>
      <c r="B5905" s="1">
        <v>45080</v>
      </c>
      <c r="C5905">
        <v>1</v>
      </c>
      <c r="D5905" s="1">
        <v>45080.291666666664</v>
      </c>
      <c r="E5905" s="1">
        <v>45080.402777777781</v>
      </c>
      <c r="F5905">
        <v>0</v>
      </c>
      <c r="G5905">
        <v>0</v>
      </c>
      <c r="H5905">
        <v>0</v>
      </c>
      <c r="I5905">
        <v>0</v>
      </c>
      <c r="J5905">
        <v>0</v>
      </c>
      <c r="K5905">
        <v>0</v>
      </c>
      <c r="L5905">
        <v>0</v>
      </c>
      <c r="M5905">
        <v>0</v>
      </c>
      <c r="N5905">
        <v>0</v>
      </c>
      <c r="O5905">
        <v>0</v>
      </c>
      <c r="P5905">
        <v>0</v>
      </c>
      <c r="Q5905">
        <v>0</v>
      </c>
      <c r="R5905">
        <v>0</v>
      </c>
      <c r="S5905">
        <v>0</v>
      </c>
      <c r="T5905">
        <v>0</v>
      </c>
      <c r="U5905">
        <v>0</v>
      </c>
      <c r="V5905">
        <v>0</v>
      </c>
      <c r="W5905">
        <v>1</v>
      </c>
      <c r="X5905">
        <v>0</v>
      </c>
      <c r="Y5905">
        <v>29</v>
      </c>
      <c r="Z5905">
        <v>11</v>
      </c>
      <c r="AA5905">
        <v>78</v>
      </c>
      <c r="AB5905">
        <v>36</v>
      </c>
      <c r="AC5905">
        <v>71</v>
      </c>
      <c r="AD5905">
        <v>24</v>
      </c>
      <c r="AE5905">
        <v>70</v>
      </c>
      <c r="AF5905">
        <v>0</v>
      </c>
      <c r="AG5905">
        <v>50000</v>
      </c>
      <c r="AH5905">
        <v>50000</v>
      </c>
      <c r="AI5905">
        <v>0</v>
      </c>
      <c r="AJ5905">
        <v>0</v>
      </c>
      <c r="AK5905" t="s">
        <v>6</v>
      </c>
      <c r="AL5905">
        <v>0</v>
      </c>
      <c r="AM5905">
        <v>0</v>
      </c>
      <c r="AN5905">
        <v>0</v>
      </c>
      <c r="AO5905">
        <v>0</v>
      </c>
      <c r="AP5905">
        <v>0</v>
      </c>
      <c r="AQ5905">
        <v>0</v>
      </c>
      <c r="AR5905">
        <v>0</v>
      </c>
      <c r="AS5905">
        <v>0</v>
      </c>
      <c r="AT5905">
        <v>0</v>
      </c>
      <c r="AU5905">
        <v>0</v>
      </c>
      <c r="AV5905">
        <v>0</v>
      </c>
      <c r="AW5905">
        <v>0</v>
      </c>
      <c r="AX5905">
        <v>0</v>
      </c>
      <c r="AY5905">
        <v>0</v>
      </c>
      <c r="AZ5905">
        <v>0</v>
      </c>
      <c r="BA5905">
        <v>0</v>
      </c>
    </row>
    <row r="5906" spans="1:53" x14ac:dyDescent="0.4">
      <c r="A5906">
        <v>5950</v>
      </c>
      <c r="B5906" s="1">
        <v>45080</v>
      </c>
      <c r="C5906">
        <v>2</v>
      </c>
      <c r="D5906" s="1">
        <v>45080.402777777781</v>
      </c>
      <c r="E5906" s="1">
        <v>45080.975694444445</v>
      </c>
      <c r="F5906">
        <v>180180</v>
      </c>
      <c r="G5906">
        <v>3487</v>
      </c>
      <c r="H5906">
        <v>0</v>
      </c>
      <c r="I5906">
        <v>0</v>
      </c>
      <c r="J5906">
        <v>900</v>
      </c>
      <c r="K5906">
        <v>0</v>
      </c>
      <c r="L5906">
        <v>0</v>
      </c>
      <c r="M5906">
        <v>16612</v>
      </c>
      <c r="N5906">
        <v>0</v>
      </c>
      <c r="O5906">
        <v>0</v>
      </c>
      <c r="P5906">
        <v>20000</v>
      </c>
      <c r="Q5906">
        <v>0</v>
      </c>
      <c r="R5906">
        <v>202767</v>
      </c>
      <c r="S5906">
        <v>0</v>
      </c>
      <c r="T5906">
        <v>0</v>
      </c>
      <c r="U5906">
        <v>0</v>
      </c>
      <c r="V5906">
        <v>11</v>
      </c>
      <c r="W5906">
        <v>1</v>
      </c>
      <c r="X5906">
        <v>0</v>
      </c>
      <c r="Y5906">
        <v>96</v>
      </c>
      <c r="Z5906">
        <v>23</v>
      </c>
      <c r="AA5906">
        <v>90</v>
      </c>
      <c r="AB5906">
        <v>40</v>
      </c>
      <c r="AC5906">
        <v>85</v>
      </c>
      <c r="AD5906">
        <v>28</v>
      </c>
      <c r="AE5906">
        <v>67</v>
      </c>
      <c r="AF5906">
        <v>18210</v>
      </c>
      <c r="AG5906">
        <v>252767</v>
      </c>
      <c r="AH5906">
        <v>50000</v>
      </c>
      <c r="AI5906">
        <v>0</v>
      </c>
      <c r="AJ5906">
        <v>120</v>
      </c>
      <c r="AK5906" t="s">
        <v>2</v>
      </c>
      <c r="AL5906">
        <v>0</v>
      </c>
      <c r="AM5906">
        <v>0</v>
      </c>
      <c r="AN5906">
        <v>0</v>
      </c>
      <c r="AO5906">
        <v>0</v>
      </c>
      <c r="AP5906">
        <v>0</v>
      </c>
      <c r="AQ5906">
        <v>0</v>
      </c>
      <c r="AR5906">
        <v>0</v>
      </c>
      <c r="AS5906">
        <v>0</v>
      </c>
      <c r="AT5906">
        <v>0</v>
      </c>
      <c r="AU5906">
        <v>0</v>
      </c>
      <c r="AV5906">
        <v>0</v>
      </c>
      <c r="AW5906">
        <v>0</v>
      </c>
      <c r="AX5906">
        <v>19224</v>
      </c>
      <c r="AY5906">
        <v>84</v>
      </c>
      <c r="AZ5906">
        <v>177</v>
      </c>
      <c r="BA5906">
        <v>12160</v>
      </c>
    </row>
    <row r="5907" spans="1:53" x14ac:dyDescent="0.4">
      <c r="A5907">
        <v>5951</v>
      </c>
      <c r="B5907" s="1">
        <v>45081</v>
      </c>
      <c r="C5907">
        <v>1</v>
      </c>
      <c r="D5907" s="1">
        <v>45081.291666666664</v>
      </c>
      <c r="E5907" s="1">
        <v>45081.386805555558</v>
      </c>
      <c r="F5907">
        <v>0</v>
      </c>
      <c r="G5907">
        <v>0</v>
      </c>
      <c r="H5907">
        <v>0</v>
      </c>
      <c r="I5907">
        <v>0</v>
      </c>
      <c r="J5907">
        <v>0</v>
      </c>
      <c r="K5907">
        <v>0</v>
      </c>
      <c r="L5907">
        <v>0</v>
      </c>
      <c r="M5907">
        <v>0</v>
      </c>
      <c r="N5907">
        <v>0</v>
      </c>
      <c r="O5907">
        <v>0</v>
      </c>
      <c r="P5907">
        <v>0</v>
      </c>
      <c r="Q5907">
        <v>0</v>
      </c>
      <c r="R5907">
        <v>0</v>
      </c>
      <c r="S5907">
        <v>0</v>
      </c>
      <c r="T5907">
        <v>0</v>
      </c>
      <c r="U5907">
        <v>0</v>
      </c>
      <c r="V5907">
        <v>0</v>
      </c>
      <c r="W5907">
        <v>0</v>
      </c>
      <c r="X5907">
        <v>0</v>
      </c>
      <c r="Y5907">
        <v>34</v>
      </c>
      <c r="Z5907">
        <v>10</v>
      </c>
      <c r="AA5907">
        <v>83</v>
      </c>
      <c r="AB5907">
        <v>36</v>
      </c>
      <c r="AC5907">
        <v>70</v>
      </c>
      <c r="AD5907">
        <v>28</v>
      </c>
      <c r="AE5907">
        <v>60</v>
      </c>
      <c r="AF5907">
        <v>0</v>
      </c>
      <c r="AG5907">
        <v>50000</v>
      </c>
      <c r="AH5907">
        <v>50000</v>
      </c>
      <c r="AI5907">
        <v>0</v>
      </c>
      <c r="AJ5907">
        <v>0</v>
      </c>
      <c r="AK5907" t="s">
        <v>6</v>
      </c>
      <c r="AL5907">
        <v>0</v>
      </c>
      <c r="AM5907">
        <v>0</v>
      </c>
      <c r="AN5907">
        <v>0</v>
      </c>
      <c r="AO5907">
        <v>0</v>
      </c>
      <c r="AP5907">
        <v>0</v>
      </c>
      <c r="AQ5907">
        <v>0</v>
      </c>
      <c r="AR5907">
        <v>0</v>
      </c>
      <c r="AS5907">
        <v>0</v>
      </c>
      <c r="AT5907">
        <v>0</v>
      </c>
      <c r="AU5907">
        <v>0</v>
      </c>
      <c r="AV5907">
        <v>0</v>
      </c>
      <c r="AW5907">
        <v>0</v>
      </c>
      <c r="AX5907">
        <v>0</v>
      </c>
      <c r="AY5907">
        <v>0</v>
      </c>
      <c r="AZ5907">
        <v>0</v>
      </c>
      <c r="BA5907">
        <v>0</v>
      </c>
    </row>
    <row r="5908" spans="1:53" x14ac:dyDescent="0.4">
      <c r="A5908">
        <v>5952</v>
      </c>
      <c r="B5908" s="1">
        <v>45081</v>
      </c>
      <c r="C5908">
        <v>2</v>
      </c>
      <c r="D5908" s="1">
        <v>45081.386805555558</v>
      </c>
      <c r="E5908" s="1">
        <v>45081.743750000001</v>
      </c>
      <c r="F5908">
        <v>52310</v>
      </c>
      <c r="G5908">
        <v>5896</v>
      </c>
      <c r="H5908">
        <v>0</v>
      </c>
      <c r="I5908">
        <v>0</v>
      </c>
      <c r="J5908">
        <v>700</v>
      </c>
      <c r="K5908">
        <v>0</v>
      </c>
      <c r="L5908">
        <v>0</v>
      </c>
      <c r="M5908">
        <v>5226</v>
      </c>
      <c r="N5908">
        <v>0</v>
      </c>
      <c r="O5908">
        <v>0</v>
      </c>
      <c r="P5908">
        <v>25580</v>
      </c>
      <c r="Q5908">
        <v>0</v>
      </c>
      <c r="R5908">
        <v>83086</v>
      </c>
      <c r="S5908">
        <v>0</v>
      </c>
      <c r="T5908">
        <v>0</v>
      </c>
      <c r="U5908">
        <v>0</v>
      </c>
      <c r="V5908">
        <v>5</v>
      </c>
      <c r="W5908">
        <v>2</v>
      </c>
      <c r="X5908">
        <v>0</v>
      </c>
      <c r="Y5908">
        <v>42</v>
      </c>
      <c r="Z5908">
        <v>21</v>
      </c>
      <c r="AA5908">
        <v>75</v>
      </c>
      <c r="AB5908">
        <v>31</v>
      </c>
      <c r="AC5908">
        <v>78</v>
      </c>
      <c r="AD5908">
        <v>27</v>
      </c>
      <c r="AE5908">
        <v>51</v>
      </c>
      <c r="AF5908">
        <v>10570</v>
      </c>
      <c r="AG5908">
        <v>133086</v>
      </c>
      <c r="AH5908">
        <v>50000</v>
      </c>
      <c r="AI5908">
        <v>0</v>
      </c>
      <c r="AJ5908">
        <v>115</v>
      </c>
      <c r="AK5908" t="s">
        <v>55</v>
      </c>
      <c r="AL5908">
        <v>0</v>
      </c>
      <c r="AM5908">
        <v>0</v>
      </c>
      <c r="AN5908">
        <v>0</v>
      </c>
      <c r="AO5908">
        <v>0</v>
      </c>
      <c r="AP5908">
        <v>0</v>
      </c>
      <c r="AQ5908">
        <v>0</v>
      </c>
      <c r="AR5908">
        <v>0</v>
      </c>
      <c r="AS5908">
        <v>0</v>
      </c>
      <c r="AT5908">
        <v>0</v>
      </c>
      <c r="AU5908">
        <v>0</v>
      </c>
      <c r="AV5908">
        <v>0</v>
      </c>
      <c r="AW5908">
        <v>0</v>
      </c>
      <c r="AX5908">
        <v>-62</v>
      </c>
      <c r="AY5908">
        <v>54</v>
      </c>
      <c r="AZ5908">
        <v>127</v>
      </c>
      <c r="BA5908">
        <v>7699</v>
      </c>
    </row>
    <row r="5909" spans="1:53" x14ac:dyDescent="0.4">
      <c r="A5909">
        <v>5953</v>
      </c>
      <c r="B5909" s="1">
        <v>45081</v>
      </c>
      <c r="C5909">
        <v>3</v>
      </c>
      <c r="D5909" s="1">
        <v>45081.743750000001</v>
      </c>
      <c r="E5909" s="1">
        <v>45081.95416666667</v>
      </c>
      <c r="F5909">
        <v>61310</v>
      </c>
      <c r="G5909">
        <v>6952</v>
      </c>
      <c r="H5909">
        <v>0</v>
      </c>
      <c r="I5909">
        <v>0</v>
      </c>
      <c r="J5909">
        <v>300</v>
      </c>
      <c r="K5909">
        <v>0</v>
      </c>
      <c r="L5909">
        <v>0</v>
      </c>
      <c r="M5909">
        <v>6176</v>
      </c>
      <c r="N5909">
        <v>0</v>
      </c>
      <c r="O5909">
        <v>0</v>
      </c>
      <c r="P5909">
        <v>-20300</v>
      </c>
      <c r="Q5909">
        <v>0</v>
      </c>
      <c r="R5909">
        <v>47662</v>
      </c>
      <c r="S5909">
        <v>0</v>
      </c>
      <c r="T5909">
        <v>0</v>
      </c>
      <c r="U5909">
        <v>0</v>
      </c>
      <c r="V5909">
        <v>8</v>
      </c>
      <c r="W5909">
        <v>5</v>
      </c>
      <c r="X5909">
        <v>0</v>
      </c>
      <c r="Y5909">
        <v>36</v>
      </c>
      <c r="Z5909">
        <v>18</v>
      </c>
      <c r="AA5909">
        <v>63</v>
      </c>
      <c r="AB5909">
        <v>29</v>
      </c>
      <c r="AC5909">
        <v>85</v>
      </c>
      <c r="AD5909">
        <v>27</v>
      </c>
      <c r="AE5909">
        <v>43</v>
      </c>
      <c r="AF5909">
        <v>21970</v>
      </c>
      <c r="AG5909">
        <v>180748</v>
      </c>
      <c r="AH5909">
        <v>50000</v>
      </c>
      <c r="AI5909">
        <v>0</v>
      </c>
      <c r="AJ5909">
        <v>74</v>
      </c>
      <c r="AK5909" t="s">
        <v>67</v>
      </c>
      <c r="AL5909">
        <v>0</v>
      </c>
      <c r="AM5909">
        <v>0</v>
      </c>
      <c r="AN5909">
        <v>0</v>
      </c>
      <c r="AO5909">
        <v>0</v>
      </c>
      <c r="AP5909">
        <v>0</v>
      </c>
      <c r="AQ5909">
        <v>0</v>
      </c>
      <c r="AR5909">
        <v>0</v>
      </c>
      <c r="AS5909">
        <v>0</v>
      </c>
      <c r="AT5909">
        <v>0</v>
      </c>
      <c r="AU5909">
        <v>0</v>
      </c>
      <c r="AV5909">
        <v>0</v>
      </c>
      <c r="AW5909">
        <v>0</v>
      </c>
      <c r="AX5909">
        <v>10320</v>
      </c>
      <c r="AY5909">
        <v>13</v>
      </c>
      <c r="AZ5909">
        <v>33</v>
      </c>
      <c r="BA5909">
        <v>3119</v>
      </c>
    </row>
    <row r="5910" spans="1:53" x14ac:dyDescent="0.4">
      <c r="A5910">
        <v>5954</v>
      </c>
      <c r="B5910" s="1">
        <v>45082</v>
      </c>
      <c r="C5910">
        <v>1</v>
      </c>
      <c r="D5910" s="1">
        <v>45082.291666666664</v>
      </c>
      <c r="E5910" s="1">
        <v>45082.443055555559</v>
      </c>
      <c r="F5910">
        <v>0</v>
      </c>
      <c r="G5910">
        <v>0</v>
      </c>
      <c r="H5910">
        <v>0</v>
      </c>
      <c r="I5910">
        <v>0</v>
      </c>
      <c r="J5910">
        <v>0</v>
      </c>
      <c r="K5910">
        <v>0</v>
      </c>
      <c r="L5910">
        <v>0</v>
      </c>
      <c r="M5910">
        <v>0</v>
      </c>
      <c r="N5910">
        <v>0</v>
      </c>
      <c r="O5910">
        <v>0</v>
      </c>
      <c r="P5910">
        <v>0</v>
      </c>
      <c r="Q5910">
        <v>0</v>
      </c>
      <c r="R5910">
        <v>0</v>
      </c>
      <c r="S5910">
        <v>0</v>
      </c>
      <c r="T5910">
        <v>0</v>
      </c>
      <c r="U5910">
        <v>0</v>
      </c>
      <c r="V5910">
        <v>0</v>
      </c>
      <c r="W5910">
        <v>1</v>
      </c>
      <c r="X5910">
        <v>0</v>
      </c>
      <c r="Y5910">
        <v>28</v>
      </c>
      <c r="Z5910">
        <v>15</v>
      </c>
      <c r="AA5910">
        <v>66</v>
      </c>
      <c r="AB5910">
        <v>36</v>
      </c>
      <c r="AC5910">
        <v>92</v>
      </c>
      <c r="AD5910">
        <v>27</v>
      </c>
      <c r="AE5910">
        <v>45</v>
      </c>
      <c r="AF5910">
        <v>0</v>
      </c>
      <c r="AG5910">
        <v>50000</v>
      </c>
      <c r="AH5910">
        <v>50000</v>
      </c>
      <c r="AI5910">
        <v>0</v>
      </c>
      <c r="AJ5910">
        <v>0</v>
      </c>
      <c r="AK5910" t="s">
        <v>6</v>
      </c>
      <c r="AL5910">
        <v>0</v>
      </c>
      <c r="AM5910">
        <v>0</v>
      </c>
      <c r="AN5910">
        <v>0</v>
      </c>
      <c r="AO5910">
        <v>0</v>
      </c>
      <c r="AP5910">
        <v>0</v>
      </c>
      <c r="AQ5910">
        <v>0</v>
      </c>
      <c r="AR5910">
        <v>0</v>
      </c>
      <c r="AS5910">
        <v>0</v>
      </c>
      <c r="AT5910">
        <v>0</v>
      </c>
      <c r="AU5910">
        <v>0</v>
      </c>
      <c r="AV5910">
        <v>0</v>
      </c>
      <c r="AW5910">
        <v>0</v>
      </c>
      <c r="AX5910">
        <v>0</v>
      </c>
      <c r="AY5910">
        <v>0</v>
      </c>
      <c r="AZ5910">
        <v>0</v>
      </c>
      <c r="BA5910">
        <v>0</v>
      </c>
    </row>
    <row r="5911" spans="1:53" x14ac:dyDescent="0.4">
      <c r="A5911">
        <v>5955</v>
      </c>
      <c r="B5911" s="1">
        <v>45082</v>
      </c>
      <c r="C5911">
        <v>2</v>
      </c>
      <c r="D5911" s="1">
        <v>45082.443055555559</v>
      </c>
      <c r="E5911" s="1">
        <v>45082.746527777781</v>
      </c>
      <c r="F5911">
        <v>18890</v>
      </c>
      <c r="G5911">
        <v>594</v>
      </c>
      <c r="H5911">
        <v>0</v>
      </c>
      <c r="I5911">
        <v>0</v>
      </c>
      <c r="J5911">
        <v>0</v>
      </c>
      <c r="K5911">
        <v>0</v>
      </c>
      <c r="L5911">
        <v>0</v>
      </c>
      <c r="M5911">
        <v>1770</v>
      </c>
      <c r="N5911">
        <v>0</v>
      </c>
      <c r="O5911">
        <v>0</v>
      </c>
      <c r="P5911">
        <v>21700</v>
      </c>
      <c r="Q5911">
        <v>0</v>
      </c>
      <c r="R5911">
        <v>41184</v>
      </c>
      <c r="S5911">
        <v>0</v>
      </c>
      <c r="T5911">
        <v>0</v>
      </c>
      <c r="U5911">
        <v>0</v>
      </c>
      <c r="V5911">
        <v>0</v>
      </c>
      <c r="W5911">
        <v>2</v>
      </c>
      <c r="X5911">
        <v>0</v>
      </c>
      <c r="Y5911">
        <v>59</v>
      </c>
      <c r="Z5911">
        <v>24</v>
      </c>
      <c r="AA5911">
        <v>61</v>
      </c>
      <c r="AB5911">
        <v>30</v>
      </c>
      <c r="AC5911">
        <v>95</v>
      </c>
      <c r="AD5911">
        <v>28</v>
      </c>
      <c r="AE5911">
        <v>44</v>
      </c>
      <c r="AF5911">
        <v>1550</v>
      </c>
      <c r="AG5911">
        <v>91284</v>
      </c>
      <c r="AH5911">
        <v>50000</v>
      </c>
      <c r="AI5911">
        <v>100</v>
      </c>
      <c r="AJ5911">
        <v>36</v>
      </c>
      <c r="AK5911" t="s">
        <v>68</v>
      </c>
      <c r="AL5911">
        <v>0</v>
      </c>
      <c r="AM5911">
        <v>0</v>
      </c>
      <c r="AN5911">
        <v>0</v>
      </c>
      <c r="AO5911">
        <v>0</v>
      </c>
      <c r="AP5911">
        <v>0</v>
      </c>
      <c r="AQ5911">
        <v>0</v>
      </c>
      <c r="AR5911">
        <v>0</v>
      </c>
      <c r="AS5911">
        <v>0</v>
      </c>
      <c r="AT5911">
        <v>0</v>
      </c>
      <c r="AU5911">
        <v>0</v>
      </c>
      <c r="AV5911">
        <v>0</v>
      </c>
      <c r="AW5911">
        <v>0</v>
      </c>
      <c r="AX5911">
        <v>1584</v>
      </c>
      <c r="AY5911">
        <v>38</v>
      </c>
      <c r="AZ5911">
        <v>68</v>
      </c>
      <c r="BA5911">
        <v>4705</v>
      </c>
    </row>
    <row r="5912" spans="1:53" x14ac:dyDescent="0.4">
      <c r="A5912">
        <v>5956</v>
      </c>
      <c r="B5912" s="1">
        <v>45082</v>
      </c>
      <c r="C5912">
        <v>3</v>
      </c>
      <c r="D5912" s="1">
        <v>45082.746527777781</v>
      </c>
      <c r="E5912" s="1">
        <v>45083.175694444442</v>
      </c>
      <c r="F5912">
        <v>33590</v>
      </c>
      <c r="G5912">
        <v>2992</v>
      </c>
      <c r="H5912">
        <v>0</v>
      </c>
      <c r="I5912">
        <v>0</v>
      </c>
      <c r="J5912">
        <v>100</v>
      </c>
      <c r="K5912">
        <v>0</v>
      </c>
      <c r="L5912">
        <v>0</v>
      </c>
      <c r="M5912">
        <v>3314</v>
      </c>
      <c r="N5912">
        <v>0</v>
      </c>
      <c r="O5912">
        <v>0</v>
      </c>
      <c r="P5912">
        <v>-18400</v>
      </c>
      <c r="Q5912">
        <v>0</v>
      </c>
      <c r="R5912">
        <v>18082</v>
      </c>
      <c r="S5912">
        <v>0</v>
      </c>
      <c r="T5912">
        <v>0</v>
      </c>
      <c r="U5912">
        <v>0</v>
      </c>
      <c r="V5912">
        <v>0</v>
      </c>
      <c r="W5912">
        <v>0</v>
      </c>
      <c r="X5912">
        <v>0</v>
      </c>
      <c r="Y5912">
        <v>30</v>
      </c>
      <c r="Z5912">
        <v>21</v>
      </c>
      <c r="AA5912">
        <v>69</v>
      </c>
      <c r="AB5912">
        <v>27</v>
      </c>
      <c r="AC5912">
        <v>107</v>
      </c>
      <c r="AD5912">
        <v>28</v>
      </c>
      <c r="AE5912">
        <v>40</v>
      </c>
      <c r="AF5912">
        <v>0</v>
      </c>
      <c r="AG5912">
        <v>50000</v>
      </c>
      <c r="AH5912">
        <v>0</v>
      </c>
      <c r="AI5912">
        <v>-9266</v>
      </c>
      <c r="AJ5912">
        <v>95</v>
      </c>
      <c r="AK5912" t="s">
        <v>21</v>
      </c>
      <c r="AL5912">
        <v>0</v>
      </c>
      <c r="AM5912">
        <v>0</v>
      </c>
      <c r="AN5912">
        <v>0</v>
      </c>
      <c r="AO5912">
        <v>0</v>
      </c>
      <c r="AP5912">
        <v>0</v>
      </c>
      <c r="AQ5912">
        <v>0</v>
      </c>
      <c r="AR5912">
        <v>0</v>
      </c>
      <c r="AS5912">
        <v>0</v>
      </c>
      <c r="AT5912">
        <v>0</v>
      </c>
      <c r="AU5912">
        <v>0</v>
      </c>
      <c r="AV5912">
        <v>0</v>
      </c>
      <c r="AW5912">
        <v>0</v>
      </c>
      <c r="AX5912">
        <v>0</v>
      </c>
      <c r="AY5912">
        <v>12</v>
      </c>
      <c r="AZ5912">
        <v>23</v>
      </c>
      <c r="BA5912">
        <v>2577</v>
      </c>
    </row>
    <row r="5913" spans="1:53" x14ac:dyDescent="0.4">
      <c r="A5913">
        <v>5957</v>
      </c>
      <c r="B5913" s="1">
        <v>45083</v>
      </c>
      <c r="C5913">
        <v>1</v>
      </c>
      <c r="D5913" s="1">
        <v>45083.291666666664</v>
      </c>
      <c r="E5913" s="1">
        <v>45083.450694444444</v>
      </c>
      <c r="F5913">
        <v>0</v>
      </c>
      <c r="G5913">
        <v>0</v>
      </c>
      <c r="H5913">
        <v>0</v>
      </c>
      <c r="I5913">
        <v>0</v>
      </c>
      <c r="J5913">
        <v>0</v>
      </c>
      <c r="K5913">
        <v>0</v>
      </c>
      <c r="L5913">
        <v>0</v>
      </c>
      <c r="M5913">
        <v>0</v>
      </c>
      <c r="N5913">
        <v>0</v>
      </c>
      <c r="O5913">
        <v>0</v>
      </c>
      <c r="P5913">
        <v>0</v>
      </c>
      <c r="Q5913">
        <v>0</v>
      </c>
      <c r="R5913">
        <v>0</v>
      </c>
      <c r="S5913">
        <v>0</v>
      </c>
      <c r="T5913">
        <v>0</v>
      </c>
      <c r="U5913">
        <v>0</v>
      </c>
      <c r="V5913">
        <v>0</v>
      </c>
      <c r="W5913">
        <v>0</v>
      </c>
      <c r="X5913">
        <v>0</v>
      </c>
      <c r="Y5913">
        <v>30</v>
      </c>
      <c r="Z5913">
        <v>21</v>
      </c>
      <c r="AA5913">
        <v>69</v>
      </c>
      <c r="AB5913">
        <v>27</v>
      </c>
      <c r="AC5913">
        <v>107</v>
      </c>
      <c r="AD5913">
        <v>28</v>
      </c>
      <c r="AE5913">
        <v>40</v>
      </c>
      <c r="AF5913">
        <v>0</v>
      </c>
      <c r="AG5913">
        <v>50000</v>
      </c>
      <c r="AH5913">
        <v>50000</v>
      </c>
      <c r="AI5913">
        <v>0</v>
      </c>
      <c r="AJ5913">
        <v>0</v>
      </c>
      <c r="AK5913" t="s">
        <v>6</v>
      </c>
      <c r="AL5913">
        <v>0</v>
      </c>
      <c r="AM5913">
        <v>0</v>
      </c>
      <c r="AN5913">
        <v>0</v>
      </c>
      <c r="AO5913">
        <v>0</v>
      </c>
      <c r="AP5913">
        <v>0</v>
      </c>
      <c r="AQ5913">
        <v>0</v>
      </c>
      <c r="AR5913">
        <v>0</v>
      </c>
      <c r="AS5913">
        <v>0</v>
      </c>
      <c r="AT5913">
        <v>0</v>
      </c>
      <c r="AU5913">
        <v>0</v>
      </c>
      <c r="AV5913">
        <v>0</v>
      </c>
      <c r="AW5913">
        <v>0</v>
      </c>
      <c r="AX5913">
        <v>0</v>
      </c>
      <c r="AY5913">
        <v>0</v>
      </c>
      <c r="AZ5913">
        <v>0</v>
      </c>
      <c r="BA5913">
        <v>0</v>
      </c>
    </row>
    <row r="5914" spans="1:53" x14ac:dyDescent="0.4">
      <c r="A5914">
        <v>5958</v>
      </c>
      <c r="B5914" s="1">
        <v>45083</v>
      </c>
      <c r="C5914">
        <v>2</v>
      </c>
      <c r="D5914" s="1">
        <v>45083.450694444444</v>
      </c>
      <c r="E5914" s="1">
        <v>45083.720833333333</v>
      </c>
      <c r="F5914">
        <v>17320</v>
      </c>
      <c r="G5914">
        <v>0</v>
      </c>
      <c r="H5914">
        <v>0</v>
      </c>
      <c r="I5914">
        <v>0</v>
      </c>
      <c r="J5914">
        <v>100</v>
      </c>
      <c r="K5914">
        <v>0</v>
      </c>
      <c r="L5914">
        <v>0</v>
      </c>
      <c r="M5914">
        <v>1565</v>
      </c>
      <c r="N5914">
        <v>0</v>
      </c>
      <c r="O5914">
        <v>0</v>
      </c>
      <c r="P5914">
        <v>24780</v>
      </c>
      <c r="Q5914">
        <v>0</v>
      </c>
      <c r="R5914">
        <v>42000</v>
      </c>
      <c r="S5914">
        <v>0</v>
      </c>
      <c r="T5914">
        <v>0</v>
      </c>
      <c r="U5914">
        <v>0</v>
      </c>
      <c r="V5914">
        <v>0</v>
      </c>
      <c r="W5914">
        <v>3</v>
      </c>
      <c r="X5914">
        <v>0</v>
      </c>
      <c r="Y5914">
        <v>48</v>
      </c>
      <c r="Z5914">
        <v>32</v>
      </c>
      <c r="AA5914">
        <v>63</v>
      </c>
      <c r="AB5914">
        <v>32</v>
      </c>
      <c r="AC5914">
        <v>146</v>
      </c>
      <c r="AD5914">
        <v>28</v>
      </c>
      <c r="AE5914">
        <v>40</v>
      </c>
      <c r="AF5914">
        <v>0</v>
      </c>
      <c r="AG5914">
        <v>88540</v>
      </c>
      <c r="AH5914">
        <v>50000</v>
      </c>
      <c r="AI5914">
        <v>-3460</v>
      </c>
      <c r="AJ5914">
        <v>38</v>
      </c>
      <c r="AK5914" t="s">
        <v>75</v>
      </c>
      <c r="AL5914">
        <v>0</v>
      </c>
      <c r="AM5914">
        <v>0</v>
      </c>
      <c r="AN5914">
        <v>0</v>
      </c>
      <c r="AO5914">
        <v>0</v>
      </c>
      <c r="AP5914">
        <v>0</v>
      </c>
      <c r="AQ5914">
        <v>0</v>
      </c>
      <c r="AR5914">
        <v>0</v>
      </c>
      <c r="AS5914">
        <v>0</v>
      </c>
      <c r="AT5914">
        <v>0</v>
      </c>
      <c r="AU5914">
        <v>0</v>
      </c>
      <c r="AV5914">
        <v>0</v>
      </c>
      <c r="AW5914">
        <v>0</v>
      </c>
      <c r="AX5914">
        <v>-1060</v>
      </c>
      <c r="AY5914">
        <v>39</v>
      </c>
      <c r="AZ5914">
        <v>70</v>
      </c>
      <c r="BA5914">
        <v>5249</v>
      </c>
    </row>
    <row r="5915" spans="1:53" x14ac:dyDescent="0.4">
      <c r="A5915">
        <v>5959</v>
      </c>
      <c r="B5915" s="1">
        <v>45084</v>
      </c>
      <c r="C5915">
        <v>1</v>
      </c>
      <c r="D5915" s="1">
        <v>45084.291666666664</v>
      </c>
      <c r="E5915" s="1">
        <v>45084.445138888892</v>
      </c>
      <c r="F5915">
        <v>0</v>
      </c>
      <c r="G5915">
        <v>0</v>
      </c>
      <c r="H5915">
        <v>0</v>
      </c>
      <c r="I5915">
        <v>0</v>
      </c>
      <c r="J5915">
        <v>0</v>
      </c>
      <c r="K5915">
        <v>0</v>
      </c>
      <c r="L5915">
        <v>0</v>
      </c>
      <c r="M5915">
        <v>0</v>
      </c>
      <c r="N5915">
        <v>0</v>
      </c>
      <c r="O5915">
        <v>0</v>
      </c>
      <c r="P5915">
        <v>0</v>
      </c>
      <c r="Q5915">
        <v>0</v>
      </c>
      <c r="R5915">
        <v>0</v>
      </c>
      <c r="S5915">
        <v>0</v>
      </c>
      <c r="T5915">
        <v>0</v>
      </c>
      <c r="U5915">
        <v>0</v>
      </c>
      <c r="V5915">
        <v>0</v>
      </c>
      <c r="W5915">
        <v>1</v>
      </c>
      <c r="X5915">
        <v>0</v>
      </c>
      <c r="Y5915">
        <v>30</v>
      </c>
      <c r="Z5915">
        <v>10</v>
      </c>
      <c r="AA5915">
        <v>71</v>
      </c>
      <c r="AB5915">
        <v>31</v>
      </c>
      <c r="AC5915">
        <v>117</v>
      </c>
      <c r="AD5915">
        <v>28</v>
      </c>
      <c r="AE5915">
        <v>40</v>
      </c>
      <c r="AF5915">
        <v>0</v>
      </c>
      <c r="AG5915">
        <v>50000</v>
      </c>
      <c r="AH5915">
        <v>50000</v>
      </c>
      <c r="AI5915">
        <v>0</v>
      </c>
      <c r="AJ5915">
        <v>0</v>
      </c>
      <c r="AK5915" t="s">
        <v>6</v>
      </c>
      <c r="AL5915">
        <v>0</v>
      </c>
      <c r="AM5915">
        <v>0</v>
      </c>
      <c r="AN5915">
        <v>0</v>
      </c>
      <c r="AO5915">
        <v>0</v>
      </c>
      <c r="AP5915">
        <v>0</v>
      </c>
      <c r="AQ5915">
        <v>0</v>
      </c>
      <c r="AR5915">
        <v>0</v>
      </c>
      <c r="AS5915">
        <v>0</v>
      </c>
      <c r="AT5915">
        <v>0</v>
      </c>
      <c r="AU5915">
        <v>0</v>
      </c>
      <c r="AV5915">
        <v>0</v>
      </c>
      <c r="AW5915">
        <v>0</v>
      </c>
      <c r="AX5915">
        <v>0</v>
      </c>
      <c r="AY5915">
        <v>0</v>
      </c>
      <c r="AZ5915">
        <v>0</v>
      </c>
      <c r="BA5915">
        <v>0</v>
      </c>
    </row>
    <row r="5916" spans="1:53" x14ac:dyDescent="0.4">
      <c r="A5916">
        <v>5960</v>
      </c>
      <c r="B5916" s="1">
        <v>45084</v>
      </c>
      <c r="C5916">
        <v>2</v>
      </c>
      <c r="D5916" s="1">
        <v>45084.445138888892</v>
      </c>
      <c r="E5916" s="1">
        <v>45084.749305555553</v>
      </c>
      <c r="F5916">
        <v>25990</v>
      </c>
      <c r="G5916">
        <v>594</v>
      </c>
      <c r="H5916">
        <v>0</v>
      </c>
      <c r="I5916">
        <v>0</v>
      </c>
      <c r="J5916">
        <v>300</v>
      </c>
      <c r="K5916">
        <v>0</v>
      </c>
      <c r="L5916">
        <v>0</v>
      </c>
      <c r="M5916">
        <v>2389</v>
      </c>
      <c r="N5916">
        <v>0</v>
      </c>
      <c r="O5916">
        <v>0</v>
      </c>
      <c r="P5916">
        <v>17130</v>
      </c>
      <c r="Q5916">
        <v>0</v>
      </c>
      <c r="R5916">
        <v>43414</v>
      </c>
      <c r="S5916">
        <v>0</v>
      </c>
      <c r="T5916">
        <v>0</v>
      </c>
      <c r="U5916">
        <v>0</v>
      </c>
      <c r="V5916">
        <v>1</v>
      </c>
      <c r="W5916">
        <v>0</v>
      </c>
      <c r="X5916">
        <v>0</v>
      </c>
      <c r="Y5916">
        <v>63</v>
      </c>
      <c r="Z5916">
        <v>22</v>
      </c>
      <c r="AA5916">
        <v>56</v>
      </c>
      <c r="AB5916">
        <v>32</v>
      </c>
      <c r="AC5916">
        <v>142</v>
      </c>
      <c r="AD5916">
        <v>31</v>
      </c>
      <c r="AE5916">
        <v>39</v>
      </c>
      <c r="AF5916">
        <v>600</v>
      </c>
      <c r="AG5916">
        <v>93414</v>
      </c>
      <c r="AH5916">
        <v>50000</v>
      </c>
      <c r="AI5916">
        <v>0</v>
      </c>
      <c r="AJ5916">
        <v>36</v>
      </c>
      <c r="AK5916" t="s">
        <v>68</v>
      </c>
      <c r="AL5916">
        <v>0</v>
      </c>
      <c r="AM5916">
        <v>0</v>
      </c>
      <c r="AN5916">
        <v>0</v>
      </c>
      <c r="AO5916">
        <v>0</v>
      </c>
      <c r="AP5916">
        <v>0</v>
      </c>
      <c r="AQ5916">
        <v>0</v>
      </c>
      <c r="AR5916">
        <v>0</v>
      </c>
      <c r="AS5916">
        <v>0</v>
      </c>
      <c r="AT5916">
        <v>0</v>
      </c>
      <c r="AU5916">
        <v>0</v>
      </c>
      <c r="AV5916">
        <v>0</v>
      </c>
      <c r="AW5916">
        <v>0</v>
      </c>
      <c r="AX5916">
        <v>-90</v>
      </c>
      <c r="AY5916">
        <v>43</v>
      </c>
      <c r="AZ5916">
        <v>70</v>
      </c>
      <c r="BA5916">
        <v>6341</v>
      </c>
    </row>
    <row r="5917" spans="1:53" x14ac:dyDescent="0.4">
      <c r="A5917">
        <v>5961</v>
      </c>
      <c r="B5917" s="1">
        <v>45084</v>
      </c>
      <c r="C5917">
        <v>3</v>
      </c>
      <c r="D5917" s="1">
        <v>45084.749305555553</v>
      </c>
      <c r="E5917" s="1">
        <v>45084.932638888888</v>
      </c>
      <c r="F5917">
        <v>37220</v>
      </c>
      <c r="G5917">
        <v>1034</v>
      </c>
      <c r="H5917">
        <v>0</v>
      </c>
      <c r="I5917">
        <v>0</v>
      </c>
      <c r="J5917">
        <v>200</v>
      </c>
      <c r="K5917">
        <v>0</v>
      </c>
      <c r="L5917">
        <v>0</v>
      </c>
      <c r="M5917">
        <v>3459</v>
      </c>
      <c r="N5917">
        <v>0</v>
      </c>
      <c r="O5917">
        <v>0</v>
      </c>
      <c r="P5917">
        <v>-17130</v>
      </c>
      <c r="Q5917">
        <v>0</v>
      </c>
      <c r="R5917">
        <v>20924</v>
      </c>
      <c r="S5917">
        <v>0</v>
      </c>
      <c r="T5917">
        <v>0</v>
      </c>
      <c r="U5917">
        <v>0</v>
      </c>
      <c r="V5917">
        <v>2</v>
      </c>
      <c r="W5917">
        <v>2</v>
      </c>
      <c r="X5917">
        <v>0</v>
      </c>
      <c r="Y5917">
        <v>61</v>
      </c>
      <c r="Z5917">
        <v>25</v>
      </c>
      <c r="AA5917">
        <v>66</v>
      </c>
      <c r="AB5917">
        <v>27</v>
      </c>
      <c r="AC5917">
        <v>156</v>
      </c>
      <c r="AD5917">
        <v>31</v>
      </c>
      <c r="AE5917">
        <v>43</v>
      </c>
      <c r="AF5917">
        <v>1130</v>
      </c>
      <c r="AG5917">
        <v>114338</v>
      </c>
      <c r="AH5917">
        <v>50000</v>
      </c>
      <c r="AI5917">
        <v>0</v>
      </c>
      <c r="AJ5917">
        <v>41</v>
      </c>
      <c r="AK5917" t="s">
        <v>76</v>
      </c>
      <c r="AL5917">
        <v>0</v>
      </c>
      <c r="AM5917">
        <v>0</v>
      </c>
      <c r="AN5917">
        <v>0</v>
      </c>
      <c r="AO5917">
        <v>0</v>
      </c>
      <c r="AP5917">
        <v>0</v>
      </c>
      <c r="AQ5917">
        <v>0</v>
      </c>
      <c r="AR5917">
        <v>0</v>
      </c>
      <c r="AS5917">
        <v>0</v>
      </c>
      <c r="AT5917">
        <v>0</v>
      </c>
      <c r="AU5917">
        <v>0</v>
      </c>
      <c r="AV5917">
        <v>0</v>
      </c>
      <c r="AW5917">
        <v>0</v>
      </c>
      <c r="AX5917">
        <v>3680</v>
      </c>
      <c r="AY5917">
        <v>17</v>
      </c>
      <c r="AZ5917">
        <v>33</v>
      </c>
      <c r="BA5917">
        <v>2867</v>
      </c>
    </row>
    <row r="5918" spans="1:53" x14ac:dyDescent="0.4">
      <c r="A5918">
        <v>5962</v>
      </c>
      <c r="B5918" s="1">
        <v>45085</v>
      </c>
      <c r="C5918">
        <v>1</v>
      </c>
      <c r="D5918" s="1">
        <v>45085.291666666664</v>
      </c>
      <c r="E5918" s="1">
        <v>45085.443749999999</v>
      </c>
      <c r="F5918">
        <v>0</v>
      </c>
      <c r="G5918">
        <v>0</v>
      </c>
      <c r="H5918">
        <v>0</v>
      </c>
      <c r="I5918">
        <v>0</v>
      </c>
      <c r="J5918">
        <v>0</v>
      </c>
      <c r="K5918">
        <v>0</v>
      </c>
      <c r="L5918">
        <v>0</v>
      </c>
      <c r="M5918">
        <v>0</v>
      </c>
      <c r="N5918">
        <v>0</v>
      </c>
      <c r="O5918">
        <v>0</v>
      </c>
      <c r="P5918">
        <v>0</v>
      </c>
      <c r="Q5918">
        <v>0</v>
      </c>
      <c r="R5918">
        <v>0</v>
      </c>
      <c r="S5918">
        <v>0</v>
      </c>
      <c r="T5918">
        <v>0</v>
      </c>
      <c r="U5918">
        <v>0</v>
      </c>
      <c r="V5918">
        <v>0</v>
      </c>
      <c r="W5918">
        <v>1</v>
      </c>
      <c r="X5918">
        <v>0</v>
      </c>
      <c r="Y5918">
        <v>30</v>
      </c>
      <c r="Z5918">
        <v>11</v>
      </c>
      <c r="AA5918">
        <v>74</v>
      </c>
      <c r="AB5918">
        <v>23</v>
      </c>
      <c r="AC5918">
        <v>76</v>
      </c>
      <c r="AD5918">
        <v>30</v>
      </c>
      <c r="AE5918">
        <v>40</v>
      </c>
      <c r="AF5918">
        <v>0</v>
      </c>
      <c r="AG5918">
        <v>50000</v>
      </c>
      <c r="AH5918">
        <v>50000</v>
      </c>
      <c r="AI5918">
        <v>0</v>
      </c>
      <c r="AJ5918">
        <v>0</v>
      </c>
      <c r="AK5918" t="s">
        <v>6</v>
      </c>
      <c r="AL5918">
        <v>0</v>
      </c>
      <c r="AM5918">
        <v>0</v>
      </c>
      <c r="AN5918">
        <v>0</v>
      </c>
      <c r="AO5918">
        <v>0</v>
      </c>
      <c r="AP5918">
        <v>0</v>
      </c>
      <c r="AQ5918">
        <v>0</v>
      </c>
      <c r="AR5918">
        <v>0</v>
      </c>
      <c r="AS5918">
        <v>0</v>
      </c>
      <c r="AT5918">
        <v>0</v>
      </c>
      <c r="AU5918">
        <v>0</v>
      </c>
      <c r="AV5918">
        <v>0</v>
      </c>
      <c r="AW5918">
        <v>0</v>
      </c>
      <c r="AX5918">
        <v>0</v>
      </c>
      <c r="AY5918">
        <v>0</v>
      </c>
      <c r="AZ5918">
        <v>0</v>
      </c>
      <c r="BA5918">
        <v>0</v>
      </c>
    </row>
    <row r="5919" spans="1:53" x14ac:dyDescent="0.4">
      <c r="A5919">
        <v>5963</v>
      </c>
      <c r="B5919" s="1">
        <v>45085</v>
      </c>
      <c r="C5919">
        <v>2</v>
      </c>
      <c r="D5919" s="1">
        <v>45085.443749999999</v>
      </c>
      <c r="E5919" s="1">
        <v>45085.723611111112</v>
      </c>
      <c r="F5919">
        <v>10300</v>
      </c>
      <c r="G5919">
        <v>0</v>
      </c>
      <c r="H5919">
        <v>0</v>
      </c>
      <c r="I5919">
        <v>0</v>
      </c>
      <c r="J5919">
        <v>100</v>
      </c>
      <c r="K5919">
        <v>0</v>
      </c>
      <c r="L5919">
        <v>0</v>
      </c>
      <c r="M5919">
        <v>927</v>
      </c>
      <c r="N5919">
        <v>0</v>
      </c>
      <c r="O5919">
        <v>0</v>
      </c>
      <c r="P5919">
        <v>14390</v>
      </c>
      <c r="Q5919">
        <v>0</v>
      </c>
      <c r="R5919">
        <v>24590</v>
      </c>
      <c r="S5919">
        <v>0</v>
      </c>
      <c r="T5919">
        <v>0</v>
      </c>
      <c r="U5919">
        <v>0</v>
      </c>
      <c r="V5919">
        <v>1</v>
      </c>
      <c r="W5919">
        <v>2</v>
      </c>
      <c r="X5919">
        <v>0</v>
      </c>
      <c r="Y5919">
        <v>40</v>
      </c>
      <c r="Z5919">
        <v>9</v>
      </c>
      <c r="AA5919">
        <v>78</v>
      </c>
      <c r="AB5919">
        <v>25</v>
      </c>
      <c r="AC5919">
        <v>85</v>
      </c>
      <c r="AD5919">
        <v>30</v>
      </c>
      <c r="AE5919">
        <v>40</v>
      </c>
      <c r="AF5919">
        <v>0</v>
      </c>
      <c r="AG5919">
        <v>74590</v>
      </c>
      <c r="AH5919">
        <v>50000</v>
      </c>
      <c r="AI5919">
        <v>0</v>
      </c>
      <c r="AJ5919">
        <v>38</v>
      </c>
      <c r="AK5919" t="s">
        <v>75</v>
      </c>
      <c r="AL5919">
        <v>0</v>
      </c>
      <c r="AM5919">
        <v>0</v>
      </c>
      <c r="AN5919">
        <v>0</v>
      </c>
      <c r="AO5919">
        <v>0</v>
      </c>
      <c r="AP5919">
        <v>0</v>
      </c>
      <c r="AQ5919">
        <v>0</v>
      </c>
      <c r="AR5919">
        <v>0</v>
      </c>
      <c r="AS5919">
        <v>0</v>
      </c>
      <c r="AT5919">
        <v>0</v>
      </c>
      <c r="AU5919">
        <v>0</v>
      </c>
      <c r="AV5919">
        <v>0</v>
      </c>
      <c r="AW5919">
        <v>0</v>
      </c>
      <c r="AX5919">
        <v>1188</v>
      </c>
      <c r="AY5919">
        <v>23</v>
      </c>
      <c r="AZ5919">
        <v>42</v>
      </c>
      <c r="BA5919">
        <v>2575</v>
      </c>
    </row>
    <row r="5920" spans="1:53" x14ac:dyDescent="0.4">
      <c r="A5920">
        <v>5964</v>
      </c>
      <c r="B5920" s="1">
        <v>45085</v>
      </c>
      <c r="C5920">
        <v>3</v>
      </c>
      <c r="D5920" s="1">
        <v>45085.723611111112</v>
      </c>
      <c r="E5920" s="1">
        <v>45085.957638888889</v>
      </c>
      <c r="F5920">
        <v>34260</v>
      </c>
      <c r="G5920">
        <v>2970</v>
      </c>
      <c r="H5920">
        <v>0</v>
      </c>
      <c r="I5920">
        <v>0</v>
      </c>
      <c r="J5920">
        <v>0</v>
      </c>
      <c r="K5920">
        <v>0</v>
      </c>
      <c r="L5920">
        <v>0</v>
      </c>
      <c r="M5920">
        <v>3382</v>
      </c>
      <c r="N5920">
        <v>0</v>
      </c>
      <c r="O5920">
        <v>0</v>
      </c>
      <c r="P5920">
        <v>-5810</v>
      </c>
      <c r="Q5920">
        <v>0</v>
      </c>
      <c r="R5920">
        <v>31420</v>
      </c>
      <c r="S5920">
        <v>0</v>
      </c>
      <c r="T5920">
        <v>0</v>
      </c>
      <c r="U5920">
        <v>0</v>
      </c>
      <c r="V5920">
        <v>2</v>
      </c>
      <c r="W5920">
        <v>2</v>
      </c>
      <c r="X5920">
        <v>0</v>
      </c>
      <c r="Y5920">
        <v>51</v>
      </c>
      <c r="Z5920">
        <v>11</v>
      </c>
      <c r="AA5920">
        <v>72</v>
      </c>
      <c r="AB5920">
        <v>30</v>
      </c>
      <c r="AC5920">
        <v>97</v>
      </c>
      <c r="AD5920">
        <v>32</v>
      </c>
      <c r="AE5920">
        <v>40</v>
      </c>
      <c r="AF5920">
        <v>9640</v>
      </c>
      <c r="AG5920">
        <v>106010</v>
      </c>
      <c r="AH5920">
        <v>50000</v>
      </c>
      <c r="AI5920">
        <v>0</v>
      </c>
      <c r="AJ5920">
        <v>116</v>
      </c>
      <c r="AK5920" t="s">
        <v>51</v>
      </c>
      <c r="AL5920">
        <v>0</v>
      </c>
      <c r="AM5920">
        <v>0</v>
      </c>
      <c r="AN5920">
        <v>0</v>
      </c>
      <c r="AO5920">
        <v>0</v>
      </c>
      <c r="AP5920">
        <v>0</v>
      </c>
      <c r="AQ5920">
        <v>0</v>
      </c>
      <c r="AR5920">
        <v>0</v>
      </c>
      <c r="AS5920">
        <v>0</v>
      </c>
      <c r="AT5920">
        <v>0</v>
      </c>
      <c r="AU5920">
        <v>0</v>
      </c>
      <c r="AV5920">
        <v>0</v>
      </c>
      <c r="AW5920">
        <v>0</v>
      </c>
      <c r="AX5920">
        <v>8509</v>
      </c>
      <c r="AY5920">
        <v>17</v>
      </c>
      <c r="AZ5920">
        <v>32</v>
      </c>
      <c r="BA5920">
        <v>3011</v>
      </c>
    </row>
    <row r="5921" spans="1:53" x14ac:dyDescent="0.4">
      <c r="A5921">
        <v>5965</v>
      </c>
      <c r="B5921" s="1">
        <v>45086</v>
      </c>
      <c r="C5921">
        <v>1</v>
      </c>
      <c r="D5921" s="1">
        <v>45086.291666666664</v>
      </c>
      <c r="E5921" s="1">
        <v>45086.445138888892</v>
      </c>
      <c r="F5921">
        <v>0</v>
      </c>
      <c r="G5921">
        <v>0</v>
      </c>
      <c r="H5921">
        <v>0</v>
      </c>
      <c r="I5921">
        <v>0</v>
      </c>
      <c r="J5921">
        <v>0</v>
      </c>
      <c r="K5921">
        <v>0</v>
      </c>
      <c r="L5921">
        <v>0</v>
      </c>
      <c r="M5921">
        <v>0</v>
      </c>
      <c r="N5921">
        <v>0</v>
      </c>
      <c r="O5921">
        <v>0</v>
      </c>
      <c r="P5921">
        <v>0</v>
      </c>
      <c r="Q5921">
        <v>0</v>
      </c>
      <c r="R5921">
        <v>0</v>
      </c>
      <c r="S5921">
        <v>0</v>
      </c>
      <c r="T5921">
        <v>0</v>
      </c>
      <c r="U5921">
        <v>0</v>
      </c>
      <c r="V5921">
        <v>0</v>
      </c>
      <c r="W5921">
        <v>1</v>
      </c>
      <c r="X5921">
        <v>0</v>
      </c>
      <c r="Y5921">
        <v>30</v>
      </c>
      <c r="Z5921">
        <v>10</v>
      </c>
      <c r="AA5921">
        <v>74</v>
      </c>
      <c r="AB5921">
        <v>31</v>
      </c>
      <c r="AC5921">
        <v>86</v>
      </c>
      <c r="AD5921">
        <v>31</v>
      </c>
      <c r="AE5921">
        <v>35</v>
      </c>
      <c r="AF5921">
        <v>0</v>
      </c>
      <c r="AG5921">
        <v>50000</v>
      </c>
      <c r="AH5921">
        <v>50000</v>
      </c>
      <c r="AI5921">
        <v>0</v>
      </c>
      <c r="AJ5921">
        <v>0</v>
      </c>
      <c r="AK5921" t="s">
        <v>6</v>
      </c>
      <c r="AL5921">
        <v>0</v>
      </c>
      <c r="AM5921">
        <v>0</v>
      </c>
      <c r="AN5921">
        <v>0</v>
      </c>
      <c r="AO5921">
        <v>0</v>
      </c>
      <c r="AP5921">
        <v>0</v>
      </c>
      <c r="AQ5921">
        <v>0</v>
      </c>
      <c r="AR5921">
        <v>0</v>
      </c>
      <c r="AS5921">
        <v>0</v>
      </c>
      <c r="AT5921">
        <v>0</v>
      </c>
      <c r="AU5921">
        <v>0</v>
      </c>
      <c r="AV5921">
        <v>0</v>
      </c>
      <c r="AW5921">
        <v>0</v>
      </c>
      <c r="AX5921">
        <v>0</v>
      </c>
      <c r="AY5921">
        <v>0</v>
      </c>
      <c r="AZ5921">
        <v>0</v>
      </c>
      <c r="BA5921">
        <v>0</v>
      </c>
    </row>
    <row r="5922" spans="1:53" x14ac:dyDescent="0.4">
      <c r="A5922">
        <v>5966</v>
      </c>
      <c r="B5922" s="1">
        <v>45086</v>
      </c>
      <c r="C5922">
        <v>2</v>
      </c>
      <c r="D5922" s="1">
        <v>45086.445138888892</v>
      </c>
      <c r="E5922" s="1">
        <v>45086.73333333333</v>
      </c>
      <c r="F5922">
        <v>14610</v>
      </c>
      <c r="G5922">
        <v>1364</v>
      </c>
      <c r="H5922">
        <v>0</v>
      </c>
      <c r="I5922">
        <v>0</v>
      </c>
      <c r="J5922">
        <v>0</v>
      </c>
      <c r="K5922">
        <v>0</v>
      </c>
      <c r="L5922">
        <v>0</v>
      </c>
      <c r="M5922">
        <v>1453</v>
      </c>
      <c r="N5922">
        <v>0</v>
      </c>
      <c r="O5922">
        <v>0</v>
      </c>
      <c r="P5922">
        <v>11410</v>
      </c>
      <c r="Q5922">
        <v>0</v>
      </c>
      <c r="R5922">
        <v>27384</v>
      </c>
      <c r="S5922">
        <v>0</v>
      </c>
      <c r="T5922">
        <v>0</v>
      </c>
      <c r="U5922">
        <v>0</v>
      </c>
      <c r="V5922">
        <v>0</v>
      </c>
      <c r="W5922">
        <v>1</v>
      </c>
      <c r="X5922">
        <v>0</v>
      </c>
      <c r="Y5922">
        <v>54</v>
      </c>
      <c r="Z5922">
        <v>14</v>
      </c>
      <c r="AA5922">
        <v>76</v>
      </c>
      <c r="AB5922">
        <v>28</v>
      </c>
      <c r="AC5922">
        <v>106</v>
      </c>
      <c r="AD5922">
        <v>32</v>
      </c>
      <c r="AE5922">
        <v>34</v>
      </c>
      <c r="AF5922">
        <v>1130</v>
      </c>
      <c r="AG5922">
        <v>77384</v>
      </c>
      <c r="AH5922">
        <v>50000</v>
      </c>
      <c r="AI5922">
        <v>0</v>
      </c>
      <c r="AJ5922">
        <v>36</v>
      </c>
      <c r="AK5922" t="s">
        <v>68</v>
      </c>
      <c r="AL5922">
        <v>0</v>
      </c>
      <c r="AM5922">
        <v>0</v>
      </c>
      <c r="AN5922">
        <v>0</v>
      </c>
      <c r="AO5922">
        <v>0</v>
      </c>
      <c r="AP5922">
        <v>0</v>
      </c>
      <c r="AQ5922">
        <v>0</v>
      </c>
      <c r="AR5922">
        <v>0</v>
      </c>
      <c r="AS5922">
        <v>0</v>
      </c>
      <c r="AT5922">
        <v>0</v>
      </c>
      <c r="AU5922">
        <v>0</v>
      </c>
      <c r="AV5922">
        <v>0</v>
      </c>
      <c r="AW5922">
        <v>0</v>
      </c>
      <c r="AX5922">
        <v>-222</v>
      </c>
      <c r="AY5922">
        <v>31</v>
      </c>
      <c r="AZ5922">
        <v>43</v>
      </c>
      <c r="BA5922">
        <v>3726</v>
      </c>
    </row>
    <row r="5923" spans="1:53" x14ac:dyDescent="0.4">
      <c r="A5923">
        <v>5967</v>
      </c>
      <c r="B5923" s="1">
        <v>45087</v>
      </c>
      <c r="C5923">
        <v>1</v>
      </c>
      <c r="D5923" s="1">
        <v>45087.291666666664</v>
      </c>
      <c r="E5923" s="1">
        <v>45087.40902777778</v>
      </c>
      <c r="F5923">
        <v>0</v>
      </c>
      <c r="G5923">
        <v>0</v>
      </c>
      <c r="H5923">
        <v>0</v>
      </c>
      <c r="I5923">
        <v>0</v>
      </c>
      <c r="J5923">
        <v>0</v>
      </c>
      <c r="K5923">
        <v>0</v>
      </c>
      <c r="L5923">
        <v>0</v>
      </c>
      <c r="M5923">
        <v>0</v>
      </c>
      <c r="N5923">
        <v>0</v>
      </c>
      <c r="O5923">
        <v>0</v>
      </c>
      <c r="P5923">
        <v>0</v>
      </c>
      <c r="Q5923">
        <v>0</v>
      </c>
      <c r="R5923">
        <v>0</v>
      </c>
      <c r="S5923">
        <v>0</v>
      </c>
      <c r="T5923">
        <v>0</v>
      </c>
      <c r="U5923">
        <v>0</v>
      </c>
      <c r="V5923">
        <v>0</v>
      </c>
      <c r="W5923">
        <v>1</v>
      </c>
      <c r="X5923">
        <v>0</v>
      </c>
      <c r="Y5923">
        <v>30</v>
      </c>
      <c r="Z5923">
        <v>10</v>
      </c>
      <c r="AA5923">
        <v>81</v>
      </c>
      <c r="AB5923">
        <v>22</v>
      </c>
      <c r="AC5923">
        <v>62</v>
      </c>
      <c r="AD5923">
        <v>30</v>
      </c>
      <c r="AE5923">
        <v>30</v>
      </c>
      <c r="AF5923">
        <v>0</v>
      </c>
      <c r="AG5923">
        <v>50000</v>
      </c>
      <c r="AH5923">
        <v>50000</v>
      </c>
      <c r="AI5923">
        <v>0</v>
      </c>
      <c r="AJ5923">
        <v>0</v>
      </c>
      <c r="AK5923" t="s">
        <v>6</v>
      </c>
      <c r="AL5923">
        <v>0</v>
      </c>
      <c r="AM5923">
        <v>0</v>
      </c>
      <c r="AN5923">
        <v>0</v>
      </c>
      <c r="AO5923">
        <v>0</v>
      </c>
      <c r="AP5923">
        <v>0</v>
      </c>
      <c r="AQ5923">
        <v>0</v>
      </c>
      <c r="AR5923">
        <v>0</v>
      </c>
      <c r="AS5923">
        <v>0</v>
      </c>
      <c r="AT5923">
        <v>0</v>
      </c>
      <c r="AU5923">
        <v>0</v>
      </c>
      <c r="AV5923">
        <v>0</v>
      </c>
      <c r="AW5923">
        <v>0</v>
      </c>
      <c r="AX5923">
        <v>0</v>
      </c>
      <c r="AY5923">
        <v>0</v>
      </c>
      <c r="AZ5923">
        <v>0</v>
      </c>
      <c r="BA5923">
        <v>0</v>
      </c>
    </row>
    <row r="5924" spans="1:53" x14ac:dyDescent="0.4">
      <c r="A5924">
        <v>5968</v>
      </c>
      <c r="B5924" s="1">
        <v>45087</v>
      </c>
      <c r="C5924">
        <v>2</v>
      </c>
      <c r="D5924" s="1">
        <v>45087.40902777778</v>
      </c>
      <c r="E5924" s="1">
        <v>45087.731944444444</v>
      </c>
      <c r="F5924">
        <v>35820</v>
      </c>
      <c r="G5924">
        <v>2222</v>
      </c>
      <c r="H5924">
        <v>0</v>
      </c>
      <c r="I5924">
        <v>0</v>
      </c>
      <c r="J5924">
        <v>100</v>
      </c>
      <c r="K5924">
        <v>0</v>
      </c>
      <c r="L5924">
        <v>0</v>
      </c>
      <c r="M5924">
        <v>3446</v>
      </c>
      <c r="N5924">
        <v>0</v>
      </c>
      <c r="O5924">
        <v>0</v>
      </c>
      <c r="P5924">
        <v>19830</v>
      </c>
      <c r="Q5924">
        <v>0</v>
      </c>
      <c r="R5924">
        <v>57772</v>
      </c>
      <c r="S5924">
        <v>0</v>
      </c>
      <c r="T5924">
        <v>0</v>
      </c>
      <c r="U5924">
        <v>0</v>
      </c>
      <c r="V5924">
        <v>0</v>
      </c>
      <c r="W5924">
        <v>4</v>
      </c>
      <c r="X5924">
        <v>0</v>
      </c>
      <c r="Y5924">
        <v>56</v>
      </c>
      <c r="Z5924">
        <v>30</v>
      </c>
      <c r="AA5924">
        <v>107</v>
      </c>
      <c r="AB5924">
        <v>25</v>
      </c>
      <c r="AC5924">
        <v>81</v>
      </c>
      <c r="AD5924">
        <v>34</v>
      </c>
      <c r="AE5924">
        <v>32</v>
      </c>
      <c r="AF5924">
        <v>3810</v>
      </c>
      <c r="AG5924">
        <v>107772</v>
      </c>
      <c r="AH5924">
        <v>50000</v>
      </c>
      <c r="AI5924">
        <v>0</v>
      </c>
      <c r="AJ5924">
        <v>36</v>
      </c>
      <c r="AK5924" t="s">
        <v>68</v>
      </c>
      <c r="AL5924">
        <v>0</v>
      </c>
      <c r="AM5924">
        <v>0</v>
      </c>
      <c r="AN5924">
        <v>0</v>
      </c>
      <c r="AO5924">
        <v>0</v>
      </c>
      <c r="AP5924">
        <v>0</v>
      </c>
      <c r="AQ5924">
        <v>0</v>
      </c>
      <c r="AR5924">
        <v>0</v>
      </c>
      <c r="AS5924">
        <v>0</v>
      </c>
      <c r="AT5924">
        <v>0</v>
      </c>
      <c r="AU5924">
        <v>0</v>
      </c>
      <c r="AV5924">
        <v>0</v>
      </c>
      <c r="AW5924">
        <v>0</v>
      </c>
      <c r="AX5924">
        <v>1560</v>
      </c>
      <c r="AY5924">
        <v>46</v>
      </c>
      <c r="AZ5924">
        <v>90</v>
      </c>
      <c r="BA5924">
        <v>6840</v>
      </c>
    </row>
    <row r="5925" spans="1:53" x14ac:dyDescent="0.4">
      <c r="A5925">
        <v>5969</v>
      </c>
      <c r="B5925" s="1">
        <v>45088</v>
      </c>
      <c r="C5925">
        <v>1</v>
      </c>
      <c r="D5925" s="1">
        <v>45088.291666666664</v>
      </c>
      <c r="E5925" s="1">
        <v>45088.404861111114</v>
      </c>
      <c r="F5925">
        <v>0</v>
      </c>
      <c r="G5925">
        <v>0</v>
      </c>
      <c r="H5925">
        <v>0</v>
      </c>
      <c r="I5925">
        <v>0</v>
      </c>
      <c r="J5925">
        <v>0</v>
      </c>
      <c r="K5925">
        <v>0</v>
      </c>
      <c r="L5925">
        <v>0</v>
      </c>
      <c r="M5925">
        <v>0</v>
      </c>
      <c r="N5925">
        <v>0</v>
      </c>
      <c r="O5925">
        <v>0</v>
      </c>
      <c r="P5925">
        <v>1060</v>
      </c>
      <c r="Q5925">
        <v>0</v>
      </c>
      <c r="R5925">
        <v>1060</v>
      </c>
      <c r="S5925">
        <v>0</v>
      </c>
      <c r="T5925">
        <v>0</v>
      </c>
      <c r="U5925">
        <v>0</v>
      </c>
      <c r="V5925">
        <v>0</v>
      </c>
      <c r="W5925">
        <v>1</v>
      </c>
      <c r="X5925">
        <v>0</v>
      </c>
      <c r="Y5925">
        <v>31</v>
      </c>
      <c r="Z5925">
        <v>11</v>
      </c>
      <c r="AA5925">
        <v>75</v>
      </c>
      <c r="AB5925">
        <v>23</v>
      </c>
      <c r="AC5925">
        <v>72</v>
      </c>
      <c r="AD5925">
        <v>33</v>
      </c>
      <c r="AE5925">
        <v>25</v>
      </c>
      <c r="AF5925">
        <v>0</v>
      </c>
      <c r="AG5925">
        <v>51060</v>
      </c>
      <c r="AH5925">
        <v>50000</v>
      </c>
      <c r="AI5925">
        <v>0</v>
      </c>
      <c r="AJ5925">
        <v>29</v>
      </c>
      <c r="AK5925" t="s">
        <v>62</v>
      </c>
      <c r="AL5925">
        <v>0</v>
      </c>
      <c r="AM5925">
        <v>0</v>
      </c>
      <c r="AN5925">
        <v>0</v>
      </c>
      <c r="AO5925">
        <v>0</v>
      </c>
      <c r="AP5925">
        <v>0</v>
      </c>
      <c r="AQ5925">
        <v>0</v>
      </c>
      <c r="AR5925">
        <v>0</v>
      </c>
      <c r="AS5925">
        <v>0</v>
      </c>
      <c r="AT5925">
        <v>0</v>
      </c>
      <c r="AU5925">
        <v>0</v>
      </c>
      <c r="AV5925">
        <v>0</v>
      </c>
      <c r="AW5925">
        <v>0</v>
      </c>
      <c r="AX5925">
        <v>-1060</v>
      </c>
      <c r="AY5925">
        <v>1</v>
      </c>
      <c r="AZ5925">
        <v>2</v>
      </c>
      <c r="BA5925">
        <v>2</v>
      </c>
    </row>
    <row r="5926" spans="1:53" x14ac:dyDescent="0.4">
      <c r="A5926">
        <v>5970</v>
      </c>
      <c r="B5926" s="1">
        <v>45088</v>
      </c>
      <c r="C5926">
        <v>2</v>
      </c>
      <c r="D5926" s="1">
        <v>45088.404861111114</v>
      </c>
      <c r="E5926" s="1">
        <v>45088.754166666666</v>
      </c>
      <c r="F5926">
        <v>52330</v>
      </c>
      <c r="G5926">
        <v>1914</v>
      </c>
      <c r="H5926">
        <v>0</v>
      </c>
      <c r="I5926">
        <v>0</v>
      </c>
      <c r="J5926">
        <v>0</v>
      </c>
      <c r="K5926">
        <v>0</v>
      </c>
      <c r="L5926">
        <v>0</v>
      </c>
      <c r="M5926">
        <v>4927</v>
      </c>
      <c r="N5926">
        <v>0</v>
      </c>
      <c r="O5926">
        <v>0</v>
      </c>
      <c r="P5926">
        <v>18960</v>
      </c>
      <c r="Q5926">
        <v>0</v>
      </c>
      <c r="R5926">
        <v>73204</v>
      </c>
      <c r="S5926">
        <v>0</v>
      </c>
      <c r="T5926">
        <v>0</v>
      </c>
      <c r="U5926">
        <v>0</v>
      </c>
      <c r="V5926">
        <v>3</v>
      </c>
      <c r="W5926">
        <v>0</v>
      </c>
      <c r="X5926">
        <v>0</v>
      </c>
      <c r="Y5926">
        <v>69</v>
      </c>
      <c r="Z5926">
        <v>25</v>
      </c>
      <c r="AA5926">
        <v>85</v>
      </c>
      <c r="AB5926">
        <v>33</v>
      </c>
      <c r="AC5926">
        <v>83</v>
      </c>
      <c r="AD5926">
        <v>31</v>
      </c>
      <c r="AE5926">
        <v>29</v>
      </c>
      <c r="AF5926">
        <v>1600</v>
      </c>
      <c r="AG5926">
        <v>124264</v>
      </c>
      <c r="AH5926">
        <v>50000</v>
      </c>
      <c r="AI5926">
        <v>0</v>
      </c>
      <c r="AJ5926">
        <v>110</v>
      </c>
      <c r="AK5926" t="s">
        <v>31</v>
      </c>
      <c r="AL5926">
        <v>0</v>
      </c>
      <c r="AM5926">
        <v>0</v>
      </c>
      <c r="AN5926">
        <v>0</v>
      </c>
      <c r="AO5926">
        <v>0</v>
      </c>
      <c r="AP5926">
        <v>0</v>
      </c>
      <c r="AQ5926">
        <v>0</v>
      </c>
      <c r="AR5926">
        <v>0</v>
      </c>
      <c r="AS5926">
        <v>0</v>
      </c>
      <c r="AT5926">
        <v>0</v>
      </c>
      <c r="AU5926">
        <v>0</v>
      </c>
      <c r="AV5926">
        <v>0</v>
      </c>
      <c r="AW5926">
        <v>0</v>
      </c>
      <c r="AX5926">
        <v>-1958</v>
      </c>
      <c r="AY5926">
        <v>54</v>
      </c>
      <c r="AZ5926">
        <v>116</v>
      </c>
      <c r="BA5926">
        <v>8320</v>
      </c>
    </row>
    <row r="5927" spans="1:53" x14ac:dyDescent="0.4">
      <c r="A5927">
        <v>5971</v>
      </c>
      <c r="B5927" s="1">
        <v>45088</v>
      </c>
      <c r="C5927">
        <v>3</v>
      </c>
      <c r="D5927" s="1">
        <v>45088.754166666666</v>
      </c>
      <c r="E5927" s="1">
        <v>45088.925000000003</v>
      </c>
      <c r="F5927">
        <v>31940</v>
      </c>
      <c r="G5927">
        <v>1496</v>
      </c>
      <c r="H5927">
        <v>0</v>
      </c>
      <c r="I5927">
        <v>0</v>
      </c>
      <c r="J5927">
        <v>200</v>
      </c>
      <c r="K5927">
        <v>0</v>
      </c>
      <c r="L5927">
        <v>0</v>
      </c>
      <c r="M5927">
        <v>3021</v>
      </c>
      <c r="N5927">
        <v>0</v>
      </c>
      <c r="O5927">
        <v>0</v>
      </c>
      <c r="P5927">
        <v>-18480</v>
      </c>
      <c r="Q5927">
        <v>0</v>
      </c>
      <c r="R5927">
        <v>14756</v>
      </c>
      <c r="S5927">
        <v>0</v>
      </c>
      <c r="T5927">
        <v>0</v>
      </c>
      <c r="U5927">
        <v>0</v>
      </c>
      <c r="V5927">
        <v>4</v>
      </c>
      <c r="W5927">
        <v>0</v>
      </c>
      <c r="X5927">
        <v>0</v>
      </c>
      <c r="Y5927">
        <v>73</v>
      </c>
      <c r="Z5927">
        <v>23</v>
      </c>
      <c r="AA5927">
        <v>94</v>
      </c>
      <c r="AB5927">
        <v>34</v>
      </c>
      <c r="AC5927">
        <v>98</v>
      </c>
      <c r="AD5927">
        <v>30</v>
      </c>
      <c r="AE5927">
        <v>30</v>
      </c>
      <c r="AF5927">
        <v>2260</v>
      </c>
      <c r="AG5927">
        <v>139020</v>
      </c>
      <c r="AH5927">
        <v>50000</v>
      </c>
      <c r="AI5927">
        <v>0</v>
      </c>
      <c r="AJ5927">
        <v>110</v>
      </c>
      <c r="AK5927" t="s">
        <v>31</v>
      </c>
      <c r="AL5927">
        <v>0</v>
      </c>
      <c r="AM5927">
        <v>0</v>
      </c>
      <c r="AN5927">
        <v>0</v>
      </c>
      <c r="AO5927">
        <v>0</v>
      </c>
      <c r="AP5927">
        <v>0</v>
      </c>
      <c r="AQ5927">
        <v>0</v>
      </c>
      <c r="AR5927">
        <v>0</v>
      </c>
      <c r="AS5927">
        <v>0</v>
      </c>
      <c r="AT5927">
        <v>0</v>
      </c>
      <c r="AU5927">
        <v>0</v>
      </c>
      <c r="AV5927">
        <v>0</v>
      </c>
      <c r="AW5927">
        <v>0</v>
      </c>
      <c r="AX5927">
        <v>0</v>
      </c>
      <c r="AY5927">
        <v>9</v>
      </c>
      <c r="AZ5927">
        <v>16</v>
      </c>
      <c r="BA5927">
        <v>2727</v>
      </c>
    </row>
    <row r="5928" spans="1:53" x14ac:dyDescent="0.4">
      <c r="A5928">
        <v>5972</v>
      </c>
      <c r="B5928" s="1">
        <v>45089</v>
      </c>
      <c r="C5928">
        <v>1</v>
      </c>
      <c r="D5928" s="1">
        <v>45089.291666666664</v>
      </c>
      <c r="E5928" s="1">
        <v>45089.445833333331</v>
      </c>
      <c r="F5928">
        <v>0</v>
      </c>
      <c r="G5928">
        <v>0</v>
      </c>
      <c r="H5928">
        <v>0</v>
      </c>
      <c r="I5928">
        <v>0</v>
      </c>
      <c r="J5928">
        <v>0</v>
      </c>
      <c r="K5928">
        <v>0</v>
      </c>
      <c r="L5928">
        <v>0</v>
      </c>
      <c r="M5928">
        <v>0</v>
      </c>
      <c r="N5928">
        <v>0</v>
      </c>
      <c r="O5928">
        <v>0</v>
      </c>
      <c r="P5928">
        <v>0</v>
      </c>
      <c r="Q5928">
        <v>0</v>
      </c>
      <c r="R5928">
        <v>0</v>
      </c>
      <c r="S5928">
        <v>0</v>
      </c>
      <c r="T5928">
        <v>0</v>
      </c>
      <c r="U5928">
        <v>0</v>
      </c>
      <c r="V5928">
        <v>0</v>
      </c>
      <c r="W5928">
        <v>1</v>
      </c>
      <c r="X5928">
        <v>0</v>
      </c>
      <c r="Y5928">
        <v>24</v>
      </c>
      <c r="Z5928">
        <v>19</v>
      </c>
      <c r="AA5928">
        <v>87</v>
      </c>
      <c r="AB5928">
        <v>34</v>
      </c>
      <c r="AC5928">
        <v>93</v>
      </c>
      <c r="AD5928">
        <v>30</v>
      </c>
      <c r="AE5928">
        <v>20</v>
      </c>
      <c r="AF5928">
        <v>0</v>
      </c>
      <c r="AG5928">
        <v>50000</v>
      </c>
      <c r="AH5928">
        <v>50000</v>
      </c>
      <c r="AI5928">
        <v>0</v>
      </c>
      <c r="AJ5928">
        <v>0</v>
      </c>
      <c r="AK5928" t="s">
        <v>6</v>
      </c>
      <c r="AL5928">
        <v>0</v>
      </c>
      <c r="AM5928">
        <v>0</v>
      </c>
      <c r="AN5928">
        <v>0</v>
      </c>
      <c r="AO5928">
        <v>0</v>
      </c>
      <c r="AP5928">
        <v>0</v>
      </c>
      <c r="AQ5928">
        <v>0</v>
      </c>
      <c r="AR5928">
        <v>0</v>
      </c>
      <c r="AS5928">
        <v>0</v>
      </c>
      <c r="AT5928">
        <v>0</v>
      </c>
      <c r="AU5928">
        <v>0</v>
      </c>
      <c r="AV5928">
        <v>0</v>
      </c>
      <c r="AW5928">
        <v>0</v>
      </c>
      <c r="AX5928">
        <v>0</v>
      </c>
      <c r="AY5928">
        <v>0</v>
      </c>
      <c r="AZ5928">
        <v>0</v>
      </c>
      <c r="BA5928">
        <v>0</v>
      </c>
    </row>
    <row r="5929" spans="1:53" x14ac:dyDescent="0.4">
      <c r="A5929">
        <v>5973</v>
      </c>
      <c r="B5929" s="1">
        <v>45089</v>
      </c>
      <c r="C5929">
        <v>2</v>
      </c>
      <c r="D5929" s="1">
        <v>45089.445833333331</v>
      </c>
      <c r="E5929" s="1">
        <v>45089.73333333333</v>
      </c>
      <c r="F5929">
        <v>24100</v>
      </c>
      <c r="G5929">
        <v>1628</v>
      </c>
      <c r="H5929">
        <v>0</v>
      </c>
      <c r="I5929">
        <v>0</v>
      </c>
      <c r="J5929">
        <v>400</v>
      </c>
      <c r="K5929">
        <v>0</v>
      </c>
      <c r="L5929">
        <v>0</v>
      </c>
      <c r="M5929">
        <v>2302</v>
      </c>
      <c r="N5929">
        <v>0</v>
      </c>
      <c r="O5929">
        <v>0</v>
      </c>
      <c r="P5929">
        <v>18160</v>
      </c>
      <c r="Q5929">
        <v>0</v>
      </c>
      <c r="R5929">
        <v>43488</v>
      </c>
      <c r="S5929">
        <v>0</v>
      </c>
      <c r="T5929">
        <v>0</v>
      </c>
      <c r="U5929">
        <v>0</v>
      </c>
      <c r="V5929">
        <v>1</v>
      </c>
      <c r="W5929">
        <v>1</v>
      </c>
      <c r="X5929">
        <v>0</v>
      </c>
      <c r="Y5929">
        <v>51</v>
      </c>
      <c r="Z5929">
        <v>26</v>
      </c>
      <c r="AA5929">
        <v>81</v>
      </c>
      <c r="AB5929">
        <v>38</v>
      </c>
      <c r="AC5929">
        <v>114</v>
      </c>
      <c r="AD5929">
        <v>30</v>
      </c>
      <c r="AE5929">
        <v>18</v>
      </c>
      <c r="AF5929">
        <v>3180</v>
      </c>
      <c r="AG5929">
        <v>93488</v>
      </c>
      <c r="AH5929">
        <v>50000</v>
      </c>
      <c r="AI5929">
        <v>0</v>
      </c>
      <c r="AJ5929">
        <v>36</v>
      </c>
      <c r="AK5929" t="s">
        <v>68</v>
      </c>
      <c r="AL5929">
        <v>0</v>
      </c>
      <c r="AM5929">
        <v>0</v>
      </c>
      <c r="AN5929">
        <v>0</v>
      </c>
      <c r="AO5929">
        <v>0</v>
      </c>
      <c r="AP5929">
        <v>0</v>
      </c>
      <c r="AQ5929">
        <v>0</v>
      </c>
      <c r="AR5929">
        <v>0</v>
      </c>
      <c r="AS5929">
        <v>0</v>
      </c>
      <c r="AT5929">
        <v>0</v>
      </c>
      <c r="AU5929">
        <v>0</v>
      </c>
      <c r="AV5929">
        <v>0</v>
      </c>
      <c r="AW5929">
        <v>0</v>
      </c>
      <c r="AX5929">
        <v>-1800</v>
      </c>
      <c r="AY5929">
        <v>33</v>
      </c>
      <c r="AZ5929">
        <v>70</v>
      </c>
      <c r="BA5929">
        <v>4768</v>
      </c>
    </row>
    <row r="5930" spans="1:53" x14ac:dyDescent="0.4">
      <c r="A5930">
        <v>5974</v>
      </c>
      <c r="B5930" s="1">
        <v>45090</v>
      </c>
      <c r="C5930">
        <v>1</v>
      </c>
      <c r="D5930" s="1">
        <v>45090.291666666664</v>
      </c>
      <c r="E5930" s="1">
        <v>45090.447916666664</v>
      </c>
      <c r="F5930">
        <v>0</v>
      </c>
      <c r="G5930">
        <v>0</v>
      </c>
      <c r="H5930">
        <v>0</v>
      </c>
      <c r="I5930">
        <v>0</v>
      </c>
      <c r="J5930">
        <v>0</v>
      </c>
      <c r="K5930">
        <v>0</v>
      </c>
      <c r="L5930">
        <v>0</v>
      </c>
      <c r="M5930">
        <v>0</v>
      </c>
      <c r="N5930">
        <v>0</v>
      </c>
      <c r="O5930">
        <v>0</v>
      </c>
      <c r="P5930">
        <v>0</v>
      </c>
      <c r="Q5930">
        <v>0</v>
      </c>
      <c r="R5930">
        <v>0</v>
      </c>
      <c r="S5930">
        <v>0</v>
      </c>
      <c r="T5930">
        <v>0</v>
      </c>
      <c r="U5930">
        <v>0</v>
      </c>
      <c r="V5930">
        <v>0</v>
      </c>
      <c r="W5930">
        <v>1</v>
      </c>
      <c r="X5930">
        <v>0</v>
      </c>
      <c r="Y5930">
        <v>27</v>
      </c>
      <c r="Z5930">
        <v>16</v>
      </c>
      <c r="AA5930">
        <v>68</v>
      </c>
      <c r="AB5930">
        <v>40</v>
      </c>
      <c r="AC5930">
        <v>102</v>
      </c>
      <c r="AD5930">
        <v>33</v>
      </c>
      <c r="AE5930">
        <v>15</v>
      </c>
      <c r="AF5930">
        <v>0</v>
      </c>
      <c r="AG5930">
        <v>50000</v>
      </c>
      <c r="AH5930">
        <v>50000</v>
      </c>
      <c r="AI5930">
        <v>0</v>
      </c>
      <c r="AJ5930">
        <v>0</v>
      </c>
      <c r="AK5930" t="s">
        <v>6</v>
      </c>
      <c r="AL5930">
        <v>0</v>
      </c>
      <c r="AM5930">
        <v>0</v>
      </c>
      <c r="AN5930">
        <v>0</v>
      </c>
      <c r="AO5930">
        <v>0</v>
      </c>
      <c r="AP5930">
        <v>0</v>
      </c>
      <c r="AQ5930">
        <v>0</v>
      </c>
      <c r="AR5930">
        <v>0</v>
      </c>
      <c r="AS5930">
        <v>0</v>
      </c>
      <c r="AT5930">
        <v>0</v>
      </c>
      <c r="AU5930">
        <v>0</v>
      </c>
      <c r="AV5930">
        <v>0</v>
      </c>
      <c r="AW5930">
        <v>0</v>
      </c>
      <c r="AX5930">
        <v>0</v>
      </c>
      <c r="AY5930">
        <v>0</v>
      </c>
      <c r="AZ5930">
        <v>0</v>
      </c>
      <c r="BA5930">
        <v>0</v>
      </c>
    </row>
    <row r="5931" spans="1:53" x14ac:dyDescent="0.4">
      <c r="A5931">
        <v>5975</v>
      </c>
      <c r="B5931" s="1">
        <v>45090</v>
      </c>
      <c r="C5931">
        <v>2</v>
      </c>
      <c r="D5931" s="1">
        <v>45090.447916666664</v>
      </c>
      <c r="E5931" s="1">
        <v>45090.736111111109</v>
      </c>
      <c r="F5931">
        <v>13570</v>
      </c>
      <c r="G5931">
        <v>594</v>
      </c>
      <c r="H5931">
        <v>0</v>
      </c>
      <c r="I5931">
        <v>0</v>
      </c>
      <c r="J5931">
        <v>0</v>
      </c>
      <c r="K5931">
        <v>0</v>
      </c>
      <c r="L5931">
        <v>0</v>
      </c>
      <c r="M5931">
        <v>1290</v>
      </c>
      <c r="N5931">
        <v>0</v>
      </c>
      <c r="O5931">
        <v>0</v>
      </c>
      <c r="P5931">
        <v>17630</v>
      </c>
      <c r="Q5931">
        <v>0</v>
      </c>
      <c r="R5931">
        <v>31794</v>
      </c>
      <c r="S5931">
        <v>0</v>
      </c>
      <c r="T5931">
        <v>0</v>
      </c>
      <c r="U5931">
        <v>0</v>
      </c>
      <c r="V5931">
        <v>2</v>
      </c>
      <c r="W5931">
        <v>0</v>
      </c>
      <c r="X5931">
        <v>0</v>
      </c>
      <c r="Y5931">
        <v>38</v>
      </c>
      <c r="Z5931">
        <v>21</v>
      </c>
      <c r="AA5931">
        <v>78</v>
      </c>
      <c r="AB5931">
        <v>43</v>
      </c>
      <c r="AC5931">
        <v>118</v>
      </c>
      <c r="AD5931">
        <v>33</v>
      </c>
      <c r="AE5931">
        <v>19</v>
      </c>
      <c r="AF5931">
        <v>0</v>
      </c>
      <c r="AG5931">
        <v>79814</v>
      </c>
      <c r="AH5931">
        <v>50000</v>
      </c>
      <c r="AI5931">
        <v>-1980</v>
      </c>
      <c r="AJ5931">
        <v>38</v>
      </c>
      <c r="AK5931" t="s">
        <v>75</v>
      </c>
      <c r="AL5931">
        <v>0</v>
      </c>
      <c r="AM5931">
        <v>0</v>
      </c>
      <c r="AN5931">
        <v>0</v>
      </c>
      <c r="AO5931">
        <v>0</v>
      </c>
      <c r="AP5931">
        <v>0</v>
      </c>
      <c r="AQ5931">
        <v>0</v>
      </c>
      <c r="AR5931">
        <v>0</v>
      </c>
      <c r="AS5931">
        <v>0</v>
      </c>
      <c r="AT5931">
        <v>0</v>
      </c>
      <c r="AU5931">
        <v>0</v>
      </c>
      <c r="AV5931">
        <v>0</v>
      </c>
      <c r="AW5931">
        <v>0</v>
      </c>
      <c r="AX5931">
        <v>2151</v>
      </c>
      <c r="AY5931">
        <v>35</v>
      </c>
      <c r="AZ5931">
        <v>54</v>
      </c>
      <c r="BA5931">
        <v>4117</v>
      </c>
    </row>
    <row r="5932" spans="1:53" x14ac:dyDescent="0.4">
      <c r="A5932">
        <v>5976</v>
      </c>
      <c r="B5932" s="1">
        <v>45091</v>
      </c>
      <c r="C5932">
        <v>1</v>
      </c>
      <c r="D5932" s="1">
        <v>45091.291666666664</v>
      </c>
      <c r="E5932" s="1">
        <v>45091.444444444445</v>
      </c>
      <c r="F5932">
        <v>0</v>
      </c>
      <c r="G5932">
        <v>0</v>
      </c>
      <c r="H5932">
        <v>0</v>
      </c>
      <c r="I5932">
        <v>0</v>
      </c>
      <c r="J5932">
        <v>0</v>
      </c>
      <c r="K5932">
        <v>0</v>
      </c>
      <c r="L5932">
        <v>0</v>
      </c>
      <c r="M5932">
        <v>0</v>
      </c>
      <c r="N5932">
        <v>0</v>
      </c>
      <c r="O5932">
        <v>0</v>
      </c>
      <c r="P5932">
        <v>0</v>
      </c>
      <c r="Q5932">
        <v>0</v>
      </c>
      <c r="R5932">
        <v>0</v>
      </c>
      <c r="S5932">
        <v>0</v>
      </c>
      <c r="T5932">
        <v>0</v>
      </c>
      <c r="U5932">
        <v>0</v>
      </c>
      <c r="V5932">
        <v>0</v>
      </c>
      <c r="W5932">
        <v>0</v>
      </c>
      <c r="X5932">
        <v>0</v>
      </c>
      <c r="Y5932">
        <v>34</v>
      </c>
      <c r="Z5932">
        <v>10</v>
      </c>
      <c r="AA5932">
        <v>74</v>
      </c>
      <c r="AB5932">
        <v>47</v>
      </c>
      <c r="AC5932">
        <v>107</v>
      </c>
      <c r="AD5932">
        <v>30</v>
      </c>
      <c r="AE5932">
        <v>30</v>
      </c>
      <c r="AF5932">
        <v>0</v>
      </c>
      <c r="AG5932">
        <v>50000</v>
      </c>
      <c r="AH5932">
        <v>50000</v>
      </c>
      <c r="AI5932">
        <v>0</v>
      </c>
      <c r="AJ5932">
        <v>0</v>
      </c>
      <c r="AK5932" t="s">
        <v>6</v>
      </c>
      <c r="AL5932">
        <v>0</v>
      </c>
      <c r="AM5932">
        <v>0</v>
      </c>
      <c r="AN5932">
        <v>0</v>
      </c>
      <c r="AO5932">
        <v>0</v>
      </c>
      <c r="AP5932">
        <v>0</v>
      </c>
      <c r="AQ5932">
        <v>0</v>
      </c>
      <c r="AR5932">
        <v>0</v>
      </c>
      <c r="AS5932">
        <v>0</v>
      </c>
      <c r="AT5932">
        <v>0</v>
      </c>
      <c r="AU5932">
        <v>0</v>
      </c>
      <c r="AV5932">
        <v>0</v>
      </c>
      <c r="AW5932">
        <v>0</v>
      </c>
      <c r="AX5932">
        <v>0</v>
      </c>
      <c r="AY5932">
        <v>0</v>
      </c>
      <c r="AZ5932">
        <v>0</v>
      </c>
      <c r="BA5932">
        <v>0</v>
      </c>
    </row>
    <row r="5933" spans="1:53" x14ac:dyDescent="0.4">
      <c r="A5933">
        <v>5977</v>
      </c>
      <c r="B5933" s="1">
        <v>45091</v>
      </c>
      <c r="C5933">
        <v>2</v>
      </c>
      <c r="D5933" s="1">
        <v>45091.444444444445</v>
      </c>
      <c r="E5933" s="1">
        <v>45091.731944444444</v>
      </c>
      <c r="F5933">
        <v>19190</v>
      </c>
      <c r="G5933">
        <v>0</v>
      </c>
      <c r="H5933">
        <v>0</v>
      </c>
      <c r="I5933">
        <v>0</v>
      </c>
      <c r="J5933">
        <v>300</v>
      </c>
      <c r="K5933">
        <v>0</v>
      </c>
      <c r="L5933">
        <v>0</v>
      </c>
      <c r="M5933">
        <v>1716</v>
      </c>
      <c r="N5933">
        <v>0</v>
      </c>
      <c r="O5933">
        <v>0</v>
      </c>
      <c r="P5933">
        <v>14630</v>
      </c>
      <c r="Q5933">
        <v>0</v>
      </c>
      <c r="R5933">
        <v>33520</v>
      </c>
      <c r="S5933">
        <v>0</v>
      </c>
      <c r="T5933">
        <v>0</v>
      </c>
      <c r="U5933">
        <v>0</v>
      </c>
      <c r="V5933">
        <v>0</v>
      </c>
      <c r="W5933">
        <v>2</v>
      </c>
      <c r="X5933">
        <v>0</v>
      </c>
      <c r="Y5933">
        <v>50</v>
      </c>
      <c r="Z5933">
        <v>12</v>
      </c>
      <c r="AA5933">
        <v>87</v>
      </c>
      <c r="AB5933">
        <v>47</v>
      </c>
      <c r="AC5933">
        <v>126</v>
      </c>
      <c r="AD5933">
        <v>30</v>
      </c>
      <c r="AE5933">
        <v>30</v>
      </c>
      <c r="AF5933">
        <v>5030</v>
      </c>
      <c r="AG5933">
        <v>83520</v>
      </c>
      <c r="AH5933">
        <v>50000</v>
      </c>
      <c r="AI5933">
        <v>0</v>
      </c>
      <c r="AJ5933">
        <v>36</v>
      </c>
      <c r="AK5933" t="s">
        <v>68</v>
      </c>
      <c r="AL5933">
        <v>0</v>
      </c>
      <c r="AM5933">
        <v>0</v>
      </c>
      <c r="AN5933">
        <v>0</v>
      </c>
      <c r="AO5933">
        <v>0</v>
      </c>
      <c r="AP5933">
        <v>0</v>
      </c>
      <c r="AQ5933">
        <v>0</v>
      </c>
      <c r="AR5933">
        <v>0</v>
      </c>
      <c r="AS5933">
        <v>0</v>
      </c>
      <c r="AT5933">
        <v>0</v>
      </c>
      <c r="AU5933">
        <v>0</v>
      </c>
      <c r="AV5933">
        <v>0</v>
      </c>
      <c r="AW5933">
        <v>0</v>
      </c>
      <c r="AX5933">
        <v>-1200</v>
      </c>
      <c r="AY5933">
        <v>39</v>
      </c>
      <c r="AZ5933">
        <v>57</v>
      </c>
      <c r="BA5933">
        <v>4983</v>
      </c>
    </row>
    <row r="5934" spans="1:53" x14ac:dyDescent="0.4">
      <c r="A5934">
        <v>5978</v>
      </c>
      <c r="B5934" s="1">
        <v>45092</v>
      </c>
      <c r="C5934">
        <v>1</v>
      </c>
      <c r="D5934" s="1">
        <v>45092.291666666664</v>
      </c>
      <c r="E5934" s="1">
        <v>45092.441666666666</v>
      </c>
      <c r="F5934">
        <v>0</v>
      </c>
      <c r="G5934">
        <v>0</v>
      </c>
      <c r="H5934">
        <v>0</v>
      </c>
      <c r="I5934">
        <v>0</v>
      </c>
      <c r="J5934">
        <v>0</v>
      </c>
      <c r="K5934">
        <v>0</v>
      </c>
      <c r="L5934">
        <v>0</v>
      </c>
      <c r="M5934">
        <v>0</v>
      </c>
      <c r="N5934">
        <v>0</v>
      </c>
      <c r="O5934">
        <v>0</v>
      </c>
      <c r="P5934">
        <v>0</v>
      </c>
      <c r="Q5934">
        <v>0</v>
      </c>
      <c r="R5934">
        <v>0</v>
      </c>
      <c r="S5934">
        <v>0</v>
      </c>
      <c r="T5934">
        <v>0</v>
      </c>
      <c r="U5934">
        <v>0</v>
      </c>
      <c r="V5934">
        <v>0</v>
      </c>
      <c r="W5934">
        <v>1</v>
      </c>
      <c r="X5934">
        <v>0</v>
      </c>
      <c r="Y5934">
        <v>30</v>
      </c>
      <c r="Z5934">
        <v>10</v>
      </c>
      <c r="AA5934">
        <v>78</v>
      </c>
      <c r="AB5934">
        <v>26</v>
      </c>
      <c r="AC5934">
        <v>72</v>
      </c>
      <c r="AD5934">
        <v>30</v>
      </c>
      <c r="AE5934">
        <v>30</v>
      </c>
      <c r="AF5934">
        <v>0</v>
      </c>
      <c r="AG5934">
        <v>50000</v>
      </c>
      <c r="AH5934">
        <v>50000</v>
      </c>
      <c r="AI5934">
        <v>0</v>
      </c>
      <c r="AJ5934">
        <v>0</v>
      </c>
      <c r="AK5934" t="s">
        <v>6</v>
      </c>
      <c r="AL5934">
        <v>0</v>
      </c>
      <c r="AM5934">
        <v>0</v>
      </c>
      <c r="AN5934">
        <v>0</v>
      </c>
      <c r="AO5934">
        <v>0</v>
      </c>
      <c r="AP5934">
        <v>0</v>
      </c>
      <c r="AQ5934">
        <v>0</v>
      </c>
      <c r="AR5934">
        <v>0</v>
      </c>
      <c r="AS5934">
        <v>0</v>
      </c>
      <c r="AT5934">
        <v>0</v>
      </c>
      <c r="AU5934">
        <v>0</v>
      </c>
      <c r="AV5934">
        <v>0</v>
      </c>
      <c r="AW5934">
        <v>0</v>
      </c>
      <c r="AX5934">
        <v>0</v>
      </c>
      <c r="AY5934">
        <v>0</v>
      </c>
      <c r="AZ5934">
        <v>0</v>
      </c>
      <c r="BA5934">
        <v>0</v>
      </c>
    </row>
    <row r="5935" spans="1:53" x14ac:dyDescent="0.4">
      <c r="A5935">
        <v>5979</v>
      </c>
      <c r="B5935" s="1">
        <v>45092</v>
      </c>
      <c r="C5935">
        <v>2</v>
      </c>
      <c r="D5935" s="1">
        <v>45092.441666666666</v>
      </c>
      <c r="E5935" s="1">
        <v>45092.71597222222</v>
      </c>
      <c r="F5935">
        <v>8260</v>
      </c>
      <c r="G5935">
        <v>0</v>
      </c>
      <c r="H5935">
        <v>0</v>
      </c>
      <c r="I5935">
        <v>0</v>
      </c>
      <c r="J5935">
        <v>100</v>
      </c>
      <c r="K5935">
        <v>0</v>
      </c>
      <c r="L5935">
        <v>0</v>
      </c>
      <c r="M5935">
        <v>743</v>
      </c>
      <c r="N5935">
        <v>530</v>
      </c>
      <c r="O5935">
        <v>0</v>
      </c>
      <c r="P5935">
        <v>17710</v>
      </c>
      <c r="Q5935">
        <v>0</v>
      </c>
      <c r="R5935">
        <v>26400</v>
      </c>
      <c r="S5935">
        <v>0</v>
      </c>
      <c r="T5935">
        <v>0</v>
      </c>
      <c r="U5935">
        <v>0</v>
      </c>
      <c r="V5935">
        <v>1</v>
      </c>
      <c r="W5935">
        <v>1</v>
      </c>
      <c r="X5935">
        <v>0</v>
      </c>
      <c r="Y5935">
        <v>41</v>
      </c>
      <c r="Z5935">
        <v>13</v>
      </c>
      <c r="AA5935">
        <v>58</v>
      </c>
      <c r="AB5935">
        <v>27</v>
      </c>
      <c r="AC5935">
        <v>74</v>
      </c>
      <c r="AD5935">
        <v>30</v>
      </c>
      <c r="AE5935">
        <v>30</v>
      </c>
      <c r="AF5935">
        <v>0</v>
      </c>
      <c r="AG5935">
        <v>70570</v>
      </c>
      <c r="AH5935">
        <v>50000</v>
      </c>
      <c r="AI5935">
        <v>-5830</v>
      </c>
      <c r="AJ5935">
        <v>38</v>
      </c>
      <c r="AK5935" t="s">
        <v>75</v>
      </c>
      <c r="AL5935">
        <v>0</v>
      </c>
      <c r="AM5935">
        <v>0</v>
      </c>
      <c r="AN5935">
        <v>0</v>
      </c>
      <c r="AO5935">
        <v>0</v>
      </c>
      <c r="AP5935">
        <v>0</v>
      </c>
      <c r="AQ5935">
        <v>0</v>
      </c>
      <c r="AR5935">
        <v>0</v>
      </c>
      <c r="AS5935">
        <v>0</v>
      </c>
      <c r="AT5935">
        <v>0</v>
      </c>
      <c r="AU5935">
        <v>0</v>
      </c>
      <c r="AV5935">
        <v>0</v>
      </c>
      <c r="AW5935">
        <v>0</v>
      </c>
      <c r="AX5935">
        <v>-996</v>
      </c>
      <c r="AY5935">
        <v>27</v>
      </c>
      <c r="AZ5935">
        <v>41</v>
      </c>
      <c r="BA5935">
        <v>3661</v>
      </c>
    </row>
    <row r="5936" spans="1:53" x14ac:dyDescent="0.4">
      <c r="A5936">
        <v>5980</v>
      </c>
      <c r="B5936" s="1">
        <v>45092</v>
      </c>
      <c r="C5936">
        <v>3</v>
      </c>
      <c r="D5936" s="1">
        <v>45092.71597222222</v>
      </c>
      <c r="E5936" s="1">
        <v>45092.906944444447</v>
      </c>
      <c r="F5936">
        <v>25480</v>
      </c>
      <c r="G5936">
        <v>594</v>
      </c>
      <c r="H5936">
        <v>0</v>
      </c>
      <c r="I5936">
        <v>0</v>
      </c>
      <c r="J5936">
        <v>200</v>
      </c>
      <c r="K5936">
        <v>400</v>
      </c>
      <c r="L5936">
        <v>0</v>
      </c>
      <c r="M5936">
        <v>2387</v>
      </c>
      <c r="N5936">
        <v>0</v>
      </c>
      <c r="O5936">
        <v>0</v>
      </c>
      <c r="P5936">
        <v>-10300</v>
      </c>
      <c r="Q5936">
        <v>0</v>
      </c>
      <c r="R5936">
        <v>15974</v>
      </c>
      <c r="S5936">
        <v>0</v>
      </c>
      <c r="T5936">
        <v>0</v>
      </c>
      <c r="U5936">
        <v>0</v>
      </c>
      <c r="V5936">
        <v>3</v>
      </c>
      <c r="W5936">
        <v>1</v>
      </c>
      <c r="X5936">
        <v>0</v>
      </c>
      <c r="Y5936">
        <v>39</v>
      </c>
      <c r="Z5936">
        <v>13</v>
      </c>
      <c r="AA5936">
        <v>44</v>
      </c>
      <c r="AB5936">
        <v>25</v>
      </c>
      <c r="AC5936">
        <v>74</v>
      </c>
      <c r="AD5936">
        <v>30</v>
      </c>
      <c r="AE5936">
        <v>34</v>
      </c>
      <c r="AF5936">
        <v>5300</v>
      </c>
      <c r="AG5936">
        <v>92374</v>
      </c>
      <c r="AH5936">
        <v>50000</v>
      </c>
      <c r="AI5936">
        <v>0</v>
      </c>
      <c r="AJ5936">
        <v>74</v>
      </c>
      <c r="AK5936" t="s">
        <v>67</v>
      </c>
      <c r="AL5936">
        <v>0</v>
      </c>
      <c r="AM5936">
        <v>0</v>
      </c>
      <c r="AN5936">
        <v>0</v>
      </c>
      <c r="AO5936">
        <v>0</v>
      </c>
      <c r="AP5936">
        <v>0</v>
      </c>
      <c r="AQ5936">
        <v>0</v>
      </c>
      <c r="AR5936">
        <v>0</v>
      </c>
      <c r="AS5936">
        <v>0</v>
      </c>
      <c r="AT5936">
        <v>0</v>
      </c>
      <c r="AU5936">
        <v>0</v>
      </c>
      <c r="AV5936">
        <v>0</v>
      </c>
      <c r="AW5936">
        <v>0</v>
      </c>
      <c r="AX5936">
        <v>2715</v>
      </c>
      <c r="AY5936">
        <v>15</v>
      </c>
      <c r="AZ5936">
        <v>25</v>
      </c>
      <c r="BA5936">
        <v>2286</v>
      </c>
    </row>
    <row r="5937" spans="1:53" x14ac:dyDescent="0.4">
      <c r="A5937">
        <v>5981</v>
      </c>
      <c r="B5937" s="1">
        <v>45093</v>
      </c>
      <c r="C5937">
        <v>1</v>
      </c>
      <c r="D5937" s="1">
        <v>45093.291666666664</v>
      </c>
      <c r="E5937" s="1">
        <v>45093.442361111112</v>
      </c>
      <c r="F5937">
        <v>0</v>
      </c>
      <c r="G5937">
        <v>0</v>
      </c>
      <c r="H5937">
        <v>0</v>
      </c>
      <c r="I5937">
        <v>0</v>
      </c>
      <c r="J5937">
        <v>0</v>
      </c>
      <c r="K5937">
        <v>0</v>
      </c>
      <c r="L5937">
        <v>0</v>
      </c>
      <c r="M5937">
        <v>0</v>
      </c>
      <c r="N5937">
        <v>0</v>
      </c>
      <c r="O5937">
        <v>0</v>
      </c>
      <c r="P5937">
        <v>0</v>
      </c>
      <c r="Q5937">
        <v>0</v>
      </c>
      <c r="R5937">
        <v>0</v>
      </c>
      <c r="S5937">
        <v>0</v>
      </c>
      <c r="T5937">
        <v>0</v>
      </c>
      <c r="U5937">
        <v>0</v>
      </c>
      <c r="V5937">
        <v>0</v>
      </c>
      <c r="W5937">
        <v>1</v>
      </c>
      <c r="X5937">
        <v>0</v>
      </c>
      <c r="Y5937">
        <v>31</v>
      </c>
      <c r="Z5937">
        <v>10</v>
      </c>
      <c r="AA5937">
        <v>69</v>
      </c>
      <c r="AB5937">
        <v>25</v>
      </c>
      <c r="AC5937">
        <v>71</v>
      </c>
      <c r="AD5937">
        <v>21</v>
      </c>
      <c r="AE5937">
        <v>35</v>
      </c>
      <c r="AF5937">
        <v>0</v>
      </c>
      <c r="AG5937">
        <v>50000</v>
      </c>
      <c r="AH5937">
        <v>50000</v>
      </c>
      <c r="AI5937">
        <v>0</v>
      </c>
      <c r="AJ5937">
        <v>0</v>
      </c>
      <c r="AK5937" t="s">
        <v>6</v>
      </c>
      <c r="AL5937">
        <v>0</v>
      </c>
      <c r="AM5937">
        <v>0</v>
      </c>
      <c r="AN5937">
        <v>0</v>
      </c>
      <c r="AO5937">
        <v>0</v>
      </c>
      <c r="AP5937">
        <v>0</v>
      </c>
      <c r="AQ5937">
        <v>0</v>
      </c>
      <c r="AR5937">
        <v>0</v>
      </c>
      <c r="AS5937">
        <v>0</v>
      </c>
      <c r="AT5937">
        <v>0</v>
      </c>
      <c r="AU5937">
        <v>0</v>
      </c>
      <c r="AV5937">
        <v>0</v>
      </c>
      <c r="AW5937">
        <v>0</v>
      </c>
      <c r="AX5937">
        <v>0</v>
      </c>
      <c r="AY5937">
        <v>0</v>
      </c>
      <c r="AZ5937">
        <v>0</v>
      </c>
      <c r="BA5937">
        <v>0</v>
      </c>
    </row>
    <row r="5938" spans="1:53" x14ac:dyDescent="0.4">
      <c r="A5938">
        <v>5982</v>
      </c>
      <c r="B5938" s="1">
        <v>45093</v>
      </c>
      <c r="C5938">
        <v>2</v>
      </c>
      <c r="D5938" s="1">
        <v>45093.442361111112</v>
      </c>
      <c r="E5938" s="1">
        <v>45093.724305555559</v>
      </c>
      <c r="F5938">
        <v>16100</v>
      </c>
      <c r="G5938">
        <v>0</v>
      </c>
      <c r="H5938">
        <v>0</v>
      </c>
      <c r="I5938">
        <v>0</v>
      </c>
      <c r="J5938">
        <v>300</v>
      </c>
      <c r="K5938">
        <v>0</v>
      </c>
      <c r="L5938">
        <v>0</v>
      </c>
      <c r="M5938">
        <v>1435</v>
      </c>
      <c r="N5938">
        <v>0</v>
      </c>
      <c r="O5938">
        <v>0</v>
      </c>
      <c r="P5938">
        <v>18020</v>
      </c>
      <c r="Q5938">
        <v>0</v>
      </c>
      <c r="R5938">
        <v>33820</v>
      </c>
      <c r="S5938">
        <v>0</v>
      </c>
      <c r="T5938">
        <v>0</v>
      </c>
      <c r="U5938">
        <v>0</v>
      </c>
      <c r="V5938">
        <v>1</v>
      </c>
      <c r="W5938">
        <v>2</v>
      </c>
      <c r="X5938">
        <v>0</v>
      </c>
      <c r="Y5938">
        <v>40</v>
      </c>
      <c r="Z5938">
        <v>23</v>
      </c>
      <c r="AA5938">
        <v>73</v>
      </c>
      <c r="AB5938">
        <v>26</v>
      </c>
      <c r="AC5938">
        <v>79</v>
      </c>
      <c r="AD5938">
        <v>21</v>
      </c>
      <c r="AE5938">
        <v>35</v>
      </c>
      <c r="AF5938">
        <v>2790</v>
      </c>
      <c r="AG5938">
        <v>83820</v>
      </c>
      <c r="AH5938">
        <v>50000</v>
      </c>
      <c r="AI5938">
        <v>0</v>
      </c>
      <c r="AJ5938">
        <v>36</v>
      </c>
      <c r="AK5938" t="s">
        <v>68</v>
      </c>
      <c r="AL5938">
        <v>0</v>
      </c>
      <c r="AM5938">
        <v>0</v>
      </c>
      <c r="AN5938">
        <v>0</v>
      </c>
      <c r="AO5938">
        <v>0</v>
      </c>
      <c r="AP5938">
        <v>0</v>
      </c>
      <c r="AQ5938">
        <v>0</v>
      </c>
      <c r="AR5938">
        <v>0</v>
      </c>
      <c r="AS5938">
        <v>0</v>
      </c>
      <c r="AT5938">
        <v>0</v>
      </c>
      <c r="AU5938">
        <v>0</v>
      </c>
      <c r="AV5938">
        <v>0</v>
      </c>
      <c r="AW5938">
        <v>0</v>
      </c>
      <c r="AX5938">
        <v>-442</v>
      </c>
      <c r="AY5938">
        <v>36</v>
      </c>
      <c r="AZ5938">
        <v>55</v>
      </c>
      <c r="BA5938">
        <v>4322</v>
      </c>
    </row>
    <row r="5939" spans="1:53" x14ac:dyDescent="0.4">
      <c r="A5939">
        <v>5983</v>
      </c>
      <c r="B5939" s="1">
        <v>45093</v>
      </c>
      <c r="C5939">
        <v>3</v>
      </c>
      <c r="D5939" s="1">
        <v>45093.724305555559</v>
      </c>
      <c r="E5939" s="1">
        <v>45093.955555555556</v>
      </c>
      <c r="F5939">
        <v>95850</v>
      </c>
      <c r="G5939">
        <v>3014</v>
      </c>
      <c r="H5939">
        <v>0</v>
      </c>
      <c r="I5939">
        <v>0</v>
      </c>
      <c r="J5939">
        <v>100</v>
      </c>
      <c r="K5939">
        <v>0</v>
      </c>
      <c r="L5939">
        <v>0</v>
      </c>
      <c r="M5939">
        <v>8978</v>
      </c>
      <c r="N5939">
        <v>0</v>
      </c>
      <c r="O5939">
        <v>0</v>
      </c>
      <c r="P5939">
        <v>-14720</v>
      </c>
      <c r="Q5939">
        <v>0</v>
      </c>
      <c r="R5939">
        <v>84044</v>
      </c>
      <c r="S5939">
        <v>0</v>
      </c>
      <c r="T5939">
        <v>0</v>
      </c>
      <c r="U5939">
        <v>0</v>
      </c>
      <c r="V5939">
        <v>4</v>
      </c>
      <c r="W5939">
        <v>2</v>
      </c>
      <c r="X5939">
        <v>0</v>
      </c>
      <c r="Y5939">
        <v>60</v>
      </c>
      <c r="Z5939">
        <v>26</v>
      </c>
      <c r="AA5939">
        <v>85</v>
      </c>
      <c r="AB5939">
        <v>28</v>
      </c>
      <c r="AC5939">
        <v>98</v>
      </c>
      <c r="AD5939">
        <v>24</v>
      </c>
      <c r="AE5939">
        <v>44</v>
      </c>
      <c r="AF5939">
        <v>33820</v>
      </c>
      <c r="AG5939">
        <v>167864</v>
      </c>
      <c r="AH5939">
        <v>50000</v>
      </c>
      <c r="AI5939">
        <v>0</v>
      </c>
      <c r="AJ5939">
        <v>39</v>
      </c>
      <c r="AK5939" t="s">
        <v>73</v>
      </c>
      <c r="AL5939">
        <v>0</v>
      </c>
      <c r="AM5939">
        <v>0</v>
      </c>
      <c r="AN5939">
        <v>0</v>
      </c>
      <c r="AO5939">
        <v>0</v>
      </c>
      <c r="AP5939">
        <v>0</v>
      </c>
      <c r="AQ5939">
        <v>0</v>
      </c>
      <c r="AR5939">
        <v>0</v>
      </c>
      <c r="AS5939">
        <v>0</v>
      </c>
      <c r="AT5939">
        <v>0</v>
      </c>
      <c r="AU5939">
        <v>0</v>
      </c>
      <c r="AV5939">
        <v>0</v>
      </c>
      <c r="AW5939">
        <v>0</v>
      </c>
      <c r="AX5939">
        <v>14266</v>
      </c>
      <c r="AY5939">
        <v>26</v>
      </c>
      <c r="AZ5939">
        <v>68</v>
      </c>
      <c r="BA5939">
        <v>3977</v>
      </c>
    </row>
    <row r="5940" spans="1:53" x14ac:dyDescent="0.4">
      <c r="A5940">
        <v>5984</v>
      </c>
      <c r="B5940" s="1">
        <v>45093</v>
      </c>
      <c r="C5940">
        <v>4</v>
      </c>
      <c r="D5940" s="1">
        <v>45093.955555555556</v>
      </c>
      <c r="E5940" s="1">
        <v>45094.095138888886</v>
      </c>
      <c r="F5940">
        <v>83260</v>
      </c>
      <c r="G5940">
        <v>5784</v>
      </c>
      <c r="H5940">
        <v>0</v>
      </c>
      <c r="I5940">
        <v>0</v>
      </c>
      <c r="J5940">
        <v>0</v>
      </c>
      <c r="K5940">
        <v>0</v>
      </c>
      <c r="L5940">
        <v>0</v>
      </c>
      <c r="M5940">
        <v>8095</v>
      </c>
      <c r="N5940">
        <v>0</v>
      </c>
      <c r="O5940">
        <v>0</v>
      </c>
      <c r="P5940">
        <v>39940</v>
      </c>
      <c r="Q5940">
        <v>0</v>
      </c>
      <c r="R5940">
        <v>128984</v>
      </c>
      <c r="S5940">
        <v>0</v>
      </c>
      <c r="T5940">
        <v>0</v>
      </c>
      <c r="U5940">
        <v>0</v>
      </c>
      <c r="V5940">
        <v>14</v>
      </c>
      <c r="W5940">
        <v>6</v>
      </c>
      <c r="X5940">
        <v>0</v>
      </c>
      <c r="Y5940">
        <v>47</v>
      </c>
      <c r="Z5940">
        <v>25</v>
      </c>
      <c r="AA5940">
        <v>87</v>
      </c>
      <c r="AB5940">
        <v>27</v>
      </c>
      <c r="AC5940">
        <v>105</v>
      </c>
      <c r="AD5940">
        <v>26</v>
      </c>
      <c r="AE5940">
        <v>41</v>
      </c>
      <c r="AF5940">
        <v>56077</v>
      </c>
      <c r="AG5940">
        <v>296848</v>
      </c>
      <c r="AH5940">
        <v>50000</v>
      </c>
      <c r="AI5940">
        <v>0</v>
      </c>
      <c r="AJ5940">
        <v>74</v>
      </c>
      <c r="AK5940" t="s">
        <v>67</v>
      </c>
      <c r="AL5940">
        <v>0</v>
      </c>
      <c r="AM5940">
        <v>0</v>
      </c>
      <c r="AN5940">
        <v>0</v>
      </c>
      <c r="AO5940">
        <v>0</v>
      </c>
      <c r="AP5940">
        <v>0</v>
      </c>
      <c r="AQ5940">
        <v>0</v>
      </c>
      <c r="AR5940">
        <v>0</v>
      </c>
      <c r="AS5940">
        <v>0</v>
      </c>
      <c r="AT5940">
        <v>0</v>
      </c>
      <c r="AU5940">
        <v>0</v>
      </c>
      <c r="AV5940">
        <v>0</v>
      </c>
      <c r="AW5940">
        <v>0</v>
      </c>
      <c r="AX5940">
        <v>11164</v>
      </c>
      <c r="AY5940">
        <v>13</v>
      </c>
      <c r="AZ5940">
        <v>54</v>
      </c>
      <c r="BA5940">
        <v>1900</v>
      </c>
    </row>
    <row r="5941" spans="1:53" x14ac:dyDescent="0.4">
      <c r="A5941">
        <v>5985</v>
      </c>
      <c r="B5941" s="1">
        <v>45094</v>
      </c>
      <c r="C5941">
        <v>1</v>
      </c>
      <c r="D5941" s="1">
        <v>45094.291666666664</v>
      </c>
      <c r="E5941" s="1">
        <v>45094.39166666667</v>
      </c>
      <c r="F5941">
        <v>0</v>
      </c>
      <c r="G5941">
        <v>0</v>
      </c>
      <c r="H5941">
        <v>0</v>
      </c>
      <c r="I5941">
        <v>0</v>
      </c>
      <c r="J5941">
        <v>0</v>
      </c>
      <c r="K5941">
        <v>0</v>
      </c>
      <c r="L5941">
        <v>0</v>
      </c>
      <c r="M5941">
        <v>0</v>
      </c>
      <c r="N5941">
        <v>0</v>
      </c>
      <c r="O5941">
        <v>0</v>
      </c>
      <c r="P5941">
        <v>0</v>
      </c>
      <c r="Q5941">
        <v>0</v>
      </c>
      <c r="R5941">
        <v>0</v>
      </c>
      <c r="S5941">
        <v>0</v>
      </c>
      <c r="T5941">
        <v>0</v>
      </c>
      <c r="U5941">
        <v>0</v>
      </c>
      <c r="V5941">
        <v>0</v>
      </c>
      <c r="W5941">
        <v>1</v>
      </c>
      <c r="X5941">
        <v>0</v>
      </c>
      <c r="Y5941">
        <v>29</v>
      </c>
      <c r="Z5941">
        <v>10</v>
      </c>
      <c r="AA5941">
        <v>89</v>
      </c>
      <c r="AB5941">
        <v>26</v>
      </c>
      <c r="AC5941">
        <v>64</v>
      </c>
      <c r="AD5941">
        <v>24</v>
      </c>
      <c r="AE5941">
        <v>40</v>
      </c>
      <c r="AF5941">
        <v>0</v>
      </c>
      <c r="AG5941">
        <v>50000</v>
      </c>
      <c r="AH5941">
        <v>50000</v>
      </c>
      <c r="AI5941">
        <v>0</v>
      </c>
      <c r="AJ5941">
        <v>0</v>
      </c>
      <c r="AK5941" t="s">
        <v>6</v>
      </c>
      <c r="AL5941">
        <v>0</v>
      </c>
      <c r="AM5941">
        <v>0</v>
      </c>
      <c r="AN5941">
        <v>0</v>
      </c>
      <c r="AO5941">
        <v>0</v>
      </c>
      <c r="AP5941">
        <v>0</v>
      </c>
      <c r="AQ5941">
        <v>0</v>
      </c>
      <c r="AR5941">
        <v>0</v>
      </c>
      <c r="AS5941">
        <v>0</v>
      </c>
      <c r="AT5941">
        <v>0</v>
      </c>
      <c r="AU5941">
        <v>0</v>
      </c>
      <c r="AV5941">
        <v>0</v>
      </c>
      <c r="AW5941">
        <v>0</v>
      </c>
      <c r="AX5941">
        <v>0</v>
      </c>
      <c r="AY5941">
        <v>0</v>
      </c>
      <c r="AZ5941">
        <v>0</v>
      </c>
      <c r="BA5941">
        <v>0</v>
      </c>
    </row>
    <row r="5942" spans="1:53" x14ac:dyDescent="0.4">
      <c r="A5942">
        <v>5986</v>
      </c>
      <c r="B5942" s="1">
        <v>45094</v>
      </c>
      <c r="C5942">
        <v>2</v>
      </c>
      <c r="D5942" s="1">
        <v>45094.39166666667</v>
      </c>
      <c r="E5942" s="1">
        <v>45094.743055555555</v>
      </c>
      <c r="F5942">
        <v>53255</v>
      </c>
      <c r="G5942">
        <v>2365</v>
      </c>
      <c r="H5942">
        <v>0</v>
      </c>
      <c r="I5942">
        <v>0</v>
      </c>
      <c r="J5942">
        <v>500</v>
      </c>
      <c r="K5942">
        <v>0</v>
      </c>
      <c r="L5942">
        <v>0</v>
      </c>
      <c r="M5942">
        <v>5012</v>
      </c>
      <c r="N5942">
        <v>0</v>
      </c>
      <c r="O5942">
        <v>0</v>
      </c>
      <c r="P5942">
        <v>21680</v>
      </c>
      <c r="Q5942">
        <v>0</v>
      </c>
      <c r="R5942">
        <v>76800</v>
      </c>
      <c r="S5942">
        <v>0</v>
      </c>
      <c r="T5942">
        <v>0</v>
      </c>
      <c r="U5942">
        <v>0</v>
      </c>
      <c r="V5942">
        <v>1</v>
      </c>
      <c r="W5942">
        <v>6</v>
      </c>
      <c r="X5942">
        <v>0</v>
      </c>
      <c r="Y5942">
        <v>61</v>
      </c>
      <c r="Z5942">
        <v>19</v>
      </c>
      <c r="AA5942">
        <v>53</v>
      </c>
      <c r="AB5942">
        <v>25</v>
      </c>
      <c r="AC5942">
        <v>83</v>
      </c>
      <c r="AD5942">
        <v>25</v>
      </c>
      <c r="AE5942">
        <v>35</v>
      </c>
      <c r="AF5942">
        <v>8760</v>
      </c>
      <c r="AG5942">
        <v>126800</v>
      </c>
      <c r="AH5942">
        <v>50000</v>
      </c>
      <c r="AI5942">
        <v>0</v>
      </c>
      <c r="AJ5942">
        <v>45</v>
      </c>
      <c r="AK5942" t="s">
        <v>77</v>
      </c>
      <c r="AL5942">
        <v>0</v>
      </c>
      <c r="AM5942">
        <v>0</v>
      </c>
      <c r="AN5942">
        <v>0</v>
      </c>
      <c r="AO5942">
        <v>0</v>
      </c>
      <c r="AP5942">
        <v>0</v>
      </c>
      <c r="AQ5942">
        <v>0</v>
      </c>
      <c r="AR5942">
        <v>0</v>
      </c>
      <c r="AS5942">
        <v>0</v>
      </c>
      <c r="AT5942">
        <v>0</v>
      </c>
      <c r="AU5942">
        <v>0</v>
      </c>
      <c r="AV5942">
        <v>0</v>
      </c>
      <c r="AW5942">
        <v>0</v>
      </c>
      <c r="AX5942">
        <v>-90</v>
      </c>
      <c r="AY5942">
        <v>57</v>
      </c>
      <c r="AZ5942">
        <v>121</v>
      </c>
      <c r="BA5942">
        <v>8014</v>
      </c>
    </row>
    <row r="5943" spans="1:53" x14ac:dyDescent="0.4">
      <c r="A5943">
        <v>5987</v>
      </c>
      <c r="B5943" s="1">
        <v>45094</v>
      </c>
      <c r="C5943">
        <v>3</v>
      </c>
      <c r="D5943" s="1">
        <v>45094.743055555555</v>
      </c>
      <c r="E5943" s="1">
        <v>45094.956944444442</v>
      </c>
      <c r="F5943">
        <v>68760</v>
      </c>
      <c r="G5943">
        <v>4862</v>
      </c>
      <c r="H5943">
        <v>0</v>
      </c>
      <c r="I5943">
        <v>0</v>
      </c>
      <c r="J5943">
        <v>100</v>
      </c>
      <c r="K5943">
        <v>0</v>
      </c>
      <c r="L5943">
        <v>0</v>
      </c>
      <c r="M5943">
        <v>6682</v>
      </c>
      <c r="N5943">
        <v>0</v>
      </c>
      <c r="O5943">
        <v>0</v>
      </c>
      <c r="P5943">
        <v>-21680</v>
      </c>
      <c r="Q5943">
        <v>0</v>
      </c>
      <c r="R5943">
        <v>51842</v>
      </c>
      <c r="S5943">
        <v>0</v>
      </c>
      <c r="T5943">
        <v>0</v>
      </c>
      <c r="U5943">
        <v>0</v>
      </c>
      <c r="V5943">
        <v>4</v>
      </c>
      <c r="W5943">
        <v>5</v>
      </c>
      <c r="X5943">
        <v>0</v>
      </c>
      <c r="Y5943">
        <v>78</v>
      </c>
      <c r="Z5943">
        <v>17</v>
      </c>
      <c r="AA5943">
        <v>77</v>
      </c>
      <c r="AB5943">
        <v>26</v>
      </c>
      <c r="AC5943">
        <v>90</v>
      </c>
      <c r="AD5943">
        <v>27</v>
      </c>
      <c r="AE5943">
        <v>43</v>
      </c>
      <c r="AF5943">
        <v>17064</v>
      </c>
      <c r="AG5943">
        <v>178642</v>
      </c>
      <c r="AH5943">
        <v>50000</v>
      </c>
      <c r="AI5943">
        <v>0</v>
      </c>
      <c r="AJ5943">
        <v>39</v>
      </c>
      <c r="AK5943" t="s">
        <v>73</v>
      </c>
      <c r="AL5943">
        <v>0</v>
      </c>
      <c r="AM5943">
        <v>0</v>
      </c>
      <c r="AN5943">
        <v>0</v>
      </c>
      <c r="AO5943">
        <v>0</v>
      </c>
      <c r="AP5943">
        <v>0</v>
      </c>
      <c r="AQ5943">
        <v>0</v>
      </c>
      <c r="AR5943">
        <v>0</v>
      </c>
      <c r="AS5943">
        <v>0</v>
      </c>
      <c r="AT5943">
        <v>0</v>
      </c>
      <c r="AU5943">
        <v>0</v>
      </c>
      <c r="AV5943">
        <v>0</v>
      </c>
      <c r="AW5943">
        <v>0</v>
      </c>
      <c r="AX5943">
        <v>72773</v>
      </c>
      <c r="AY5943">
        <v>30</v>
      </c>
      <c r="AZ5943">
        <v>96</v>
      </c>
      <c r="BA5943">
        <v>4019</v>
      </c>
    </row>
    <row r="5944" spans="1:53" x14ac:dyDescent="0.4">
      <c r="A5944">
        <v>5988</v>
      </c>
      <c r="B5944" s="1">
        <v>45095</v>
      </c>
      <c r="C5944">
        <v>1</v>
      </c>
      <c r="D5944" s="1">
        <v>45095.291666666664</v>
      </c>
      <c r="E5944" s="1">
        <v>45095.395833333336</v>
      </c>
      <c r="F5944">
        <v>0</v>
      </c>
      <c r="G5944">
        <v>0</v>
      </c>
      <c r="H5944">
        <v>0</v>
      </c>
      <c r="I5944">
        <v>0</v>
      </c>
      <c r="J5944">
        <v>0</v>
      </c>
      <c r="K5944">
        <v>0</v>
      </c>
      <c r="L5944">
        <v>0</v>
      </c>
      <c r="M5944">
        <v>0</v>
      </c>
      <c r="N5944">
        <v>0</v>
      </c>
      <c r="O5944">
        <v>0</v>
      </c>
      <c r="P5944">
        <v>0</v>
      </c>
      <c r="Q5944">
        <v>0</v>
      </c>
      <c r="R5944">
        <v>0</v>
      </c>
      <c r="S5944">
        <v>0</v>
      </c>
      <c r="T5944">
        <v>0</v>
      </c>
      <c r="U5944">
        <v>0</v>
      </c>
      <c r="V5944">
        <v>0</v>
      </c>
      <c r="W5944">
        <v>1</v>
      </c>
      <c r="X5944">
        <v>0</v>
      </c>
      <c r="Y5944">
        <v>30</v>
      </c>
      <c r="Z5944">
        <v>10</v>
      </c>
      <c r="AA5944">
        <v>80</v>
      </c>
      <c r="AB5944">
        <v>22</v>
      </c>
      <c r="AC5944">
        <v>73</v>
      </c>
      <c r="AD5944">
        <v>25</v>
      </c>
      <c r="AE5944">
        <v>45</v>
      </c>
      <c r="AF5944">
        <v>0</v>
      </c>
      <c r="AG5944">
        <v>50000</v>
      </c>
      <c r="AH5944">
        <v>50000</v>
      </c>
      <c r="AI5944">
        <v>0</v>
      </c>
      <c r="AJ5944">
        <v>0</v>
      </c>
      <c r="AK5944" t="s">
        <v>6</v>
      </c>
      <c r="AL5944">
        <v>0</v>
      </c>
      <c r="AM5944">
        <v>0</v>
      </c>
      <c r="AN5944">
        <v>0</v>
      </c>
      <c r="AO5944">
        <v>0</v>
      </c>
      <c r="AP5944">
        <v>0</v>
      </c>
      <c r="AQ5944">
        <v>0</v>
      </c>
      <c r="AR5944">
        <v>0</v>
      </c>
      <c r="AS5944">
        <v>0</v>
      </c>
      <c r="AT5944">
        <v>0</v>
      </c>
      <c r="AU5944">
        <v>0</v>
      </c>
      <c r="AV5944">
        <v>0</v>
      </c>
      <c r="AW5944">
        <v>0</v>
      </c>
      <c r="AX5944">
        <v>0</v>
      </c>
      <c r="AY5944">
        <v>0</v>
      </c>
      <c r="AZ5944">
        <v>0</v>
      </c>
      <c r="BA5944">
        <v>0</v>
      </c>
    </row>
    <row r="5945" spans="1:53" x14ac:dyDescent="0.4">
      <c r="A5945">
        <v>5989</v>
      </c>
      <c r="B5945" s="1">
        <v>45095</v>
      </c>
      <c r="C5945">
        <v>2</v>
      </c>
      <c r="D5945" s="1">
        <v>45095.395833333336</v>
      </c>
      <c r="E5945" s="1">
        <v>45095.734722222223</v>
      </c>
      <c r="F5945">
        <v>53490</v>
      </c>
      <c r="G5945">
        <v>4158</v>
      </c>
      <c r="H5945">
        <v>0</v>
      </c>
      <c r="I5945">
        <v>0</v>
      </c>
      <c r="J5945">
        <v>700</v>
      </c>
      <c r="K5945">
        <v>2300</v>
      </c>
      <c r="L5945">
        <v>0</v>
      </c>
      <c r="M5945">
        <v>5384</v>
      </c>
      <c r="N5945">
        <v>0</v>
      </c>
      <c r="O5945">
        <v>0</v>
      </c>
      <c r="P5945">
        <v>24410</v>
      </c>
      <c r="Q5945">
        <v>0</v>
      </c>
      <c r="R5945">
        <v>83658</v>
      </c>
      <c r="S5945">
        <v>0</v>
      </c>
      <c r="T5945">
        <v>0</v>
      </c>
      <c r="U5945">
        <v>0</v>
      </c>
      <c r="V5945">
        <v>0</v>
      </c>
      <c r="W5945">
        <v>3</v>
      </c>
      <c r="X5945">
        <v>0</v>
      </c>
      <c r="Y5945">
        <v>81</v>
      </c>
      <c r="Z5945">
        <v>19</v>
      </c>
      <c r="AA5945">
        <v>69</v>
      </c>
      <c r="AB5945">
        <v>29</v>
      </c>
      <c r="AC5945">
        <v>106</v>
      </c>
      <c r="AD5945">
        <v>25</v>
      </c>
      <c r="AE5945">
        <v>55</v>
      </c>
      <c r="AF5945">
        <v>18568</v>
      </c>
      <c r="AG5945">
        <v>133658</v>
      </c>
      <c r="AH5945">
        <v>50000</v>
      </c>
      <c r="AI5945">
        <v>0</v>
      </c>
      <c r="AJ5945">
        <v>115</v>
      </c>
      <c r="AK5945" t="s">
        <v>55</v>
      </c>
      <c r="AL5945">
        <v>0</v>
      </c>
      <c r="AM5945">
        <v>0</v>
      </c>
      <c r="AN5945">
        <v>0</v>
      </c>
      <c r="AO5945">
        <v>0</v>
      </c>
      <c r="AP5945">
        <v>0</v>
      </c>
      <c r="AQ5945">
        <v>0</v>
      </c>
      <c r="AR5945">
        <v>0</v>
      </c>
      <c r="AS5945">
        <v>0</v>
      </c>
      <c r="AT5945">
        <v>0</v>
      </c>
      <c r="AU5945">
        <v>0</v>
      </c>
      <c r="AV5945">
        <v>0</v>
      </c>
      <c r="AW5945">
        <v>0</v>
      </c>
      <c r="AX5945">
        <v>-612</v>
      </c>
      <c r="AY5945">
        <v>51</v>
      </c>
      <c r="AZ5945">
        <v>126</v>
      </c>
      <c r="BA5945">
        <v>7780</v>
      </c>
    </row>
    <row r="5946" spans="1:53" x14ac:dyDescent="0.4">
      <c r="A5946">
        <v>5990</v>
      </c>
      <c r="B5946" s="1">
        <v>45096</v>
      </c>
      <c r="C5946">
        <v>1</v>
      </c>
      <c r="D5946" s="1">
        <v>45096.291666666664</v>
      </c>
      <c r="E5946" s="1">
        <v>45096.726388888892</v>
      </c>
      <c r="F5946">
        <v>21840</v>
      </c>
      <c r="G5946">
        <v>308</v>
      </c>
      <c r="H5946">
        <v>0</v>
      </c>
      <c r="I5946">
        <v>0</v>
      </c>
      <c r="J5946">
        <v>100</v>
      </c>
      <c r="K5946">
        <v>0</v>
      </c>
      <c r="L5946">
        <v>0</v>
      </c>
      <c r="M5946">
        <v>2004</v>
      </c>
      <c r="N5946">
        <v>0</v>
      </c>
      <c r="O5946">
        <v>0</v>
      </c>
      <c r="P5946">
        <v>18520</v>
      </c>
      <c r="Q5946">
        <v>0</v>
      </c>
      <c r="R5946">
        <v>40568</v>
      </c>
      <c r="S5946">
        <v>0</v>
      </c>
      <c r="T5946">
        <v>0</v>
      </c>
      <c r="U5946">
        <v>0</v>
      </c>
      <c r="V5946">
        <v>0</v>
      </c>
      <c r="W5946">
        <v>4</v>
      </c>
      <c r="X5946">
        <v>0</v>
      </c>
      <c r="Y5946">
        <v>43</v>
      </c>
      <c r="Z5946">
        <v>30</v>
      </c>
      <c r="AA5946">
        <v>90</v>
      </c>
      <c r="AB5946">
        <v>30</v>
      </c>
      <c r="AC5946">
        <v>83</v>
      </c>
      <c r="AD5946">
        <v>24</v>
      </c>
      <c r="AE5946">
        <v>58</v>
      </c>
      <c r="AF5946">
        <v>0</v>
      </c>
      <c r="AG5946">
        <v>89508</v>
      </c>
      <c r="AH5946">
        <v>50000</v>
      </c>
      <c r="AI5946">
        <v>-1060</v>
      </c>
      <c r="AJ5946">
        <v>38</v>
      </c>
      <c r="AK5946" t="s">
        <v>75</v>
      </c>
      <c r="AL5946">
        <v>0</v>
      </c>
      <c r="AM5946">
        <v>0</v>
      </c>
      <c r="AN5946">
        <v>0</v>
      </c>
      <c r="AO5946">
        <v>0</v>
      </c>
      <c r="AP5946">
        <v>0</v>
      </c>
      <c r="AQ5946">
        <v>0</v>
      </c>
      <c r="AR5946">
        <v>0</v>
      </c>
      <c r="AS5946">
        <v>0</v>
      </c>
      <c r="AT5946">
        <v>0</v>
      </c>
      <c r="AU5946">
        <v>0</v>
      </c>
      <c r="AV5946">
        <v>0</v>
      </c>
      <c r="AW5946">
        <v>0</v>
      </c>
      <c r="AX5946">
        <v>-3600</v>
      </c>
      <c r="AY5946">
        <v>38</v>
      </c>
      <c r="AZ5946">
        <v>68</v>
      </c>
      <c r="BA5946">
        <v>4721</v>
      </c>
    </row>
    <row r="5947" spans="1:53" x14ac:dyDescent="0.4">
      <c r="A5947">
        <v>5991</v>
      </c>
      <c r="B5947" s="1">
        <v>45096</v>
      </c>
      <c r="C5947">
        <v>2</v>
      </c>
      <c r="D5947" s="1">
        <v>45096.726388888892</v>
      </c>
      <c r="E5947" s="1">
        <v>45096.945833333331</v>
      </c>
      <c r="F5947">
        <v>32210</v>
      </c>
      <c r="G5947">
        <v>594</v>
      </c>
      <c r="H5947">
        <v>0</v>
      </c>
      <c r="I5947">
        <v>0</v>
      </c>
      <c r="J5947">
        <v>100</v>
      </c>
      <c r="K5947">
        <v>0</v>
      </c>
      <c r="L5947">
        <v>0</v>
      </c>
      <c r="M5947">
        <v>2971</v>
      </c>
      <c r="N5947">
        <v>0</v>
      </c>
      <c r="O5947">
        <v>0</v>
      </c>
      <c r="P5947">
        <v>-12360</v>
      </c>
      <c r="Q5947">
        <v>0</v>
      </c>
      <c r="R5947">
        <v>20344</v>
      </c>
      <c r="S5947">
        <v>0</v>
      </c>
      <c r="T5947">
        <v>0</v>
      </c>
      <c r="U5947">
        <v>0</v>
      </c>
      <c r="V5947">
        <v>1</v>
      </c>
      <c r="W5947">
        <v>3</v>
      </c>
      <c r="X5947">
        <v>0</v>
      </c>
      <c r="Y5947">
        <v>48</v>
      </c>
      <c r="Z5947">
        <v>32</v>
      </c>
      <c r="AA5947">
        <v>77</v>
      </c>
      <c r="AB5947">
        <v>29</v>
      </c>
      <c r="AC5947">
        <v>80</v>
      </c>
      <c r="AD5947">
        <v>23</v>
      </c>
      <c r="AE5947">
        <v>57</v>
      </c>
      <c r="AF5947">
        <v>11790</v>
      </c>
      <c r="AG5947">
        <v>110912</v>
      </c>
      <c r="AH5947">
        <v>50000</v>
      </c>
      <c r="AI5947">
        <v>0</v>
      </c>
      <c r="AJ5947">
        <v>95</v>
      </c>
      <c r="AK5947" t="s">
        <v>21</v>
      </c>
      <c r="AL5947">
        <v>0</v>
      </c>
      <c r="AM5947">
        <v>0</v>
      </c>
      <c r="AN5947">
        <v>0</v>
      </c>
      <c r="AO5947">
        <v>0</v>
      </c>
      <c r="AP5947">
        <v>0</v>
      </c>
      <c r="AQ5947">
        <v>0</v>
      </c>
      <c r="AR5947">
        <v>0</v>
      </c>
      <c r="AS5947">
        <v>0</v>
      </c>
      <c r="AT5947">
        <v>0</v>
      </c>
      <c r="AU5947">
        <v>0</v>
      </c>
      <c r="AV5947">
        <v>0</v>
      </c>
      <c r="AW5947">
        <v>0</v>
      </c>
      <c r="AX5947">
        <v>2750</v>
      </c>
      <c r="AY5947">
        <v>9</v>
      </c>
      <c r="AZ5947">
        <v>19</v>
      </c>
      <c r="BA5947">
        <v>2184</v>
      </c>
    </row>
    <row r="5948" spans="1:53" x14ac:dyDescent="0.4">
      <c r="A5948">
        <v>5992</v>
      </c>
      <c r="B5948" s="1">
        <v>45097</v>
      </c>
      <c r="C5948">
        <v>1</v>
      </c>
      <c r="D5948" s="1">
        <v>45097.291666666664</v>
      </c>
      <c r="E5948" s="1">
        <v>45097.447916666664</v>
      </c>
      <c r="F5948">
        <v>0</v>
      </c>
      <c r="G5948">
        <v>0</v>
      </c>
      <c r="H5948">
        <v>0</v>
      </c>
      <c r="I5948">
        <v>0</v>
      </c>
      <c r="J5948">
        <v>0</v>
      </c>
      <c r="K5948">
        <v>0</v>
      </c>
      <c r="L5948">
        <v>0</v>
      </c>
      <c r="M5948">
        <v>0</v>
      </c>
      <c r="N5948">
        <v>0</v>
      </c>
      <c r="O5948">
        <v>0</v>
      </c>
      <c r="P5948">
        <v>0</v>
      </c>
      <c r="Q5948">
        <v>0</v>
      </c>
      <c r="R5948">
        <v>0</v>
      </c>
      <c r="S5948">
        <v>0</v>
      </c>
      <c r="T5948">
        <v>0</v>
      </c>
      <c r="U5948">
        <v>0</v>
      </c>
      <c r="V5948">
        <v>0</v>
      </c>
      <c r="W5948">
        <v>1</v>
      </c>
      <c r="X5948">
        <v>0</v>
      </c>
      <c r="Y5948">
        <v>28</v>
      </c>
      <c r="Z5948">
        <v>16</v>
      </c>
      <c r="AA5948">
        <v>67</v>
      </c>
      <c r="AB5948">
        <v>28</v>
      </c>
      <c r="AC5948">
        <v>73</v>
      </c>
      <c r="AD5948">
        <v>23</v>
      </c>
      <c r="AE5948">
        <v>55</v>
      </c>
      <c r="AF5948">
        <v>0</v>
      </c>
      <c r="AG5948">
        <v>50000</v>
      </c>
      <c r="AH5948">
        <v>50000</v>
      </c>
      <c r="AI5948">
        <v>0</v>
      </c>
      <c r="AJ5948">
        <v>0</v>
      </c>
      <c r="AK5948" t="s">
        <v>6</v>
      </c>
      <c r="AL5948">
        <v>0</v>
      </c>
      <c r="AM5948">
        <v>0</v>
      </c>
      <c r="AN5948">
        <v>0</v>
      </c>
      <c r="AO5948">
        <v>0</v>
      </c>
      <c r="AP5948">
        <v>0</v>
      </c>
      <c r="AQ5948">
        <v>0</v>
      </c>
      <c r="AR5948">
        <v>0</v>
      </c>
      <c r="AS5948">
        <v>0</v>
      </c>
      <c r="AT5948">
        <v>0</v>
      </c>
      <c r="AU5948">
        <v>0</v>
      </c>
      <c r="AV5948">
        <v>0</v>
      </c>
      <c r="AW5948">
        <v>0</v>
      </c>
      <c r="AX5948">
        <v>0</v>
      </c>
      <c r="AY5948">
        <v>0</v>
      </c>
      <c r="AZ5948">
        <v>0</v>
      </c>
      <c r="BA5948">
        <v>0</v>
      </c>
    </row>
    <row r="5949" spans="1:53" x14ac:dyDescent="0.4">
      <c r="A5949">
        <v>5993</v>
      </c>
      <c r="B5949" s="1">
        <v>45097</v>
      </c>
      <c r="C5949">
        <v>2</v>
      </c>
      <c r="D5949" s="1">
        <v>45097.447916666664</v>
      </c>
      <c r="E5949" s="1">
        <v>45097.730555555558</v>
      </c>
      <c r="F5949">
        <v>14970</v>
      </c>
      <c r="G5949">
        <v>0</v>
      </c>
      <c r="H5949">
        <v>0</v>
      </c>
      <c r="I5949">
        <v>0</v>
      </c>
      <c r="J5949">
        <v>0</v>
      </c>
      <c r="K5949">
        <v>0</v>
      </c>
      <c r="L5949">
        <v>0</v>
      </c>
      <c r="M5949">
        <v>1363</v>
      </c>
      <c r="N5949">
        <v>0</v>
      </c>
      <c r="O5949">
        <v>0</v>
      </c>
      <c r="P5949">
        <v>17920</v>
      </c>
      <c r="Q5949">
        <v>0</v>
      </c>
      <c r="R5949">
        <v>32890</v>
      </c>
      <c r="S5949">
        <v>0</v>
      </c>
      <c r="T5949">
        <v>0</v>
      </c>
      <c r="U5949">
        <v>0</v>
      </c>
      <c r="V5949">
        <v>1</v>
      </c>
      <c r="W5949">
        <v>2</v>
      </c>
      <c r="X5949">
        <v>0</v>
      </c>
      <c r="Y5949">
        <v>42</v>
      </c>
      <c r="Z5949">
        <v>21</v>
      </c>
      <c r="AA5949">
        <v>58</v>
      </c>
      <c r="AB5949">
        <v>30</v>
      </c>
      <c r="AC5949">
        <v>79</v>
      </c>
      <c r="AD5949">
        <v>24</v>
      </c>
      <c r="AE5949">
        <v>60</v>
      </c>
      <c r="AF5949">
        <v>0</v>
      </c>
      <c r="AG5949">
        <v>80770</v>
      </c>
      <c r="AH5949">
        <v>50000</v>
      </c>
      <c r="AI5949">
        <v>-2120</v>
      </c>
      <c r="AJ5949">
        <v>38</v>
      </c>
      <c r="AK5949" t="s">
        <v>75</v>
      </c>
      <c r="AL5949">
        <v>0</v>
      </c>
      <c r="AM5949">
        <v>0</v>
      </c>
      <c r="AN5949">
        <v>0</v>
      </c>
      <c r="AO5949">
        <v>0</v>
      </c>
      <c r="AP5949">
        <v>0</v>
      </c>
      <c r="AQ5949">
        <v>0</v>
      </c>
      <c r="AR5949">
        <v>0</v>
      </c>
      <c r="AS5949">
        <v>0</v>
      </c>
      <c r="AT5949">
        <v>0</v>
      </c>
      <c r="AU5949">
        <v>0</v>
      </c>
      <c r="AV5949">
        <v>0</v>
      </c>
      <c r="AW5949">
        <v>0</v>
      </c>
      <c r="AX5949">
        <v>62</v>
      </c>
      <c r="AY5949">
        <v>34</v>
      </c>
      <c r="AZ5949">
        <v>52</v>
      </c>
      <c r="BA5949">
        <v>4558</v>
      </c>
    </row>
    <row r="5950" spans="1:53" x14ac:dyDescent="0.4">
      <c r="A5950">
        <v>5994</v>
      </c>
      <c r="B5950" s="1">
        <v>45097</v>
      </c>
      <c r="C5950">
        <v>3</v>
      </c>
      <c r="D5950" s="1">
        <v>45097.730555555558</v>
      </c>
      <c r="E5950" s="1">
        <v>45097.932638888888</v>
      </c>
      <c r="F5950">
        <v>35820</v>
      </c>
      <c r="G5950">
        <v>2002</v>
      </c>
      <c r="H5950">
        <v>0</v>
      </c>
      <c r="I5950">
        <v>0</v>
      </c>
      <c r="J5950">
        <v>300</v>
      </c>
      <c r="K5950">
        <v>0</v>
      </c>
      <c r="L5950">
        <v>0</v>
      </c>
      <c r="M5950">
        <v>3410</v>
      </c>
      <c r="N5950">
        <v>0</v>
      </c>
      <c r="O5950">
        <v>0</v>
      </c>
      <c r="P5950">
        <v>-17920</v>
      </c>
      <c r="Q5950">
        <v>0</v>
      </c>
      <c r="R5950">
        <v>19602</v>
      </c>
      <c r="S5950">
        <v>0</v>
      </c>
      <c r="T5950">
        <v>0</v>
      </c>
      <c r="U5950">
        <v>0</v>
      </c>
      <c r="V5950">
        <v>1</v>
      </c>
      <c r="W5950">
        <v>3</v>
      </c>
      <c r="X5950">
        <v>0</v>
      </c>
      <c r="Y5950">
        <v>48</v>
      </c>
      <c r="Z5950">
        <v>23</v>
      </c>
      <c r="AA5950">
        <v>71</v>
      </c>
      <c r="AB5950">
        <v>33</v>
      </c>
      <c r="AC5950">
        <v>82</v>
      </c>
      <c r="AD5950">
        <v>23</v>
      </c>
      <c r="AE5950">
        <v>59</v>
      </c>
      <c r="AF5950">
        <v>8248</v>
      </c>
      <c r="AG5950">
        <v>102492</v>
      </c>
      <c r="AH5950">
        <v>50000</v>
      </c>
      <c r="AI5950">
        <v>0</v>
      </c>
      <c r="AJ5950">
        <v>120</v>
      </c>
      <c r="AK5950" t="s">
        <v>2</v>
      </c>
      <c r="AL5950">
        <v>0</v>
      </c>
      <c r="AM5950">
        <v>0</v>
      </c>
      <c r="AN5950">
        <v>0</v>
      </c>
      <c r="AO5950">
        <v>0</v>
      </c>
      <c r="AP5950">
        <v>0</v>
      </c>
      <c r="AQ5950">
        <v>0</v>
      </c>
      <c r="AR5950">
        <v>0</v>
      </c>
      <c r="AS5950">
        <v>0</v>
      </c>
      <c r="AT5950">
        <v>0</v>
      </c>
      <c r="AU5950">
        <v>0</v>
      </c>
      <c r="AV5950">
        <v>0</v>
      </c>
      <c r="AW5950">
        <v>0</v>
      </c>
      <c r="AX5950">
        <v>0</v>
      </c>
      <c r="AY5950">
        <v>11</v>
      </c>
      <c r="AZ5950">
        <v>21</v>
      </c>
      <c r="BA5950">
        <v>2576</v>
      </c>
    </row>
    <row r="5951" spans="1:53" x14ac:dyDescent="0.4">
      <c r="A5951">
        <v>5995</v>
      </c>
      <c r="B5951" s="1">
        <v>45098</v>
      </c>
      <c r="C5951">
        <v>1</v>
      </c>
      <c r="D5951" s="1">
        <v>45098.291666666664</v>
      </c>
      <c r="E5951" s="1">
        <v>45098.446527777778</v>
      </c>
      <c r="F5951">
        <v>0</v>
      </c>
      <c r="G5951">
        <v>0</v>
      </c>
      <c r="H5951">
        <v>0</v>
      </c>
      <c r="I5951">
        <v>0</v>
      </c>
      <c r="J5951">
        <v>0</v>
      </c>
      <c r="K5951">
        <v>0</v>
      </c>
      <c r="L5951">
        <v>0</v>
      </c>
      <c r="M5951">
        <v>0</v>
      </c>
      <c r="N5951">
        <v>0</v>
      </c>
      <c r="O5951">
        <v>0</v>
      </c>
      <c r="P5951">
        <v>0</v>
      </c>
      <c r="Q5951">
        <v>0</v>
      </c>
      <c r="R5951">
        <v>0</v>
      </c>
      <c r="S5951">
        <v>0</v>
      </c>
      <c r="T5951">
        <v>0</v>
      </c>
      <c r="U5951">
        <v>0</v>
      </c>
      <c r="V5951">
        <v>0</v>
      </c>
      <c r="W5951">
        <v>1</v>
      </c>
      <c r="X5951">
        <v>0</v>
      </c>
      <c r="Y5951">
        <v>30</v>
      </c>
      <c r="Z5951">
        <v>11</v>
      </c>
      <c r="AA5951">
        <v>71</v>
      </c>
      <c r="AB5951">
        <v>32</v>
      </c>
      <c r="AC5951">
        <v>63</v>
      </c>
      <c r="AD5951">
        <v>22</v>
      </c>
      <c r="AE5951">
        <v>60</v>
      </c>
      <c r="AF5951">
        <v>0</v>
      </c>
      <c r="AG5951">
        <v>50000</v>
      </c>
      <c r="AH5951">
        <v>50000</v>
      </c>
      <c r="AI5951">
        <v>0</v>
      </c>
      <c r="AJ5951">
        <v>0</v>
      </c>
      <c r="AK5951" t="s">
        <v>6</v>
      </c>
      <c r="AL5951">
        <v>0</v>
      </c>
      <c r="AM5951">
        <v>0</v>
      </c>
      <c r="AN5951">
        <v>0</v>
      </c>
      <c r="AO5951">
        <v>0</v>
      </c>
      <c r="AP5951">
        <v>0</v>
      </c>
      <c r="AQ5951">
        <v>0</v>
      </c>
      <c r="AR5951">
        <v>0</v>
      </c>
      <c r="AS5951">
        <v>0</v>
      </c>
      <c r="AT5951">
        <v>0</v>
      </c>
      <c r="AU5951">
        <v>0</v>
      </c>
      <c r="AV5951">
        <v>0</v>
      </c>
      <c r="AW5951">
        <v>0</v>
      </c>
      <c r="AX5951">
        <v>0</v>
      </c>
      <c r="AY5951">
        <v>0</v>
      </c>
      <c r="AZ5951">
        <v>0</v>
      </c>
      <c r="BA5951">
        <v>0</v>
      </c>
    </row>
    <row r="5952" spans="1:53" x14ac:dyDescent="0.4">
      <c r="A5952">
        <v>5996</v>
      </c>
      <c r="B5952" s="1">
        <v>45098</v>
      </c>
      <c r="C5952">
        <v>2</v>
      </c>
      <c r="D5952" s="1">
        <v>45098.446527777778</v>
      </c>
      <c r="E5952" s="1">
        <v>45098.745833333334</v>
      </c>
      <c r="F5952">
        <v>18280</v>
      </c>
      <c r="G5952">
        <v>1496</v>
      </c>
      <c r="H5952">
        <v>0</v>
      </c>
      <c r="I5952">
        <v>0</v>
      </c>
      <c r="J5952">
        <v>0</v>
      </c>
      <c r="K5952">
        <v>0</v>
      </c>
      <c r="L5952">
        <v>0</v>
      </c>
      <c r="M5952">
        <v>1799</v>
      </c>
      <c r="N5952">
        <v>0</v>
      </c>
      <c r="O5952">
        <v>0</v>
      </c>
      <c r="P5952">
        <v>14590</v>
      </c>
      <c r="Q5952">
        <v>0</v>
      </c>
      <c r="R5952">
        <v>34366</v>
      </c>
      <c r="S5952">
        <v>0</v>
      </c>
      <c r="T5952">
        <v>0</v>
      </c>
      <c r="U5952">
        <v>0</v>
      </c>
      <c r="V5952">
        <v>0</v>
      </c>
      <c r="W5952">
        <v>5</v>
      </c>
      <c r="X5952">
        <v>0</v>
      </c>
      <c r="Y5952">
        <v>46</v>
      </c>
      <c r="Z5952">
        <v>10</v>
      </c>
      <c r="AA5952">
        <v>49</v>
      </c>
      <c r="AB5952">
        <v>32</v>
      </c>
      <c r="AC5952">
        <v>74</v>
      </c>
      <c r="AD5952">
        <v>22</v>
      </c>
      <c r="AE5952">
        <v>56</v>
      </c>
      <c r="AF5952">
        <v>1060</v>
      </c>
      <c r="AG5952">
        <v>84466</v>
      </c>
      <c r="AH5952">
        <v>50000</v>
      </c>
      <c r="AI5952">
        <v>100</v>
      </c>
      <c r="AJ5952">
        <v>36</v>
      </c>
      <c r="AK5952" t="s">
        <v>68</v>
      </c>
      <c r="AL5952">
        <v>0</v>
      </c>
      <c r="AM5952">
        <v>0</v>
      </c>
      <c r="AN5952">
        <v>0</v>
      </c>
      <c r="AO5952">
        <v>0</v>
      </c>
      <c r="AP5952">
        <v>0</v>
      </c>
      <c r="AQ5952">
        <v>0</v>
      </c>
      <c r="AR5952">
        <v>0</v>
      </c>
      <c r="AS5952">
        <v>0</v>
      </c>
      <c r="AT5952">
        <v>0</v>
      </c>
      <c r="AU5952">
        <v>0</v>
      </c>
      <c r="AV5952">
        <v>0</v>
      </c>
      <c r="AW5952">
        <v>0</v>
      </c>
      <c r="AX5952">
        <v>-1660</v>
      </c>
      <c r="AY5952">
        <v>37</v>
      </c>
      <c r="AZ5952">
        <v>55</v>
      </c>
      <c r="BA5952">
        <v>4656</v>
      </c>
    </row>
    <row r="5953" spans="1:53" x14ac:dyDescent="0.4">
      <c r="A5953">
        <v>5997</v>
      </c>
      <c r="B5953" s="1">
        <v>45099</v>
      </c>
      <c r="C5953">
        <v>1</v>
      </c>
      <c r="D5953" s="1">
        <v>45099.291666666664</v>
      </c>
      <c r="E5953" s="1">
        <v>45099.445138888892</v>
      </c>
      <c r="F5953">
        <v>0</v>
      </c>
      <c r="G5953">
        <v>0</v>
      </c>
      <c r="H5953">
        <v>0</v>
      </c>
      <c r="I5953">
        <v>0</v>
      </c>
      <c r="J5953">
        <v>0</v>
      </c>
      <c r="K5953">
        <v>0</v>
      </c>
      <c r="L5953">
        <v>0</v>
      </c>
      <c r="M5953">
        <v>0</v>
      </c>
      <c r="N5953">
        <v>0</v>
      </c>
      <c r="O5953">
        <v>0</v>
      </c>
      <c r="P5953">
        <v>0</v>
      </c>
      <c r="Q5953">
        <v>0</v>
      </c>
      <c r="R5953">
        <v>0</v>
      </c>
      <c r="S5953">
        <v>0</v>
      </c>
      <c r="T5953">
        <v>0</v>
      </c>
      <c r="U5953">
        <v>0</v>
      </c>
      <c r="V5953">
        <v>0</v>
      </c>
      <c r="W5953">
        <v>1</v>
      </c>
      <c r="X5953">
        <v>0</v>
      </c>
      <c r="Y5953">
        <v>30</v>
      </c>
      <c r="Z5953">
        <v>10</v>
      </c>
      <c r="AA5953">
        <v>77</v>
      </c>
      <c r="AB5953">
        <v>30</v>
      </c>
      <c r="AC5953">
        <v>64</v>
      </c>
      <c r="AD5953">
        <v>21</v>
      </c>
      <c r="AE5953">
        <v>55</v>
      </c>
      <c r="AF5953">
        <v>0</v>
      </c>
      <c r="AG5953">
        <v>50000</v>
      </c>
      <c r="AH5953">
        <v>50000</v>
      </c>
      <c r="AI5953">
        <v>0</v>
      </c>
      <c r="AJ5953">
        <v>0</v>
      </c>
      <c r="AK5953" t="s">
        <v>6</v>
      </c>
      <c r="AL5953">
        <v>0</v>
      </c>
      <c r="AM5953">
        <v>0</v>
      </c>
      <c r="AN5953">
        <v>0</v>
      </c>
      <c r="AO5953">
        <v>0</v>
      </c>
      <c r="AP5953">
        <v>0</v>
      </c>
      <c r="AQ5953">
        <v>0</v>
      </c>
      <c r="AR5953">
        <v>0</v>
      </c>
      <c r="AS5953">
        <v>0</v>
      </c>
      <c r="AT5953">
        <v>0</v>
      </c>
      <c r="AU5953">
        <v>0</v>
      </c>
      <c r="AV5953">
        <v>0</v>
      </c>
      <c r="AW5953">
        <v>0</v>
      </c>
      <c r="AX5953">
        <v>0</v>
      </c>
      <c r="AY5953">
        <v>0</v>
      </c>
      <c r="AZ5953">
        <v>0</v>
      </c>
      <c r="BA5953">
        <v>0</v>
      </c>
    </row>
    <row r="5954" spans="1:53" x14ac:dyDescent="0.4">
      <c r="A5954">
        <v>5998</v>
      </c>
      <c r="B5954" s="1">
        <v>45099</v>
      </c>
      <c r="C5954">
        <v>2</v>
      </c>
      <c r="D5954" s="1">
        <v>45099.445138888892</v>
      </c>
      <c r="E5954" s="1">
        <v>45099.73333333333</v>
      </c>
      <c r="F5954">
        <v>14620</v>
      </c>
      <c r="G5954">
        <v>0</v>
      </c>
      <c r="H5954">
        <v>0</v>
      </c>
      <c r="I5954">
        <v>0</v>
      </c>
      <c r="J5954">
        <v>200</v>
      </c>
      <c r="K5954">
        <v>0</v>
      </c>
      <c r="L5954">
        <v>0</v>
      </c>
      <c r="M5954">
        <v>1310</v>
      </c>
      <c r="N5954">
        <v>0</v>
      </c>
      <c r="O5954">
        <v>0</v>
      </c>
      <c r="P5954">
        <v>12560</v>
      </c>
      <c r="Q5954">
        <v>0</v>
      </c>
      <c r="R5954">
        <v>26980</v>
      </c>
      <c r="S5954">
        <v>0</v>
      </c>
      <c r="T5954">
        <v>0</v>
      </c>
      <c r="U5954">
        <v>0</v>
      </c>
      <c r="V5954">
        <v>0</v>
      </c>
      <c r="W5954">
        <v>2</v>
      </c>
      <c r="X5954">
        <v>0</v>
      </c>
      <c r="Y5954">
        <v>47</v>
      </c>
      <c r="Z5954">
        <v>15</v>
      </c>
      <c r="AA5954">
        <v>77</v>
      </c>
      <c r="AB5954">
        <v>30</v>
      </c>
      <c r="AC5954">
        <v>78</v>
      </c>
      <c r="AD5954">
        <v>21</v>
      </c>
      <c r="AE5954">
        <v>55</v>
      </c>
      <c r="AF5954">
        <v>0</v>
      </c>
      <c r="AG5954">
        <v>74640</v>
      </c>
      <c r="AH5954">
        <v>50000</v>
      </c>
      <c r="AI5954">
        <v>-2340</v>
      </c>
      <c r="AJ5954">
        <v>38</v>
      </c>
      <c r="AK5954" t="s">
        <v>75</v>
      </c>
      <c r="AL5954">
        <v>0</v>
      </c>
      <c r="AM5954">
        <v>0</v>
      </c>
      <c r="AN5954">
        <v>0</v>
      </c>
      <c r="AO5954">
        <v>0</v>
      </c>
      <c r="AP5954">
        <v>0</v>
      </c>
      <c r="AQ5954">
        <v>0</v>
      </c>
      <c r="AR5954">
        <v>0</v>
      </c>
      <c r="AS5954">
        <v>0</v>
      </c>
      <c r="AT5954">
        <v>0</v>
      </c>
      <c r="AU5954">
        <v>0</v>
      </c>
      <c r="AV5954">
        <v>0</v>
      </c>
      <c r="AW5954">
        <v>0</v>
      </c>
      <c r="AX5954">
        <v>5280</v>
      </c>
      <c r="AY5954">
        <v>30</v>
      </c>
      <c r="AZ5954">
        <v>46</v>
      </c>
      <c r="BA5954">
        <v>3273</v>
      </c>
    </row>
    <row r="5955" spans="1:53" x14ac:dyDescent="0.4">
      <c r="A5955">
        <v>5999</v>
      </c>
      <c r="B5955" s="1">
        <v>45099</v>
      </c>
      <c r="C5955">
        <v>3</v>
      </c>
      <c r="D5955" s="1">
        <v>45099.73333333333</v>
      </c>
      <c r="E5955" s="1">
        <v>45099.934027777781</v>
      </c>
      <c r="F5955">
        <v>21440</v>
      </c>
      <c r="G5955">
        <v>5885</v>
      </c>
      <c r="H5955">
        <v>0</v>
      </c>
      <c r="I5955">
        <v>0</v>
      </c>
      <c r="J5955">
        <v>0</v>
      </c>
      <c r="K5955">
        <v>0</v>
      </c>
      <c r="L5955">
        <v>0</v>
      </c>
      <c r="M5955">
        <v>2484</v>
      </c>
      <c r="N5955">
        <v>0</v>
      </c>
      <c r="O5955">
        <v>0</v>
      </c>
      <c r="P5955">
        <v>4470</v>
      </c>
      <c r="Q5955">
        <v>0</v>
      </c>
      <c r="R5955">
        <v>31795</v>
      </c>
      <c r="S5955">
        <v>0</v>
      </c>
      <c r="T5955">
        <v>0</v>
      </c>
      <c r="U5955">
        <v>0</v>
      </c>
      <c r="V5955">
        <v>1</v>
      </c>
      <c r="W5955">
        <v>5</v>
      </c>
      <c r="X5955">
        <v>0</v>
      </c>
      <c r="Y5955">
        <v>50</v>
      </c>
      <c r="Z5955">
        <v>19</v>
      </c>
      <c r="AA5955">
        <v>67</v>
      </c>
      <c r="AB5955">
        <v>28</v>
      </c>
      <c r="AC5955">
        <v>67</v>
      </c>
      <c r="AD5955">
        <v>20</v>
      </c>
      <c r="AE5955">
        <v>60</v>
      </c>
      <c r="AF5955">
        <v>5345</v>
      </c>
      <c r="AG5955">
        <v>108775</v>
      </c>
      <c r="AH5955">
        <v>50000</v>
      </c>
      <c r="AI5955">
        <v>0</v>
      </c>
      <c r="AJ5955">
        <v>110</v>
      </c>
      <c r="AK5955" t="s">
        <v>31</v>
      </c>
      <c r="AL5955">
        <v>0</v>
      </c>
      <c r="AM5955">
        <v>0</v>
      </c>
      <c r="AN5955">
        <v>0</v>
      </c>
      <c r="AO5955">
        <v>0</v>
      </c>
      <c r="AP5955">
        <v>0</v>
      </c>
      <c r="AQ5955">
        <v>0</v>
      </c>
      <c r="AR5955">
        <v>0</v>
      </c>
      <c r="AS5955">
        <v>0</v>
      </c>
      <c r="AT5955">
        <v>0</v>
      </c>
      <c r="AU5955">
        <v>0</v>
      </c>
      <c r="AV5955">
        <v>0</v>
      </c>
      <c r="AW5955">
        <v>0</v>
      </c>
      <c r="AX5955">
        <v>4400</v>
      </c>
      <c r="AY5955">
        <v>12</v>
      </c>
      <c r="AZ5955">
        <v>26</v>
      </c>
      <c r="BA5955">
        <v>2171</v>
      </c>
    </row>
    <row r="5956" spans="1:53" x14ac:dyDescent="0.4">
      <c r="A5956">
        <v>6000</v>
      </c>
      <c r="B5956" s="1">
        <v>45100</v>
      </c>
      <c r="C5956">
        <v>1</v>
      </c>
      <c r="D5956" s="1">
        <v>45100.291666666664</v>
      </c>
      <c r="E5956" s="1">
        <v>45100.443749999999</v>
      </c>
      <c r="F5956">
        <v>0</v>
      </c>
      <c r="G5956">
        <v>0</v>
      </c>
      <c r="H5956">
        <v>0</v>
      </c>
      <c r="I5956">
        <v>0</v>
      </c>
      <c r="J5956">
        <v>0</v>
      </c>
      <c r="K5956">
        <v>0</v>
      </c>
      <c r="L5956">
        <v>0</v>
      </c>
      <c r="M5956">
        <v>0</v>
      </c>
      <c r="N5956">
        <v>0</v>
      </c>
      <c r="O5956">
        <v>0</v>
      </c>
      <c r="P5956">
        <v>0</v>
      </c>
      <c r="Q5956">
        <v>0</v>
      </c>
      <c r="R5956">
        <v>0</v>
      </c>
      <c r="S5956">
        <v>0</v>
      </c>
      <c r="T5956">
        <v>0</v>
      </c>
      <c r="U5956">
        <v>0</v>
      </c>
      <c r="V5956">
        <v>0</v>
      </c>
      <c r="W5956">
        <v>1</v>
      </c>
      <c r="X5956">
        <v>0</v>
      </c>
      <c r="Y5956">
        <v>31</v>
      </c>
      <c r="Z5956">
        <v>10</v>
      </c>
      <c r="AA5956">
        <v>69</v>
      </c>
      <c r="AB5956">
        <v>26</v>
      </c>
      <c r="AC5956">
        <v>64</v>
      </c>
      <c r="AD5956">
        <v>20</v>
      </c>
      <c r="AE5956">
        <v>60</v>
      </c>
      <c r="AF5956">
        <v>0</v>
      </c>
      <c r="AG5956">
        <v>50000</v>
      </c>
      <c r="AH5956">
        <v>50000</v>
      </c>
      <c r="AI5956">
        <v>0</v>
      </c>
      <c r="AJ5956">
        <v>0</v>
      </c>
      <c r="AK5956" t="s">
        <v>6</v>
      </c>
      <c r="AL5956">
        <v>0</v>
      </c>
      <c r="AM5956">
        <v>0</v>
      </c>
      <c r="AN5956">
        <v>0</v>
      </c>
      <c r="AO5956">
        <v>0</v>
      </c>
      <c r="AP5956">
        <v>0</v>
      </c>
      <c r="AQ5956">
        <v>0</v>
      </c>
      <c r="AR5956">
        <v>0</v>
      </c>
      <c r="AS5956">
        <v>0</v>
      </c>
      <c r="AT5956">
        <v>0</v>
      </c>
      <c r="AU5956">
        <v>0</v>
      </c>
      <c r="AV5956">
        <v>0</v>
      </c>
      <c r="AW5956">
        <v>0</v>
      </c>
      <c r="AX5956">
        <v>0</v>
      </c>
      <c r="AY5956">
        <v>0</v>
      </c>
      <c r="AZ5956">
        <v>0</v>
      </c>
      <c r="BA5956">
        <v>0</v>
      </c>
    </row>
    <row r="5957" spans="1:53" x14ac:dyDescent="0.4">
      <c r="A5957">
        <v>6001</v>
      </c>
      <c r="B5957" s="1">
        <v>45100</v>
      </c>
      <c r="C5957">
        <v>2</v>
      </c>
      <c r="D5957" s="1">
        <v>45100.443749999999</v>
      </c>
      <c r="E5957" s="1">
        <v>45100.759722222225</v>
      </c>
      <c r="F5957">
        <v>23300</v>
      </c>
      <c r="G5957">
        <v>418</v>
      </c>
      <c r="H5957">
        <v>0</v>
      </c>
      <c r="I5957">
        <v>0</v>
      </c>
      <c r="J5957">
        <v>100</v>
      </c>
      <c r="K5957">
        <v>0</v>
      </c>
      <c r="L5957">
        <v>0</v>
      </c>
      <c r="M5957">
        <v>2145</v>
      </c>
      <c r="N5957">
        <v>0</v>
      </c>
      <c r="O5957">
        <v>0</v>
      </c>
      <c r="P5957">
        <v>22130</v>
      </c>
      <c r="Q5957">
        <v>0</v>
      </c>
      <c r="R5957">
        <v>45748</v>
      </c>
      <c r="S5957">
        <v>0</v>
      </c>
      <c r="T5957">
        <v>0</v>
      </c>
      <c r="U5957">
        <v>0</v>
      </c>
      <c r="V5957">
        <v>0</v>
      </c>
      <c r="W5957">
        <v>4</v>
      </c>
      <c r="X5957">
        <v>0</v>
      </c>
      <c r="Y5957">
        <v>55</v>
      </c>
      <c r="Z5957">
        <v>19</v>
      </c>
      <c r="AA5957">
        <v>48</v>
      </c>
      <c r="AB5957">
        <v>23</v>
      </c>
      <c r="AC5957">
        <v>83</v>
      </c>
      <c r="AD5957">
        <v>23</v>
      </c>
      <c r="AE5957">
        <v>63</v>
      </c>
      <c r="AF5957">
        <v>4290</v>
      </c>
      <c r="AG5957">
        <v>95748</v>
      </c>
      <c r="AH5957">
        <v>50000</v>
      </c>
      <c r="AI5957">
        <v>0</v>
      </c>
      <c r="AJ5957">
        <v>116</v>
      </c>
      <c r="AK5957" t="s">
        <v>51</v>
      </c>
      <c r="AL5957">
        <v>0</v>
      </c>
      <c r="AM5957">
        <v>0</v>
      </c>
      <c r="AN5957">
        <v>0</v>
      </c>
      <c r="AO5957">
        <v>0</v>
      </c>
      <c r="AP5957">
        <v>0</v>
      </c>
      <c r="AQ5957">
        <v>0</v>
      </c>
      <c r="AR5957">
        <v>0</v>
      </c>
      <c r="AS5957">
        <v>0</v>
      </c>
      <c r="AT5957">
        <v>0</v>
      </c>
      <c r="AU5957">
        <v>0</v>
      </c>
      <c r="AV5957">
        <v>0</v>
      </c>
      <c r="AW5957">
        <v>0</v>
      </c>
      <c r="AX5957">
        <v>5457</v>
      </c>
      <c r="AY5957">
        <v>46</v>
      </c>
      <c r="AZ5957">
        <v>81</v>
      </c>
      <c r="BA5957">
        <v>5588</v>
      </c>
    </row>
    <row r="5958" spans="1:53" x14ac:dyDescent="0.4">
      <c r="A5958">
        <v>6002</v>
      </c>
      <c r="B5958" s="1">
        <v>45100</v>
      </c>
      <c r="C5958">
        <v>3</v>
      </c>
      <c r="D5958" s="1">
        <v>45100.759722222225</v>
      </c>
      <c r="E5958" s="1">
        <v>45100.974999999999</v>
      </c>
      <c r="F5958">
        <v>150650</v>
      </c>
      <c r="G5958">
        <v>6821</v>
      </c>
      <c r="H5958">
        <v>0</v>
      </c>
      <c r="I5958">
        <v>0</v>
      </c>
      <c r="J5958">
        <v>100</v>
      </c>
      <c r="K5958">
        <v>0</v>
      </c>
      <c r="L5958">
        <v>0</v>
      </c>
      <c r="M5958">
        <v>14305</v>
      </c>
      <c r="N5958">
        <v>0</v>
      </c>
      <c r="O5958">
        <v>0</v>
      </c>
      <c r="P5958">
        <v>10390</v>
      </c>
      <c r="Q5958">
        <v>0</v>
      </c>
      <c r="R5958">
        <v>167761</v>
      </c>
      <c r="S5958">
        <v>0</v>
      </c>
      <c r="T5958">
        <v>0</v>
      </c>
      <c r="U5958">
        <v>0</v>
      </c>
      <c r="V5958">
        <v>10</v>
      </c>
      <c r="W5958">
        <v>1</v>
      </c>
      <c r="X5958">
        <v>0</v>
      </c>
      <c r="Y5958">
        <v>76</v>
      </c>
      <c r="Z5958">
        <v>17</v>
      </c>
      <c r="AA5958">
        <v>46</v>
      </c>
      <c r="AB5958">
        <v>29</v>
      </c>
      <c r="AC5958">
        <v>77</v>
      </c>
      <c r="AD5958">
        <v>24</v>
      </c>
      <c r="AE5958">
        <v>59</v>
      </c>
      <c r="AF5958">
        <v>67010</v>
      </c>
      <c r="AG5958">
        <v>263509</v>
      </c>
      <c r="AH5958">
        <v>50000</v>
      </c>
      <c r="AI5958">
        <v>0</v>
      </c>
      <c r="AJ5958">
        <v>39</v>
      </c>
      <c r="AK5958" t="s">
        <v>73</v>
      </c>
      <c r="AL5958">
        <v>0</v>
      </c>
      <c r="AM5958">
        <v>0</v>
      </c>
      <c r="AN5958">
        <v>0</v>
      </c>
      <c r="AO5958">
        <v>0</v>
      </c>
      <c r="AP5958">
        <v>0</v>
      </c>
      <c r="AQ5958">
        <v>0</v>
      </c>
      <c r="AR5958">
        <v>0</v>
      </c>
      <c r="AS5958">
        <v>0</v>
      </c>
      <c r="AT5958">
        <v>0</v>
      </c>
      <c r="AU5958">
        <v>0</v>
      </c>
      <c r="AV5958">
        <v>0</v>
      </c>
      <c r="AW5958">
        <v>0</v>
      </c>
      <c r="AX5958">
        <v>47140</v>
      </c>
      <c r="AY5958">
        <v>37</v>
      </c>
      <c r="AZ5958">
        <v>138</v>
      </c>
      <c r="BA5958">
        <v>4350</v>
      </c>
    </row>
    <row r="5959" spans="1:53" x14ac:dyDescent="0.4">
      <c r="A5959">
        <v>6003</v>
      </c>
      <c r="B5959" s="1">
        <v>45100</v>
      </c>
      <c r="C5959">
        <v>4</v>
      </c>
      <c r="D5959" s="1">
        <v>45100.974999999999</v>
      </c>
      <c r="E5959" s="1">
        <v>45101.12222222222</v>
      </c>
      <c r="F5959">
        <v>96400</v>
      </c>
      <c r="G5959">
        <v>0</v>
      </c>
      <c r="H5959">
        <v>0</v>
      </c>
      <c r="I5959">
        <v>0</v>
      </c>
      <c r="J5959">
        <v>0</v>
      </c>
      <c r="K5959">
        <v>0</v>
      </c>
      <c r="L5959">
        <v>0</v>
      </c>
      <c r="M5959">
        <v>8766</v>
      </c>
      <c r="N5959">
        <v>0</v>
      </c>
      <c r="O5959">
        <v>0</v>
      </c>
      <c r="P5959">
        <v>19160</v>
      </c>
      <c r="Q5959">
        <v>0</v>
      </c>
      <c r="R5959">
        <v>115560</v>
      </c>
      <c r="S5959">
        <v>0</v>
      </c>
      <c r="T5959">
        <v>0</v>
      </c>
      <c r="U5959">
        <v>0</v>
      </c>
      <c r="V5959">
        <v>19</v>
      </c>
      <c r="W5959">
        <v>0</v>
      </c>
      <c r="X5959">
        <v>0</v>
      </c>
      <c r="Y5959">
        <v>91</v>
      </c>
      <c r="Z5959">
        <v>19</v>
      </c>
      <c r="AA5959">
        <v>59</v>
      </c>
      <c r="AB5959">
        <v>31</v>
      </c>
      <c r="AC5959">
        <v>71</v>
      </c>
      <c r="AD5959">
        <v>24</v>
      </c>
      <c r="AE5959">
        <v>59</v>
      </c>
      <c r="AF5959">
        <v>80230</v>
      </c>
      <c r="AG5959">
        <v>379069</v>
      </c>
      <c r="AH5959">
        <v>50000</v>
      </c>
      <c r="AI5959">
        <v>0</v>
      </c>
      <c r="AJ5959">
        <v>74</v>
      </c>
      <c r="AK5959" t="s">
        <v>67</v>
      </c>
      <c r="AL5959">
        <v>0</v>
      </c>
      <c r="AM5959">
        <v>0</v>
      </c>
      <c r="AN5959">
        <v>0</v>
      </c>
      <c r="AO5959">
        <v>0</v>
      </c>
      <c r="AP5959">
        <v>0</v>
      </c>
      <c r="AQ5959">
        <v>0</v>
      </c>
      <c r="AR5959">
        <v>0</v>
      </c>
      <c r="AS5959">
        <v>0</v>
      </c>
      <c r="AT5959">
        <v>0</v>
      </c>
      <c r="AU5959">
        <v>0</v>
      </c>
      <c r="AV5959">
        <v>0</v>
      </c>
      <c r="AW5959">
        <v>0</v>
      </c>
      <c r="AX5959">
        <v>1034</v>
      </c>
      <c r="AY5959">
        <v>9</v>
      </c>
      <c r="AZ5959">
        <v>18</v>
      </c>
      <c r="BA5959">
        <v>2590</v>
      </c>
    </row>
    <row r="5960" spans="1:53" x14ac:dyDescent="0.4">
      <c r="A5960">
        <v>6004</v>
      </c>
      <c r="B5960" s="1">
        <v>45101</v>
      </c>
      <c r="C5960">
        <v>1</v>
      </c>
      <c r="D5960" s="1">
        <v>45101.291666666664</v>
      </c>
      <c r="E5960" s="1">
        <v>45101.408333333333</v>
      </c>
      <c r="F5960">
        <v>0</v>
      </c>
      <c r="G5960">
        <v>0</v>
      </c>
      <c r="H5960">
        <v>0</v>
      </c>
      <c r="I5960">
        <v>0</v>
      </c>
      <c r="J5960">
        <v>0</v>
      </c>
      <c r="K5960">
        <v>0</v>
      </c>
      <c r="L5960">
        <v>0</v>
      </c>
      <c r="M5960">
        <v>0</v>
      </c>
      <c r="N5960">
        <v>0</v>
      </c>
      <c r="O5960">
        <v>0</v>
      </c>
      <c r="P5960">
        <v>0</v>
      </c>
      <c r="Q5960">
        <v>0</v>
      </c>
      <c r="R5960">
        <v>0</v>
      </c>
      <c r="S5960">
        <v>0</v>
      </c>
      <c r="T5960">
        <v>0</v>
      </c>
      <c r="U5960">
        <v>0</v>
      </c>
      <c r="V5960">
        <v>0</v>
      </c>
      <c r="W5960">
        <v>0</v>
      </c>
      <c r="X5960">
        <v>0</v>
      </c>
      <c r="Y5960">
        <v>37</v>
      </c>
      <c r="Z5960">
        <v>10</v>
      </c>
      <c r="AA5960">
        <v>59</v>
      </c>
      <c r="AB5960">
        <v>25</v>
      </c>
      <c r="AC5960">
        <v>68</v>
      </c>
      <c r="AD5960">
        <v>23</v>
      </c>
      <c r="AE5960">
        <v>55</v>
      </c>
      <c r="AF5960">
        <v>0</v>
      </c>
      <c r="AG5960">
        <v>50000</v>
      </c>
      <c r="AH5960">
        <v>50000</v>
      </c>
      <c r="AI5960">
        <v>0</v>
      </c>
      <c r="AJ5960">
        <v>0</v>
      </c>
      <c r="AK5960" t="s">
        <v>6</v>
      </c>
      <c r="AL5960">
        <v>0</v>
      </c>
      <c r="AM5960">
        <v>0</v>
      </c>
      <c r="AN5960">
        <v>0</v>
      </c>
      <c r="AO5960">
        <v>0</v>
      </c>
      <c r="AP5960">
        <v>0</v>
      </c>
      <c r="AQ5960">
        <v>0</v>
      </c>
      <c r="AR5960">
        <v>0</v>
      </c>
      <c r="AS5960">
        <v>0</v>
      </c>
      <c r="AT5960">
        <v>0</v>
      </c>
      <c r="AU5960">
        <v>0</v>
      </c>
      <c r="AV5960">
        <v>0</v>
      </c>
      <c r="AW5960">
        <v>0</v>
      </c>
      <c r="AX5960">
        <v>0</v>
      </c>
      <c r="AY5960">
        <v>0</v>
      </c>
      <c r="AZ5960">
        <v>0</v>
      </c>
      <c r="BA5960">
        <v>0</v>
      </c>
    </row>
    <row r="5961" spans="1:53" x14ac:dyDescent="0.4">
      <c r="A5961">
        <v>6005</v>
      </c>
      <c r="B5961" s="1">
        <v>45101</v>
      </c>
      <c r="C5961">
        <v>2</v>
      </c>
      <c r="D5961" s="1">
        <v>45101.408333333333</v>
      </c>
      <c r="E5961" s="1">
        <v>45101.724999999999</v>
      </c>
      <c r="F5961">
        <v>44200</v>
      </c>
      <c r="G5961">
        <v>4928</v>
      </c>
      <c r="H5961">
        <v>0</v>
      </c>
      <c r="I5961">
        <v>0</v>
      </c>
      <c r="J5961">
        <v>400</v>
      </c>
      <c r="K5961">
        <v>0</v>
      </c>
      <c r="L5961">
        <v>0</v>
      </c>
      <c r="M5961">
        <v>4429</v>
      </c>
      <c r="N5961">
        <v>0</v>
      </c>
      <c r="O5961">
        <v>0</v>
      </c>
      <c r="P5961">
        <v>22620</v>
      </c>
      <c r="Q5961">
        <v>0</v>
      </c>
      <c r="R5961">
        <v>71348</v>
      </c>
      <c r="S5961">
        <v>0</v>
      </c>
      <c r="T5961">
        <v>0</v>
      </c>
      <c r="U5961">
        <v>0</v>
      </c>
      <c r="V5961">
        <v>0</v>
      </c>
      <c r="W5961">
        <v>3</v>
      </c>
      <c r="X5961">
        <v>0</v>
      </c>
      <c r="Y5961">
        <v>71</v>
      </c>
      <c r="Z5961">
        <v>17</v>
      </c>
      <c r="AA5961">
        <v>77</v>
      </c>
      <c r="AB5961">
        <v>34</v>
      </c>
      <c r="AC5961">
        <v>100</v>
      </c>
      <c r="AD5961">
        <v>26</v>
      </c>
      <c r="AE5961">
        <v>68</v>
      </c>
      <c r="AF5961">
        <v>0</v>
      </c>
      <c r="AG5961">
        <v>114098</v>
      </c>
      <c r="AH5961">
        <v>50000</v>
      </c>
      <c r="AI5961">
        <v>-7250</v>
      </c>
      <c r="AJ5961">
        <v>38</v>
      </c>
      <c r="AK5961" t="s">
        <v>75</v>
      </c>
      <c r="AL5961">
        <v>0</v>
      </c>
      <c r="AM5961">
        <v>0</v>
      </c>
      <c r="AN5961">
        <v>0</v>
      </c>
      <c r="AO5961">
        <v>0</v>
      </c>
      <c r="AP5961">
        <v>0</v>
      </c>
      <c r="AQ5961">
        <v>0</v>
      </c>
      <c r="AR5961">
        <v>0</v>
      </c>
      <c r="AS5961">
        <v>0</v>
      </c>
      <c r="AT5961">
        <v>0</v>
      </c>
      <c r="AU5961">
        <v>0</v>
      </c>
      <c r="AV5961">
        <v>0</v>
      </c>
      <c r="AW5961">
        <v>0</v>
      </c>
      <c r="AX5961">
        <v>108</v>
      </c>
      <c r="AY5961">
        <v>52</v>
      </c>
      <c r="AZ5961">
        <v>115</v>
      </c>
      <c r="BA5961">
        <v>7447</v>
      </c>
    </row>
    <row r="5962" spans="1:53" x14ac:dyDescent="0.4">
      <c r="A5962">
        <v>6006</v>
      </c>
      <c r="B5962" s="1">
        <v>45102</v>
      </c>
      <c r="C5962">
        <v>1</v>
      </c>
      <c r="D5962" s="1">
        <v>45102.291666666664</v>
      </c>
      <c r="E5962" s="1">
        <v>45102.40347222222</v>
      </c>
      <c r="F5962">
        <v>0</v>
      </c>
      <c r="G5962">
        <v>0</v>
      </c>
      <c r="H5962">
        <v>0</v>
      </c>
      <c r="I5962">
        <v>0</v>
      </c>
      <c r="J5962">
        <v>0</v>
      </c>
      <c r="K5962">
        <v>0</v>
      </c>
      <c r="L5962">
        <v>0</v>
      </c>
      <c r="M5962">
        <v>0</v>
      </c>
      <c r="N5962">
        <v>0</v>
      </c>
      <c r="O5962">
        <v>0</v>
      </c>
      <c r="P5962">
        <v>0</v>
      </c>
      <c r="Q5962">
        <v>0</v>
      </c>
      <c r="R5962">
        <v>0</v>
      </c>
      <c r="S5962">
        <v>0</v>
      </c>
      <c r="T5962">
        <v>0</v>
      </c>
      <c r="U5962">
        <v>0</v>
      </c>
      <c r="V5962">
        <v>0</v>
      </c>
      <c r="W5962">
        <v>1</v>
      </c>
      <c r="X5962">
        <v>0</v>
      </c>
      <c r="Y5962">
        <v>30</v>
      </c>
      <c r="Z5962">
        <v>10</v>
      </c>
      <c r="AA5962">
        <v>77</v>
      </c>
      <c r="AB5962">
        <v>27</v>
      </c>
      <c r="AC5962">
        <v>78</v>
      </c>
      <c r="AD5962">
        <v>24</v>
      </c>
      <c r="AE5962">
        <v>50</v>
      </c>
      <c r="AF5962">
        <v>0</v>
      </c>
      <c r="AG5962">
        <v>50000</v>
      </c>
      <c r="AH5962">
        <v>50000</v>
      </c>
      <c r="AI5962">
        <v>0</v>
      </c>
      <c r="AJ5962">
        <v>0</v>
      </c>
      <c r="AK5962" t="s">
        <v>6</v>
      </c>
      <c r="AL5962">
        <v>0</v>
      </c>
      <c r="AM5962">
        <v>0</v>
      </c>
      <c r="AN5962">
        <v>0</v>
      </c>
      <c r="AO5962">
        <v>0</v>
      </c>
      <c r="AP5962">
        <v>0</v>
      </c>
      <c r="AQ5962">
        <v>0</v>
      </c>
      <c r="AR5962">
        <v>0</v>
      </c>
      <c r="AS5962">
        <v>0</v>
      </c>
      <c r="AT5962">
        <v>0</v>
      </c>
      <c r="AU5962">
        <v>0</v>
      </c>
      <c r="AV5962">
        <v>0</v>
      </c>
      <c r="AW5962">
        <v>0</v>
      </c>
      <c r="AX5962">
        <v>0</v>
      </c>
      <c r="AY5962">
        <v>0</v>
      </c>
      <c r="AZ5962">
        <v>0</v>
      </c>
      <c r="BA5962">
        <v>0</v>
      </c>
    </row>
    <row r="5963" spans="1:53" x14ac:dyDescent="0.4">
      <c r="A5963">
        <v>6007</v>
      </c>
      <c r="B5963" s="1">
        <v>45102</v>
      </c>
      <c r="C5963">
        <v>2</v>
      </c>
      <c r="D5963" s="1">
        <v>45102.40347222222</v>
      </c>
      <c r="E5963" s="1">
        <v>45102.742361111108</v>
      </c>
      <c r="F5963">
        <v>53940</v>
      </c>
      <c r="G5963">
        <v>4950</v>
      </c>
      <c r="H5963">
        <v>0</v>
      </c>
      <c r="I5963">
        <v>0</v>
      </c>
      <c r="J5963">
        <v>0</v>
      </c>
      <c r="K5963">
        <v>0</v>
      </c>
      <c r="L5963">
        <v>0</v>
      </c>
      <c r="M5963">
        <v>5351</v>
      </c>
      <c r="N5963">
        <v>0</v>
      </c>
      <c r="O5963">
        <v>0</v>
      </c>
      <c r="P5963">
        <v>19380</v>
      </c>
      <c r="Q5963">
        <v>0</v>
      </c>
      <c r="R5963">
        <v>78270</v>
      </c>
      <c r="S5963">
        <v>0</v>
      </c>
      <c r="T5963">
        <v>0</v>
      </c>
      <c r="U5963">
        <v>0</v>
      </c>
      <c r="V5963">
        <v>3</v>
      </c>
      <c r="W5963">
        <v>1</v>
      </c>
      <c r="X5963">
        <v>0</v>
      </c>
      <c r="Y5963">
        <v>64</v>
      </c>
      <c r="Z5963">
        <v>28</v>
      </c>
      <c r="AA5963">
        <v>75</v>
      </c>
      <c r="AB5963">
        <v>26</v>
      </c>
      <c r="AC5963">
        <v>99</v>
      </c>
      <c r="AD5963">
        <v>19</v>
      </c>
      <c r="AE5963">
        <v>35</v>
      </c>
      <c r="AF5963">
        <v>5350</v>
      </c>
      <c r="AG5963">
        <v>128270</v>
      </c>
      <c r="AH5963">
        <v>50000</v>
      </c>
      <c r="AI5963">
        <v>0</v>
      </c>
      <c r="AJ5963">
        <v>118</v>
      </c>
      <c r="AK5963" t="s">
        <v>59</v>
      </c>
      <c r="AL5963">
        <v>0</v>
      </c>
      <c r="AM5963">
        <v>0</v>
      </c>
      <c r="AN5963">
        <v>0</v>
      </c>
      <c r="AO5963">
        <v>0</v>
      </c>
      <c r="AP5963">
        <v>0</v>
      </c>
      <c r="AQ5963">
        <v>0</v>
      </c>
      <c r="AR5963">
        <v>0</v>
      </c>
      <c r="AS5963">
        <v>0</v>
      </c>
      <c r="AT5963">
        <v>0</v>
      </c>
      <c r="AU5963">
        <v>0</v>
      </c>
      <c r="AV5963">
        <v>0</v>
      </c>
      <c r="AW5963">
        <v>0</v>
      </c>
      <c r="AX5963">
        <v>0</v>
      </c>
      <c r="AY5963">
        <v>54</v>
      </c>
      <c r="AZ5963">
        <v>117</v>
      </c>
      <c r="BA5963">
        <v>7726</v>
      </c>
    </row>
    <row r="5964" spans="1:53" x14ac:dyDescent="0.4">
      <c r="A5964">
        <v>6008</v>
      </c>
      <c r="B5964" s="1">
        <v>45103</v>
      </c>
      <c r="C5964">
        <v>1</v>
      </c>
      <c r="D5964" s="1">
        <v>45103.291666666664</v>
      </c>
      <c r="E5964" s="1">
        <v>45103.443055555559</v>
      </c>
      <c r="F5964">
        <v>0</v>
      </c>
      <c r="G5964">
        <v>0</v>
      </c>
      <c r="H5964">
        <v>0</v>
      </c>
      <c r="I5964">
        <v>0</v>
      </c>
      <c r="J5964">
        <v>0</v>
      </c>
      <c r="K5964">
        <v>0</v>
      </c>
      <c r="L5964">
        <v>0</v>
      </c>
      <c r="M5964">
        <v>0</v>
      </c>
      <c r="N5964">
        <v>0</v>
      </c>
      <c r="O5964">
        <v>0</v>
      </c>
      <c r="P5964">
        <v>0</v>
      </c>
      <c r="Q5964">
        <v>0</v>
      </c>
      <c r="R5964">
        <v>0</v>
      </c>
      <c r="S5964">
        <v>0</v>
      </c>
      <c r="T5964">
        <v>0</v>
      </c>
      <c r="U5964">
        <v>0</v>
      </c>
      <c r="V5964">
        <v>0</v>
      </c>
      <c r="W5964">
        <v>1</v>
      </c>
      <c r="X5964">
        <v>0</v>
      </c>
      <c r="Y5964">
        <v>30</v>
      </c>
      <c r="Z5964">
        <v>16</v>
      </c>
      <c r="AA5964">
        <v>51</v>
      </c>
      <c r="AB5964">
        <v>17</v>
      </c>
      <c r="AC5964">
        <v>93</v>
      </c>
      <c r="AD5964">
        <v>18</v>
      </c>
      <c r="AE5964">
        <v>30</v>
      </c>
      <c r="AF5964">
        <v>0</v>
      </c>
      <c r="AG5964">
        <v>50000</v>
      </c>
      <c r="AH5964">
        <v>50000</v>
      </c>
      <c r="AI5964">
        <v>0</v>
      </c>
      <c r="AJ5964">
        <v>0</v>
      </c>
      <c r="AK5964" t="s">
        <v>6</v>
      </c>
      <c r="AL5964">
        <v>0</v>
      </c>
      <c r="AM5964">
        <v>0</v>
      </c>
      <c r="AN5964">
        <v>0</v>
      </c>
      <c r="AO5964">
        <v>0</v>
      </c>
      <c r="AP5964">
        <v>0</v>
      </c>
      <c r="AQ5964">
        <v>0</v>
      </c>
      <c r="AR5964">
        <v>0</v>
      </c>
      <c r="AS5964">
        <v>0</v>
      </c>
      <c r="AT5964">
        <v>0</v>
      </c>
      <c r="AU5964">
        <v>0</v>
      </c>
      <c r="AV5964">
        <v>0</v>
      </c>
      <c r="AW5964">
        <v>0</v>
      </c>
      <c r="AX5964">
        <v>0</v>
      </c>
      <c r="AY5964">
        <v>0</v>
      </c>
      <c r="AZ5964">
        <v>0</v>
      </c>
      <c r="BA5964">
        <v>0</v>
      </c>
    </row>
    <row r="5965" spans="1:53" x14ac:dyDescent="0.4">
      <c r="A5965">
        <v>6009</v>
      </c>
      <c r="B5965" s="1">
        <v>45103</v>
      </c>
      <c r="C5965">
        <v>2</v>
      </c>
      <c r="D5965" s="1">
        <v>45103.443055555559</v>
      </c>
      <c r="E5965" s="1">
        <v>45103.73333333333</v>
      </c>
      <c r="F5965">
        <v>20500</v>
      </c>
      <c r="G5965">
        <v>1782</v>
      </c>
      <c r="H5965">
        <v>0</v>
      </c>
      <c r="I5965">
        <v>0</v>
      </c>
      <c r="J5965">
        <v>100</v>
      </c>
      <c r="K5965">
        <v>0</v>
      </c>
      <c r="L5965">
        <v>0</v>
      </c>
      <c r="M5965">
        <v>2017</v>
      </c>
      <c r="N5965">
        <v>0</v>
      </c>
      <c r="O5965">
        <v>0</v>
      </c>
      <c r="P5965">
        <v>9580</v>
      </c>
      <c r="Q5965">
        <v>0</v>
      </c>
      <c r="R5965">
        <v>31762</v>
      </c>
      <c r="S5965">
        <v>0</v>
      </c>
      <c r="T5965">
        <v>0</v>
      </c>
      <c r="U5965">
        <v>0</v>
      </c>
      <c r="V5965">
        <v>0</v>
      </c>
      <c r="W5965">
        <v>3</v>
      </c>
      <c r="X5965">
        <v>0</v>
      </c>
      <c r="Y5965">
        <v>52</v>
      </c>
      <c r="Z5965">
        <v>17</v>
      </c>
      <c r="AA5965">
        <v>35</v>
      </c>
      <c r="AB5965">
        <v>21</v>
      </c>
      <c r="AC5965">
        <v>99</v>
      </c>
      <c r="AD5965">
        <v>18</v>
      </c>
      <c r="AE5965">
        <v>32</v>
      </c>
      <c r="AF5965">
        <v>600</v>
      </c>
      <c r="AG5965">
        <v>81762</v>
      </c>
      <c r="AH5965">
        <v>50000</v>
      </c>
      <c r="AI5965">
        <v>0</v>
      </c>
      <c r="AJ5965">
        <v>36</v>
      </c>
      <c r="AK5965" t="s">
        <v>68</v>
      </c>
      <c r="AL5965">
        <v>0</v>
      </c>
      <c r="AM5965">
        <v>0</v>
      </c>
      <c r="AN5965">
        <v>0</v>
      </c>
      <c r="AO5965">
        <v>0</v>
      </c>
      <c r="AP5965">
        <v>0</v>
      </c>
      <c r="AQ5965">
        <v>0</v>
      </c>
      <c r="AR5965">
        <v>0</v>
      </c>
      <c r="AS5965">
        <v>0</v>
      </c>
      <c r="AT5965">
        <v>0</v>
      </c>
      <c r="AU5965">
        <v>0</v>
      </c>
      <c r="AV5965">
        <v>0</v>
      </c>
      <c r="AW5965">
        <v>0</v>
      </c>
      <c r="AX5965">
        <v>440</v>
      </c>
      <c r="AY5965">
        <v>32</v>
      </c>
      <c r="AZ5965">
        <v>48</v>
      </c>
      <c r="BA5965">
        <v>4895</v>
      </c>
    </row>
    <row r="5966" spans="1:53" x14ac:dyDescent="0.4">
      <c r="A5966">
        <v>6010</v>
      </c>
      <c r="B5966" s="1">
        <v>45104</v>
      </c>
      <c r="C5966">
        <v>1</v>
      </c>
      <c r="D5966" s="1">
        <v>45104.291666666664</v>
      </c>
      <c r="E5966" s="1">
        <v>45104.446527777778</v>
      </c>
      <c r="F5966">
        <v>0</v>
      </c>
      <c r="G5966">
        <v>0</v>
      </c>
      <c r="H5966">
        <v>0</v>
      </c>
      <c r="I5966">
        <v>0</v>
      </c>
      <c r="J5966">
        <v>0</v>
      </c>
      <c r="K5966">
        <v>0</v>
      </c>
      <c r="L5966">
        <v>0</v>
      </c>
      <c r="M5966">
        <v>0</v>
      </c>
      <c r="N5966">
        <v>0</v>
      </c>
      <c r="O5966">
        <v>0</v>
      </c>
      <c r="P5966">
        <v>0</v>
      </c>
      <c r="Q5966">
        <v>0</v>
      </c>
      <c r="R5966">
        <v>0</v>
      </c>
      <c r="S5966">
        <v>0</v>
      </c>
      <c r="T5966">
        <v>0</v>
      </c>
      <c r="U5966">
        <v>0</v>
      </c>
      <c r="V5966">
        <v>0</v>
      </c>
      <c r="W5966">
        <v>1</v>
      </c>
      <c r="X5966">
        <v>0</v>
      </c>
      <c r="Y5966">
        <v>31</v>
      </c>
      <c r="Z5966">
        <v>13</v>
      </c>
      <c r="AA5966">
        <v>49</v>
      </c>
      <c r="AB5966">
        <v>30</v>
      </c>
      <c r="AC5966">
        <v>91</v>
      </c>
      <c r="AD5966">
        <v>30</v>
      </c>
      <c r="AE5966">
        <v>40</v>
      </c>
      <c r="AF5966">
        <v>0</v>
      </c>
      <c r="AG5966">
        <v>50000</v>
      </c>
      <c r="AH5966">
        <v>50000</v>
      </c>
      <c r="AI5966">
        <v>0</v>
      </c>
      <c r="AJ5966">
        <v>0</v>
      </c>
      <c r="AK5966" t="s">
        <v>6</v>
      </c>
      <c r="AL5966">
        <v>0</v>
      </c>
      <c r="AM5966">
        <v>0</v>
      </c>
      <c r="AN5966">
        <v>0</v>
      </c>
      <c r="AO5966">
        <v>0</v>
      </c>
      <c r="AP5966">
        <v>0</v>
      </c>
      <c r="AQ5966">
        <v>0</v>
      </c>
      <c r="AR5966">
        <v>0</v>
      </c>
      <c r="AS5966">
        <v>0</v>
      </c>
      <c r="AT5966">
        <v>0</v>
      </c>
      <c r="AU5966">
        <v>0</v>
      </c>
      <c r="AV5966">
        <v>0</v>
      </c>
      <c r="AW5966">
        <v>0</v>
      </c>
      <c r="AX5966">
        <v>0</v>
      </c>
      <c r="AY5966">
        <v>0</v>
      </c>
      <c r="AZ5966">
        <v>0</v>
      </c>
      <c r="BA5966">
        <v>0</v>
      </c>
    </row>
    <row r="5967" spans="1:53" x14ac:dyDescent="0.4">
      <c r="A5967">
        <v>6011</v>
      </c>
      <c r="B5967" s="1">
        <v>45104</v>
      </c>
      <c r="C5967">
        <v>2</v>
      </c>
      <c r="D5967" s="1">
        <v>45104.446527777778</v>
      </c>
      <c r="E5967" s="1">
        <v>45104.708333333336</v>
      </c>
      <c r="F5967">
        <v>9790</v>
      </c>
      <c r="G5967">
        <v>0</v>
      </c>
      <c r="H5967">
        <v>0</v>
      </c>
      <c r="I5967">
        <v>0</v>
      </c>
      <c r="J5967">
        <v>0</v>
      </c>
      <c r="K5967">
        <v>0</v>
      </c>
      <c r="L5967">
        <v>0</v>
      </c>
      <c r="M5967">
        <v>889</v>
      </c>
      <c r="N5967">
        <v>0</v>
      </c>
      <c r="O5967">
        <v>0</v>
      </c>
      <c r="P5967">
        <v>11880</v>
      </c>
      <c r="Q5967">
        <v>0</v>
      </c>
      <c r="R5967">
        <v>21670</v>
      </c>
      <c r="S5967">
        <v>0</v>
      </c>
      <c r="T5967">
        <v>0</v>
      </c>
      <c r="U5967">
        <v>0</v>
      </c>
      <c r="V5967">
        <v>1</v>
      </c>
      <c r="W5967">
        <v>1</v>
      </c>
      <c r="X5967">
        <v>0</v>
      </c>
      <c r="Y5967">
        <v>44</v>
      </c>
      <c r="Z5967">
        <v>9</v>
      </c>
      <c r="AA5967">
        <v>50</v>
      </c>
      <c r="AB5967">
        <v>31</v>
      </c>
      <c r="AC5967">
        <v>100</v>
      </c>
      <c r="AD5967">
        <v>30</v>
      </c>
      <c r="AE5967">
        <v>40</v>
      </c>
      <c r="AF5967">
        <v>0</v>
      </c>
      <c r="AG5967">
        <v>71240</v>
      </c>
      <c r="AH5967">
        <v>50000</v>
      </c>
      <c r="AI5967">
        <v>-430</v>
      </c>
      <c r="AJ5967">
        <v>38</v>
      </c>
      <c r="AK5967" t="s">
        <v>75</v>
      </c>
      <c r="AL5967">
        <v>0</v>
      </c>
      <c r="AM5967">
        <v>0</v>
      </c>
      <c r="AN5967">
        <v>0</v>
      </c>
      <c r="AO5967">
        <v>0</v>
      </c>
      <c r="AP5967">
        <v>0</v>
      </c>
      <c r="AQ5967">
        <v>0</v>
      </c>
      <c r="AR5967">
        <v>0</v>
      </c>
      <c r="AS5967">
        <v>0</v>
      </c>
      <c r="AT5967">
        <v>0</v>
      </c>
      <c r="AU5967">
        <v>0</v>
      </c>
      <c r="AV5967">
        <v>0</v>
      </c>
      <c r="AW5967">
        <v>0</v>
      </c>
      <c r="AX5967">
        <v>1148</v>
      </c>
      <c r="AY5967">
        <v>25</v>
      </c>
      <c r="AZ5967">
        <v>39</v>
      </c>
      <c r="BA5967">
        <v>3173</v>
      </c>
    </row>
    <row r="5968" spans="1:53" x14ac:dyDescent="0.4">
      <c r="A5968">
        <v>6012</v>
      </c>
      <c r="B5968" s="1">
        <v>45104</v>
      </c>
      <c r="C5968">
        <v>3</v>
      </c>
      <c r="D5968" s="1">
        <v>45104.708333333336</v>
      </c>
      <c r="E5968" s="1">
        <v>45104.954861111109</v>
      </c>
      <c r="F5968">
        <v>46270</v>
      </c>
      <c r="G5968">
        <v>7885</v>
      </c>
      <c r="H5968">
        <v>0</v>
      </c>
      <c r="I5968">
        <v>0</v>
      </c>
      <c r="J5968">
        <v>100</v>
      </c>
      <c r="K5968">
        <v>0</v>
      </c>
      <c r="L5968">
        <v>0</v>
      </c>
      <c r="M5968">
        <v>4913</v>
      </c>
      <c r="N5968">
        <v>0</v>
      </c>
      <c r="O5968">
        <v>0</v>
      </c>
      <c r="P5968">
        <v>-6780</v>
      </c>
      <c r="Q5968">
        <v>0</v>
      </c>
      <c r="R5968">
        <v>47275</v>
      </c>
      <c r="S5968">
        <v>0</v>
      </c>
      <c r="T5968">
        <v>0</v>
      </c>
      <c r="U5968">
        <v>0</v>
      </c>
      <c r="V5968">
        <v>4</v>
      </c>
      <c r="W5968">
        <v>1</v>
      </c>
      <c r="X5968">
        <v>0</v>
      </c>
      <c r="Y5968">
        <v>43</v>
      </c>
      <c r="Z5968">
        <v>8</v>
      </c>
      <c r="AA5968">
        <v>55</v>
      </c>
      <c r="AB5968">
        <v>29</v>
      </c>
      <c r="AC5968">
        <v>110</v>
      </c>
      <c r="AD5968">
        <v>28</v>
      </c>
      <c r="AE5968">
        <v>35</v>
      </c>
      <c r="AF5968">
        <v>18720</v>
      </c>
      <c r="AG5968">
        <v>118945</v>
      </c>
      <c r="AH5968">
        <v>50000</v>
      </c>
      <c r="AI5968">
        <v>0</v>
      </c>
      <c r="AJ5968">
        <v>39</v>
      </c>
      <c r="AK5968" t="s">
        <v>73</v>
      </c>
      <c r="AL5968">
        <v>0</v>
      </c>
      <c r="AM5968">
        <v>0</v>
      </c>
      <c r="AN5968">
        <v>0</v>
      </c>
      <c r="AO5968">
        <v>0</v>
      </c>
      <c r="AP5968">
        <v>0</v>
      </c>
      <c r="AQ5968">
        <v>0</v>
      </c>
      <c r="AR5968">
        <v>0</v>
      </c>
      <c r="AS5968">
        <v>0</v>
      </c>
      <c r="AT5968">
        <v>0</v>
      </c>
      <c r="AU5968">
        <v>0</v>
      </c>
      <c r="AV5968">
        <v>0</v>
      </c>
      <c r="AW5968">
        <v>0</v>
      </c>
      <c r="AX5968">
        <v>4620</v>
      </c>
      <c r="AY5968">
        <v>20</v>
      </c>
      <c r="AZ5968">
        <v>46</v>
      </c>
      <c r="BA5968">
        <v>3045</v>
      </c>
    </row>
    <row r="5969" spans="1:53" x14ac:dyDescent="0.4">
      <c r="A5969">
        <v>6013</v>
      </c>
      <c r="B5969" s="1">
        <v>45105</v>
      </c>
      <c r="C5969">
        <v>1</v>
      </c>
      <c r="D5969" s="1">
        <v>45105.291666666664</v>
      </c>
      <c r="E5969" s="1">
        <v>45105.447222222225</v>
      </c>
      <c r="F5969">
        <v>0</v>
      </c>
      <c r="G5969">
        <v>0</v>
      </c>
      <c r="H5969">
        <v>0</v>
      </c>
      <c r="I5969">
        <v>0</v>
      </c>
      <c r="J5969">
        <v>0</v>
      </c>
      <c r="K5969">
        <v>0</v>
      </c>
      <c r="L5969">
        <v>0</v>
      </c>
      <c r="M5969">
        <v>0</v>
      </c>
      <c r="N5969">
        <v>0</v>
      </c>
      <c r="O5969">
        <v>0</v>
      </c>
      <c r="P5969">
        <v>0</v>
      </c>
      <c r="Q5969">
        <v>0</v>
      </c>
      <c r="R5969">
        <v>0</v>
      </c>
      <c r="S5969">
        <v>0</v>
      </c>
      <c r="T5969">
        <v>0</v>
      </c>
      <c r="U5969">
        <v>0</v>
      </c>
      <c r="V5969">
        <v>0</v>
      </c>
      <c r="W5969">
        <v>1</v>
      </c>
      <c r="X5969">
        <v>0</v>
      </c>
      <c r="Y5969">
        <v>32</v>
      </c>
      <c r="Z5969">
        <v>8</v>
      </c>
      <c r="AA5969">
        <v>70</v>
      </c>
      <c r="AB5969">
        <v>22</v>
      </c>
      <c r="AC5969">
        <v>73</v>
      </c>
      <c r="AD5969">
        <v>27</v>
      </c>
      <c r="AE5969">
        <v>35</v>
      </c>
      <c r="AF5969">
        <v>0</v>
      </c>
      <c r="AG5969">
        <v>50000</v>
      </c>
      <c r="AH5969">
        <v>50000</v>
      </c>
      <c r="AI5969">
        <v>0</v>
      </c>
      <c r="AJ5969">
        <v>0</v>
      </c>
      <c r="AK5969" t="s">
        <v>6</v>
      </c>
      <c r="AL5969">
        <v>0</v>
      </c>
      <c r="AM5969">
        <v>0</v>
      </c>
      <c r="AN5969">
        <v>0</v>
      </c>
      <c r="AO5969">
        <v>0</v>
      </c>
      <c r="AP5969">
        <v>0</v>
      </c>
      <c r="AQ5969">
        <v>0</v>
      </c>
      <c r="AR5969">
        <v>0</v>
      </c>
      <c r="AS5969">
        <v>0</v>
      </c>
      <c r="AT5969">
        <v>0</v>
      </c>
      <c r="AU5969">
        <v>0</v>
      </c>
      <c r="AV5969">
        <v>0</v>
      </c>
      <c r="AW5969">
        <v>0</v>
      </c>
      <c r="AX5969">
        <v>0</v>
      </c>
      <c r="AY5969">
        <v>0</v>
      </c>
      <c r="AZ5969">
        <v>0</v>
      </c>
      <c r="BA5969">
        <v>0</v>
      </c>
    </row>
    <row r="5970" spans="1:53" x14ac:dyDescent="0.4">
      <c r="A5970">
        <v>6014</v>
      </c>
      <c r="B5970" s="1">
        <v>45105</v>
      </c>
      <c r="C5970">
        <v>2</v>
      </c>
      <c r="D5970" s="1">
        <v>45105.447222222225</v>
      </c>
      <c r="E5970" s="1">
        <v>45105.756944444445</v>
      </c>
      <c r="F5970">
        <v>33730</v>
      </c>
      <c r="G5970">
        <v>1342</v>
      </c>
      <c r="H5970">
        <v>0</v>
      </c>
      <c r="I5970">
        <v>0</v>
      </c>
      <c r="J5970">
        <v>200</v>
      </c>
      <c r="K5970">
        <v>0</v>
      </c>
      <c r="L5970">
        <v>0</v>
      </c>
      <c r="M5970">
        <v>3171</v>
      </c>
      <c r="N5970">
        <v>0</v>
      </c>
      <c r="O5970">
        <v>0</v>
      </c>
      <c r="P5970">
        <v>20040</v>
      </c>
      <c r="Q5970">
        <v>0</v>
      </c>
      <c r="R5970">
        <v>54912</v>
      </c>
      <c r="S5970">
        <v>0</v>
      </c>
      <c r="T5970">
        <v>0</v>
      </c>
      <c r="U5970">
        <v>0</v>
      </c>
      <c r="V5970">
        <v>2</v>
      </c>
      <c r="W5970">
        <v>4</v>
      </c>
      <c r="X5970">
        <v>0</v>
      </c>
      <c r="Y5970">
        <v>45</v>
      </c>
      <c r="Z5970">
        <v>14</v>
      </c>
      <c r="AA5970">
        <v>81</v>
      </c>
      <c r="AB5970">
        <v>27</v>
      </c>
      <c r="AC5970">
        <v>89</v>
      </c>
      <c r="AD5970">
        <v>28</v>
      </c>
      <c r="AE5970">
        <v>32</v>
      </c>
      <c r="AF5970">
        <v>1800</v>
      </c>
      <c r="AG5970">
        <v>104312</v>
      </c>
      <c r="AH5970">
        <v>50000</v>
      </c>
      <c r="AI5970">
        <v>-600</v>
      </c>
      <c r="AJ5970">
        <v>42</v>
      </c>
      <c r="AK5970" t="s">
        <v>72</v>
      </c>
      <c r="AL5970">
        <v>0</v>
      </c>
      <c r="AM5970">
        <v>0</v>
      </c>
      <c r="AN5970">
        <v>0</v>
      </c>
      <c r="AO5970">
        <v>0</v>
      </c>
      <c r="AP5970">
        <v>0</v>
      </c>
      <c r="AQ5970">
        <v>0</v>
      </c>
      <c r="AR5970">
        <v>0</v>
      </c>
      <c r="AS5970">
        <v>0</v>
      </c>
      <c r="AT5970">
        <v>0</v>
      </c>
      <c r="AU5970">
        <v>0</v>
      </c>
      <c r="AV5970">
        <v>0</v>
      </c>
      <c r="AW5970">
        <v>0</v>
      </c>
      <c r="AX5970">
        <v>-1200</v>
      </c>
      <c r="AY5970">
        <v>49</v>
      </c>
      <c r="AZ5970">
        <v>91</v>
      </c>
      <c r="BA5970">
        <v>6086</v>
      </c>
    </row>
    <row r="5971" spans="1:53" x14ac:dyDescent="0.4">
      <c r="A5971">
        <v>6015</v>
      </c>
      <c r="B5971" s="1">
        <v>45106</v>
      </c>
      <c r="C5971">
        <v>1</v>
      </c>
      <c r="D5971" s="1">
        <v>45106.291666666664</v>
      </c>
      <c r="E5971" s="1">
        <v>45106.441666666666</v>
      </c>
      <c r="F5971">
        <v>0</v>
      </c>
      <c r="G5971">
        <v>0</v>
      </c>
      <c r="H5971">
        <v>0</v>
      </c>
      <c r="I5971">
        <v>0</v>
      </c>
      <c r="J5971">
        <v>0</v>
      </c>
      <c r="K5971">
        <v>0</v>
      </c>
      <c r="L5971">
        <v>0</v>
      </c>
      <c r="M5971">
        <v>0</v>
      </c>
      <c r="N5971">
        <v>0</v>
      </c>
      <c r="O5971">
        <v>0</v>
      </c>
      <c r="P5971">
        <v>0</v>
      </c>
      <c r="Q5971">
        <v>0</v>
      </c>
      <c r="R5971">
        <v>0</v>
      </c>
      <c r="S5971">
        <v>0</v>
      </c>
      <c r="T5971">
        <v>0</v>
      </c>
      <c r="U5971">
        <v>0</v>
      </c>
      <c r="V5971">
        <v>0</v>
      </c>
      <c r="W5971">
        <v>1</v>
      </c>
      <c r="X5971">
        <v>0</v>
      </c>
      <c r="Y5971">
        <v>30</v>
      </c>
      <c r="Z5971">
        <v>10</v>
      </c>
      <c r="AA5971">
        <v>80</v>
      </c>
      <c r="AB5971">
        <v>24</v>
      </c>
      <c r="AC5971">
        <v>63</v>
      </c>
      <c r="AD5971">
        <v>27</v>
      </c>
      <c r="AE5971">
        <v>35</v>
      </c>
      <c r="AF5971">
        <v>0</v>
      </c>
      <c r="AG5971">
        <v>50000</v>
      </c>
      <c r="AH5971">
        <v>50000</v>
      </c>
      <c r="AI5971">
        <v>0</v>
      </c>
      <c r="AJ5971">
        <v>0</v>
      </c>
      <c r="AK5971" t="s">
        <v>6</v>
      </c>
      <c r="AL5971">
        <v>0</v>
      </c>
      <c r="AM5971">
        <v>0</v>
      </c>
      <c r="AN5971">
        <v>0</v>
      </c>
      <c r="AO5971">
        <v>0</v>
      </c>
      <c r="AP5971">
        <v>0</v>
      </c>
      <c r="AQ5971">
        <v>0</v>
      </c>
      <c r="AR5971">
        <v>0</v>
      </c>
      <c r="AS5971">
        <v>0</v>
      </c>
      <c r="AT5971">
        <v>0</v>
      </c>
      <c r="AU5971">
        <v>0</v>
      </c>
      <c r="AV5971">
        <v>0</v>
      </c>
      <c r="AW5971">
        <v>0</v>
      </c>
      <c r="AX5971">
        <v>0</v>
      </c>
      <c r="AY5971">
        <v>0</v>
      </c>
      <c r="AZ5971">
        <v>0</v>
      </c>
      <c r="BA5971">
        <v>0</v>
      </c>
    </row>
    <row r="5972" spans="1:53" x14ac:dyDescent="0.4">
      <c r="A5972">
        <v>6016</v>
      </c>
      <c r="B5972" s="1">
        <v>45106</v>
      </c>
      <c r="C5972">
        <v>2</v>
      </c>
      <c r="D5972" s="1">
        <v>45106.441666666666</v>
      </c>
      <c r="E5972" s="1">
        <v>45106.724999999999</v>
      </c>
      <c r="F5972">
        <v>22160</v>
      </c>
      <c r="G5972">
        <v>2442</v>
      </c>
      <c r="H5972">
        <v>0</v>
      </c>
      <c r="I5972">
        <v>0</v>
      </c>
      <c r="J5972">
        <v>0</v>
      </c>
      <c r="K5972">
        <v>0</v>
      </c>
      <c r="L5972">
        <v>0</v>
      </c>
      <c r="M5972">
        <v>2238</v>
      </c>
      <c r="N5972">
        <v>0</v>
      </c>
      <c r="O5972">
        <v>0</v>
      </c>
      <c r="P5972">
        <v>21300</v>
      </c>
      <c r="Q5972">
        <v>0</v>
      </c>
      <c r="R5972">
        <v>45902</v>
      </c>
      <c r="S5972">
        <v>0</v>
      </c>
      <c r="T5972">
        <v>0</v>
      </c>
      <c r="U5972">
        <v>0</v>
      </c>
      <c r="V5972">
        <v>0</v>
      </c>
      <c r="W5972">
        <v>0</v>
      </c>
      <c r="X5972">
        <v>0</v>
      </c>
      <c r="Y5972">
        <v>64</v>
      </c>
      <c r="Z5972">
        <v>15</v>
      </c>
      <c r="AA5972">
        <v>82</v>
      </c>
      <c r="AB5972">
        <v>31</v>
      </c>
      <c r="AC5972">
        <v>83</v>
      </c>
      <c r="AD5972">
        <v>29</v>
      </c>
      <c r="AE5972">
        <v>31</v>
      </c>
      <c r="AF5972">
        <v>0</v>
      </c>
      <c r="AG5972">
        <v>82256</v>
      </c>
      <c r="AH5972">
        <v>50000</v>
      </c>
      <c r="AI5972">
        <v>-13646</v>
      </c>
      <c r="AJ5972">
        <v>38</v>
      </c>
      <c r="AK5972" t="s">
        <v>75</v>
      </c>
      <c r="AL5972">
        <v>0</v>
      </c>
      <c r="AM5972">
        <v>0</v>
      </c>
      <c r="AN5972">
        <v>0</v>
      </c>
      <c r="AO5972">
        <v>0</v>
      </c>
      <c r="AP5972">
        <v>0</v>
      </c>
      <c r="AQ5972">
        <v>0</v>
      </c>
      <c r="AR5972">
        <v>0</v>
      </c>
      <c r="AS5972">
        <v>0</v>
      </c>
      <c r="AT5972">
        <v>0</v>
      </c>
      <c r="AU5972">
        <v>0</v>
      </c>
      <c r="AV5972">
        <v>0</v>
      </c>
      <c r="AW5972">
        <v>0</v>
      </c>
      <c r="AX5972">
        <v>-2056</v>
      </c>
      <c r="AY5972">
        <v>38</v>
      </c>
      <c r="AZ5972">
        <v>70</v>
      </c>
      <c r="BA5972">
        <v>5321</v>
      </c>
    </row>
    <row r="5973" spans="1:53" x14ac:dyDescent="0.4">
      <c r="A5973">
        <v>6017</v>
      </c>
      <c r="B5973" s="1">
        <v>45107</v>
      </c>
      <c r="C5973">
        <v>1</v>
      </c>
      <c r="D5973" s="1">
        <v>45107.291666666664</v>
      </c>
      <c r="E5973" s="1">
        <v>45107.443055555559</v>
      </c>
      <c r="F5973">
        <v>0</v>
      </c>
      <c r="G5973">
        <v>0</v>
      </c>
      <c r="H5973">
        <v>0</v>
      </c>
      <c r="I5973">
        <v>0</v>
      </c>
      <c r="J5973">
        <v>0</v>
      </c>
      <c r="K5973">
        <v>0</v>
      </c>
      <c r="L5973">
        <v>0</v>
      </c>
      <c r="M5973">
        <v>0</v>
      </c>
      <c r="N5973">
        <v>0</v>
      </c>
      <c r="O5973">
        <v>0</v>
      </c>
      <c r="P5973">
        <v>0</v>
      </c>
      <c r="Q5973">
        <v>0</v>
      </c>
      <c r="R5973">
        <v>0</v>
      </c>
      <c r="S5973">
        <v>0</v>
      </c>
      <c r="T5973">
        <v>0</v>
      </c>
      <c r="U5973">
        <v>0</v>
      </c>
      <c r="V5973">
        <v>0</v>
      </c>
      <c r="W5973">
        <v>0</v>
      </c>
      <c r="X5973">
        <v>0</v>
      </c>
      <c r="Y5973">
        <v>35</v>
      </c>
      <c r="Z5973">
        <v>10</v>
      </c>
      <c r="AA5973">
        <v>80</v>
      </c>
      <c r="AB5973">
        <v>24</v>
      </c>
      <c r="AC5973">
        <v>63</v>
      </c>
      <c r="AD5973">
        <v>28</v>
      </c>
      <c r="AE5973">
        <v>30</v>
      </c>
      <c r="AF5973">
        <v>0</v>
      </c>
      <c r="AG5973">
        <v>50000</v>
      </c>
      <c r="AH5973">
        <v>50000</v>
      </c>
      <c r="AI5973">
        <v>0</v>
      </c>
      <c r="AJ5973">
        <v>0</v>
      </c>
      <c r="AK5973" t="s">
        <v>6</v>
      </c>
      <c r="AL5973">
        <v>0</v>
      </c>
      <c r="AM5973">
        <v>0</v>
      </c>
      <c r="AN5973">
        <v>0</v>
      </c>
      <c r="AO5973">
        <v>0</v>
      </c>
      <c r="AP5973">
        <v>0</v>
      </c>
      <c r="AQ5973">
        <v>0</v>
      </c>
      <c r="AR5973">
        <v>0</v>
      </c>
      <c r="AS5973">
        <v>0</v>
      </c>
      <c r="AT5973">
        <v>0</v>
      </c>
      <c r="AU5973">
        <v>0</v>
      </c>
      <c r="AV5973">
        <v>0</v>
      </c>
      <c r="AW5973">
        <v>0</v>
      </c>
      <c r="AX5973">
        <v>0</v>
      </c>
      <c r="AY5973">
        <v>0</v>
      </c>
      <c r="AZ5973">
        <v>0</v>
      </c>
      <c r="BA5973">
        <v>0</v>
      </c>
    </row>
    <row r="5974" spans="1:53" x14ac:dyDescent="0.4">
      <c r="A5974">
        <v>6018</v>
      </c>
      <c r="B5974" s="1">
        <v>45107</v>
      </c>
      <c r="C5974">
        <v>2</v>
      </c>
      <c r="D5974" s="1">
        <v>45107.443055555559</v>
      </c>
      <c r="E5974" s="1">
        <v>45107.755555555559</v>
      </c>
      <c r="F5974">
        <v>31550</v>
      </c>
      <c r="G5974">
        <v>0</v>
      </c>
      <c r="H5974">
        <v>0</v>
      </c>
      <c r="I5974">
        <v>0</v>
      </c>
      <c r="J5974">
        <v>600</v>
      </c>
      <c r="K5974">
        <v>0</v>
      </c>
      <c r="L5974">
        <v>0</v>
      </c>
      <c r="M5974">
        <v>2814</v>
      </c>
      <c r="N5974">
        <v>0</v>
      </c>
      <c r="O5974">
        <v>0</v>
      </c>
      <c r="P5974">
        <v>13817</v>
      </c>
      <c r="Q5974">
        <v>0</v>
      </c>
      <c r="R5974">
        <v>44767</v>
      </c>
      <c r="S5974">
        <v>0</v>
      </c>
      <c r="T5974">
        <v>0</v>
      </c>
      <c r="U5974">
        <v>0</v>
      </c>
      <c r="V5974">
        <v>0</v>
      </c>
      <c r="W5974">
        <v>0</v>
      </c>
      <c r="X5974">
        <v>0</v>
      </c>
      <c r="Y5974">
        <v>69</v>
      </c>
      <c r="Z5974">
        <v>25</v>
      </c>
      <c r="AA5974">
        <v>56</v>
      </c>
      <c r="AB5974">
        <v>27</v>
      </c>
      <c r="AC5974">
        <v>96</v>
      </c>
      <c r="AD5974">
        <v>28</v>
      </c>
      <c r="AE5974">
        <v>30</v>
      </c>
      <c r="AF5974">
        <v>5185</v>
      </c>
      <c r="AG5974">
        <v>94765</v>
      </c>
      <c r="AH5974">
        <v>50000</v>
      </c>
      <c r="AI5974">
        <v>-2</v>
      </c>
      <c r="AJ5974">
        <v>36</v>
      </c>
      <c r="AK5974" t="s">
        <v>68</v>
      </c>
      <c r="AL5974">
        <v>0</v>
      </c>
      <c r="AM5974">
        <v>0</v>
      </c>
      <c r="AN5974">
        <v>0</v>
      </c>
      <c r="AO5974">
        <v>0</v>
      </c>
      <c r="AP5974">
        <v>0</v>
      </c>
      <c r="AQ5974">
        <v>0</v>
      </c>
      <c r="AR5974">
        <v>0</v>
      </c>
      <c r="AS5974">
        <v>0</v>
      </c>
      <c r="AT5974">
        <v>0</v>
      </c>
      <c r="AU5974">
        <v>0</v>
      </c>
      <c r="AV5974">
        <v>0</v>
      </c>
      <c r="AW5974">
        <v>0</v>
      </c>
      <c r="AX5974">
        <v>440</v>
      </c>
      <c r="AY5974">
        <v>41</v>
      </c>
      <c r="AZ5974">
        <v>74</v>
      </c>
      <c r="BA5974">
        <v>5703</v>
      </c>
    </row>
    <row r="5975" spans="1:53" x14ac:dyDescent="0.4">
      <c r="A5975">
        <v>6019</v>
      </c>
      <c r="B5975" s="1">
        <v>45107</v>
      </c>
      <c r="C5975">
        <v>3</v>
      </c>
      <c r="D5975" s="1">
        <v>45107.755555555559</v>
      </c>
      <c r="E5975" s="1">
        <v>45107.979861111111</v>
      </c>
      <c r="F5975">
        <v>72435</v>
      </c>
      <c r="G5975">
        <v>2651</v>
      </c>
      <c r="H5975">
        <v>0</v>
      </c>
      <c r="I5975">
        <v>0</v>
      </c>
      <c r="J5975">
        <v>0</v>
      </c>
      <c r="K5975">
        <v>0</v>
      </c>
      <c r="L5975">
        <v>0</v>
      </c>
      <c r="M5975">
        <v>6825</v>
      </c>
      <c r="N5975">
        <v>0</v>
      </c>
      <c r="O5975">
        <v>0</v>
      </c>
      <c r="P5975">
        <v>25743</v>
      </c>
      <c r="Q5975">
        <v>0</v>
      </c>
      <c r="R5975">
        <v>100829</v>
      </c>
      <c r="S5975">
        <v>0</v>
      </c>
      <c r="T5975">
        <v>0</v>
      </c>
      <c r="U5975">
        <v>0</v>
      </c>
      <c r="V5975">
        <v>8</v>
      </c>
      <c r="W5975">
        <v>4</v>
      </c>
      <c r="X5975">
        <v>0</v>
      </c>
      <c r="Y5975">
        <v>65</v>
      </c>
      <c r="Z5975">
        <v>24</v>
      </c>
      <c r="AA5975">
        <v>49</v>
      </c>
      <c r="AB5975">
        <v>27</v>
      </c>
      <c r="AC5975">
        <v>90</v>
      </c>
      <c r="AD5975">
        <v>27</v>
      </c>
      <c r="AE5975">
        <v>29</v>
      </c>
      <c r="AF5975">
        <v>11282</v>
      </c>
      <c r="AG5975">
        <v>195596</v>
      </c>
      <c r="AH5975">
        <v>50000</v>
      </c>
      <c r="AI5975">
        <v>0</v>
      </c>
      <c r="AJ5975">
        <v>74</v>
      </c>
      <c r="AK5975" t="s">
        <v>67</v>
      </c>
      <c r="AL5975">
        <v>0</v>
      </c>
      <c r="AM5975">
        <v>0</v>
      </c>
      <c r="AN5975">
        <v>0</v>
      </c>
      <c r="AO5975">
        <v>0</v>
      </c>
      <c r="AP5975">
        <v>0</v>
      </c>
      <c r="AQ5975">
        <v>0</v>
      </c>
      <c r="AR5975">
        <v>0</v>
      </c>
      <c r="AS5975">
        <v>0</v>
      </c>
      <c r="AT5975">
        <v>0</v>
      </c>
      <c r="AU5975">
        <v>0</v>
      </c>
      <c r="AV5975">
        <v>0</v>
      </c>
      <c r="AW5975">
        <v>0</v>
      </c>
      <c r="AX5975">
        <v>56692</v>
      </c>
      <c r="AY5975">
        <v>27</v>
      </c>
      <c r="AZ5975">
        <v>101</v>
      </c>
      <c r="BA5975">
        <v>3262</v>
      </c>
    </row>
    <row r="5976" spans="1:53" x14ac:dyDescent="0.4">
      <c r="A5976">
        <v>6020</v>
      </c>
      <c r="B5976" s="1">
        <v>45107</v>
      </c>
      <c r="C5976">
        <v>4</v>
      </c>
      <c r="D5976" s="1">
        <v>45107.979861111111</v>
      </c>
      <c r="E5976" s="1">
        <v>45108.07916666667</v>
      </c>
      <c r="F5976">
        <v>74760</v>
      </c>
      <c r="G5976">
        <v>6732</v>
      </c>
      <c r="H5976">
        <v>0</v>
      </c>
      <c r="I5976">
        <v>0</v>
      </c>
      <c r="J5976">
        <v>0</v>
      </c>
      <c r="K5976">
        <v>0</v>
      </c>
      <c r="L5976">
        <v>0</v>
      </c>
      <c r="M5976">
        <v>7409</v>
      </c>
      <c r="N5976">
        <v>0</v>
      </c>
      <c r="O5976">
        <v>0</v>
      </c>
      <c r="P5976">
        <v>14360</v>
      </c>
      <c r="Q5976">
        <v>0</v>
      </c>
      <c r="R5976">
        <v>95852</v>
      </c>
      <c r="S5976">
        <v>0</v>
      </c>
      <c r="T5976">
        <v>0</v>
      </c>
      <c r="U5976">
        <v>0</v>
      </c>
      <c r="V5976">
        <v>15</v>
      </c>
      <c r="W5976">
        <v>7</v>
      </c>
      <c r="X5976">
        <v>0</v>
      </c>
      <c r="Y5976">
        <v>64</v>
      </c>
      <c r="Z5976">
        <v>21</v>
      </c>
      <c r="AA5976">
        <v>55</v>
      </c>
      <c r="AB5976">
        <v>17</v>
      </c>
      <c r="AC5976">
        <v>101</v>
      </c>
      <c r="AD5976">
        <v>26</v>
      </c>
      <c r="AE5976">
        <v>28</v>
      </c>
      <c r="AF5976">
        <v>24430</v>
      </c>
      <c r="AG5976">
        <v>291448</v>
      </c>
      <c r="AH5976">
        <v>50000</v>
      </c>
      <c r="AI5976">
        <v>0</v>
      </c>
      <c r="AJ5976">
        <v>120</v>
      </c>
      <c r="AK5976" t="s">
        <v>2</v>
      </c>
      <c r="AL5976">
        <v>0</v>
      </c>
      <c r="AM5976">
        <v>0</v>
      </c>
      <c r="AN5976">
        <v>0</v>
      </c>
      <c r="AO5976">
        <v>0</v>
      </c>
      <c r="AP5976">
        <v>0</v>
      </c>
      <c r="AQ5976">
        <v>0</v>
      </c>
      <c r="AR5976">
        <v>0</v>
      </c>
      <c r="AS5976">
        <v>0</v>
      </c>
      <c r="AT5976">
        <v>0</v>
      </c>
      <c r="AU5976">
        <v>0</v>
      </c>
      <c r="AV5976">
        <v>0</v>
      </c>
      <c r="AW5976">
        <v>0</v>
      </c>
      <c r="AX5976">
        <v>1199</v>
      </c>
      <c r="AY5976">
        <v>4</v>
      </c>
      <c r="AZ5976">
        <v>7</v>
      </c>
      <c r="BA5976">
        <v>1332</v>
      </c>
    </row>
    <row r="5977" spans="1:53" x14ac:dyDescent="0.4">
      <c r="A5977">
        <v>6021</v>
      </c>
      <c r="B5977" s="1">
        <v>45108</v>
      </c>
      <c r="C5977">
        <v>1</v>
      </c>
      <c r="D5977" s="1">
        <v>45108.291666666664</v>
      </c>
      <c r="E5977" s="1">
        <v>45108.402777777781</v>
      </c>
      <c r="F5977">
        <v>0</v>
      </c>
      <c r="G5977">
        <v>0</v>
      </c>
      <c r="H5977">
        <v>0</v>
      </c>
      <c r="I5977">
        <v>0</v>
      </c>
      <c r="J5977">
        <v>0</v>
      </c>
      <c r="K5977">
        <v>0</v>
      </c>
      <c r="L5977">
        <v>0</v>
      </c>
      <c r="M5977">
        <v>0</v>
      </c>
      <c r="N5977">
        <v>0</v>
      </c>
      <c r="O5977">
        <v>0</v>
      </c>
      <c r="P5977">
        <v>0</v>
      </c>
      <c r="Q5977">
        <v>0</v>
      </c>
      <c r="R5977">
        <v>0</v>
      </c>
      <c r="S5977">
        <v>0</v>
      </c>
      <c r="T5977">
        <v>0</v>
      </c>
      <c r="U5977">
        <v>0</v>
      </c>
      <c r="V5977">
        <v>0</v>
      </c>
      <c r="W5977">
        <v>1</v>
      </c>
      <c r="X5977">
        <v>0</v>
      </c>
      <c r="Y5977">
        <v>32</v>
      </c>
      <c r="Z5977">
        <v>10</v>
      </c>
      <c r="AA5977">
        <v>64</v>
      </c>
      <c r="AB5977">
        <v>17</v>
      </c>
      <c r="AC5977">
        <v>61</v>
      </c>
      <c r="AD5977">
        <v>24</v>
      </c>
      <c r="AE5977">
        <v>20</v>
      </c>
      <c r="AF5977">
        <v>0</v>
      </c>
      <c r="AG5977">
        <v>50000</v>
      </c>
      <c r="AH5977">
        <v>50000</v>
      </c>
      <c r="AI5977">
        <v>0</v>
      </c>
      <c r="AJ5977">
        <v>0</v>
      </c>
      <c r="AK5977" t="s">
        <v>6</v>
      </c>
      <c r="AL5977">
        <v>0</v>
      </c>
      <c r="AM5977">
        <v>0</v>
      </c>
      <c r="AN5977">
        <v>0</v>
      </c>
      <c r="AO5977">
        <v>0</v>
      </c>
      <c r="AP5977">
        <v>0</v>
      </c>
      <c r="AQ5977">
        <v>0</v>
      </c>
      <c r="AR5977">
        <v>0</v>
      </c>
      <c r="AS5977">
        <v>0</v>
      </c>
      <c r="AT5977">
        <v>0</v>
      </c>
      <c r="AU5977">
        <v>0</v>
      </c>
      <c r="AV5977">
        <v>0</v>
      </c>
      <c r="AW5977">
        <v>0</v>
      </c>
      <c r="AX5977">
        <v>0</v>
      </c>
      <c r="AY5977">
        <v>0</v>
      </c>
      <c r="AZ5977">
        <v>0</v>
      </c>
      <c r="BA5977">
        <v>0</v>
      </c>
    </row>
    <row r="5978" spans="1:53" x14ac:dyDescent="0.4">
      <c r="A5978">
        <v>6022</v>
      </c>
      <c r="B5978" s="1">
        <v>45108</v>
      </c>
      <c r="C5978">
        <v>2</v>
      </c>
      <c r="D5978" s="1">
        <v>45108.402777777781</v>
      </c>
      <c r="E5978" s="1">
        <v>45108.727083333331</v>
      </c>
      <c r="F5978">
        <v>33350</v>
      </c>
      <c r="G5978">
        <v>3322</v>
      </c>
      <c r="H5978">
        <v>0</v>
      </c>
      <c r="I5978">
        <v>0</v>
      </c>
      <c r="J5978">
        <v>200</v>
      </c>
      <c r="K5978">
        <v>400</v>
      </c>
      <c r="L5978">
        <v>0</v>
      </c>
      <c r="M5978">
        <v>3353</v>
      </c>
      <c r="N5978">
        <v>0</v>
      </c>
      <c r="O5978">
        <v>0</v>
      </c>
      <c r="P5978">
        <v>23990</v>
      </c>
      <c r="Q5978">
        <v>0</v>
      </c>
      <c r="R5978">
        <v>60862</v>
      </c>
      <c r="S5978">
        <v>0</v>
      </c>
      <c r="T5978">
        <v>0</v>
      </c>
      <c r="U5978">
        <v>0</v>
      </c>
      <c r="V5978">
        <v>1</v>
      </c>
      <c r="W5978">
        <v>2</v>
      </c>
      <c r="X5978">
        <v>0</v>
      </c>
      <c r="Y5978">
        <v>63</v>
      </c>
      <c r="Z5978">
        <v>29</v>
      </c>
      <c r="AA5978">
        <v>75</v>
      </c>
      <c r="AB5978">
        <v>22</v>
      </c>
      <c r="AC5978">
        <v>85</v>
      </c>
      <c r="AD5978">
        <v>25</v>
      </c>
      <c r="AE5978">
        <v>29</v>
      </c>
      <c r="AF5978">
        <v>3758</v>
      </c>
      <c r="AG5978">
        <v>110862</v>
      </c>
      <c r="AH5978">
        <v>50000</v>
      </c>
      <c r="AI5978">
        <v>0</v>
      </c>
      <c r="AJ5978">
        <v>36</v>
      </c>
      <c r="AK5978" t="s">
        <v>68</v>
      </c>
      <c r="AL5978">
        <v>0</v>
      </c>
      <c r="AM5978">
        <v>0</v>
      </c>
      <c r="AN5978">
        <v>0</v>
      </c>
      <c r="AO5978">
        <v>0</v>
      </c>
      <c r="AP5978">
        <v>0</v>
      </c>
      <c r="AQ5978">
        <v>0</v>
      </c>
      <c r="AR5978">
        <v>0</v>
      </c>
      <c r="AS5978">
        <v>0</v>
      </c>
      <c r="AT5978">
        <v>0</v>
      </c>
      <c r="AU5978">
        <v>0</v>
      </c>
      <c r="AV5978">
        <v>0</v>
      </c>
      <c r="AW5978">
        <v>0</v>
      </c>
      <c r="AX5978">
        <v>-1200</v>
      </c>
      <c r="AY5978">
        <v>49</v>
      </c>
      <c r="AZ5978">
        <v>91</v>
      </c>
      <c r="BA5978">
        <v>7471</v>
      </c>
    </row>
    <row r="5979" spans="1:53" x14ac:dyDescent="0.4">
      <c r="A5979">
        <v>6023</v>
      </c>
      <c r="B5979" s="1">
        <v>45109</v>
      </c>
      <c r="C5979">
        <v>1</v>
      </c>
      <c r="D5979" s="1">
        <v>45109.291666666664</v>
      </c>
      <c r="E5979" s="1">
        <v>45109.404861111114</v>
      </c>
      <c r="F5979">
        <v>0</v>
      </c>
      <c r="G5979">
        <v>0</v>
      </c>
      <c r="H5979">
        <v>0</v>
      </c>
      <c r="I5979">
        <v>0</v>
      </c>
      <c r="J5979">
        <v>0</v>
      </c>
      <c r="K5979">
        <v>0</v>
      </c>
      <c r="L5979">
        <v>0</v>
      </c>
      <c r="M5979">
        <v>0</v>
      </c>
      <c r="N5979">
        <v>0</v>
      </c>
      <c r="O5979">
        <v>0</v>
      </c>
      <c r="P5979">
        <v>0</v>
      </c>
      <c r="Q5979">
        <v>0</v>
      </c>
      <c r="R5979">
        <v>0</v>
      </c>
      <c r="S5979">
        <v>0</v>
      </c>
      <c r="T5979">
        <v>0</v>
      </c>
      <c r="U5979">
        <v>0</v>
      </c>
      <c r="V5979">
        <v>0</v>
      </c>
      <c r="W5979">
        <v>1</v>
      </c>
      <c r="X5979">
        <v>0</v>
      </c>
      <c r="Y5979">
        <v>30</v>
      </c>
      <c r="Z5979">
        <v>13</v>
      </c>
      <c r="AA5979">
        <v>67</v>
      </c>
      <c r="AB5979">
        <v>20</v>
      </c>
      <c r="AC5979">
        <v>65</v>
      </c>
      <c r="AD5979">
        <v>25</v>
      </c>
      <c r="AE5979">
        <v>25</v>
      </c>
      <c r="AF5979">
        <v>0</v>
      </c>
      <c r="AG5979">
        <v>50000</v>
      </c>
      <c r="AH5979">
        <v>50000</v>
      </c>
      <c r="AI5979">
        <v>0</v>
      </c>
      <c r="AJ5979">
        <v>0</v>
      </c>
      <c r="AK5979" t="s">
        <v>6</v>
      </c>
      <c r="AL5979">
        <v>0</v>
      </c>
      <c r="AM5979">
        <v>0</v>
      </c>
      <c r="AN5979">
        <v>0</v>
      </c>
      <c r="AO5979">
        <v>0</v>
      </c>
      <c r="AP5979">
        <v>0</v>
      </c>
      <c r="AQ5979">
        <v>0</v>
      </c>
      <c r="AR5979">
        <v>0</v>
      </c>
      <c r="AS5979">
        <v>0</v>
      </c>
      <c r="AT5979">
        <v>0</v>
      </c>
      <c r="AU5979">
        <v>0</v>
      </c>
      <c r="AV5979">
        <v>0</v>
      </c>
      <c r="AW5979">
        <v>0</v>
      </c>
      <c r="AX5979">
        <v>0</v>
      </c>
      <c r="AY5979">
        <v>0</v>
      </c>
      <c r="AZ5979">
        <v>0</v>
      </c>
      <c r="BA5979">
        <v>0</v>
      </c>
    </row>
    <row r="5980" spans="1:53" x14ac:dyDescent="0.4">
      <c r="A5980">
        <v>6024</v>
      </c>
      <c r="B5980" s="1">
        <v>45109</v>
      </c>
      <c r="C5980">
        <v>2</v>
      </c>
      <c r="D5980" s="1">
        <v>45109.404861111114</v>
      </c>
      <c r="E5980" s="1">
        <v>45109.725694444445</v>
      </c>
      <c r="F5980">
        <v>40070</v>
      </c>
      <c r="G5980">
        <v>3102</v>
      </c>
      <c r="H5980">
        <v>0</v>
      </c>
      <c r="I5980">
        <v>0</v>
      </c>
      <c r="J5980">
        <v>100</v>
      </c>
      <c r="K5980">
        <v>0</v>
      </c>
      <c r="L5980">
        <v>0</v>
      </c>
      <c r="M5980">
        <v>3914</v>
      </c>
      <c r="N5980">
        <v>0</v>
      </c>
      <c r="O5980">
        <v>0</v>
      </c>
      <c r="P5980">
        <v>32140</v>
      </c>
      <c r="Q5980">
        <v>0</v>
      </c>
      <c r="R5980">
        <v>75212</v>
      </c>
      <c r="S5980">
        <v>0</v>
      </c>
      <c r="T5980">
        <v>0</v>
      </c>
      <c r="U5980">
        <v>0</v>
      </c>
      <c r="V5980">
        <v>2</v>
      </c>
      <c r="W5980">
        <v>4</v>
      </c>
      <c r="X5980">
        <v>0</v>
      </c>
      <c r="Y5980">
        <v>64</v>
      </c>
      <c r="Z5980">
        <v>22</v>
      </c>
      <c r="AA5980">
        <v>64</v>
      </c>
      <c r="AB5980">
        <v>17</v>
      </c>
      <c r="AC5980">
        <v>97</v>
      </c>
      <c r="AD5980">
        <v>24</v>
      </c>
      <c r="AE5980">
        <v>22</v>
      </c>
      <c r="AF5980">
        <v>1850</v>
      </c>
      <c r="AG5980">
        <v>125212</v>
      </c>
      <c r="AH5980">
        <v>50000</v>
      </c>
      <c r="AI5980">
        <v>0</v>
      </c>
      <c r="AJ5980">
        <v>36</v>
      </c>
      <c r="AK5980" t="s">
        <v>68</v>
      </c>
      <c r="AL5980">
        <v>0</v>
      </c>
      <c r="AM5980">
        <v>0</v>
      </c>
      <c r="AN5980">
        <v>0</v>
      </c>
      <c r="AO5980">
        <v>0</v>
      </c>
      <c r="AP5980">
        <v>0</v>
      </c>
      <c r="AQ5980">
        <v>0</v>
      </c>
      <c r="AR5980">
        <v>0</v>
      </c>
      <c r="AS5980">
        <v>0</v>
      </c>
      <c r="AT5980">
        <v>0</v>
      </c>
      <c r="AU5980">
        <v>0</v>
      </c>
      <c r="AV5980">
        <v>0</v>
      </c>
      <c r="AW5980">
        <v>0</v>
      </c>
      <c r="AX5980">
        <v>-1666</v>
      </c>
      <c r="AY5980">
        <v>44</v>
      </c>
      <c r="AZ5980">
        <v>106</v>
      </c>
      <c r="BA5980">
        <v>7776</v>
      </c>
    </row>
    <row r="5981" spans="1:53" x14ac:dyDescent="0.4">
      <c r="A5981">
        <v>6025</v>
      </c>
      <c r="B5981" s="1">
        <v>45110</v>
      </c>
      <c r="C5981">
        <v>1</v>
      </c>
      <c r="D5981" s="1">
        <v>45110.291666666664</v>
      </c>
      <c r="E5981" s="1">
        <v>45110.453472222223</v>
      </c>
      <c r="F5981">
        <v>0</v>
      </c>
      <c r="G5981">
        <v>0</v>
      </c>
      <c r="H5981">
        <v>0</v>
      </c>
      <c r="I5981">
        <v>0</v>
      </c>
      <c r="J5981">
        <v>0</v>
      </c>
      <c r="K5981">
        <v>0</v>
      </c>
      <c r="L5981">
        <v>0</v>
      </c>
      <c r="M5981">
        <v>0</v>
      </c>
      <c r="N5981">
        <v>0</v>
      </c>
      <c r="O5981">
        <v>0</v>
      </c>
      <c r="P5981">
        <v>0</v>
      </c>
      <c r="Q5981">
        <v>0</v>
      </c>
      <c r="R5981">
        <v>0</v>
      </c>
      <c r="S5981">
        <v>0</v>
      </c>
      <c r="T5981">
        <v>0</v>
      </c>
      <c r="U5981">
        <v>0</v>
      </c>
      <c r="V5981">
        <v>0</v>
      </c>
      <c r="W5981">
        <v>0</v>
      </c>
      <c r="X5981">
        <v>0</v>
      </c>
      <c r="Y5981">
        <v>33</v>
      </c>
      <c r="Z5981">
        <v>15</v>
      </c>
      <c r="AA5981">
        <v>73</v>
      </c>
      <c r="AB5981">
        <v>18</v>
      </c>
      <c r="AC5981">
        <v>115</v>
      </c>
      <c r="AD5981">
        <v>25</v>
      </c>
      <c r="AE5981">
        <v>25</v>
      </c>
      <c r="AF5981">
        <v>0</v>
      </c>
      <c r="AG5981">
        <v>50000</v>
      </c>
      <c r="AH5981">
        <v>50000</v>
      </c>
      <c r="AI5981">
        <v>0</v>
      </c>
      <c r="AJ5981">
        <v>0</v>
      </c>
      <c r="AK5981" t="s">
        <v>6</v>
      </c>
      <c r="AL5981">
        <v>0</v>
      </c>
      <c r="AM5981">
        <v>0</v>
      </c>
      <c r="AN5981">
        <v>0</v>
      </c>
      <c r="AO5981">
        <v>0</v>
      </c>
      <c r="AP5981">
        <v>0</v>
      </c>
      <c r="AQ5981">
        <v>0</v>
      </c>
      <c r="AR5981">
        <v>0</v>
      </c>
      <c r="AS5981">
        <v>0</v>
      </c>
      <c r="AT5981">
        <v>0</v>
      </c>
      <c r="AU5981">
        <v>0</v>
      </c>
      <c r="AV5981">
        <v>0</v>
      </c>
      <c r="AW5981">
        <v>0</v>
      </c>
      <c r="AX5981">
        <v>0</v>
      </c>
      <c r="AY5981">
        <v>0</v>
      </c>
      <c r="AZ5981">
        <v>0</v>
      </c>
      <c r="BA5981">
        <v>0</v>
      </c>
    </row>
    <row r="5982" spans="1:53" x14ac:dyDescent="0.4">
      <c r="A5982">
        <v>6026</v>
      </c>
      <c r="B5982" s="1">
        <v>45110</v>
      </c>
      <c r="C5982">
        <v>2</v>
      </c>
      <c r="D5982" s="1">
        <v>45110.453472222223</v>
      </c>
      <c r="E5982" s="1">
        <v>45110.706944444442</v>
      </c>
      <c r="F5982">
        <v>17760</v>
      </c>
      <c r="G5982">
        <v>1848</v>
      </c>
      <c r="H5982">
        <v>0</v>
      </c>
      <c r="I5982">
        <v>0</v>
      </c>
      <c r="J5982">
        <v>200</v>
      </c>
      <c r="K5982">
        <v>0</v>
      </c>
      <c r="L5982">
        <v>0</v>
      </c>
      <c r="M5982">
        <v>1765</v>
      </c>
      <c r="N5982">
        <v>0</v>
      </c>
      <c r="O5982">
        <v>0</v>
      </c>
      <c r="P5982">
        <v>18360</v>
      </c>
      <c r="Q5982">
        <v>0</v>
      </c>
      <c r="R5982">
        <v>37768</v>
      </c>
      <c r="S5982">
        <v>0</v>
      </c>
      <c r="T5982">
        <v>0</v>
      </c>
      <c r="U5982">
        <v>0</v>
      </c>
      <c r="V5982">
        <v>1</v>
      </c>
      <c r="W5982">
        <v>0</v>
      </c>
      <c r="X5982">
        <v>0</v>
      </c>
      <c r="Y5982">
        <v>52</v>
      </c>
      <c r="Z5982">
        <v>21</v>
      </c>
      <c r="AA5982">
        <v>101</v>
      </c>
      <c r="AB5982">
        <v>18</v>
      </c>
      <c r="AC5982">
        <v>123</v>
      </c>
      <c r="AD5982">
        <v>26</v>
      </c>
      <c r="AE5982">
        <v>28</v>
      </c>
      <c r="AF5982">
        <v>2880</v>
      </c>
      <c r="AG5982">
        <v>87768</v>
      </c>
      <c r="AH5982">
        <v>50000</v>
      </c>
      <c r="AI5982">
        <v>0</v>
      </c>
      <c r="AJ5982">
        <v>38</v>
      </c>
      <c r="AK5982" t="s">
        <v>75</v>
      </c>
      <c r="AL5982">
        <v>0</v>
      </c>
      <c r="AM5982">
        <v>0</v>
      </c>
      <c r="AN5982">
        <v>0</v>
      </c>
      <c r="AO5982">
        <v>0</v>
      </c>
      <c r="AP5982">
        <v>0</v>
      </c>
      <c r="AQ5982">
        <v>0</v>
      </c>
      <c r="AR5982">
        <v>0</v>
      </c>
      <c r="AS5982">
        <v>0</v>
      </c>
      <c r="AT5982">
        <v>0</v>
      </c>
      <c r="AU5982">
        <v>0</v>
      </c>
      <c r="AV5982">
        <v>0</v>
      </c>
      <c r="AW5982">
        <v>0</v>
      </c>
      <c r="AX5982">
        <v>605</v>
      </c>
      <c r="AY5982">
        <v>40</v>
      </c>
      <c r="AZ5982">
        <v>59</v>
      </c>
      <c r="BA5982">
        <v>5299</v>
      </c>
    </row>
    <row r="5983" spans="1:53" x14ac:dyDescent="0.4">
      <c r="A5983">
        <v>6027</v>
      </c>
      <c r="B5983" s="1">
        <v>45110</v>
      </c>
      <c r="C5983">
        <v>3</v>
      </c>
      <c r="D5983" s="1">
        <v>45110.706944444442</v>
      </c>
      <c r="E5983" s="1">
        <v>45110.942361111112</v>
      </c>
      <c r="F5983">
        <v>38780</v>
      </c>
      <c r="G5983">
        <v>1210</v>
      </c>
      <c r="H5983">
        <v>0</v>
      </c>
      <c r="I5983">
        <v>0</v>
      </c>
      <c r="J5983">
        <v>0</v>
      </c>
      <c r="K5983">
        <v>0</v>
      </c>
      <c r="L5983">
        <v>0</v>
      </c>
      <c r="M5983">
        <v>3632</v>
      </c>
      <c r="N5983">
        <v>0</v>
      </c>
      <c r="O5983">
        <v>0</v>
      </c>
      <c r="P5983">
        <v>-15860</v>
      </c>
      <c r="Q5983">
        <v>0</v>
      </c>
      <c r="R5983">
        <v>24130</v>
      </c>
      <c r="S5983">
        <v>0</v>
      </c>
      <c r="T5983">
        <v>0</v>
      </c>
      <c r="U5983">
        <v>0</v>
      </c>
      <c r="V5983">
        <v>2</v>
      </c>
      <c r="W5983">
        <v>1</v>
      </c>
      <c r="X5983">
        <v>0</v>
      </c>
      <c r="Y5983">
        <v>56</v>
      </c>
      <c r="Z5983">
        <v>19</v>
      </c>
      <c r="AA5983">
        <v>120</v>
      </c>
      <c r="AB5983">
        <v>20</v>
      </c>
      <c r="AC5983">
        <v>127</v>
      </c>
      <c r="AD5983">
        <v>26</v>
      </c>
      <c r="AE5983">
        <v>28</v>
      </c>
      <c r="AF5983">
        <v>6970</v>
      </c>
      <c r="AG5983">
        <v>111898</v>
      </c>
      <c r="AH5983">
        <v>50000</v>
      </c>
      <c r="AI5983">
        <v>0</v>
      </c>
      <c r="AJ5983">
        <v>95</v>
      </c>
      <c r="AK5983" t="s">
        <v>21</v>
      </c>
      <c r="AL5983">
        <v>0</v>
      </c>
      <c r="AM5983">
        <v>0</v>
      </c>
      <c r="AN5983">
        <v>0</v>
      </c>
      <c r="AO5983">
        <v>0</v>
      </c>
      <c r="AP5983">
        <v>0</v>
      </c>
      <c r="AQ5983">
        <v>0</v>
      </c>
      <c r="AR5983">
        <v>0</v>
      </c>
      <c r="AS5983">
        <v>0</v>
      </c>
      <c r="AT5983">
        <v>0</v>
      </c>
      <c r="AU5983">
        <v>0</v>
      </c>
      <c r="AV5983">
        <v>0</v>
      </c>
      <c r="AW5983">
        <v>0</v>
      </c>
      <c r="AX5983">
        <v>0</v>
      </c>
      <c r="AY5983">
        <v>10</v>
      </c>
      <c r="AZ5983">
        <v>22</v>
      </c>
      <c r="BA5983">
        <v>2474</v>
      </c>
    </row>
    <row r="5984" spans="1:53" x14ac:dyDescent="0.4">
      <c r="A5984">
        <v>6028</v>
      </c>
      <c r="B5984" s="1">
        <v>45111</v>
      </c>
      <c r="C5984">
        <v>1</v>
      </c>
      <c r="D5984" s="1">
        <v>45111.291666666664</v>
      </c>
      <c r="E5984" s="1">
        <v>45111.42291666667</v>
      </c>
      <c r="F5984">
        <v>0</v>
      </c>
      <c r="G5984">
        <v>0</v>
      </c>
      <c r="H5984">
        <v>0</v>
      </c>
      <c r="I5984">
        <v>0</v>
      </c>
      <c r="J5984">
        <v>0</v>
      </c>
      <c r="K5984">
        <v>0</v>
      </c>
      <c r="L5984">
        <v>0</v>
      </c>
      <c r="M5984">
        <v>0</v>
      </c>
      <c r="N5984">
        <v>0</v>
      </c>
      <c r="O5984">
        <v>0</v>
      </c>
      <c r="P5984">
        <v>0</v>
      </c>
      <c r="Q5984">
        <v>0</v>
      </c>
      <c r="R5984">
        <v>0</v>
      </c>
      <c r="S5984">
        <v>0</v>
      </c>
      <c r="T5984">
        <v>0</v>
      </c>
      <c r="U5984">
        <v>0</v>
      </c>
      <c r="V5984">
        <v>0</v>
      </c>
      <c r="W5984">
        <v>1</v>
      </c>
      <c r="X5984">
        <v>0</v>
      </c>
      <c r="Y5984">
        <v>25</v>
      </c>
      <c r="Z5984">
        <v>14</v>
      </c>
      <c r="AA5984">
        <v>106</v>
      </c>
      <c r="AB5984">
        <v>20</v>
      </c>
      <c r="AC5984">
        <v>125</v>
      </c>
      <c r="AD5984">
        <v>25</v>
      </c>
      <c r="AE5984">
        <v>25</v>
      </c>
      <c r="AF5984">
        <v>0</v>
      </c>
      <c r="AG5984">
        <v>50000</v>
      </c>
      <c r="AH5984">
        <v>50000</v>
      </c>
      <c r="AI5984">
        <v>0</v>
      </c>
      <c r="AJ5984">
        <v>0</v>
      </c>
      <c r="AK5984" t="s">
        <v>6</v>
      </c>
      <c r="AL5984">
        <v>0</v>
      </c>
      <c r="AM5984">
        <v>0</v>
      </c>
      <c r="AN5984">
        <v>0</v>
      </c>
      <c r="AO5984">
        <v>0</v>
      </c>
      <c r="AP5984">
        <v>0</v>
      </c>
      <c r="AQ5984">
        <v>0</v>
      </c>
      <c r="AR5984">
        <v>0</v>
      </c>
      <c r="AS5984">
        <v>0</v>
      </c>
      <c r="AT5984">
        <v>0</v>
      </c>
      <c r="AU5984">
        <v>0</v>
      </c>
      <c r="AV5984">
        <v>0</v>
      </c>
      <c r="AW5984">
        <v>0</v>
      </c>
      <c r="AX5984">
        <v>0</v>
      </c>
      <c r="AY5984">
        <v>0</v>
      </c>
      <c r="AZ5984">
        <v>0</v>
      </c>
      <c r="BA5984">
        <v>0</v>
      </c>
    </row>
    <row r="5985" spans="1:53" x14ac:dyDescent="0.4">
      <c r="A5985">
        <v>6029</v>
      </c>
      <c r="B5985" s="1">
        <v>45111</v>
      </c>
      <c r="C5985">
        <v>2</v>
      </c>
      <c r="D5985" s="1">
        <v>45111.42291666667</v>
      </c>
      <c r="E5985" s="1">
        <v>45111.724305555559</v>
      </c>
      <c r="F5985">
        <v>15980</v>
      </c>
      <c r="G5985">
        <v>1353</v>
      </c>
      <c r="H5985">
        <v>0</v>
      </c>
      <c r="I5985">
        <v>0</v>
      </c>
      <c r="J5985">
        <v>100</v>
      </c>
      <c r="K5985">
        <v>0</v>
      </c>
      <c r="L5985">
        <v>0</v>
      </c>
      <c r="M5985">
        <v>1564</v>
      </c>
      <c r="N5985">
        <v>0</v>
      </c>
      <c r="O5985">
        <v>0</v>
      </c>
      <c r="P5985">
        <v>14920</v>
      </c>
      <c r="Q5985">
        <v>0</v>
      </c>
      <c r="R5985">
        <v>32153</v>
      </c>
      <c r="S5985">
        <v>0</v>
      </c>
      <c r="T5985">
        <v>0</v>
      </c>
      <c r="U5985">
        <v>0</v>
      </c>
      <c r="V5985">
        <v>1</v>
      </c>
      <c r="W5985">
        <v>0</v>
      </c>
      <c r="X5985">
        <v>0</v>
      </c>
      <c r="Y5985">
        <v>45</v>
      </c>
      <c r="Z5985">
        <v>24</v>
      </c>
      <c r="AA5985">
        <v>90</v>
      </c>
      <c r="AB5985">
        <v>18</v>
      </c>
      <c r="AC5985">
        <v>126</v>
      </c>
      <c r="AD5985">
        <v>23</v>
      </c>
      <c r="AE5985">
        <v>28</v>
      </c>
      <c r="AF5985">
        <v>3850</v>
      </c>
      <c r="AG5985">
        <v>82153</v>
      </c>
      <c r="AH5985">
        <v>50000</v>
      </c>
      <c r="AI5985">
        <v>0</v>
      </c>
      <c r="AJ5985">
        <v>38</v>
      </c>
      <c r="AK5985" t="s">
        <v>75</v>
      </c>
      <c r="AL5985">
        <v>0</v>
      </c>
      <c r="AM5985">
        <v>0</v>
      </c>
      <c r="AN5985">
        <v>0</v>
      </c>
      <c r="AO5985">
        <v>0</v>
      </c>
      <c r="AP5985">
        <v>0</v>
      </c>
      <c r="AQ5985">
        <v>0</v>
      </c>
      <c r="AR5985">
        <v>0</v>
      </c>
      <c r="AS5985">
        <v>0</v>
      </c>
      <c r="AT5985">
        <v>0</v>
      </c>
      <c r="AU5985">
        <v>0</v>
      </c>
      <c r="AV5985">
        <v>0</v>
      </c>
      <c r="AW5985">
        <v>0</v>
      </c>
      <c r="AX5985">
        <v>-3110</v>
      </c>
      <c r="AY5985">
        <v>38</v>
      </c>
      <c r="AZ5985">
        <v>53</v>
      </c>
      <c r="BA5985">
        <v>4427</v>
      </c>
    </row>
    <row r="5986" spans="1:53" x14ac:dyDescent="0.4">
      <c r="A5986">
        <v>6030</v>
      </c>
      <c r="B5986" s="1">
        <v>45112</v>
      </c>
      <c r="C5986">
        <v>1</v>
      </c>
      <c r="D5986" s="1">
        <v>45112.291666666664</v>
      </c>
      <c r="E5986" s="1">
        <v>45112.443055555559</v>
      </c>
      <c r="F5986">
        <v>0</v>
      </c>
      <c r="G5986">
        <v>0</v>
      </c>
      <c r="H5986">
        <v>0</v>
      </c>
      <c r="I5986">
        <v>0</v>
      </c>
      <c r="J5986">
        <v>0</v>
      </c>
      <c r="K5986">
        <v>0</v>
      </c>
      <c r="L5986">
        <v>0</v>
      </c>
      <c r="M5986">
        <v>0</v>
      </c>
      <c r="N5986">
        <v>0</v>
      </c>
      <c r="O5986">
        <v>0</v>
      </c>
      <c r="P5986">
        <v>0</v>
      </c>
      <c r="Q5986">
        <v>0</v>
      </c>
      <c r="R5986">
        <v>0</v>
      </c>
      <c r="S5986">
        <v>0</v>
      </c>
      <c r="T5986">
        <v>0</v>
      </c>
      <c r="U5986">
        <v>0</v>
      </c>
      <c r="V5986">
        <v>0</v>
      </c>
      <c r="W5986">
        <v>0</v>
      </c>
      <c r="X5986">
        <v>0</v>
      </c>
      <c r="Y5986">
        <v>36</v>
      </c>
      <c r="Z5986">
        <v>9</v>
      </c>
      <c r="AA5986">
        <v>78</v>
      </c>
      <c r="AB5986">
        <v>18</v>
      </c>
      <c r="AC5986">
        <v>65</v>
      </c>
      <c r="AD5986">
        <v>24</v>
      </c>
      <c r="AE5986">
        <v>30</v>
      </c>
      <c r="AF5986">
        <v>0</v>
      </c>
      <c r="AG5986">
        <v>50000</v>
      </c>
      <c r="AH5986">
        <v>50000</v>
      </c>
      <c r="AI5986">
        <v>0</v>
      </c>
      <c r="AJ5986">
        <v>0</v>
      </c>
      <c r="AK5986" t="s">
        <v>6</v>
      </c>
      <c r="AL5986">
        <v>0</v>
      </c>
      <c r="AM5986">
        <v>0</v>
      </c>
      <c r="AN5986">
        <v>0</v>
      </c>
      <c r="AO5986">
        <v>0</v>
      </c>
      <c r="AP5986">
        <v>0</v>
      </c>
      <c r="AQ5986">
        <v>0</v>
      </c>
      <c r="AR5986">
        <v>0</v>
      </c>
      <c r="AS5986">
        <v>0</v>
      </c>
      <c r="AT5986">
        <v>0</v>
      </c>
      <c r="AU5986">
        <v>0</v>
      </c>
      <c r="AV5986">
        <v>0</v>
      </c>
      <c r="AW5986">
        <v>0</v>
      </c>
      <c r="AX5986">
        <v>0</v>
      </c>
      <c r="AY5986">
        <v>0</v>
      </c>
      <c r="AZ5986">
        <v>0</v>
      </c>
      <c r="BA5986">
        <v>0</v>
      </c>
    </row>
    <row r="5987" spans="1:53" x14ac:dyDescent="0.4">
      <c r="A5987">
        <v>6031</v>
      </c>
      <c r="B5987" s="1">
        <v>45112</v>
      </c>
      <c r="C5987">
        <v>2</v>
      </c>
      <c r="D5987" s="1">
        <v>45112.443055555559</v>
      </c>
      <c r="E5987" s="1">
        <v>45112.739583333336</v>
      </c>
      <c r="F5987">
        <v>8210</v>
      </c>
      <c r="G5987">
        <v>0</v>
      </c>
      <c r="H5987">
        <v>0</v>
      </c>
      <c r="I5987">
        <v>0</v>
      </c>
      <c r="J5987">
        <v>0</v>
      </c>
      <c r="K5987">
        <v>100</v>
      </c>
      <c r="L5987">
        <v>0</v>
      </c>
      <c r="M5987">
        <v>755</v>
      </c>
      <c r="N5987">
        <v>0</v>
      </c>
      <c r="O5987">
        <v>0</v>
      </c>
      <c r="P5987">
        <v>14080</v>
      </c>
      <c r="Q5987">
        <v>0</v>
      </c>
      <c r="R5987">
        <v>22390</v>
      </c>
      <c r="S5987">
        <v>0</v>
      </c>
      <c r="T5987">
        <v>0</v>
      </c>
      <c r="U5987">
        <v>0</v>
      </c>
      <c r="V5987">
        <v>0</v>
      </c>
      <c r="W5987">
        <v>0</v>
      </c>
      <c r="X5987">
        <v>0</v>
      </c>
      <c r="Y5987">
        <v>52</v>
      </c>
      <c r="Z5987">
        <v>16</v>
      </c>
      <c r="AA5987">
        <v>83</v>
      </c>
      <c r="AB5987">
        <v>17</v>
      </c>
      <c r="AC5987">
        <v>75</v>
      </c>
      <c r="AD5987">
        <v>24</v>
      </c>
      <c r="AE5987">
        <v>30</v>
      </c>
      <c r="AF5987">
        <v>2340</v>
      </c>
      <c r="AG5987">
        <v>72390</v>
      </c>
      <c r="AH5987">
        <v>50000</v>
      </c>
      <c r="AI5987">
        <v>0</v>
      </c>
      <c r="AJ5987">
        <v>36</v>
      </c>
      <c r="AK5987" t="s">
        <v>68</v>
      </c>
      <c r="AL5987">
        <v>0</v>
      </c>
      <c r="AM5987">
        <v>0</v>
      </c>
      <c r="AN5987">
        <v>0</v>
      </c>
      <c r="AO5987">
        <v>0</v>
      </c>
      <c r="AP5987">
        <v>0</v>
      </c>
      <c r="AQ5987">
        <v>0</v>
      </c>
      <c r="AR5987">
        <v>0</v>
      </c>
      <c r="AS5987">
        <v>0</v>
      </c>
      <c r="AT5987">
        <v>0</v>
      </c>
      <c r="AU5987">
        <v>0</v>
      </c>
      <c r="AV5987">
        <v>0</v>
      </c>
      <c r="AW5987">
        <v>0</v>
      </c>
      <c r="AX5987">
        <v>-17</v>
      </c>
      <c r="AY5987">
        <v>26</v>
      </c>
      <c r="AZ5987">
        <v>38</v>
      </c>
      <c r="BA5987">
        <v>3129</v>
      </c>
    </row>
    <row r="5988" spans="1:53" x14ac:dyDescent="0.4">
      <c r="A5988">
        <v>6032</v>
      </c>
      <c r="B5988" s="1">
        <v>45113</v>
      </c>
      <c r="C5988">
        <v>1</v>
      </c>
      <c r="D5988" s="1">
        <v>45113.291666666664</v>
      </c>
      <c r="E5988" s="1">
        <v>45113.445138888892</v>
      </c>
      <c r="F5988">
        <v>0</v>
      </c>
      <c r="G5988">
        <v>0</v>
      </c>
      <c r="H5988">
        <v>0</v>
      </c>
      <c r="I5988">
        <v>0</v>
      </c>
      <c r="J5988">
        <v>0</v>
      </c>
      <c r="K5988">
        <v>0</v>
      </c>
      <c r="L5988">
        <v>0</v>
      </c>
      <c r="M5988">
        <v>0</v>
      </c>
      <c r="N5988">
        <v>0</v>
      </c>
      <c r="O5988">
        <v>0</v>
      </c>
      <c r="P5988">
        <v>0</v>
      </c>
      <c r="Q5988">
        <v>0</v>
      </c>
      <c r="R5988">
        <v>0</v>
      </c>
      <c r="S5988">
        <v>0</v>
      </c>
      <c r="T5988">
        <v>0</v>
      </c>
      <c r="U5988">
        <v>0</v>
      </c>
      <c r="V5988">
        <v>0</v>
      </c>
      <c r="W5988">
        <v>1</v>
      </c>
      <c r="X5988">
        <v>0</v>
      </c>
      <c r="Y5988">
        <v>30</v>
      </c>
      <c r="Z5988">
        <v>10</v>
      </c>
      <c r="AA5988">
        <v>83</v>
      </c>
      <c r="AB5988">
        <v>17</v>
      </c>
      <c r="AC5988">
        <v>66</v>
      </c>
      <c r="AD5988">
        <v>24</v>
      </c>
      <c r="AE5988">
        <v>70</v>
      </c>
      <c r="AF5988">
        <v>0</v>
      </c>
      <c r="AG5988">
        <v>50000</v>
      </c>
      <c r="AH5988">
        <v>50000</v>
      </c>
      <c r="AI5988">
        <v>0</v>
      </c>
      <c r="AJ5988">
        <v>0</v>
      </c>
      <c r="AK5988" t="s">
        <v>6</v>
      </c>
      <c r="AL5988">
        <v>0</v>
      </c>
      <c r="AM5988">
        <v>0</v>
      </c>
      <c r="AN5988">
        <v>0</v>
      </c>
      <c r="AO5988">
        <v>0</v>
      </c>
      <c r="AP5988">
        <v>0</v>
      </c>
      <c r="AQ5988">
        <v>0</v>
      </c>
      <c r="AR5988">
        <v>0</v>
      </c>
      <c r="AS5988">
        <v>0</v>
      </c>
      <c r="AT5988">
        <v>0</v>
      </c>
      <c r="AU5988">
        <v>0</v>
      </c>
      <c r="AV5988">
        <v>0</v>
      </c>
      <c r="AW5988">
        <v>0</v>
      </c>
      <c r="AX5988">
        <v>0</v>
      </c>
      <c r="AY5988">
        <v>0</v>
      </c>
      <c r="AZ5988">
        <v>0</v>
      </c>
      <c r="BA5988">
        <v>0</v>
      </c>
    </row>
    <row r="5989" spans="1:53" x14ac:dyDescent="0.4">
      <c r="A5989">
        <v>6033</v>
      </c>
      <c r="B5989" s="1">
        <v>45113</v>
      </c>
      <c r="C5989">
        <v>2</v>
      </c>
      <c r="D5989" s="1">
        <v>45113.445138888892</v>
      </c>
      <c r="E5989" s="1">
        <v>45113.725694444445</v>
      </c>
      <c r="F5989">
        <v>17250</v>
      </c>
      <c r="G5989">
        <v>0</v>
      </c>
      <c r="H5989">
        <v>0</v>
      </c>
      <c r="I5989">
        <v>0</v>
      </c>
      <c r="J5989">
        <v>0</v>
      </c>
      <c r="K5989">
        <v>0</v>
      </c>
      <c r="L5989">
        <v>0</v>
      </c>
      <c r="M5989">
        <v>1567</v>
      </c>
      <c r="N5989">
        <v>0</v>
      </c>
      <c r="O5989">
        <v>0</v>
      </c>
      <c r="P5989">
        <v>19450</v>
      </c>
      <c r="Q5989">
        <v>0</v>
      </c>
      <c r="R5989">
        <v>36700</v>
      </c>
      <c r="S5989">
        <v>0</v>
      </c>
      <c r="T5989">
        <v>0</v>
      </c>
      <c r="U5989">
        <v>0</v>
      </c>
      <c r="V5989">
        <v>0</v>
      </c>
      <c r="W5989">
        <v>1</v>
      </c>
      <c r="X5989">
        <v>0</v>
      </c>
      <c r="Y5989">
        <v>54</v>
      </c>
      <c r="Z5989">
        <v>24</v>
      </c>
      <c r="AA5989">
        <v>102</v>
      </c>
      <c r="AB5989">
        <v>24</v>
      </c>
      <c r="AC5989">
        <v>78</v>
      </c>
      <c r="AD5989">
        <v>26</v>
      </c>
      <c r="AE5989">
        <v>70</v>
      </c>
      <c r="AF5989">
        <v>3320</v>
      </c>
      <c r="AG5989">
        <v>86700</v>
      </c>
      <c r="AH5989">
        <v>50000</v>
      </c>
      <c r="AI5989">
        <v>0</v>
      </c>
      <c r="AJ5989">
        <v>38</v>
      </c>
      <c r="AK5989" t="s">
        <v>75</v>
      </c>
      <c r="AL5989">
        <v>0</v>
      </c>
      <c r="AM5989">
        <v>0</v>
      </c>
      <c r="AN5989">
        <v>0</v>
      </c>
      <c r="AO5989">
        <v>0</v>
      </c>
      <c r="AP5989">
        <v>0</v>
      </c>
      <c r="AQ5989">
        <v>0</v>
      </c>
      <c r="AR5989">
        <v>0</v>
      </c>
      <c r="AS5989">
        <v>0</v>
      </c>
      <c r="AT5989">
        <v>0</v>
      </c>
      <c r="AU5989">
        <v>0</v>
      </c>
      <c r="AV5989">
        <v>0</v>
      </c>
      <c r="AW5989">
        <v>0</v>
      </c>
      <c r="AX5989">
        <v>-1590</v>
      </c>
      <c r="AY5989">
        <v>43</v>
      </c>
      <c r="AZ5989">
        <v>61</v>
      </c>
      <c r="BA5989">
        <v>5501</v>
      </c>
    </row>
    <row r="5990" spans="1:53" x14ac:dyDescent="0.4">
      <c r="A5990">
        <v>6034</v>
      </c>
      <c r="B5990" s="1">
        <v>45113</v>
      </c>
      <c r="C5990">
        <v>3</v>
      </c>
      <c r="D5990" s="1">
        <v>45113.725694444445</v>
      </c>
      <c r="E5990" s="1">
        <v>45113.95</v>
      </c>
      <c r="F5990">
        <v>31650</v>
      </c>
      <c r="G5990">
        <v>1650</v>
      </c>
      <c r="H5990">
        <v>0</v>
      </c>
      <c r="I5990">
        <v>0</v>
      </c>
      <c r="J5990">
        <v>100</v>
      </c>
      <c r="K5990">
        <v>0</v>
      </c>
      <c r="L5990">
        <v>0</v>
      </c>
      <c r="M5990">
        <v>3016</v>
      </c>
      <c r="N5990">
        <v>0</v>
      </c>
      <c r="O5990">
        <v>0</v>
      </c>
      <c r="P5990">
        <v>-19450</v>
      </c>
      <c r="Q5990">
        <v>0</v>
      </c>
      <c r="R5990">
        <v>13750</v>
      </c>
      <c r="S5990">
        <v>0</v>
      </c>
      <c r="T5990">
        <v>0</v>
      </c>
      <c r="U5990">
        <v>0</v>
      </c>
      <c r="V5990">
        <v>1</v>
      </c>
      <c r="W5990">
        <v>1</v>
      </c>
      <c r="X5990">
        <v>0</v>
      </c>
      <c r="Y5990">
        <v>57</v>
      </c>
      <c r="Z5990">
        <v>24</v>
      </c>
      <c r="AA5990">
        <v>105</v>
      </c>
      <c r="AB5990">
        <v>21</v>
      </c>
      <c r="AC5990">
        <v>78</v>
      </c>
      <c r="AD5990">
        <v>26</v>
      </c>
      <c r="AE5990">
        <v>70</v>
      </c>
      <c r="AF5990">
        <v>3920</v>
      </c>
      <c r="AG5990">
        <v>100450</v>
      </c>
      <c r="AH5990">
        <v>50000</v>
      </c>
      <c r="AI5990">
        <v>0</v>
      </c>
      <c r="AJ5990">
        <v>39</v>
      </c>
      <c r="AK5990" t="s">
        <v>73</v>
      </c>
      <c r="AL5990">
        <v>0</v>
      </c>
      <c r="AM5990">
        <v>0</v>
      </c>
      <c r="AN5990">
        <v>0</v>
      </c>
      <c r="AO5990">
        <v>0</v>
      </c>
      <c r="AP5990">
        <v>0</v>
      </c>
      <c r="AQ5990">
        <v>0</v>
      </c>
      <c r="AR5990">
        <v>0</v>
      </c>
      <c r="AS5990">
        <v>0</v>
      </c>
      <c r="AT5990">
        <v>0</v>
      </c>
      <c r="AU5990">
        <v>0</v>
      </c>
      <c r="AV5990">
        <v>0</v>
      </c>
      <c r="AW5990">
        <v>0</v>
      </c>
      <c r="AX5990">
        <v>3630</v>
      </c>
      <c r="AY5990">
        <v>10</v>
      </c>
      <c r="AZ5990">
        <v>18</v>
      </c>
      <c r="BA5990">
        <v>2661</v>
      </c>
    </row>
    <row r="5991" spans="1:53" x14ac:dyDescent="0.4">
      <c r="A5991">
        <v>6035</v>
      </c>
      <c r="B5991" s="1">
        <v>45114</v>
      </c>
      <c r="C5991">
        <v>1</v>
      </c>
      <c r="D5991" s="1">
        <v>45114.291666666664</v>
      </c>
      <c r="E5991" s="1">
        <v>45114.447222222225</v>
      </c>
      <c r="F5991">
        <v>0</v>
      </c>
      <c r="G5991">
        <v>0</v>
      </c>
      <c r="H5991">
        <v>0</v>
      </c>
      <c r="I5991">
        <v>0</v>
      </c>
      <c r="J5991">
        <v>0</v>
      </c>
      <c r="K5991">
        <v>0</v>
      </c>
      <c r="L5991">
        <v>0</v>
      </c>
      <c r="M5991">
        <v>0</v>
      </c>
      <c r="N5991">
        <v>0</v>
      </c>
      <c r="O5991">
        <v>0</v>
      </c>
      <c r="P5991">
        <v>0</v>
      </c>
      <c r="Q5991">
        <v>0</v>
      </c>
      <c r="R5991">
        <v>0</v>
      </c>
      <c r="S5991">
        <v>0</v>
      </c>
      <c r="T5991">
        <v>0</v>
      </c>
      <c r="U5991">
        <v>0</v>
      </c>
      <c r="V5991">
        <v>0</v>
      </c>
      <c r="W5991">
        <v>1</v>
      </c>
      <c r="X5991">
        <v>0</v>
      </c>
      <c r="Y5991">
        <v>28</v>
      </c>
      <c r="Z5991">
        <v>10</v>
      </c>
      <c r="AA5991">
        <v>102</v>
      </c>
      <c r="AB5991">
        <v>20</v>
      </c>
      <c r="AC5991">
        <v>60</v>
      </c>
      <c r="AD5991">
        <v>26</v>
      </c>
      <c r="AE5991">
        <v>70</v>
      </c>
      <c r="AF5991">
        <v>0</v>
      </c>
      <c r="AG5991">
        <v>50000</v>
      </c>
      <c r="AH5991">
        <v>50000</v>
      </c>
      <c r="AI5991">
        <v>0</v>
      </c>
      <c r="AJ5991">
        <v>0</v>
      </c>
      <c r="AK5991" t="s">
        <v>6</v>
      </c>
      <c r="AL5991">
        <v>0</v>
      </c>
      <c r="AM5991">
        <v>0</v>
      </c>
      <c r="AN5991">
        <v>0</v>
      </c>
      <c r="AO5991">
        <v>0</v>
      </c>
      <c r="AP5991">
        <v>0</v>
      </c>
      <c r="AQ5991">
        <v>0</v>
      </c>
      <c r="AR5991">
        <v>0</v>
      </c>
      <c r="AS5991">
        <v>0</v>
      </c>
      <c r="AT5991">
        <v>0</v>
      </c>
      <c r="AU5991">
        <v>0</v>
      </c>
      <c r="AV5991">
        <v>0</v>
      </c>
      <c r="AW5991">
        <v>0</v>
      </c>
      <c r="AX5991">
        <v>0</v>
      </c>
      <c r="AY5991">
        <v>0</v>
      </c>
      <c r="AZ5991">
        <v>0</v>
      </c>
      <c r="BA5991">
        <v>0</v>
      </c>
    </row>
    <row r="5992" spans="1:53" x14ac:dyDescent="0.4">
      <c r="A5992">
        <v>6036</v>
      </c>
      <c r="B5992" s="1">
        <v>45114</v>
      </c>
      <c r="C5992">
        <v>2</v>
      </c>
      <c r="D5992" s="1">
        <v>45114.447222222225</v>
      </c>
      <c r="E5992" s="1">
        <v>45114.731249999997</v>
      </c>
      <c r="F5992">
        <v>13760</v>
      </c>
      <c r="G5992">
        <v>440</v>
      </c>
      <c r="H5992">
        <v>0</v>
      </c>
      <c r="I5992">
        <v>0</v>
      </c>
      <c r="J5992">
        <v>200</v>
      </c>
      <c r="K5992">
        <v>0</v>
      </c>
      <c r="L5992">
        <v>0</v>
      </c>
      <c r="M5992">
        <v>1272</v>
      </c>
      <c r="N5992">
        <v>0</v>
      </c>
      <c r="O5992">
        <v>0</v>
      </c>
      <c r="P5992">
        <v>20510</v>
      </c>
      <c r="Q5992">
        <v>0</v>
      </c>
      <c r="R5992">
        <v>34510</v>
      </c>
      <c r="S5992">
        <v>0</v>
      </c>
      <c r="T5992">
        <v>0</v>
      </c>
      <c r="U5992">
        <v>0</v>
      </c>
      <c r="V5992">
        <v>1</v>
      </c>
      <c r="W5992">
        <v>1</v>
      </c>
      <c r="X5992">
        <v>0</v>
      </c>
      <c r="Y5992">
        <v>50</v>
      </c>
      <c r="Z5992">
        <v>10</v>
      </c>
      <c r="AA5992">
        <v>89</v>
      </c>
      <c r="AB5992">
        <v>21</v>
      </c>
      <c r="AC5992">
        <v>93</v>
      </c>
      <c r="AD5992">
        <v>26</v>
      </c>
      <c r="AE5992">
        <v>70</v>
      </c>
      <c r="AF5992">
        <v>3430</v>
      </c>
      <c r="AG5992">
        <v>84510</v>
      </c>
      <c r="AH5992">
        <v>50000</v>
      </c>
      <c r="AI5992">
        <v>0</v>
      </c>
      <c r="AJ5992">
        <v>36</v>
      </c>
      <c r="AK5992" t="s">
        <v>68</v>
      </c>
      <c r="AL5992">
        <v>0</v>
      </c>
      <c r="AM5992">
        <v>0</v>
      </c>
      <c r="AN5992">
        <v>0</v>
      </c>
      <c r="AO5992">
        <v>0</v>
      </c>
      <c r="AP5992">
        <v>0</v>
      </c>
      <c r="AQ5992">
        <v>0</v>
      </c>
      <c r="AR5992">
        <v>0</v>
      </c>
      <c r="AS5992">
        <v>0</v>
      </c>
      <c r="AT5992">
        <v>0</v>
      </c>
      <c r="AU5992">
        <v>0</v>
      </c>
      <c r="AV5992">
        <v>0</v>
      </c>
      <c r="AW5992">
        <v>0</v>
      </c>
      <c r="AX5992">
        <v>605</v>
      </c>
      <c r="AY5992">
        <v>34</v>
      </c>
      <c r="AZ5992">
        <v>57</v>
      </c>
      <c r="BA5992">
        <v>4833</v>
      </c>
    </row>
    <row r="5993" spans="1:53" x14ac:dyDescent="0.4">
      <c r="A5993">
        <v>6037</v>
      </c>
      <c r="B5993" s="1">
        <v>45114</v>
      </c>
      <c r="C5993">
        <v>3</v>
      </c>
      <c r="D5993" s="1">
        <v>45114.731249999997</v>
      </c>
      <c r="E5993" s="1">
        <v>45114.774305555555</v>
      </c>
      <c r="F5993">
        <v>8030</v>
      </c>
      <c r="G5993">
        <v>0</v>
      </c>
      <c r="H5993">
        <v>0</v>
      </c>
      <c r="I5993">
        <v>0</v>
      </c>
      <c r="J5993">
        <v>200</v>
      </c>
      <c r="K5993">
        <v>0</v>
      </c>
      <c r="L5993">
        <v>0</v>
      </c>
      <c r="M5993">
        <v>712</v>
      </c>
      <c r="N5993">
        <v>0</v>
      </c>
      <c r="O5993">
        <v>0</v>
      </c>
      <c r="P5993">
        <v>-5180</v>
      </c>
      <c r="Q5993">
        <v>0</v>
      </c>
      <c r="R5993">
        <v>2650</v>
      </c>
      <c r="S5993">
        <v>0</v>
      </c>
      <c r="T5993">
        <v>0</v>
      </c>
      <c r="U5993">
        <v>0</v>
      </c>
      <c r="V5993">
        <v>1</v>
      </c>
      <c r="W5993">
        <v>1</v>
      </c>
      <c r="X5993">
        <v>0</v>
      </c>
      <c r="Y5993">
        <v>53</v>
      </c>
      <c r="Z5993">
        <v>9</v>
      </c>
      <c r="AA5993">
        <v>86</v>
      </c>
      <c r="AB5993">
        <v>21</v>
      </c>
      <c r="AC5993">
        <v>85</v>
      </c>
      <c r="AD5993">
        <v>26</v>
      </c>
      <c r="AE5993">
        <v>70</v>
      </c>
      <c r="AF5993">
        <v>3960</v>
      </c>
      <c r="AG5993">
        <v>87160</v>
      </c>
      <c r="AH5993">
        <v>50000</v>
      </c>
      <c r="AI5993">
        <v>0</v>
      </c>
      <c r="AJ5993">
        <v>116</v>
      </c>
      <c r="AK5993" t="s">
        <v>51</v>
      </c>
      <c r="AL5993">
        <v>0</v>
      </c>
      <c r="AM5993">
        <v>0</v>
      </c>
      <c r="AN5993">
        <v>0</v>
      </c>
      <c r="AO5993">
        <v>0</v>
      </c>
      <c r="AP5993">
        <v>0</v>
      </c>
      <c r="AQ5993">
        <v>0</v>
      </c>
      <c r="AR5993">
        <v>0</v>
      </c>
      <c r="AS5993">
        <v>0</v>
      </c>
      <c r="AT5993">
        <v>0</v>
      </c>
      <c r="AU5993">
        <v>0</v>
      </c>
      <c r="AV5993">
        <v>0</v>
      </c>
      <c r="AW5993">
        <v>0</v>
      </c>
      <c r="AX5993">
        <v>2713</v>
      </c>
      <c r="AY5993">
        <v>5</v>
      </c>
      <c r="AZ5993">
        <v>9</v>
      </c>
      <c r="BA5993">
        <v>903</v>
      </c>
    </row>
    <row r="5994" spans="1:53" x14ac:dyDescent="0.4">
      <c r="A5994">
        <v>6038</v>
      </c>
      <c r="B5994" s="1">
        <v>45114</v>
      </c>
      <c r="C5994">
        <v>4</v>
      </c>
      <c r="D5994" s="1">
        <v>45114.774305555555</v>
      </c>
      <c r="E5994" s="1">
        <v>45114.991666666669</v>
      </c>
      <c r="F5994">
        <v>104690</v>
      </c>
      <c r="G5994">
        <v>5236</v>
      </c>
      <c r="H5994">
        <v>0</v>
      </c>
      <c r="I5994">
        <v>0</v>
      </c>
      <c r="J5994">
        <v>200</v>
      </c>
      <c r="K5994">
        <v>0</v>
      </c>
      <c r="L5994">
        <v>0</v>
      </c>
      <c r="M5994">
        <v>9972</v>
      </c>
      <c r="N5994">
        <v>0</v>
      </c>
      <c r="O5994">
        <v>0</v>
      </c>
      <c r="P5994">
        <v>6610</v>
      </c>
      <c r="Q5994">
        <v>0</v>
      </c>
      <c r="R5994">
        <v>116336</v>
      </c>
      <c r="S5994">
        <v>0</v>
      </c>
      <c r="T5994">
        <v>0</v>
      </c>
      <c r="U5994">
        <v>0</v>
      </c>
      <c r="V5994">
        <v>4</v>
      </c>
      <c r="W5994">
        <v>3</v>
      </c>
      <c r="X5994">
        <v>0</v>
      </c>
      <c r="Y5994">
        <v>69</v>
      </c>
      <c r="Z5994">
        <v>8</v>
      </c>
      <c r="AA5994">
        <v>98</v>
      </c>
      <c r="AB5994">
        <v>21</v>
      </c>
      <c r="AC5994">
        <v>91</v>
      </c>
      <c r="AD5994">
        <v>29</v>
      </c>
      <c r="AE5994">
        <v>66</v>
      </c>
      <c r="AF5994">
        <v>63525</v>
      </c>
      <c r="AG5994">
        <v>203496</v>
      </c>
      <c r="AH5994">
        <v>50000</v>
      </c>
      <c r="AI5994">
        <v>0</v>
      </c>
      <c r="AJ5994">
        <v>39</v>
      </c>
      <c r="AK5994" t="s">
        <v>73</v>
      </c>
      <c r="AL5994">
        <v>0</v>
      </c>
      <c r="AM5994">
        <v>0</v>
      </c>
      <c r="AN5994">
        <v>0</v>
      </c>
      <c r="AO5994">
        <v>0</v>
      </c>
      <c r="AP5994">
        <v>0</v>
      </c>
      <c r="AQ5994">
        <v>0</v>
      </c>
      <c r="AR5994">
        <v>0</v>
      </c>
      <c r="AS5994">
        <v>0</v>
      </c>
      <c r="AT5994">
        <v>0</v>
      </c>
      <c r="AU5994">
        <v>0</v>
      </c>
      <c r="AV5994">
        <v>0</v>
      </c>
      <c r="AW5994">
        <v>0</v>
      </c>
      <c r="AX5994">
        <v>7200</v>
      </c>
      <c r="AY5994">
        <v>24</v>
      </c>
      <c r="AZ5994">
        <v>70</v>
      </c>
      <c r="BA5994">
        <v>3235</v>
      </c>
    </row>
    <row r="5995" spans="1:53" x14ac:dyDescent="0.4">
      <c r="A5995">
        <v>6039</v>
      </c>
      <c r="B5995" s="1">
        <v>45115</v>
      </c>
      <c r="C5995">
        <v>1</v>
      </c>
      <c r="D5995" s="1">
        <v>45115.291666666664</v>
      </c>
      <c r="E5995" s="1">
        <v>45115.40625</v>
      </c>
      <c r="F5995">
        <v>0</v>
      </c>
      <c r="G5995">
        <v>0</v>
      </c>
      <c r="H5995">
        <v>0</v>
      </c>
      <c r="I5995">
        <v>0</v>
      </c>
      <c r="J5995">
        <v>0</v>
      </c>
      <c r="K5995">
        <v>0</v>
      </c>
      <c r="L5995">
        <v>0</v>
      </c>
      <c r="M5995">
        <v>0</v>
      </c>
      <c r="N5995">
        <v>0</v>
      </c>
      <c r="O5995">
        <v>0</v>
      </c>
      <c r="P5995">
        <v>0</v>
      </c>
      <c r="Q5995">
        <v>0</v>
      </c>
      <c r="R5995">
        <v>0</v>
      </c>
      <c r="S5995">
        <v>0</v>
      </c>
      <c r="T5995">
        <v>0</v>
      </c>
      <c r="U5995">
        <v>0</v>
      </c>
      <c r="V5995">
        <v>0</v>
      </c>
      <c r="W5995">
        <v>1</v>
      </c>
      <c r="X5995">
        <v>0</v>
      </c>
      <c r="Y5995">
        <v>28</v>
      </c>
      <c r="Z5995">
        <v>9</v>
      </c>
      <c r="AA5995">
        <v>106</v>
      </c>
      <c r="AB5995">
        <v>21</v>
      </c>
      <c r="AC5995">
        <v>65</v>
      </c>
      <c r="AD5995">
        <v>27</v>
      </c>
      <c r="AE5995">
        <v>65</v>
      </c>
      <c r="AF5995">
        <v>0</v>
      </c>
      <c r="AG5995">
        <v>50000</v>
      </c>
      <c r="AH5995">
        <v>50000</v>
      </c>
      <c r="AI5995">
        <v>0</v>
      </c>
      <c r="AJ5995">
        <v>0</v>
      </c>
      <c r="AK5995" t="s">
        <v>6</v>
      </c>
      <c r="AL5995">
        <v>0</v>
      </c>
      <c r="AM5995">
        <v>0</v>
      </c>
      <c r="AN5995">
        <v>0</v>
      </c>
      <c r="AO5995">
        <v>0</v>
      </c>
      <c r="AP5995">
        <v>0</v>
      </c>
      <c r="AQ5995">
        <v>0</v>
      </c>
      <c r="AR5995">
        <v>0</v>
      </c>
      <c r="AS5995">
        <v>0</v>
      </c>
      <c r="AT5995">
        <v>0</v>
      </c>
      <c r="AU5995">
        <v>0</v>
      </c>
      <c r="AV5995">
        <v>0</v>
      </c>
      <c r="AW5995">
        <v>0</v>
      </c>
      <c r="AX5995">
        <v>0</v>
      </c>
      <c r="AY5995">
        <v>0</v>
      </c>
      <c r="AZ5995">
        <v>0</v>
      </c>
      <c r="BA5995">
        <v>0</v>
      </c>
    </row>
    <row r="5996" spans="1:53" x14ac:dyDescent="0.4">
      <c r="A5996">
        <v>6040</v>
      </c>
      <c r="B5996" s="1">
        <v>45115</v>
      </c>
      <c r="C5996">
        <v>2</v>
      </c>
      <c r="D5996" s="1">
        <v>45115.40625</v>
      </c>
      <c r="E5996" s="1">
        <v>45115.734722222223</v>
      </c>
      <c r="F5996">
        <v>46540</v>
      </c>
      <c r="G5996">
        <v>2123</v>
      </c>
      <c r="H5996">
        <v>0</v>
      </c>
      <c r="I5996">
        <v>0</v>
      </c>
      <c r="J5996">
        <v>0</v>
      </c>
      <c r="K5996">
        <v>0</v>
      </c>
      <c r="L5996">
        <v>0</v>
      </c>
      <c r="M5996">
        <v>4423</v>
      </c>
      <c r="N5996">
        <v>0</v>
      </c>
      <c r="O5996">
        <v>0</v>
      </c>
      <c r="P5996">
        <v>16270</v>
      </c>
      <c r="Q5996">
        <v>0</v>
      </c>
      <c r="R5996">
        <v>64933</v>
      </c>
      <c r="S5996">
        <v>0</v>
      </c>
      <c r="T5996">
        <v>0</v>
      </c>
      <c r="U5996">
        <v>0</v>
      </c>
      <c r="V5996">
        <v>0</v>
      </c>
      <c r="W5996">
        <v>4</v>
      </c>
      <c r="X5996">
        <v>0</v>
      </c>
      <c r="Y5996">
        <v>63</v>
      </c>
      <c r="Z5996">
        <v>23</v>
      </c>
      <c r="AA5996">
        <v>116</v>
      </c>
      <c r="AB5996">
        <v>14</v>
      </c>
      <c r="AC5996">
        <v>71</v>
      </c>
      <c r="AD5996">
        <v>26</v>
      </c>
      <c r="AE5996">
        <v>68</v>
      </c>
      <c r="AF5996">
        <v>7225</v>
      </c>
      <c r="AG5996">
        <v>114933</v>
      </c>
      <c r="AH5996">
        <v>50000</v>
      </c>
      <c r="AI5996">
        <v>0</v>
      </c>
      <c r="AJ5996">
        <v>118</v>
      </c>
      <c r="AK5996" t="s">
        <v>59</v>
      </c>
      <c r="AL5996">
        <v>0</v>
      </c>
      <c r="AM5996">
        <v>0</v>
      </c>
      <c r="AN5996">
        <v>0</v>
      </c>
      <c r="AO5996">
        <v>0</v>
      </c>
      <c r="AP5996">
        <v>0</v>
      </c>
      <c r="AQ5996">
        <v>0</v>
      </c>
      <c r="AR5996">
        <v>0</v>
      </c>
      <c r="AS5996">
        <v>0</v>
      </c>
      <c r="AT5996">
        <v>0</v>
      </c>
      <c r="AU5996">
        <v>0</v>
      </c>
      <c r="AV5996">
        <v>0</v>
      </c>
      <c r="AW5996">
        <v>0</v>
      </c>
      <c r="AX5996">
        <v>0</v>
      </c>
      <c r="AY5996">
        <v>50</v>
      </c>
      <c r="AZ5996">
        <v>101</v>
      </c>
      <c r="BA5996">
        <v>7289</v>
      </c>
    </row>
    <row r="5997" spans="1:53" x14ac:dyDescent="0.4">
      <c r="A5997">
        <v>6041</v>
      </c>
      <c r="B5997" s="1">
        <v>45115</v>
      </c>
      <c r="C5997">
        <v>3</v>
      </c>
      <c r="D5997" s="1">
        <v>45115.734722222223</v>
      </c>
      <c r="E5997" s="1">
        <v>45115.947222222225</v>
      </c>
      <c r="F5997">
        <v>80370</v>
      </c>
      <c r="G5997">
        <v>4609</v>
      </c>
      <c r="H5997">
        <v>0</v>
      </c>
      <c r="I5997">
        <v>0</v>
      </c>
      <c r="J5997">
        <v>200</v>
      </c>
      <c r="K5997">
        <v>0</v>
      </c>
      <c r="L5997">
        <v>0</v>
      </c>
      <c r="M5997">
        <v>7708</v>
      </c>
      <c r="N5997">
        <v>0</v>
      </c>
      <c r="O5997">
        <v>0</v>
      </c>
      <c r="P5997">
        <v>-16270</v>
      </c>
      <c r="Q5997">
        <v>0</v>
      </c>
      <c r="R5997">
        <v>68509</v>
      </c>
      <c r="S5997">
        <v>0</v>
      </c>
      <c r="T5997">
        <v>0</v>
      </c>
      <c r="U5997">
        <v>0</v>
      </c>
      <c r="V5997">
        <v>5</v>
      </c>
      <c r="W5997">
        <v>3</v>
      </c>
      <c r="X5997">
        <v>0</v>
      </c>
      <c r="Y5997">
        <v>63</v>
      </c>
      <c r="Z5997">
        <v>23</v>
      </c>
      <c r="AA5997">
        <v>112</v>
      </c>
      <c r="AB5997">
        <v>16</v>
      </c>
      <c r="AC5997">
        <v>67</v>
      </c>
      <c r="AD5997">
        <v>26</v>
      </c>
      <c r="AE5997">
        <v>68</v>
      </c>
      <c r="AF5997">
        <v>31074</v>
      </c>
      <c r="AG5997">
        <v>183442</v>
      </c>
      <c r="AH5997">
        <v>50000</v>
      </c>
      <c r="AI5997">
        <v>0</v>
      </c>
      <c r="AJ5997">
        <v>39</v>
      </c>
      <c r="AK5997" t="s">
        <v>73</v>
      </c>
      <c r="AL5997">
        <v>0</v>
      </c>
      <c r="AM5997">
        <v>0</v>
      </c>
      <c r="AN5997">
        <v>0</v>
      </c>
      <c r="AO5997">
        <v>0</v>
      </c>
      <c r="AP5997">
        <v>0</v>
      </c>
      <c r="AQ5997">
        <v>0</v>
      </c>
      <c r="AR5997">
        <v>0</v>
      </c>
      <c r="AS5997">
        <v>0</v>
      </c>
      <c r="AT5997">
        <v>0</v>
      </c>
      <c r="AU5997">
        <v>0</v>
      </c>
      <c r="AV5997">
        <v>0</v>
      </c>
      <c r="AW5997">
        <v>0</v>
      </c>
      <c r="AX5997">
        <v>51971</v>
      </c>
      <c r="AY5997">
        <v>30</v>
      </c>
      <c r="AZ5997">
        <v>79</v>
      </c>
      <c r="BA5997">
        <v>3993</v>
      </c>
    </row>
    <row r="5998" spans="1:53" x14ac:dyDescent="0.4">
      <c r="A5998">
        <v>6042</v>
      </c>
      <c r="B5998" s="1">
        <v>45116</v>
      </c>
      <c r="C5998">
        <v>1</v>
      </c>
      <c r="D5998" s="1">
        <v>45116.291666666664</v>
      </c>
      <c r="E5998" s="1">
        <v>45116.400694444441</v>
      </c>
      <c r="F5998">
        <v>0</v>
      </c>
      <c r="G5998">
        <v>0</v>
      </c>
      <c r="H5998">
        <v>0</v>
      </c>
      <c r="I5998">
        <v>0</v>
      </c>
      <c r="J5998">
        <v>0</v>
      </c>
      <c r="K5998">
        <v>0</v>
      </c>
      <c r="L5998">
        <v>0</v>
      </c>
      <c r="M5998">
        <v>0</v>
      </c>
      <c r="N5998">
        <v>0</v>
      </c>
      <c r="O5998">
        <v>0</v>
      </c>
      <c r="P5998">
        <v>0</v>
      </c>
      <c r="Q5998">
        <v>0</v>
      </c>
      <c r="R5998">
        <v>0</v>
      </c>
      <c r="S5998">
        <v>0</v>
      </c>
      <c r="T5998">
        <v>0</v>
      </c>
      <c r="U5998">
        <v>0</v>
      </c>
      <c r="V5998">
        <v>0</v>
      </c>
      <c r="W5998">
        <v>1</v>
      </c>
      <c r="X5998">
        <v>0</v>
      </c>
      <c r="Y5998">
        <v>29</v>
      </c>
      <c r="Z5998">
        <v>10</v>
      </c>
      <c r="AA5998">
        <v>93</v>
      </c>
      <c r="AB5998">
        <v>16</v>
      </c>
      <c r="AC5998">
        <v>72</v>
      </c>
      <c r="AD5998">
        <v>23</v>
      </c>
      <c r="AE5998">
        <v>65</v>
      </c>
      <c r="AF5998">
        <v>0</v>
      </c>
      <c r="AG5998">
        <v>50000</v>
      </c>
      <c r="AH5998">
        <v>50000</v>
      </c>
      <c r="AI5998">
        <v>0</v>
      </c>
      <c r="AJ5998">
        <v>0</v>
      </c>
      <c r="AK5998" t="s">
        <v>6</v>
      </c>
      <c r="AL5998">
        <v>0</v>
      </c>
      <c r="AM5998">
        <v>0</v>
      </c>
      <c r="AN5998">
        <v>0</v>
      </c>
      <c r="AO5998">
        <v>0</v>
      </c>
      <c r="AP5998">
        <v>0</v>
      </c>
      <c r="AQ5998">
        <v>0</v>
      </c>
      <c r="AR5998">
        <v>0</v>
      </c>
      <c r="AS5998">
        <v>0</v>
      </c>
      <c r="AT5998">
        <v>0</v>
      </c>
      <c r="AU5998">
        <v>0</v>
      </c>
      <c r="AV5998">
        <v>0</v>
      </c>
      <c r="AW5998">
        <v>0</v>
      </c>
      <c r="AX5998">
        <v>0</v>
      </c>
      <c r="AY5998">
        <v>0</v>
      </c>
      <c r="AZ5998">
        <v>0</v>
      </c>
      <c r="BA5998">
        <v>0</v>
      </c>
    </row>
    <row r="5999" spans="1:53" x14ac:dyDescent="0.4">
      <c r="A5999">
        <v>6043</v>
      </c>
      <c r="B5999" s="1">
        <v>45116</v>
      </c>
      <c r="C5999">
        <v>2</v>
      </c>
      <c r="D5999" s="1">
        <v>45116.400694444441</v>
      </c>
      <c r="E5999" s="1">
        <v>45116.736805555556</v>
      </c>
      <c r="F5999">
        <v>45460</v>
      </c>
      <c r="G5999">
        <v>5313</v>
      </c>
      <c r="H5999">
        <v>275</v>
      </c>
      <c r="I5999">
        <v>0</v>
      </c>
      <c r="J5999">
        <v>0</v>
      </c>
      <c r="K5999">
        <v>0</v>
      </c>
      <c r="L5999">
        <v>0</v>
      </c>
      <c r="M5999">
        <v>4637</v>
      </c>
      <c r="N5999">
        <v>0</v>
      </c>
      <c r="O5999">
        <v>0</v>
      </c>
      <c r="P5999">
        <v>21840</v>
      </c>
      <c r="Q5999">
        <v>0</v>
      </c>
      <c r="R5999">
        <v>72888</v>
      </c>
      <c r="S5999">
        <v>0</v>
      </c>
      <c r="T5999">
        <v>0</v>
      </c>
      <c r="U5999">
        <v>0</v>
      </c>
      <c r="V5999">
        <v>1</v>
      </c>
      <c r="W5999">
        <v>4</v>
      </c>
      <c r="X5999">
        <v>0</v>
      </c>
      <c r="Y5999">
        <v>64</v>
      </c>
      <c r="Z5999">
        <v>15</v>
      </c>
      <c r="AA5999">
        <v>136</v>
      </c>
      <c r="AB5999">
        <v>28</v>
      </c>
      <c r="AC5999">
        <v>103</v>
      </c>
      <c r="AD5999">
        <v>22</v>
      </c>
      <c r="AE5999">
        <v>68</v>
      </c>
      <c r="AF5999">
        <v>5180</v>
      </c>
      <c r="AG5999">
        <v>122888</v>
      </c>
      <c r="AH5999">
        <v>50000</v>
      </c>
      <c r="AI5999">
        <v>0</v>
      </c>
      <c r="AJ5999">
        <v>38</v>
      </c>
      <c r="AK5999" t="s">
        <v>75</v>
      </c>
      <c r="AL5999">
        <v>0</v>
      </c>
      <c r="AM5999">
        <v>0</v>
      </c>
      <c r="AN5999">
        <v>0</v>
      </c>
      <c r="AO5999">
        <v>0</v>
      </c>
      <c r="AP5999">
        <v>0</v>
      </c>
      <c r="AQ5999">
        <v>0</v>
      </c>
      <c r="AR5999">
        <v>0</v>
      </c>
      <c r="AS5999">
        <v>0</v>
      </c>
      <c r="AT5999">
        <v>0</v>
      </c>
      <c r="AU5999">
        <v>0</v>
      </c>
      <c r="AV5999">
        <v>0</v>
      </c>
      <c r="AW5999">
        <v>0</v>
      </c>
      <c r="AX5999">
        <v>-1060</v>
      </c>
      <c r="AY5999">
        <v>54</v>
      </c>
      <c r="AZ5999">
        <v>111</v>
      </c>
      <c r="BA5999">
        <v>7628</v>
      </c>
    </row>
    <row r="6000" spans="1:53" x14ac:dyDescent="0.4">
      <c r="A6000">
        <v>6044</v>
      </c>
      <c r="B6000" s="1">
        <v>45116</v>
      </c>
      <c r="C6000">
        <v>3</v>
      </c>
      <c r="D6000" s="1">
        <v>45116.736805555556</v>
      </c>
      <c r="E6000" s="1">
        <v>45116.942361111112</v>
      </c>
      <c r="F6000">
        <v>35210</v>
      </c>
      <c r="G6000">
        <v>0</v>
      </c>
      <c r="H6000">
        <v>0</v>
      </c>
      <c r="I6000">
        <v>0</v>
      </c>
      <c r="J6000">
        <v>0</v>
      </c>
      <c r="K6000">
        <v>0</v>
      </c>
      <c r="L6000">
        <v>0</v>
      </c>
      <c r="M6000">
        <v>3199</v>
      </c>
      <c r="N6000">
        <v>0</v>
      </c>
      <c r="O6000">
        <v>0</v>
      </c>
      <c r="P6000">
        <v>-12600</v>
      </c>
      <c r="Q6000">
        <v>0</v>
      </c>
      <c r="R6000">
        <v>22610</v>
      </c>
      <c r="S6000">
        <v>0</v>
      </c>
      <c r="T6000">
        <v>0</v>
      </c>
      <c r="U6000">
        <v>0</v>
      </c>
      <c r="V6000">
        <v>1</v>
      </c>
      <c r="W6000">
        <v>4</v>
      </c>
      <c r="X6000">
        <v>0</v>
      </c>
      <c r="Y6000">
        <v>81</v>
      </c>
      <c r="Z6000">
        <v>14</v>
      </c>
      <c r="AA6000">
        <v>129</v>
      </c>
      <c r="AB6000">
        <v>29</v>
      </c>
      <c r="AC6000">
        <v>113</v>
      </c>
      <c r="AD6000">
        <v>22</v>
      </c>
      <c r="AE6000">
        <v>68</v>
      </c>
      <c r="AF6000">
        <v>11840</v>
      </c>
      <c r="AG6000">
        <v>145498</v>
      </c>
      <c r="AH6000">
        <v>50000</v>
      </c>
      <c r="AI6000">
        <v>0</v>
      </c>
      <c r="AJ6000">
        <v>110</v>
      </c>
      <c r="AK6000" t="s">
        <v>31</v>
      </c>
      <c r="AL6000">
        <v>0</v>
      </c>
      <c r="AM6000">
        <v>0</v>
      </c>
      <c r="AN6000">
        <v>0</v>
      </c>
      <c r="AO6000">
        <v>0</v>
      </c>
      <c r="AP6000">
        <v>0</v>
      </c>
      <c r="AQ6000">
        <v>0</v>
      </c>
      <c r="AR6000">
        <v>0</v>
      </c>
      <c r="AS6000">
        <v>0</v>
      </c>
      <c r="AT6000">
        <v>0</v>
      </c>
      <c r="AU6000">
        <v>0</v>
      </c>
      <c r="AV6000">
        <v>0</v>
      </c>
      <c r="AW6000">
        <v>0</v>
      </c>
      <c r="AX6000">
        <v>5148</v>
      </c>
      <c r="AY6000">
        <v>13</v>
      </c>
      <c r="AZ6000">
        <v>29</v>
      </c>
      <c r="BA6000">
        <v>3045</v>
      </c>
    </row>
    <row r="6001" spans="1:53" x14ac:dyDescent="0.4">
      <c r="A6001">
        <v>6045</v>
      </c>
      <c r="B6001" s="1">
        <v>45117</v>
      </c>
      <c r="C6001">
        <v>1</v>
      </c>
      <c r="D6001" s="1">
        <v>45117.291666666664</v>
      </c>
      <c r="E6001" s="1">
        <v>45117.447916666664</v>
      </c>
      <c r="F6001">
        <v>0</v>
      </c>
      <c r="G6001">
        <v>0</v>
      </c>
      <c r="H6001">
        <v>0</v>
      </c>
      <c r="I6001">
        <v>0</v>
      </c>
      <c r="J6001">
        <v>0</v>
      </c>
      <c r="K6001">
        <v>0</v>
      </c>
      <c r="L6001">
        <v>0</v>
      </c>
      <c r="M6001">
        <v>0</v>
      </c>
      <c r="N6001">
        <v>0</v>
      </c>
      <c r="O6001">
        <v>0</v>
      </c>
      <c r="P6001">
        <v>0</v>
      </c>
      <c r="Q6001">
        <v>0</v>
      </c>
      <c r="R6001">
        <v>0</v>
      </c>
      <c r="S6001">
        <v>0</v>
      </c>
      <c r="T6001">
        <v>0</v>
      </c>
      <c r="U6001">
        <v>0</v>
      </c>
      <c r="V6001">
        <v>0</v>
      </c>
      <c r="W6001">
        <v>0</v>
      </c>
      <c r="X6001">
        <v>0</v>
      </c>
      <c r="Y6001">
        <v>30</v>
      </c>
      <c r="Z6001">
        <v>14</v>
      </c>
      <c r="AA6001">
        <v>103</v>
      </c>
      <c r="AB6001">
        <v>28</v>
      </c>
      <c r="AC6001">
        <v>113</v>
      </c>
      <c r="AD6001">
        <v>21</v>
      </c>
      <c r="AE6001">
        <v>65</v>
      </c>
      <c r="AF6001">
        <v>0</v>
      </c>
      <c r="AG6001">
        <v>50000</v>
      </c>
      <c r="AH6001">
        <v>50000</v>
      </c>
      <c r="AI6001">
        <v>0</v>
      </c>
      <c r="AJ6001">
        <v>0</v>
      </c>
      <c r="AK6001" t="s">
        <v>6</v>
      </c>
      <c r="AL6001">
        <v>0</v>
      </c>
      <c r="AM6001">
        <v>0</v>
      </c>
      <c r="AN6001">
        <v>0</v>
      </c>
      <c r="AO6001">
        <v>0</v>
      </c>
      <c r="AP6001">
        <v>0</v>
      </c>
      <c r="AQ6001">
        <v>0</v>
      </c>
      <c r="AR6001">
        <v>0</v>
      </c>
      <c r="AS6001">
        <v>0</v>
      </c>
      <c r="AT6001">
        <v>0</v>
      </c>
      <c r="AU6001">
        <v>0</v>
      </c>
      <c r="AV6001">
        <v>0</v>
      </c>
      <c r="AW6001">
        <v>0</v>
      </c>
      <c r="AX6001">
        <v>0</v>
      </c>
      <c r="AY6001">
        <v>0</v>
      </c>
      <c r="AZ6001">
        <v>0</v>
      </c>
      <c r="BA6001">
        <v>0</v>
      </c>
    </row>
    <row r="6002" spans="1:53" x14ac:dyDescent="0.4">
      <c r="A6002">
        <v>6046</v>
      </c>
      <c r="B6002" s="1">
        <v>45117</v>
      </c>
      <c r="C6002">
        <v>2</v>
      </c>
      <c r="D6002" s="1">
        <v>45117.447916666664</v>
      </c>
      <c r="E6002" s="1">
        <v>45117.716666666667</v>
      </c>
      <c r="F6002">
        <v>11770</v>
      </c>
      <c r="G6002">
        <v>308</v>
      </c>
      <c r="H6002">
        <v>0</v>
      </c>
      <c r="I6002">
        <v>0</v>
      </c>
      <c r="J6002">
        <v>100</v>
      </c>
      <c r="K6002">
        <v>0</v>
      </c>
      <c r="L6002">
        <v>0</v>
      </c>
      <c r="M6002">
        <v>1088</v>
      </c>
      <c r="N6002">
        <v>0</v>
      </c>
      <c r="O6002">
        <v>0</v>
      </c>
      <c r="P6002">
        <v>13540</v>
      </c>
      <c r="Q6002">
        <v>0</v>
      </c>
      <c r="R6002">
        <v>25518</v>
      </c>
      <c r="S6002">
        <v>0</v>
      </c>
      <c r="T6002">
        <v>0</v>
      </c>
      <c r="U6002">
        <v>0</v>
      </c>
      <c r="V6002">
        <v>2</v>
      </c>
      <c r="W6002">
        <v>2</v>
      </c>
      <c r="X6002">
        <v>0</v>
      </c>
      <c r="Y6002">
        <v>23</v>
      </c>
      <c r="Z6002">
        <v>13</v>
      </c>
      <c r="AA6002">
        <v>107</v>
      </c>
      <c r="AB6002">
        <v>24</v>
      </c>
      <c r="AC6002">
        <v>131</v>
      </c>
      <c r="AD6002">
        <v>23</v>
      </c>
      <c r="AE6002">
        <v>63</v>
      </c>
      <c r="AF6002">
        <v>2630</v>
      </c>
      <c r="AG6002">
        <v>75518</v>
      </c>
      <c r="AH6002">
        <v>50000</v>
      </c>
      <c r="AI6002">
        <v>0</v>
      </c>
      <c r="AJ6002">
        <v>38</v>
      </c>
      <c r="AK6002" t="s">
        <v>75</v>
      </c>
      <c r="AL6002">
        <v>0</v>
      </c>
      <c r="AM6002">
        <v>0</v>
      </c>
      <c r="AN6002">
        <v>0</v>
      </c>
      <c r="AO6002">
        <v>0</v>
      </c>
      <c r="AP6002">
        <v>0</v>
      </c>
      <c r="AQ6002">
        <v>0</v>
      </c>
      <c r="AR6002">
        <v>0</v>
      </c>
      <c r="AS6002">
        <v>0</v>
      </c>
      <c r="AT6002">
        <v>0</v>
      </c>
      <c r="AU6002">
        <v>0</v>
      </c>
      <c r="AV6002">
        <v>0</v>
      </c>
      <c r="AW6002">
        <v>0</v>
      </c>
      <c r="AX6002">
        <v>75</v>
      </c>
      <c r="AY6002">
        <v>32</v>
      </c>
      <c r="AZ6002">
        <v>44</v>
      </c>
      <c r="BA6002">
        <v>3691</v>
      </c>
    </row>
    <row r="6003" spans="1:53" x14ac:dyDescent="0.4">
      <c r="A6003">
        <v>6047</v>
      </c>
      <c r="B6003" s="1">
        <v>45119</v>
      </c>
      <c r="C6003">
        <v>1</v>
      </c>
      <c r="D6003" s="1">
        <v>45119.291666666664</v>
      </c>
      <c r="E6003" s="1">
        <v>45119.443055555559</v>
      </c>
      <c r="F6003">
        <v>0</v>
      </c>
      <c r="G6003">
        <v>0</v>
      </c>
      <c r="H6003">
        <v>0</v>
      </c>
      <c r="I6003">
        <v>0</v>
      </c>
      <c r="J6003">
        <v>0</v>
      </c>
      <c r="K6003">
        <v>0</v>
      </c>
      <c r="L6003">
        <v>0</v>
      </c>
      <c r="M6003">
        <v>0</v>
      </c>
      <c r="N6003">
        <v>0</v>
      </c>
      <c r="O6003">
        <v>0</v>
      </c>
      <c r="P6003">
        <v>0</v>
      </c>
      <c r="Q6003">
        <v>0</v>
      </c>
      <c r="R6003">
        <v>0</v>
      </c>
      <c r="S6003">
        <v>0</v>
      </c>
      <c r="T6003">
        <v>0</v>
      </c>
      <c r="U6003">
        <v>0</v>
      </c>
      <c r="V6003">
        <v>0</v>
      </c>
      <c r="W6003">
        <v>1</v>
      </c>
      <c r="X6003">
        <v>0</v>
      </c>
      <c r="Y6003">
        <v>28</v>
      </c>
      <c r="Z6003">
        <v>11</v>
      </c>
      <c r="AA6003">
        <v>101</v>
      </c>
      <c r="AB6003">
        <v>12</v>
      </c>
      <c r="AC6003">
        <v>62</v>
      </c>
      <c r="AD6003">
        <v>23</v>
      </c>
      <c r="AE6003">
        <v>65</v>
      </c>
      <c r="AF6003">
        <v>0</v>
      </c>
      <c r="AG6003">
        <v>50000</v>
      </c>
      <c r="AH6003">
        <v>50000</v>
      </c>
      <c r="AI6003">
        <v>0</v>
      </c>
      <c r="AJ6003">
        <v>0</v>
      </c>
      <c r="AK6003" t="s">
        <v>6</v>
      </c>
      <c r="AL6003">
        <v>0</v>
      </c>
      <c r="AM6003">
        <v>0</v>
      </c>
      <c r="AN6003">
        <v>0</v>
      </c>
      <c r="AO6003">
        <v>0</v>
      </c>
      <c r="AP6003">
        <v>0</v>
      </c>
      <c r="AQ6003">
        <v>0</v>
      </c>
      <c r="AR6003">
        <v>0</v>
      </c>
      <c r="AS6003">
        <v>0</v>
      </c>
      <c r="AT6003">
        <v>0</v>
      </c>
      <c r="AU6003">
        <v>0</v>
      </c>
      <c r="AV6003">
        <v>0</v>
      </c>
      <c r="AW6003">
        <v>0</v>
      </c>
      <c r="AX6003">
        <v>0</v>
      </c>
      <c r="AY6003">
        <v>0</v>
      </c>
      <c r="AZ6003">
        <v>0</v>
      </c>
      <c r="BA6003">
        <v>0</v>
      </c>
    </row>
    <row r="6004" spans="1:53" x14ac:dyDescent="0.4">
      <c r="A6004">
        <v>6048</v>
      </c>
      <c r="B6004" s="1">
        <v>45119</v>
      </c>
      <c r="C6004">
        <v>2</v>
      </c>
      <c r="D6004" s="1">
        <v>45119.443055555559</v>
      </c>
      <c r="E6004" s="1">
        <v>45119.736805555556</v>
      </c>
      <c r="F6004">
        <v>11550</v>
      </c>
      <c r="G6004">
        <v>605</v>
      </c>
      <c r="H6004">
        <v>0</v>
      </c>
      <c r="I6004">
        <v>0</v>
      </c>
      <c r="J6004">
        <v>500</v>
      </c>
      <c r="K6004">
        <v>0</v>
      </c>
      <c r="L6004">
        <v>0</v>
      </c>
      <c r="M6004">
        <v>1057</v>
      </c>
      <c r="N6004">
        <v>0</v>
      </c>
      <c r="O6004">
        <v>0</v>
      </c>
      <c r="P6004">
        <v>20730</v>
      </c>
      <c r="Q6004">
        <v>0</v>
      </c>
      <c r="R6004">
        <v>32385</v>
      </c>
      <c r="S6004">
        <v>0</v>
      </c>
      <c r="T6004">
        <v>0</v>
      </c>
      <c r="U6004">
        <v>0</v>
      </c>
      <c r="V6004">
        <v>0</v>
      </c>
      <c r="W6004">
        <v>2</v>
      </c>
      <c r="X6004">
        <v>0</v>
      </c>
      <c r="Y6004">
        <v>52</v>
      </c>
      <c r="Z6004">
        <v>11</v>
      </c>
      <c r="AA6004">
        <v>101</v>
      </c>
      <c r="AB6004">
        <v>16</v>
      </c>
      <c r="AC6004">
        <v>90</v>
      </c>
      <c r="AD6004">
        <v>24</v>
      </c>
      <c r="AE6004">
        <v>65</v>
      </c>
      <c r="AF6004">
        <v>2900</v>
      </c>
      <c r="AG6004">
        <v>82385</v>
      </c>
      <c r="AH6004">
        <v>50000</v>
      </c>
      <c r="AI6004">
        <v>0</v>
      </c>
      <c r="AJ6004">
        <v>36</v>
      </c>
      <c r="AK6004" t="s">
        <v>68</v>
      </c>
      <c r="AL6004">
        <v>0</v>
      </c>
      <c r="AM6004">
        <v>0</v>
      </c>
      <c r="AN6004">
        <v>0</v>
      </c>
      <c r="AO6004">
        <v>0</v>
      </c>
      <c r="AP6004">
        <v>0</v>
      </c>
      <c r="AQ6004">
        <v>0</v>
      </c>
      <c r="AR6004">
        <v>0</v>
      </c>
      <c r="AS6004">
        <v>0</v>
      </c>
      <c r="AT6004">
        <v>0</v>
      </c>
      <c r="AU6004">
        <v>0</v>
      </c>
      <c r="AV6004">
        <v>0</v>
      </c>
      <c r="AW6004">
        <v>0</v>
      </c>
      <c r="AX6004">
        <v>-595</v>
      </c>
      <c r="AY6004">
        <v>33</v>
      </c>
      <c r="AZ6004">
        <v>51</v>
      </c>
      <c r="BA6004">
        <v>4408</v>
      </c>
    </row>
    <row r="6005" spans="1:53" x14ac:dyDescent="0.4">
      <c r="A6005">
        <v>6049</v>
      </c>
      <c r="B6005" s="1">
        <v>45120</v>
      </c>
      <c r="C6005">
        <v>1</v>
      </c>
      <c r="D6005" s="1">
        <v>45120.291666666664</v>
      </c>
      <c r="E6005" s="1">
        <v>45120.452777777777</v>
      </c>
      <c r="F6005">
        <v>0</v>
      </c>
      <c r="G6005">
        <v>0</v>
      </c>
      <c r="H6005">
        <v>0</v>
      </c>
      <c r="I6005">
        <v>0</v>
      </c>
      <c r="J6005">
        <v>0</v>
      </c>
      <c r="K6005">
        <v>0</v>
      </c>
      <c r="L6005">
        <v>0</v>
      </c>
      <c r="M6005">
        <v>0</v>
      </c>
      <c r="N6005">
        <v>0</v>
      </c>
      <c r="O6005">
        <v>0</v>
      </c>
      <c r="P6005">
        <v>0</v>
      </c>
      <c r="Q6005">
        <v>0</v>
      </c>
      <c r="R6005">
        <v>0</v>
      </c>
      <c r="S6005">
        <v>0</v>
      </c>
      <c r="T6005">
        <v>0</v>
      </c>
      <c r="U6005">
        <v>0</v>
      </c>
      <c r="V6005">
        <v>0</v>
      </c>
      <c r="W6005">
        <v>1</v>
      </c>
      <c r="X6005">
        <v>0</v>
      </c>
      <c r="Y6005">
        <v>30</v>
      </c>
      <c r="Z6005">
        <v>9</v>
      </c>
      <c r="AA6005">
        <v>87</v>
      </c>
      <c r="AB6005">
        <v>20</v>
      </c>
      <c r="AC6005">
        <v>60</v>
      </c>
      <c r="AD6005">
        <v>26</v>
      </c>
      <c r="AE6005">
        <v>70</v>
      </c>
      <c r="AF6005">
        <v>0</v>
      </c>
      <c r="AG6005">
        <v>50000</v>
      </c>
      <c r="AH6005">
        <v>50000</v>
      </c>
      <c r="AI6005">
        <v>0</v>
      </c>
      <c r="AJ6005">
        <v>0</v>
      </c>
      <c r="AK6005" t="s">
        <v>6</v>
      </c>
      <c r="AL6005">
        <v>0</v>
      </c>
      <c r="AM6005">
        <v>0</v>
      </c>
      <c r="AN6005">
        <v>0</v>
      </c>
      <c r="AO6005">
        <v>0</v>
      </c>
      <c r="AP6005">
        <v>0</v>
      </c>
      <c r="AQ6005">
        <v>0</v>
      </c>
      <c r="AR6005">
        <v>0</v>
      </c>
      <c r="AS6005">
        <v>0</v>
      </c>
      <c r="AT6005">
        <v>0</v>
      </c>
      <c r="AU6005">
        <v>0</v>
      </c>
      <c r="AV6005">
        <v>0</v>
      </c>
      <c r="AW6005">
        <v>0</v>
      </c>
      <c r="AX6005">
        <v>0</v>
      </c>
      <c r="AY6005">
        <v>0</v>
      </c>
      <c r="AZ6005">
        <v>0</v>
      </c>
      <c r="BA6005">
        <v>0</v>
      </c>
    </row>
    <row r="6006" spans="1:53" x14ac:dyDescent="0.4">
      <c r="A6006">
        <v>6050</v>
      </c>
      <c r="B6006" s="1">
        <v>45120</v>
      </c>
      <c r="C6006">
        <v>2</v>
      </c>
      <c r="D6006" s="1">
        <v>45120.452777777777</v>
      </c>
      <c r="E6006" s="1">
        <v>45120.711805555555</v>
      </c>
      <c r="F6006">
        <v>16700</v>
      </c>
      <c r="G6006">
        <v>275</v>
      </c>
      <c r="H6006">
        <v>0</v>
      </c>
      <c r="I6006">
        <v>0</v>
      </c>
      <c r="J6006">
        <v>200</v>
      </c>
      <c r="K6006">
        <v>0</v>
      </c>
      <c r="L6006">
        <v>0</v>
      </c>
      <c r="M6006">
        <v>1524</v>
      </c>
      <c r="N6006">
        <v>0</v>
      </c>
      <c r="O6006">
        <v>0</v>
      </c>
      <c r="P6006">
        <v>21175</v>
      </c>
      <c r="Q6006">
        <v>0</v>
      </c>
      <c r="R6006">
        <v>37950</v>
      </c>
      <c r="S6006">
        <v>0</v>
      </c>
      <c r="T6006">
        <v>0</v>
      </c>
      <c r="U6006">
        <v>0</v>
      </c>
      <c r="V6006">
        <v>1</v>
      </c>
      <c r="W6006">
        <v>1</v>
      </c>
      <c r="X6006">
        <v>0</v>
      </c>
      <c r="Y6006">
        <v>59</v>
      </c>
      <c r="Z6006">
        <v>3</v>
      </c>
      <c r="AA6006">
        <v>78</v>
      </c>
      <c r="AB6006">
        <v>19</v>
      </c>
      <c r="AC6006">
        <v>72</v>
      </c>
      <c r="AD6006">
        <v>26</v>
      </c>
      <c r="AE6006">
        <v>75</v>
      </c>
      <c r="AF6006">
        <v>2875</v>
      </c>
      <c r="AG6006">
        <v>88050</v>
      </c>
      <c r="AH6006">
        <v>50000</v>
      </c>
      <c r="AI6006">
        <v>100</v>
      </c>
      <c r="AJ6006">
        <v>38</v>
      </c>
      <c r="AK6006" t="s">
        <v>75</v>
      </c>
      <c r="AL6006">
        <v>0</v>
      </c>
      <c r="AM6006">
        <v>0</v>
      </c>
      <c r="AN6006">
        <v>0</v>
      </c>
      <c r="AO6006">
        <v>0</v>
      </c>
      <c r="AP6006">
        <v>0</v>
      </c>
      <c r="AQ6006">
        <v>0</v>
      </c>
      <c r="AR6006">
        <v>0</v>
      </c>
      <c r="AS6006">
        <v>0</v>
      </c>
      <c r="AT6006">
        <v>0</v>
      </c>
      <c r="AU6006">
        <v>0</v>
      </c>
      <c r="AV6006">
        <v>0</v>
      </c>
      <c r="AW6006">
        <v>0</v>
      </c>
      <c r="AX6006">
        <v>-3390</v>
      </c>
      <c r="AY6006">
        <v>36</v>
      </c>
      <c r="AZ6006">
        <v>61</v>
      </c>
      <c r="BA6006">
        <v>4943</v>
      </c>
    </row>
    <row r="6007" spans="1:53" x14ac:dyDescent="0.4">
      <c r="A6007">
        <v>6051</v>
      </c>
      <c r="B6007" s="1">
        <v>45120</v>
      </c>
      <c r="C6007">
        <v>3</v>
      </c>
      <c r="D6007" s="1">
        <v>45120.711805555555</v>
      </c>
      <c r="E6007" s="1">
        <v>45120.956250000003</v>
      </c>
      <c r="F6007">
        <v>44285</v>
      </c>
      <c r="G6007">
        <v>440</v>
      </c>
      <c r="H6007">
        <v>0</v>
      </c>
      <c r="I6007">
        <v>0</v>
      </c>
      <c r="J6007">
        <v>50</v>
      </c>
      <c r="K6007">
        <v>0</v>
      </c>
      <c r="L6007">
        <v>0</v>
      </c>
      <c r="M6007">
        <v>4060</v>
      </c>
      <c r="N6007">
        <v>0</v>
      </c>
      <c r="O6007">
        <v>0</v>
      </c>
      <c r="P6007">
        <v>-18095</v>
      </c>
      <c r="Q6007">
        <v>0</v>
      </c>
      <c r="R6007">
        <v>26580</v>
      </c>
      <c r="S6007">
        <v>0</v>
      </c>
      <c r="T6007">
        <v>0</v>
      </c>
      <c r="U6007">
        <v>0</v>
      </c>
      <c r="V6007">
        <v>4</v>
      </c>
      <c r="W6007">
        <v>0</v>
      </c>
      <c r="X6007">
        <v>0</v>
      </c>
      <c r="Y6007">
        <v>52</v>
      </c>
      <c r="Z6007">
        <v>7</v>
      </c>
      <c r="AA6007">
        <v>83</v>
      </c>
      <c r="AB6007">
        <v>18</v>
      </c>
      <c r="AC6007">
        <v>72</v>
      </c>
      <c r="AD6007">
        <v>26</v>
      </c>
      <c r="AE6007">
        <v>75</v>
      </c>
      <c r="AF6007">
        <v>8905</v>
      </c>
      <c r="AG6007">
        <v>114530</v>
      </c>
      <c r="AH6007">
        <v>50000</v>
      </c>
      <c r="AI6007">
        <v>0</v>
      </c>
      <c r="AJ6007">
        <v>39</v>
      </c>
      <c r="AK6007" t="s">
        <v>73</v>
      </c>
      <c r="AL6007">
        <v>0</v>
      </c>
      <c r="AM6007">
        <v>0</v>
      </c>
      <c r="AN6007">
        <v>0</v>
      </c>
      <c r="AO6007">
        <v>0</v>
      </c>
      <c r="AP6007">
        <v>0</v>
      </c>
      <c r="AQ6007">
        <v>0</v>
      </c>
      <c r="AR6007">
        <v>0</v>
      </c>
      <c r="AS6007">
        <v>0</v>
      </c>
      <c r="AT6007">
        <v>0</v>
      </c>
      <c r="AU6007">
        <v>0</v>
      </c>
      <c r="AV6007">
        <v>0</v>
      </c>
      <c r="AW6007">
        <v>0</v>
      </c>
      <c r="AX6007">
        <v>12110</v>
      </c>
      <c r="AY6007">
        <v>18</v>
      </c>
      <c r="AZ6007">
        <v>41</v>
      </c>
      <c r="BA6007">
        <v>3215</v>
      </c>
    </row>
    <row r="6008" spans="1:53" x14ac:dyDescent="0.4">
      <c r="A6008">
        <v>6052</v>
      </c>
      <c r="B6008" s="1">
        <v>45121</v>
      </c>
      <c r="C6008">
        <v>1</v>
      </c>
      <c r="D6008" s="1">
        <v>45121.291666666664</v>
      </c>
      <c r="E6008" s="1">
        <v>45121.443749999999</v>
      </c>
      <c r="F6008">
        <v>0</v>
      </c>
      <c r="G6008">
        <v>0</v>
      </c>
      <c r="H6008">
        <v>0</v>
      </c>
      <c r="I6008">
        <v>0</v>
      </c>
      <c r="J6008">
        <v>0</v>
      </c>
      <c r="K6008">
        <v>0</v>
      </c>
      <c r="L6008">
        <v>0</v>
      </c>
      <c r="M6008">
        <v>0</v>
      </c>
      <c r="N6008">
        <v>0</v>
      </c>
      <c r="O6008">
        <v>0</v>
      </c>
      <c r="P6008">
        <v>0</v>
      </c>
      <c r="Q6008">
        <v>0</v>
      </c>
      <c r="R6008">
        <v>0</v>
      </c>
      <c r="S6008">
        <v>0</v>
      </c>
      <c r="T6008">
        <v>0</v>
      </c>
      <c r="U6008">
        <v>0</v>
      </c>
      <c r="V6008">
        <v>0</v>
      </c>
      <c r="W6008">
        <v>1</v>
      </c>
      <c r="X6008">
        <v>0</v>
      </c>
      <c r="Y6008">
        <v>30</v>
      </c>
      <c r="Z6008">
        <v>10</v>
      </c>
      <c r="AA6008">
        <v>82</v>
      </c>
      <c r="AB6008">
        <v>19</v>
      </c>
      <c r="AC6008">
        <v>65</v>
      </c>
      <c r="AD6008">
        <v>25</v>
      </c>
      <c r="AE6008">
        <v>75</v>
      </c>
      <c r="AF6008">
        <v>0</v>
      </c>
      <c r="AG6008">
        <v>50000</v>
      </c>
      <c r="AH6008">
        <v>50000</v>
      </c>
      <c r="AI6008">
        <v>0</v>
      </c>
      <c r="AJ6008">
        <v>0</v>
      </c>
      <c r="AK6008" t="s">
        <v>6</v>
      </c>
      <c r="AL6008">
        <v>0</v>
      </c>
      <c r="AM6008">
        <v>0</v>
      </c>
      <c r="AN6008">
        <v>0</v>
      </c>
      <c r="AO6008">
        <v>0</v>
      </c>
      <c r="AP6008">
        <v>0</v>
      </c>
      <c r="AQ6008">
        <v>0</v>
      </c>
      <c r="AR6008">
        <v>0</v>
      </c>
      <c r="AS6008">
        <v>0</v>
      </c>
      <c r="AT6008">
        <v>0</v>
      </c>
      <c r="AU6008">
        <v>0</v>
      </c>
      <c r="AV6008">
        <v>0</v>
      </c>
      <c r="AW6008">
        <v>0</v>
      </c>
      <c r="AX6008">
        <v>0</v>
      </c>
      <c r="AY6008">
        <v>0</v>
      </c>
      <c r="AZ6008">
        <v>0</v>
      </c>
      <c r="BA6008">
        <v>0</v>
      </c>
    </row>
    <row r="6009" spans="1:53" x14ac:dyDescent="0.4">
      <c r="A6009">
        <v>6053</v>
      </c>
      <c r="B6009" s="1">
        <v>45121</v>
      </c>
      <c r="C6009">
        <v>2</v>
      </c>
      <c r="D6009" s="1">
        <v>45121.443749999999</v>
      </c>
      <c r="E6009" s="1">
        <v>45121.743055555555</v>
      </c>
      <c r="F6009">
        <v>16880</v>
      </c>
      <c r="G6009">
        <v>1496</v>
      </c>
      <c r="H6009">
        <v>0</v>
      </c>
      <c r="I6009">
        <v>0</v>
      </c>
      <c r="J6009">
        <v>0</v>
      </c>
      <c r="K6009">
        <v>0</v>
      </c>
      <c r="L6009">
        <v>0</v>
      </c>
      <c r="M6009">
        <v>1671</v>
      </c>
      <c r="N6009">
        <v>0</v>
      </c>
      <c r="O6009">
        <v>0</v>
      </c>
      <c r="P6009">
        <v>23010</v>
      </c>
      <c r="Q6009">
        <v>0</v>
      </c>
      <c r="R6009">
        <v>41386</v>
      </c>
      <c r="S6009">
        <v>0</v>
      </c>
      <c r="T6009">
        <v>0</v>
      </c>
      <c r="U6009">
        <v>0</v>
      </c>
      <c r="V6009">
        <v>2</v>
      </c>
      <c r="W6009">
        <v>4</v>
      </c>
      <c r="X6009">
        <v>0</v>
      </c>
      <c r="Y6009">
        <v>34</v>
      </c>
      <c r="Z6009">
        <v>16</v>
      </c>
      <c r="AA6009">
        <v>71</v>
      </c>
      <c r="AB6009">
        <v>15</v>
      </c>
      <c r="AC6009">
        <v>78</v>
      </c>
      <c r="AD6009">
        <v>30</v>
      </c>
      <c r="AE6009">
        <v>26</v>
      </c>
      <c r="AF6009">
        <v>530</v>
      </c>
      <c r="AG6009">
        <v>91336</v>
      </c>
      <c r="AH6009">
        <v>50000</v>
      </c>
      <c r="AI6009">
        <v>-50</v>
      </c>
      <c r="AJ6009">
        <v>36</v>
      </c>
      <c r="AK6009" t="s">
        <v>68</v>
      </c>
      <c r="AL6009">
        <v>0</v>
      </c>
      <c r="AM6009">
        <v>0</v>
      </c>
      <c r="AN6009">
        <v>0</v>
      </c>
      <c r="AO6009">
        <v>0</v>
      </c>
      <c r="AP6009">
        <v>0</v>
      </c>
      <c r="AQ6009">
        <v>0</v>
      </c>
      <c r="AR6009">
        <v>0</v>
      </c>
      <c r="AS6009">
        <v>0</v>
      </c>
      <c r="AT6009">
        <v>0</v>
      </c>
      <c r="AU6009">
        <v>0</v>
      </c>
      <c r="AV6009">
        <v>0</v>
      </c>
      <c r="AW6009">
        <v>0</v>
      </c>
      <c r="AX6009">
        <v>-752</v>
      </c>
      <c r="AY6009">
        <v>36</v>
      </c>
      <c r="AZ6009">
        <v>61</v>
      </c>
      <c r="BA6009">
        <v>5299</v>
      </c>
    </row>
    <row r="6010" spans="1:53" x14ac:dyDescent="0.4">
      <c r="A6010">
        <v>6054</v>
      </c>
      <c r="B6010" s="1">
        <v>45121</v>
      </c>
      <c r="C6010">
        <v>3</v>
      </c>
      <c r="D6010" s="1">
        <v>45121.743055555555</v>
      </c>
      <c r="E6010" s="1">
        <v>45121.956944444442</v>
      </c>
      <c r="F6010">
        <v>71410</v>
      </c>
      <c r="G6010">
        <v>308</v>
      </c>
      <c r="H6010">
        <v>0</v>
      </c>
      <c r="I6010">
        <v>0</v>
      </c>
      <c r="J6010">
        <v>0</v>
      </c>
      <c r="K6010">
        <v>0</v>
      </c>
      <c r="L6010">
        <v>0</v>
      </c>
      <c r="M6010">
        <v>6517</v>
      </c>
      <c r="N6010">
        <v>0</v>
      </c>
      <c r="O6010">
        <v>0</v>
      </c>
      <c r="P6010">
        <v>-23010</v>
      </c>
      <c r="Q6010">
        <v>0</v>
      </c>
      <c r="R6010">
        <v>48708</v>
      </c>
      <c r="S6010">
        <v>0</v>
      </c>
      <c r="T6010">
        <v>0</v>
      </c>
      <c r="U6010">
        <v>0</v>
      </c>
      <c r="V6010">
        <v>2</v>
      </c>
      <c r="W6010">
        <v>6</v>
      </c>
      <c r="X6010">
        <v>0</v>
      </c>
      <c r="Y6010">
        <v>62</v>
      </c>
      <c r="Z6010">
        <v>18</v>
      </c>
      <c r="AA6010">
        <v>77</v>
      </c>
      <c r="AB6010">
        <v>15</v>
      </c>
      <c r="AC6010">
        <v>82</v>
      </c>
      <c r="AD6010">
        <v>31</v>
      </c>
      <c r="AE6010">
        <v>75</v>
      </c>
      <c r="AF6010">
        <v>9594</v>
      </c>
      <c r="AG6010">
        <v>140094</v>
      </c>
      <c r="AH6010">
        <v>50000</v>
      </c>
      <c r="AI6010">
        <v>0</v>
      </c>
      <c r="AJ6010">
        <v>42</v>
      </c>
      <c r="AK6010" t="s">
        <v>72</v>
      </c>
      <c r="AL6010">
        <v>0</v>
      </c>
      <c r="AM6010">
        <v>0</v>
      </c>
      <c r="AN6010">
        <v>0</v>
      </c>
      <c r="AO6010">
        <v>0</v>
      </c>
      <c r="AP6010">
        <v>0</v>
      </c>
      <c r="AQ6010">
        <v>0</v>
      </c>
      <c r="AR6010">
        <v>0</v>
      </c>
      <c r="AS6010">
        <v>0</v>
      </c>
      <c r="AT6010">
        <v>0</v>
      </c>
      <c r="AU6010">
        <v>0</v>
      </c>
      <c r="AV6010">
        <v>0</v>
      </c>
      <c r="AW6010">
        <v>0</v>
      </c>
      <c r="AX6010">
        <v>96585</v>
      </c>
      <c r="AY6010">
        <v>27</v>
      </c>
      <c r="AZ6010">
        <v>89</v>
      </c>
      <c r="BA6010">
        <v>4194</v>
      </c>
    </row>
    <row r="6011" spans="1:53" x14ac:dyDescent="0.4">
      <c r="A6011">
        <v>6055</v>
      </c>
      <c r="B6011" s="1">
        <v>45121</v>
      </c>
      <c r="C6011">
        <v>4</v>
      </c>
      <c r="D6011" s="1">
        <v>45121.956944444442</v>
      </c>
      <c r="E6011" s="1">
        <v>45122.086805555555</v>
      </c>
      <c r="F6011">
        <v>136870</v>
      </c>
      <c r="G6011">
        <v>3025</v>
      </c>
      <c r="H6011">
        <v>0</v>
      </c>
      <c r="I6011">
        <v>0</v>
      </c>
      <c r="J6011">
        <v>100</v>
      </c>
      <c r="K6011">
        <v>0</v>
      </c>
      <c r="L6011">
        <v>0</v>
      </c>
      <c r="M6011">
        <v>12711</v>
      </c>
      <c r="N6011">
        <v>0</v>
      </c>
      <c r="O6011">
        <v>0</v>
      </c>
      <c r="P6011">
        <v>62380</v>
      </c>
      <c r="Q6011">
        <v>0</v>
      </c>
      <c r="R6011">
        <v>202175</v>
      </c>
      <c r="S6011">
        <v>0</v>
      </c>
      <c r="T6011">
        <v>0</v>
      </c>
      <c r="U6011">
        <v>0</v>
      </c>
      <c r="V6011">
        <v>19</v>
      </c>
      <c r="W6011">
        <v>9</v>
      </c>
      <c r="X6011">
        <v>0</v>
      </c>
      <c r="Y6011">
        <v>64</v>
      </c>
      <c r="Z6011">
        <v>15</v>
      </c>
      <c r="AA6011">
        <v>68</v>
      </c>
      <c r="AB6011">
        <v>10</v>
      </c>
      <c r="AC6011">
        <v>64</v>
      </c>
      <c r="AD6011">
        <v>32</v>
      </c>
      <c r="AE6011">
        <v>75</v>
      </c>
      <c r="AF6011">
        <v>27594</v>
      </c>
      <c r="AG6011">
        <v>342269</v>
      </c>
      <c r="AH6011">
        <v>50000</v>
      </c>
      <c r="AI6011">
        <v>0</v>
      </c>
      <c r="AJ6011">
        <v>120</v>
      </c>
      <c r="AK6011" t="s">
        <v>2</v>
      </c>
      <c r="AL6011">
        <v>0</v>
      </c>
      <c r="AM6011">
        <v>0</v>
      </c>
      <c r="AN6011">
        <v>0</v>
      </c>
      <c r="AO6011">
        <v>0</v>
      </c>
      <c r="AP6011">
        <v>0</v>
      </c>
      <c r="AQ6011">
        <v>0</v>
      </c>
      <c r="AR6011">
        <v>0</v>
      </c>
      <c r="AS6011">
        <v>0</v>
      </c>
      <c r="AT6011">
        <v>0</v>
      </c>
      <c r="AU6011">
        <v>0</v>
      </c>
      <c r="AV6011">
        <v>0</v>
      </c>
      <c r="AW6011">
        <v>0</v>
      </c>
      <c r="AX6011">
        <v>5924</v>
      </c>
      <c r="AY6011">
        <v>10</v>
      </c>
      <c r="AZ6011">
        <v>27</v>
      </c>
      <c r="BA6011">
        <v>1365</v>
      </c>
    </row>
    <row r="6012" spans="1:53" x14ac:dyDescent="0.4">
      <c r="A6012">
        <v>6056</v>
      </c>
      <c r="B6012" s="1">
        <v>45122</v>
      </c>
      <c r="C6012">
        <v>1</v>
      </c>
      <c r="D6012" s="1">
        <v>45122.291666666664</v>
      </c>
      <c r="E6012" s="1">
        <v>45122.407638888886</v>
      </c>
      <c r="F6012">
        <v>0</v>
      </c>
      <c r="G6012">
        <v>0</v>
      </c>
      <c r="H6012">
        <v>0</v>
      </c>
      <c r="I6012">
        <v>0</v>
      </c>
      <c r="J6012">
        <v>0</v>
      </c>
      <c r="K6012">
        <v>0</v>
      </c>
      <c r="L6012">
        <v>0</v>
      </c>
      <c r="M6012">
        <v>0</v>
      </c>
      <c r="N6012">
        <v>0</v>
      </c>
      <c r="O6012">
        <v>0</v>
      </c>
      <c r="P6012">
        <v>0</v>
      </c>
      <c r="Q6012">
        <v>0</v>
      </c>
      <c r="R6012">
        <v>0</v>
      </c>
      <c r="S6012">
        <v>0</v>
      </c>
      <c r="T6012">
        <v>0</v>
      </c>
      <c r="U6012">
        <v>0</v>
      </c>
      <c r="V6012">
        <v>0</v>
      </c>
      <c r="W6012">
        <v>1</v>
      </c>
      <c r="X6012">
        <v>0</v>
      </c>
      <c r="Y6012">
        <v>31</v>
      </c>
      <c r="Z6012">
        <v>11</v>
      </c>
      <c r="AA6012">
        <v>68</v>
      </c>
      <c r="AB6012">
        <v>19</v>
      </c>
      <c r="AC6012">
        <v>53</v>
      </c>
      <c r="AD6012">
        <v>30</v>
      </c>
      <c r="AE6012">
        <v>70</v>
      </c>
      <c r="AF6012">
        <v>0</v>
      </c>
      <c r="AG6012">
        <v>50000</v>
      </c>
      <c r="AH6012">
        <v>50000</v>
      </c>
      <c r="AI6012">
        <v>0</v>
      </c>
      <c r="AJ6012">
        <v>0</v>
      </c>
      <c r="AK6012" t="s">
        <v>6</v>
      </c>
      <c r="AL6012">
        <v>0</v>
      </c>
      <c r="AM6012">
        <v>0</v>
      </c>
      <c r="AN6012">
        <v>0</v>
      </c>
      <c r="AO6012">
        <v>0</v>
      </c>
      <c r="AP6012">
        <v>0</v>
      </c>
      <c r="AQ6012">
        <v>0</v>
      </c>
      <c r="AR6012">
        <v>0</v>
      </c>
      <c r="AS6012">
        <v>0</v>
      </c>
      <c r="AT6012">
        <v>0</v>
      </c>
      <c r="AU6012">
        <v>0</v>
      </c>
      <c r="AV6012">
        <v>0</v>
      </c>
      <c r="AW6012">
        <v>0</v>
      </c>
      <c r="AX6012">
        <v>0</v>
      </c>
      <c r="AY6012">
        <v>0</v>
      </c>
      <c r="AZ6012">
        <v>0</v>
      </c>
      <c r="BA6012">
        <v>0</v>
      </c>
    </row>
    <row r="6013" spans="1:53" x14ac:dyDescent="0.4">
      <c r="A6013">
        <v>6057</v>
      </c>
      <c r="B6013" s="1">
        <v>45122</v>
      </c>
      <c r="C6013">
        <v>2</v>
      </c>
      <c r="D6013" s="1">
        <v>45122.407638888886</v>
      </c>
      <c r="E6013" s="1">
        <v>45122.752083333333</v>
      </c>
      <c r="F6013">
        <v>45210</v>
      </c>
      <c r="G6013">
        <v>3300</v>
      </c>
      <c r="H6013">
        <v>0</v>
      </c>
      <c r="I6013">
        <v>0</v>
      </c>
      <c r="J6013">
        <v>200</v>
      </c>
      <c r="K6013">
        <v>0</v>
      </c>
      <c r="L6013">
        <v>0</v>
      </c>
      <c r="M6013">
        <v>4393</v>
      </c>
      <c r="N6013">
        <v>0</v>
      </c>
      <c r="O6013">
        <v>0</v>
      </c>
      <c r="P6013">
        <v>16610</v>
      </c>
      <c r="Q6013">
        <v>0</v>
      </c>
      <c r="R6013">
        <v>64920</v>
      </c>
      <c r="S6013">
        <v>0</v>
      </c>
      <c r="T6013">
        <v>0</v>
      </c>
      <c r="U6013">
        <v>0</v>
      </c>
      <c r="V6013">
        <v>5</v>
      </c>
      <c r="W6013">
        <v>0</v>
      </c>
      <c r="X6013">
        <v>0</v>
      </c>
      <c r="Y6013">
        <v>21</v>
      </c>
      <c r="Z6013">
        <v>29</v>
      </c>
      <c r="AA6013">
        <v>98</v>
      </c>
      <c r="AB6013">
        <v>36</v>
      </c>
      <c r="AC6013">
        <v>82</v>
      </c>
      <c r="AD6013">
        <v>29</v>
      </c>
      <c r="AE6013">
        <v>69</v>
      </c>
      <c r="AF6013">
        <v>16786</v>
      </c>
      <c r="AG6013">
        <v>114920</v>
      </c>
      <c r="AH6013">
        <v>50000</v>
      </c>
      <c r="AI6013">
        <v>0</v>
      </c>
      <c r="AJ6013">
        <v>45</v>
      </c>
      <c r="AK6013" t="s">
        <v>77</v>
      </c>
      <c r="AL6013">
        <v>0</v>
      </c>
      <c r="AM6013">
        <v>0</v>
      </c>
      <c r="AN6013">
        <v>0</v>
      </c>
      <c r="AO6013">
        <v>0</v>
      </c>
      <c r="AP6013">
        <v>0</v>
      </c>
      <c r="AQ6013">
        <v>0</v>
      </c>
      <c r="AR6013">
        <v>0</v>
      </c>
      <c r="AS6013">
        <v>0</v>
      </c>
      <c r="AT6013">
        <v>0</v>
      </c>
      <c r="AU6013">
        <v>0</v>
      </c>
      <c r="AV6013">
        <v>0</v>
      </c>
      <c r="AW6013">
        <v>0</v>
      </c>
      <c r="AX6013">
        <v>-2045</v>
      </c>
      <c r="AY6013">
        <v>49</v>
      </c>
      <c r="AZ6013">
        <v>98</v>
      </c>
      <c r="BA6013">
        <v>7753</v>
      </c>
    </row>
    <row r="6014" spans="1:53" x14ac:dyDescent="0.4">
      <c r="A6014">
        <v>6058</v>
      </c>
      <c r="B6014" s="1">
        <v>45122</v>
      </c>
      <c r="C6014">
        <v>3</v>
      </c>
      <c r="D6014" s="1">
        <v>45122.752083333333</v>
      </c>
      <c r="E6014" s="1">
        <v>45122.963194444441</v>
      </c>
      <c r="F6014">
        <v>215340</v>
      </c>
      <c r="G6014">
        <v>4543</v>
      </c>
      <c r="H6014">
        <v>0</v>
      </c>
      <c r="I6014">
        <v>0</v>
      </c>
      <c r="J6014">
        <v>100</v>
      </c>
      <c r="K6014">
        <v>0</v>
      </c>
      <c r="L6014">
        <v>0</v>
      </c>
      <c r="M6014">
        <v>19983</v>
      </c>
      <c r="N6014">
        <v>0</v>
      </c>
      <c r="O6014">
        <v>0</v>
      </c>
      <c r="P6014">
        <v>42640</v>
      </c>
      <c r="Q6014">
        <v>0</v>
      </c>
      <c r="R6014">
        <v>262423</v>
      </c>
      <c r="S6014">
        <v>0</v>
      </c>
      <c r="T6014">
        <v>0</v>
      </c>
      <c r="U6014">
        <v>0</v>
      </c>
      <c r="V6014">
        <v>16</v>
      </c>
      <c r="W6014">
        <v>9</v>
      </c>
      <c r="X6014">
        <v>0</v>
      </c>
      <c r="Y6014">
        <v>74</v>
      </c>
      <c r="Z6014">
        <v>35</v>
      </c>
      <c r="AA6014">
        <v>94</v>
      </c>
      <c r="AB6014">
        <v>31</v>
      </c>
      <c r="AC6014">
        <v>72</v>
      </c>
      <c r="AD6014">
        <v>30</v>
      </c>
      <c r="AE6014">
        <v>72</v>
      </c>
      <c r="AF6014">
        <v>68951</v>
      </c>
      <c r="AG6014">
        <v>377343</v>
      </c>
      <c r="AH6014">
        <v>50000</v>
      </c>
      <c r="AI6014">
        <v>0</v>
      </c>
      <c r="AJ6014">
        <v>104</v>
      </c>
      <c r="AK6014" t="s">
        <v>60</v>
      </c>
      <c r="AL6014">
        <v>0</v>
      </c>
      <c r="AM6014">
        <v>0</v>
      </c>
      <c r="AN6014">
        <v>0</v>
      </c>
      <c r="AO6014">
        <v>0</v>
      </c>
      <c r="AP6014">
        <v>0</v>
      </c>
      <c r="AQ6014">
        <v>0</v>
      </c>
      <c r="AR6014">
        <v>0</v>
      </c>
      <c r="AS6014">
        <v>0</v>
      </c>
      <c r="AT6014">
        <v>0</v>
      </c>
      <c r="AU6014">
        <v>0</v>
      </c>
      <c r="AV6014">
        <v>0</v>
      </c>
      <c r="AW6014">
        <v>0</v>
      </c>
      <c r="AX6014">
        <v>5840</v>
      </c>
      <c r="AY6014">
        <v>34</v>
      </c>
      <c r="AZ6014">
        <v>142</v>
      </c>
      <c r="BA6014">
        <v>4580</v>
      </c>
    </row>
    <row r="6015" spans="1:53" x14ac:dyDescent="0.4">
      <c r="A6015">
        <v>6059</v>
      </c>
      <c r="B6015" s="1">
        <v>45123</v>
      </c>
      <c r="C6015">
        <v>1</v>
      </c>
      <c r="D6015" s="1">
        <v>45123.291666666664</v>
      </c>
      <c r="E6015" s="1">
        <v>45123.404166666667</v>
      </c>
      <c r="F6015">
        <v>0</v>
      </c>
      <c r="G6015">
        <v>0</v>
      </c>
      <c r="H6015">
        <v>0</v>
      </c>
      <c r="I6015">
        <v>0</v>
      </c>
      <c r="J6015">
        <v>0</v>
      </c>
      <c r="K6015">
        <v>0</v>
      </c>
      <c r="L6015">
        <v>0</v>
      </c>
      <c r="M6015">
        <v>0</v>
      </c>
      <c r="N6015">
        <v>0</v>
      </c>
      <c r="O6015">
        <v>0</v>
      </c>
      <c r="P6015">
        <v>0</v>
      </c>
      <c r="Q6015">
        <v>0</v>
      </c>
      <c r="R6015">
        <v>0</v>
      </c>
      <c r="S6015">
        <v>0</v>
      </c>
      <c r="T6015">
        <v>0</v>
      </c>
      <c r="U6015">
        <v>0</v>
      </c>
      <c r="V6015">
        <v>0</v>
      </c>
      <c r="W6015">
        <v>1</v>
      </c>
      <c r="X6015">
        <v>0</v>
      </c>
      <c r="Y6015">
        <v>28</v>
      </c>
      <c r="Z6015">
        <v>10</v>
      </c>
      <c r="AA6015">
        <v>97</v>
      </c>
      <c r="AB6015">
        <v>29</v>
      </c>
      <c r="AC6015">
        <v>64</v>
      </c>
      <c r="AD6015">
        <v>29</v>
      </c>
      <c r="AE6015">
        <v>65</v>
      </c>
      <c r="AF6015">
        <v>0</v>
      </c>
      <c r="AG6015">
        <v>50000</v>
      </c>
      <c r="AH6015">
        <v>50000</v>
      </c>
      <c r="AI6015">
        <v>0</v>
      </c>
      <c r="AJ6015">
        <v>0</v>
      </c>
      <c r="AK6015" t="s">
        <v>6</v>
      </c>
      <c r="AL6015">
        <v>0</v>
      </c>
      <c r="AM6015">
        <v>0</v>
      </c>
      <c r="AN6015">
        <v>0</v>
      </c>
      <c r="AO6015">
        <v>0</v>
      </c>
      <c r="AP6015">
        <v>0</v>
      </c>
      <c r="AQ6015">
        <v>0</v>
      </c>
      <c r="AR6015">
        <v>0</v>
      </c>
      <c r="AS6015">
        <v>0</v>
      </c>
      <c r="AT6015">
        <v>0</v>
      </c>
      <c r="AU6015">
        <v>0</v>
      </c>
      <c r="AV6015">
        <v>0</v>
      </c>
      <c r="AW6015">
        <v>0</v>
      </c>
      <c r="AX6015">
        <v>0</v>
      </c>
      <c r="AY6015">
        <v>0</v>
      </c>
      <c r="AZ6015">
        <v>0</v>
      </c>
      <c r="BA6015">
        <v>0</v>
      </c>
    </row>
    <row r="6016" spans="1:53" x14ac:dyDescent="0.4">
      <c r="A6016">
        <v>6060</v>
      </c>
      <c r="B6016" s="1">
        <v>45123</v>
      </c>
      <c r="C6016">
        <v>2</v>
      </c>
      <c r="D6016" s="1">
        <v>45123.404166666667</v>
      </c>
      <c r="E6016" s="1">
        <v>45123.726388888892</v>
      </c>
      <c r="F6016">
        <v>46840</v>
      </c>
      <c r="G6016">
        <v>3289</v>
      </c>
      <c r="H6016">
        <v>0</v>
      </c>
      <c r="I6016">
        <v>0</v>
      </c>
      <c r="J6016">
        <v>200</v>
      </c>
      <c r="K6016">
        <v>0</v>
      </c>
      <c r="L6016">
        <v>0</v>
      </c>
      <c r="M6016">
        <v>4534</v>
      </c>
      <c r="N6016">
        <v>0</v>
      </c>
      <c r="O6016">
        <v>0</v>
      </c>
      <c r="P6016">
        <v>20925</v>
      </c>
      <c r="Q6016">
        <v>0</v>
      </c>
      <c r="R6016">
        <v>70854</v>
      </c>
      <c r="S6016">
        <v>0</v>
      </c>
      <c r="T6016">
        <v>0</v>
      </c>
      <c r="U6016">
        <v>0</v>
      </c>
      <c r="V6016">
        <v>0</v>
      </c>
      <c r="W6016">
        <v>3</v>
      </c>
      <c r="X6016">
        <v>0</v>
      </c>
      <c r="Y6016">
        <v>71</v>
      </c>
      <c r="Z6016">
        <v>26</v>
      </c>
      <c r="AA6016">
        <v>144</v>
      </c>
      <c r="AB6016">
        <v>29</v>
      </c>
      <c r="AC6016">
        <v>81</v>
      </c>
      <c r="AD6016">
        <v>27</v>
      </c>
      <c r="AE6016">
        <v>79</v>
      </c>
      <c r="AF6016">
        <v>4980</v>
      </c>
      <c r="AG6016">
        <v>120854</v>
      </c>
      <c r="AH6016">
        <v>50000</v>
      </c>
      <c r="AI6016">
        <v>0</v>
      </c>
      <c r="AJ6016">
        <v>36</v>
      </c>
      <c r="AK6016" t="s">
        <v>68</v>
      </c>
      <c r="AL6016">
        <v>0</v>
      </c>
      <c r="AM6016">
        <v>0</v>
      </c>
      <c r="AN6016">
        <v>0</v>
      </c>
      <c r="AO6016">
        <v>0</v>
      </c>
      <c r="AP6016">
        <v>0</v>
      </c>
      <c r="AQ6016">
        <v>0</v>
      </c>
      <c r="AR6016">
        <v>0</v>
      </c>
      <c r="AS6016">
        <v>0</v>
      </c>
      <c r="AT6016">
        <v>0</v>
      </c>
      <c r="AU6016">
        <v>0</v>
      </c>
      <c r="AV6016">
        <v>0</v>
      </c>
      <c r="AW6016">
        <v>0</v>
      </c>
      <c r="AX6016">
        <v>-1642</v>
      </c>
      <c r="AY6016">
        <v>50</v>
      </c>
      <c r="AZ6016">
        <v>109</v>
      </c>
      <c r="BA6016">
        <v>7171</v>
      </c>
    </row>
    <row r="6017" spans="1:53" x14ac:dyDescent="0.4">
      <c r="A6017">
        <v>6061</v>
      </c>
      <c r="B6017" s="1">
        <v>45124</v>
      </c>
      <c r="C6017">
        <v>1</v>
      </c>
      <c r="D6017" s="1">
        <v>45124.291666666664</v>
      </c>
      <c r="E6017" s="1">
        <v>45124.405555555553</v>
      </c>
      <c r="F6017">
        <v>0</v>
      </c>
      <c r="G6017">
        <v>0</v>
      </c>
      <c r="H6017">
        <v>0</v>
      </c>
      <c r="I6017">
        <v>0</v>
      </c>
      <c r="J6017">
        <v>0</v>
      </c>
      <c r="K6017">
        <v>0</v>
      </c>
      <c r="L6017">
        <v>0</v>
      </c>
      <c r="M6017">
        <v>0</v>
      </c>
      <c r="N6017">
        <v>0</v>
      </c>
      <c r="O6017">
        <v>0</v>
      </c>
      <c r="P6017">
        <v>0</v>
      </c>
      <c r="Q6017">
        <v>0</v>
      </c>
      <c r="R6017">
        <v>0</v>
      </c>
      <c r="S6017">
        <v>0</v>
      </c>
      <c r="T6017">
        <v>0</v>
      </c>
      <c r="U6017">
        <v>0</v>
      </c>
      <c r="V6017">
        <v>0</v>
      </c>
      <c r="W6017">
        <v>0</v>
      </c>
      <c r="X6017">
        <v>0</v>
      </c>
      <c r="Y6017">
        <v>32</v>
      </c>
      <c r="Z6017">
        <v>13</v>
      </c>
      <c r="AA6017">
        <v>87</v>
      </c>
      <c r="AB6017">
        <v>34</v>
      </c>
      <c r="AC6017">
        <v>88</v>
      </c>
      <c r="AD6017">
        <v>27</v>
      </c>
      <c r="AE6017">
        <v>85</v>
      </c>
      <c r="AF6017">
        <v>0</v>
      </c>
      <c r="AG6017">
        <v>50000</v>
      </c>
      <c r="AH6017">
        <v>50000</v>
      </c>
      <c r="AI6017">
        <v>0</v>
      </c>
      <c r="AJ6017">
        <v>0</v>
      </c>
      <c r="AK6017" t="s">
        <v>6</v>
      </c>
      <c r="AL6017">
        <v>0</v>
      </c>
      <c r="AM6017">
        <v>0</v>
      </c>
      <c r="AN6017">
        <v>0</v>
      </c>
      <c r="AO6017">
        <v>0</v>
      </c>
      <c r="AP6017">
        <v>0</v>
      </c>
      <c r="AQ6017">
        <v>0</v>
      </c>
      <c r="AR6017">
        <v>0</v>
      </c>
      <c r="AS6017">
        <v>0</v>
      </c>
      <c r="AT6017">
        <v>0</v>
      </c>
      <c r="AU6017">
        <v>0</v>
      </c>
      <c r="AV6017">
        <v>0</v>
      </c>
      <c r="AW6017">
        <v>0</v>
      </c>
      <c r="AX6017">
        <v>0</v>
      </c>
      <c r="AY6017">
        <v>0</v>
      </c>
      <c r="AZ6017">
        <v>0</v>
      </c>
      <c r="BA6017">
        <v>0</v>
      </c>
    </row>
    <row r="6018" spans="1:53" x14ac:dyDescent="0.4">
      <c r="A6018">
        <v>6062</v>
      </c>
      <c r="B6018" s="1">
        <v>45124</v>
      </c>
      <c r="C6018">
        <v>2</v>
      </c>
      <c r="D6018" s="1">
        <v>45124.405555555553</v>
      </c>
      <c r="E6018" s="1">
        <v>45124.716666666667</v>
      </c>
      <c r="F6018">
        <v>47220</v>
      </c>
      <c r="G6018">
        <v>3421</v>
      </c>
      <c r="H6018">
        <v>0</v>
      </c>
      <c r="I6018">
        <v>0</v>
      </c>
      <c r="J6018">
        <v>0</v>
      </c>
      <c r="K6018">
        <v>0</v>
      </c>
      <c r="L6018">
        <v>0</v>
      </c>
      <c r="M6018">
        <v>4601</v>
      </c>
      <c r="N6018">
        <v>0</v>
      </c>
      <c r="O6018">
        <v>0</v>
      </c>
      <c r="P6018">
        <v>20410</v>
      </c>
      <c r="Q6018">
        <v>0</v>
      </c>
      <c r="R6018">
        <v>71051</v>
      </c>
      <c r="S6018">
        <v>0</v>
      </c>
      <c r="T6018">
        <v>0</v>
      </c>
      <c r="U6018">
        <v>0</v>
      </c>
      <c r="V6018">
        <v>3</v>
      </c>
      <c r="W6018">
        <v>0</v>
      </c>
      <c r="X6018">
        <v>0</v>
      </c>
      <c r="Y6018">
        <v>63</v>
      </c>
      <c r="Z6018">
        <v>27</v>
      </c>
      <c r="AA6018">
        <v>110</v>
      </c>
      <c r="AB6018">
        <v>35</v>
      </c>
      <c r="AC6018">
        <v>98</v>
      </c>
      <c r="AD6018">
        <v>28</v>
      </c>
      <c r="AE6018">
        <v>81</v>
      </c>
      <c r="AF6018">
        <v>600</v>
      </c>
      <c r="AG6018">
        <v>121051</v>
      </c>
      <c r="AH6018">
        <v>50000</v>
      </c>
      <c r="AI6018">
        <v>0</v>
      </c>
      <c r="AJ6018">
        <v>42</v>
      </c>
      <c r="AK6018" t="s">
        <v>72</v>
      </c>
      <c r="AL6018">
        <v>0</v>
      </c>
      <c r="AM6018">
        <v>0</v>
      </c>
      <c r="AN6018">
        <v>0</v>
      </c>
      <c r="AO6018">
        <v>0</v>
      </c>
      <c r="AP6018">
        <v>0</v>
      </c>
      <c r="AQ6018">
        <v>0</v>
      </c>
      <c r="AR6018">
        <v>0</v>
      </c>
      <c r="AS6018">
        <v>0</v>
      </c>
      <c r="AT6018">
        <v>0</v>
      </c>
      <c r="AU6018">
        <v>0</v>
      </c>
      <c r="AV6018">
        <v>0</v>
      </c>
      <c r="AW6018">
        <v>0</v>
      </c>
      <c r="AX6018">
        <v>913</v>
      </c>
      <c r="AY6018">
        <v>48</v>
      </c>
      <c r="AZ6018">
        <v>107</v>
      </c>
      <c r="BA6018">
        <v>7084</v>
      </c>
    </row>
    <row r="6019" spans="1:53" x14ac:dyDescent="0.4">
      <c r="A6019">
        <v>6063</v>
      </c>
      <c r="B6019" s="1">
        <v>45125</v>
      </c>
      <c r="C6019">
        <v>1</v>
      </c>
      <c r="D6019" s="1">
        <v>45125.291666666664</v>
      </c>
      <c r="E6019" s="1">
        <v>45125.447916666664</v>
      </c>
      <c r="F6019">
        <v>0</v>
      </c>
      <c r="G6019">
        <v>0</v>
      </c>
      <c r="H6019">
        <v>0</v>
      </c>
      <c r="I6019">
        <v>0</v>
      </c>
      <c r="J6019">
        <v>0</v>
      </c>
      <c r="K6019">
        <v>0</v>
      </c>
      <c r="L6019">
        <v>0</v>
      </c>
      <c r="M6019">
        <v>0</v>
      </c>
      <c r="N6019">
        <v>0</v>
      </c>
      <c r="O6019">
        <v>0</v>
      </c>
      <c r="P6019">
        <v>0</v>
      </c>
      <c r="Q6019">
        <v>0</v>
      </c>
      <c r="R6019">
        <v>0</v>
      </c>
      <c r="S6019">
        <v>0</v>
      </c>
      <c r="T6019">
        <v>0</v>
      </c>
      <c r="U6019">
        <v>0</v>
      </c>
      <c r="V6019">
        <v>0</v>
      </c>
      <c r="W6019">
        <v>1</v>
      </c>
      <c r="X6019">
        <v>0</v>
      </c>
      <c r="Y6019">
        <v>25</v>
      </c>
      <c r="Z6019">
        <v>14</v>
      </c>
      <c r="AA6019">
        <v>100</v>
      </c>
      <c r="AB6019">
        <v>34</v>
      </c>
      <c r="AC6019">
        <v>107</v>
      </c>
      <c r="AD6019">
        <v>30</v>
      </c>
      <c r="AE6019">
        <v>80</v>
      </c>
      <c r="AF6019">
        <v>0</v>
      </c>
      <c r="AG6019">
        <v>50000</v>
      </c>
      <c r="AH6019">
        <v>50000</v>
      </c>
      <c r="AI6019">
        <v>0</v>
      </c>
      <c r="AJ6019">
        <v>0</v>
      </c>
      <c r="AK6019" t="s">
        <v>6</v>
      </c>
      <c r="AL6019">
        <v>0</v>
      </c>
      <c r="AM6019">
        <v>0</v>
      </c>
      <c r="AN6019">
        <v>0</v>
      </c>
      <c r="AO6019">
        <v>0</v>
      </c>
      <c r="AP6019">
        <v>0</v>
      </c>
      <c r="AQ6019">
        <v>0</v>
      </c>
      <c r="AR6019">
        <v>0</v>
      </c>
      <c r="AS6019">
        <v>0</v>
      </c>
      <c r="AT6019">
        <v>0</v>
      </c>
      <c r="AU6019">
        <v>0</v>
      </c>
      <c r="AV6019">
        <v>0</v>
      </c>
      <c r="AW6019">
        <v>0</v>
      </c>
      <c r="AX6019">
        <v>0</v>
      </c>
      <c r="AY6019">
        <v>0</v>
      </c>
      <c r="AZ6019">
        <v>0</v>
      </c>
      <c r="BA6019">
        <v>0</v>
      </c>
    </row>
    <row r="6020" spans="1:53" x14ac:dyDescent="0.4">
      <c r="A6020">
        <v>6064</v>
      </c>
      <c r="B6020" s="1">
        <v>45125</v>
      </c>
      <c r="C6020">
        <v>2</v>
      </c>
      <c r="D6020" s="1">
        <v>45125.447916666664</v>
      </c>
      <c r="E6020" s="1">
        <v>45125.709027777775</v>
      </c>
      <c r="F6020">
        <v>20720</v>
      </c>
      <c r="G6020">
        <v>440</v>
      </c>
      <c r="H6020">
        <v>0</v>
      </c>
      <c r="I6020">
        <v>0</v>
      </c>
      <c r="J6020">
        <v>100</v>
      </c>
      <c r="K6020">
        <v>0</v>
      </c>
      <c r="L6020">
        <v>0</v>
      </c>
      <c r="M6020">
        <v>1916</v>
      </c>
      <c r="N6020">
        <v>0</v>
      </c>
      <c r="O6020">
        <v>0</v>
      </c>
      <c r="P6020">
        <v>20290</v>
      </c>
      <c r="Q6020">
        <v>0</v>
      </c>
      <c r="R6020">
        <v>41350</v>
      </c>
      <c r="S6020">
        <v>0</v>
      </c>
      <c r="T6020">
        <v>0</v>
      </c>
      <c r="U6020">
        <v>0</v>
      </c>
      <c r="V6020">
        <v>0</v>
      </c>
      <c r="W6020">
        <v>3</v>
      </c>
      <c r="X6020">
        <v>0</v>
      </c>
      <c r="Y6020">
        <v>50</v>
      </c>
      <c r="Z6020">
        <v>23</v>
      </c>
      <c r="AA6020">
        <v>99</v>
      </c>
      <c r="AB6020">
        <v>32</v>
      </c>
      <c r="AC6020">
        <v>109</v>
      </c>
      <c r="AD6020">
        <v>30</v>
      </c>
      <c r="AE6020">
        <v>80</v>
      </c>
      <c r="AF6020">
        <v>2030</v>
      </c>
      <c r="AG6020">
        <v>91350</v>
      </c>
      <c r="AH6020">
        <v>50000</v>
      </c>
      <c r="AI6020">
        <v>0</v>
      </c>
      <c r="AJ6020">
        <v>38</v>
      </c>
      <c r="AK6020" t="s">
        <v>75</v>
      </c>
      <c r="AL6020">
        <v>0</v>
      </c>
      <c r="AM6020">
        <v>0</v>
      </c>
      <c r="AN6020">
        <v>0</v>
      </c>
      <c r="AO6020">
        <v>0</v>
      </c>
      <c r="AP6020">
        <v>0</v>
      </c>
      <c r="AQ6020">
        <v>0</v>
      </c>
      <c r="AR6020">
        <v>0</v>
      </c>
      <c r="AS6020">
        <v>0</v>
      </c>
      <c r="AT6020">
        <v>0</v>
      </c>
      <c r="AU6020">
        <v>0</v>
      </c>
      <c r="AV6020">
        <v>0</v>
      </c>
      <c r="AW6020">
        <v>0</v>
      </c>
      <c r="AX6020">
        <v>383</v>
      </c>
      <c r="AY6020">
        <v>36</v>
      </c>
      <c r="AZ6020">
        <v>66</v>
      </c>
      <c r="BA6020">
        <v>5084</v>
      </c>
    </row>
    <row r="6021" spans="1:53" x14ac:dyDescent="0.4">
      <c r="A6021">
        <v>6065</v>
      </c>
      <c r="B6021" s="1">
        <v>45126</v>
      </c>
      <c r="C6021">
        <v>1</v>
      </c>
      <c r="D6021" s="1">
        <v>45126.291666666664</v>
      </c>
      <c r="E6021" s="1">
        <v>45126.445138888892</v>
      </c>
      <c r="F6021">
        <v>0</v>
      </c>
      <c r="G6021">
        <v>0</v>
      </c>
      <c r="H6021">
        <v>0</v>
      </c>
      <c r="I6021">
        <v>0</v>
      </c>
      <c r="J6021">
        <v>0</v>
      </c>
      <c r="K6021">
        <v>0</v>
      </c>
      <c r="L6021">
        <v>0</v>
      </c>
      <c r="M6021">
        <v>0</v>
      </c>
      <c r="N6021">
        <v>0</v>
      </c>
      <c r="O6021">
        <v>0</v>
      </c>
      <c r="P6021">
        <v>0</v>
      </c>
      <c r="Q6021">
        <v>0</v>
      </c>
      <c r="R6021">
        <v>0</v>
      </c>
      <c r="S6021">
        <v>0</v>
      </c>
      <c r="T6021">
        <v>0</v>
      </c>
      <c r="U6021">
        <v>0</v>
      </c>
      <c r="V6021">
        <v>0</v>
      </c>
      <c r="W6021">
        <v>1</v>
      </c>
      <c r="X6021">
        <v>0</v>
      </c>
      <c r="Y6021">
        <v>30</v>
      </c>
      <c r="Z6021">
        <v>10</v>
      </c>
      <c r="AA6021">
        <v>73</v>
      </c>
      <c r="AB6021">
        <v>33</v>
      </c>
      <c r="AC6021">
        <v>83</v>
      </c>
      <c r="AD6021">
        <v>29</v>
      </c>
      <c r="AE6021">
        <v>75</v>
      </c>
      <c r="AF6021">
        <v>0</v>
      </c>
      <c r="AG6021">
        <v>50000</v>
      </c>
      <c r="AH6021">
        <v>50000</v>
      </c>
      <c r="AI6021">
        <v>0</v>
      </c>
      <c r="AJ6021">
        <v>0</v>
      </c>
      <c r="AK6021" t="s">
        <v>6</v>
      </c>
      <c r="AL6021">
        <v>0</v>
      </c>
      <c r="AM6021">
        <v>0</v>
      </c>
      <c r="AN6021">
        <v>0</v>
      </c>
      <c r="AO6021">
        <v>0</v>
      </c>
      <c r="AP6021">
        <v>0</v>
      </c>
      <c r="AQ6021">
        <v>0</v>
      </c>
      <c r="AR6021">
        <v>0</v>
      </c>
      <c r="AS6021">
        <v>0</v>
      </c>
      <c r="AT6021">
        <v>0</v>
      </c>
      <c r="AU6021">
        <v>0</v>
      </c>
      <c r="AV6021">
        <v>0</v>
      </c>
      <c r="AW6021">
        <v>0</v>
      </c>
      <c r="AX6021">
        <v>0</v>
      </c>
      <c r="AY6021">
        <v>0</v>
      </c>
      <c r="AZ6021">
        <v>0</v>
      </c>
      <c r="BA6021">
        <v>0</v>
      </c>
    </row>
    <row r="6022" spans="1:53" x14ac:dyDescent="0.4">
      <c r="A6022">
        <v>6066</v>
      </c>
      <c r="B6022" s="1">
        <v>45126</v>
      </c>
      <c r="C6022">
        <v>2</v>
      </c>
      <c r="D6022" s="1">
        <v>45126.445138888892</v>
      </c>
      <c r="E6022" s="1">
        <v>45126.749305555553</v>
      </c>
      <c r="F6022">
        <v>23620</v>
      </c>
      <c r="G6022">
        <v>913</v>
      </c>
      <c r="H6022">
        <v>308</v>
      </c>
      <c r="I6022">
        <v>0</v>
      </c>
      <c r="J6022">
        <v>300</v>
      </c>
      <c r="K6022">
        <v>0</v>
      </c>
      <c r="L6022">
        <v>0</v>
      </c>
      <c r="M6022">
        <v>2229</v>
      </c>
      <c r="N6022">
        <v>0</v>
      </c>
      <c r="O6022">
        <v>0</v>
      </c>
      <c r="P6022">
        <v>16070</v>
      </c>
      <c r="Q6022">
        <v>0</v>
      </c>
      <c r="R6022">
        <v>40611</v>
      </c>
      <c r="S6022">
        <v>0</v>
      </c>
      <c r="T6022">
        <v>0</v>
      </c>
      <c r="U6022">
        <v>0</v>
      </c>
      <c r="V6022">
        <v>3</v>
      </c>
      <c r="W6022">
        <v>0</v>
      </c>
      <c r="X6022">
        <v>0</v>
      </c>
      <c r="Y6022">
        <v>39</v>
      </c>
      <c r="Z6022">
        <v>27</v>
      </c>
      <c r="AA6022">
        <v>38</v>
      </c>
      <c r="AB6022">
        <v>30</v>
      </c>
      <c r="AC6022">
        <v>100</v>
      </c>
      <c r="AD6022">
        <v>29</v>
      </c>
      <c r="AE6022">
        <v>78</v>
      </c>
      <c r="AF6022">
        <v>1588</v>
      </c>
      <c r="AG6022">
        <v>90611</v>
      </c>
      <c r="AH6022">
        <v>50000</v>
      </c>
      <c r="AI6022">
        <v>0</v>
      </c>
      <c r="AJ6022">
        <v>36</v>
      </c>
      <c r="AK6022" t="s">
        <v>68</v>
      </c>
      <c r="AL6022">
        <v>0</v>
      </c>
      <c r="AM6022">
        <v>0</v>
      </c>
      <c r="AN6022">
        <v>0</v>
      </c>
      <c r="AO6022">
        <v>0</v>
      </c>
      <c r="AP6022">
        <v>0</v>
      </c>
      <c r="AQ6022">
        <v>0</v>
      </c>
      <c r="AR6022">
        <v>0</v>
      </c>
      <c r="AS6022">
        <v>0</v>
      </c>
      <c r="AT6022">
        <v>0</v>
      </c>
      <c r="AU6022">
        <v>0</v>
      </c>
      <c r="AV6022">
        <v>0</v>
      </c>
      <c r="AW6022">
        <v>0</v>
      </c>
      <c r="AX6022">
        <v>613</v>
      </c>
      <c r="AY6022">
        <v>45</v>
      </c>
      <c r="AZ6022">
        <v>67</v>
      </c>
      <c r="BA6022">
        <v>6135</v>
      </c>
    </row>
    <row r="6023" spans="1:53" x14ac:dyDescent="0.4">
      <c r="A6023">
        <v>6067</v>
      </c>
      <c r="B6023" s="1">
        <v>45127</v>
      </c>
      <c r="C6023">
        <v>1</v>
      </c>
      <c r="D6023" s="1">
        <v>45127.291666666664</v>
      </c>
      <c r="E6023" s="1">
        <v>45127.745138888888</v>
      </c>
      <c r="F6023">
        <v>24080</v>
      </c>
      <c r="G6023">
        <v>1188</v>
      </c>
      <c r="H6023">
        <v>0</v>
      </c>
      <c r="I6023">
        <v>0</v>
      </c>
      <c r="J6023">
        <v>0</v>
      </c>
      <c r="K6023">
        <v>0</v>
      </c>
      <c r="L6023">
        <v>0</v>
      </c>
      <c r="M6023">
        <v>2296</v>
      </c>
      <c r="N6023">
        <v>0</v>
      </c>
      <c r="O6023">
        <v>0</v>
      </c>
      <c r="P6023">
        <v>25260</v>
      </c>
      <c r="Q6023">
        <v>0</v>
      </c>
      <c r="R6023">
        <v>50528</v>
      </c>
      <c r="S6023">
        <v>0</v>
      </c>
      <c r="T6023">
        <v>0</v>
      </c>
      <c r="U6023">
        <v>0</v>
      </c>
      <c r="V6023">
        <v>1</v>
      </c>
      <c r="W6023">
        <v>0</v>
      </c>
      <c r="X6023">
        <v>0</v>
      </c>
      <c r="Y6023">
        <v>67</v>
      </c>
      <c r="Z6023">
        <v>18</v>
      </c>
      <c r="AA6023">
        <v>67</v>
      </c>
      <c r="AB6023">
        <v>40</v>
      </c>
      <c r="AC6023">
        <v>70</v>
      </c>
      <c r="AD6023">
        <v>33</v>
      </c>
      <c r="AE6023">
        <v>83</v>
      </c>
      <c r="AF6023">
        <v>4890</v>
      </c>
      <c r="AG6023">
        <v>100538</v>
      </c>
      <c r="AH6023">
        <v>50000</v>
      </c>
      <c r="AI6023">
        <v>10</v>
      </c>
      <c r="AJ6023">
        <v>104</v>
      </c>
      <c r="AK6023" t="s">
        <v>60</v>
      </c>
      <c r="AL6023">
        <v>0</v>
      </c>
      <c r="AM6023">
        <v>0</v>
      </c>
      <c r="AN6023">
        <v>0</v>
      </c>
      <c r="AO6023">
        <v>0</v>
      </c>
      <c r="AP6023">
        <v>0</v>
      </c>
      <c r="AQ6023">
        <v>0</v>
      </c>
      <c r="AR6023">
        <v>0</v>
      </c>
      <c r="AS6023">
        <v>0</v>
      </c>
      <c r="AT6023">
        <v>0</v>
      </c>
      <c r="AU6023">
        <v>0</v>
      </c>
      <c r="AV6023">
        <v>0</v>
      </c>
      <c r="AW6023">
        <v>0</v>
      </c>
      <c r="AX6023">
        <v>-595</v>
      </c>
      <c r="AY6023">
        <v>37</v>
      </c>
      <c r="AZ6023">
        <v>77</v>
      </c>
      <c r="BA6023">
        <v>5697</v>
      </c>
    </row>
    <row r="6024" spans="1:53" x14ac:dyDescent="0.4">
      <c r="A6024">
        <v>6068</v>
      </c>
      <c r="B6024" s="1">
        <v>45128</v>
      </c>
      <c r="C6024">
        <v>1</v>
      </c>
      <c r="D6024" s="1">
        <v>45128.291666666664</v>
      </c>
      <c r="E6024" s="1">
        <v>45128.402777777781</v>
      </c>
      <c r="F6024">
        <v>0</v>
      </c>
      <c r="G6024">
        <v>0</v>
      </c>
      <c r="H6024">
        <v>0</v>
      </c>
      <c r="I6024">
        <v>0</v>
      </c>
      <c r="J6024">
        <v>0</v>
      </c>
      <c r="K6024">
        <v>0</v>
      </c>
      <c r="L6024">
        <v>0</v>
      </c>
      <c r="M6024">
        <v>0</v>
      </c>
      <c r="N6024">
        <v>0</v>
      </c>
      <c r="O6024">
        <v>0</v>
      </c>
      <c r="P6024">
        <v>0</v>
      </c>
      <c r="Q6024">
        <v>0</v>
      </c>
      <c r="R6024">
        <v>0</v>
      </c>
      <c r="S6024">
        <v>0</v>
      </c>
      <c r="T6024">
        <v>0</v>
      </c>
      <c r="U6024">
        <v>0</v>
      </c>
      <c r="V6024">
        <v>0</v>
      </c>
      <c r="W6024">
        <v>0</v>
      </c>
      <c r="X6024">
        <v>0</v>
      </c>
      <c r="Y6024">
        <v>36</v>
      </c>
      <c r="Z6024">
        <v>10</v>
      </c>
      <c r="AA6024">
        <v>65</v>
      </c>
      <c r="AB6024">
        <v>31</v>
      </c>
      <c r="AC6024">
        <v>69</v>
      </c>
      <c r="AD6024">
        <v>35</v>
      </c>
      <c r="AE6024">
        <v>85</v>
      </c>
      <c r="AF6024">
        <v>0</v>
      </c>
      <c r="AG6024">
        <v>50000</v>
      </c>
      <c r="AH6024">
        <v>50000</v>
      </c>
      <c r="AI6024">
        <v>0</v>
      </c>
      <c r="AJ6024">
        <v>0</v>
      </c>
      <c r="AK6024" t="s">
        <v>6</v>
      </c>
      <c r="AL6024">
        <v>0</v>
      </c>
      <c r="AM6024">
        <v>0</v>
      </c>
      <c r="AN6024">
        <v>0</v>
      </c>
      <c r="AO6024">
        <v>0</v>
      </c>
      <c r="AP6024">
        <v>0</v>
      </c>
      <c r="AQ6024">
        <v>0</v>
      </c>
      <c r="AR6024">
        <v>0</v>
      </c>
      <c r="AS6024">
        <v>0</v>
      </c>
      <c r="AT6024">
        <v>0</v>
      </c>
      <c r="AU6024">
        <v>0</v>
      </c>
      <c r="AV6024">
        <v>0</v>
      </c>
      <c r="AW6024">
        <v>0</v>
      </c>
      <c r="AX6024">
        <v>0</v>
      </c>
      <c r="AY6024">
        <v>0</v>
      </c>
      <c r="AZ6024">
        <v>0</v>
      </c>
      <c r="BA6024">
        <v>0</v>
      </c>
    </row>
    <row r="6025" spans="1:53" x14ac:dyDescent="0.4">
      <c r="A6025">
        <v>6069</v>
      </c>
      <c r="B6025" s="1">
        <v>45128</v>
      </c>
      <c r="C6025">
        <v>2</v>
      </c>
      <c r="D6025" s="1">
        <v>45128.402777777781</v>
      </c>
      <c r="E6025" s="1">
        <v>45128.728472222225</v>
      </c>
      <c r="F6025">
        <v>32080</v>
      </c>
      <c r="G6025">
        <v>1056</v>
      </c>
      <c r="H6025">
        <v>220</v>
      </c>
      <c r="I6025">
        <v>0</v>
      </c>
      <c r="J6025">
        <v>100</v>
      </c>
      <c r="K6025">
        <v>200</v>
      </c>
      <c r="L6025">
        <v>0</v>
      </c>
      <c r="M6025">
        <v>3038</v>
      </c>
      <c r="N6025">
        <v>0</v>
      </c>
      <c r="O6025">
        <v>0</v>
      </c>
      <c r="P6025">
        <v>10668</v>
      </c>
      <c r="Q6025">
        <v>0</v>
      </c>
      <c r="R6025">
        <v>44124</v>
      </c>
      <c r="S6025">
        <v>0</v>
      </c>
      <c r="T6025">
        <v>0</v>
      </c>
      <c r="U6025">
        <v>0</v>
      </c>
      <c r="V6025">
        <v>0</v>
      </c>
      <c r="W6025">
        <v>0</v>
      </c>
      <c r="X6025">
        <v>0</v>
      </c>
      <c r="Y6025">
        <v>77</v>
      </c>
      <c r="Z6025">
        <v>12</v>
      </c>
      <c r="AA6025">
        <v>71</v>
      </c>
      <c r="AB6025">
        <v>25</v>
      </c>
      <c r="AC6025">
        <v>70</v>
      </c>
      <c r="AD6025">
        <v>37</v>
      </c>
      <c r="AE6025">
        <v>79</v>
      </c>
      <c r="AF6025">
        <v>1810</v>
      </c>
      <c r="AG6025">
        <v>94124</v>
      </c>
      <c r="AH6025">
        <v>50000</v>
      </c>
      <c r="AI6025">
        <v>0</v>
      </c>
      <c r="AJ6025">
        <v>36</v>
      </c>
      <c r="AK6025" t="s">
        <v>68</v>
      </c>
      <c r="AL6025">
        <v>0</v>
      </c>
      <c r="AM6025">
        <v>0</v>
      </c>
      <c r="AN6025">
        <v>0</v>
      </c>
      <c r="AO6025">
        <v>0</v>
      </c>
      <c r="AP6025">
        <v>0</v>
      </c>
      <c r="AQ6025">
        <v>0</v>
      </c>
      <c r="AR6025">
        <v>0</v>
      </c>
      <c r="AS6025">
        <v>0</v>
      </c>
      <c r="AT6025">
        <v>0</v>
      </c>
      <c r="AU6025">
        <v>0</v>
      </c>
      <c r="AV6025">
        <v>0</v>
      </c>
      <c r="AW6025">
        <v>0</v>
      </c>
      <c r="AX6025">
        <v>0</v>
      </c>
      <c r="AY6025">
        <v>40</v>
      </c>
      <c r="AZ6025">
        <v>71</v>
      </c>
      <c r="BA6025">
        <v>5859</v>
      </c>
    </row>
    <row r="6026" spans="1:53" x14ac:dyDescent="0.4">
      <c r="A6026">
        <v>6070</v>
      </c>
      <c r="B6026" s="1">
        <v>45129</v>
      </c>
      <c r="C6026">
        <v>1</v>
      </c>
      <c r="D6026" s="1">
        <v>45129.291666666664</v>
      </c>
      <c r="E6026" s="1">
        <v>45129.397222222222</v>
      </c>
      <c r="F6026">
        <v>0</v>
      </c>
      <c r="G6026">
        <v>0</v>
      </c>
      <c r="H6026">
        <v>0</v>
      </c>
      <c r="I6026">
        <v>0</v>
      </c>
      <c r="J6026">
        <v>0</v>
      </c>
      <c r="K6026">
        <v>0</v>
      </c>
      <c r="L6026">
        <v>0</v>
      </c>
      <c r="M6026">
        <v>0</v>
      </c>
      <c r="N6026">
        <v>0</v>
      </c>
      <c r="O6026">
        <v>0</v>
      </c>
      <c r="P6026">
        <v>0</v>
      </c>
      <c r="Q6026">
        <v>0</v>
      </c>
      <c r="R6026">
        <v>0</v>
      </c>
      <c r="S6026">
        <v>0</v>
      </c>
      <c r="T6026">
        <v>0</v>
      </c>
      <c r="U6026">
        <v>0</v>
      </c>
      <c r="V6026">
        <v>0</v>
      </c>
      <c r="W6026">
        <v>1</v>
      </c>
      <c r="X6026">
        <v>0</v>
      </c>
      <c r="Y6026">
        <v>31</v>
      </c>
      <c r="Z6026">
        <v>9</v>
      </c>
      <c r="AA6026">
        <v>70</v>
      </c>
      <c r="AB6026">
        <v>32</v>
      </c>
      <c r="AC6026">
        <v>63</v>
      </c>
      <c r="AD6026">
        <v>39</v>
      </c>
      <c r="AE6026">
        <v>75</v>
      </c>
      <c r="AF6026">
        <v>0</v>
      </c>
      <c r="AG6026">
        <v>50000</v>
      </c>
      <c r="AH6026">
        <v>50000</v>
      </c>
      <c r="AI6026">
        <v>0</v>
      </c>
      <c r="AJ6026">
        <v>0</v>
      </c>
      <c r="AK6026" t="s">
        <v>6</v>
      </c>
      <c r="AL6026">
        <v>0</v>
      </c>
      <c r="AM6026">
        <v>0</v>
      </c>
      <c r="AN6026">
        <v>0</v>
      </c>
      <c r="AO6026">
        <v>0</v>
      </c>
      <c r="AP6026">
        <v>0</v>
      </c>
      <c r="AQ6026">
        <v>0</v>
      </c>
      <c r="AR6026">
        <v>0</v>
      </c>
      <c r="AS6026">
        <v>0</v>
      </c>
      <c r="AT6026">
        <v>0</v>
      </c>
      <c r="AU6026">
        <v>0</v>
      </c>
      <c r="AV6026">
        <v>0</v>
      </c>
      <c r="AW6026">
        <v>0</v>
      </c>
      <c r="AX6026">
        <v>0</v>
      </c>
      <c r="AY6026">
        <v>0</v>
      </c>
      <c r="AZ6026">
        <v>0</v>
      </c>
      <c r="BA6026">
        <v>0</v>
      </c>
    </row>
    <row r="6027" spans="1:53" x14ac:dyDescent="0.4">
      <c r="A6027">
        <v>6071</v>
      </c>
      <c r="B6027" s="1">
        <v>45129</v>
      </c>
      <c r="C6027">
        <v>2</v>
      </c>
      <c r="D6027" s="1">
        <v>45129.397222222222</v>
      </c>
      <c r="E6027" s="1">
        <v>45129.738194444442</v>
      </c>
      <c r="F6027">
        <v>41290</v>
      </c>
      <c r="G6027">
        <v>2266</v>
      </c>
      <c r="H6027">
        <v>0</v>
      </c>
      <c r="I6027">
        <v>0</v>
      </c>
      <c r="J6027">
        <v>500</v>
      </c>
      <c r="K6027">
        <v>0</v>
      </c>
      <c r="L6027">
        <v>0</v>
      </c>
      <c r="M6027">
        <v>3916</v>
      </c>
      <c r="N6027">
        <v>0</v>
      </c>
      <c r="O6027">
        <v>0</v>
      </c>
      <c r="P6027">
        <v>14360</v>
      </c>
      <c r="Q6027">
        <v>0</v>
      </c>
      <c r="R6027">
        <v>57416</v>
      </c>
      <c r="S6027">
        <v>0</v>
      </c>
      <c r="T6027">
        <v>0</v>
      </c>
      <c r="U6027">
        <v>0</v>
      </c>
      <c r="V6027">
        <v>2</v>
      </c>
      <c r="W6027">
        <v>2</v>
      </c>
      <c r="X6027">
        <v>0</v>
      </c>
      <c r="Y6027">
        <v>51</v>
      </c>
      <c r="Z6027">
        <v>20</v>
      </c>
      <c r="AA6027">
        <v>63</v>
      </c>
      <c r="AB6027">
        <v>36</v>
      </c>
      <c r="AC6027">
        <v>80</v>
      </c>
      <c r="AD6027">
        <v>36</v>
      </c>
      <c r="AE6027">
        <v>76</v>
      </c>
      <c r="AF6027">
        <v>7260</v>
      </c>
      <c r="AG6027">
        <v>107416</v>
      </c>
      <c r="AH6027">
        <v>50000</v>
      </c>
      <c r="AI6027">
        <v>0</v>
      </c>
      <c r="AJ6027">
        <v>118</v>
      </c>
      <c r="AK6027" t="s">
        <v>59</v>
      </c>
      <c r="AL6027">
        <v>0</v>
      </c>
      <c r="AM6027">
        <v>0</v>
      </c>
      <c r="AN6027">
        <v>0</v>
      </c>
      <c r="AO6027">
        <v>0</v>
      </c>
      <c r="AP6027">
        <v>0</v>
      </c>
      <c r="AQ6027">
        <v>0</v>
      </c>
      <c r="AR6027">
        <v>0</v>
      </c>
      <c r="AS6027">
        <v>0</v>
      </c>
      <c r="AT6027">
        <v>0</v>
      </c>
      <c r="AU6027">
        <v>0</v>
      </c>
      <c r="AV6027">
        <v>0</v>
      </c>
      <c r="AW6027">
        <v>0</v>
      </c>
      <c r="AX6027">
        <v>0</v>
      </c>
      <c r="AY6027">
        <v>45</v>
      </c>
      <c r="AZ6027">
        <v>88</v>
      </c>
      <c r="BA6027">
        <v>7293</v>
      </c>
    </row>
    <row r="6028" spans="1:53" x14ac:dyDescent="0.4">
      <c r="A6028">
        <v>6072</v>
      </c>
      <c r="B6028" s="1">
        <v>45130</v>
      </c>
      <c r="C6028">
        <v>1</v>
      </c>
      <c r="D6028" s="1">
        <v>45130.291666666664</v>
      </c>
      <c r="E6028" s="1">
        <v>45130.407638888886</v>
      </c>
      <c r="F6028">
        <v>0</v>
      </c>
      <c r="G6028">
        <v>0</v>
      </c>
      <c r="H6028">
        <v>0</v>
      </c>
      <c r="I6028">
        <v>0</v>
      </c>
      <c r="J6028">
        <v>0</v>
      </c>
      <c r="K6028">
        <v>0</v>
      </c>
      <c r="L6028">
        <v>0</v>
      </c>
      <c r="M6028">
        <v>0</v>
      </c>
      <c r="N6028">
        <v>0</v>
      </c>
      <c r="O6028">
        <v>0</v>
      </c>
      <c r="P6028">
        <v>0</v>
      </c>
      <c r="Q6028">
        <v>0</v>
      </c>
      <c r="R6028">
        <v>0</v>
      </c>
      <c r="S6028">
        <v>0</v>
      </c>
      <c r="T6028">
        <v>0</v>
      </c>
      <c r="U6028">
        <v>0</v>
      </c>
      <c r="V6028">
        <v>0</v>
      </c>
      <c r="W6028">
        <v>1</v>
      </c>
      <c r="X6028">
        <v>0</v>
      </c>
      <c r="Y6028">
        <v>30</v>
      </c>
      <c r="Z6028">
        <v>11</v>
      </c>
      <c r="AA6028">
        <v>70</v>
      </c>
      <c r="AB6028">
        <v>33</v>
      </c>
      <c r="AC6028">
        <v>61</v>
      </c>
      <c r="AD6028">
        <v>34</v>
      </c>
      <c r="AE6028">
        <v>70</v>
      </c>
      <c r="AF6028">
        <v>0</v>
      </c>
      <c r="AG6028">
        <v>50000</v>
      </c>
      <c r="AH6028">
        <v>50000</v>
      </c>
      <c r="AI6028">
        <v>0</v>
      </c>
      <c r="AJ6028">
        <v>0</v>
      </c>
      <c r="AK6028" t="s">
        <v>6</v>
      </c>
      <c r="AL6028">
        <v>0</v>
      </c>
      <c r="AM6028">
        <v>0</v>
      </c>
      <c r="AN6028">
        <v>0</v>
      </c>
      <c r="AO6028">
        <v>0</v>
      </c>
      <c r="AP6028">
        <v>0</v>
      </c>
      <c r="AQ6028">
        <v>0</v>
      </c>
      <c r="AR6028">
        <v>0</v>
      </c>
      <c r="AS6028">
        <v>0</v>
      </c>
      <c r="AT6028">
        <v>0</v>
      </c>
      <c r="AU6028">
        <v>0</v>
      </c>
      <c r="AV6028">
        <v>0</v>
      </c>
      <c r="AW6028">
        <v>0</v>
      </c>
      <c r="AX6028">
        <v>0</v>
      </c>
      <c r="AY6028">
        <v>0</v>
      </c>
      <c r="AZ6028">
        <v>0</v>
      </c>
      <c r="BA6028">
        <v>0</v>
      </c>
    </row>
    <row r="6029" spans="1:53" x14ac:dyDescent="0.4">
      <c r="A6029">
        <v>6073</v>
      </c>
      <c r="B6029" s="1">
        <v>45130</v>
      </c>
      <c r="C6029">
        <v>2</v>
      </c>
      <c r="D6029" s="1">
        <v>45130.407638888886</v>
      </c>
      <c r="E6029" s="1">
        <v>45130.727083333331</v>
      </c>
      <c r="F6029">
        <v>36500</v>
      </c>
      <c r="G6029">
        <v>2266</v>
      </c>
      <c r="H6029">
        <v>220</v>
      </c>
      <c r="I6029">
        <v>0</v>
      </c>
      <c r="J6029">
        <v>100</v>
      </c>
      <c r="K6029">
        <v>0</v>
      </c>
      <c r="L6029">
        <v>0</v>
      </c>
      <c r="M6029">
        <v>3532</v>
      </c>
      <c r="N6029">
        <v>0</v>
      </c>
      <c r="O6029">
        <v>0</v>
      </c>
      <c r="P6029">
        <v>23580</v>
      </c>
      <c r="Q6029">
        <v>0</v>
      </c>
      <c r="R6029">
        <v>62466</v>
      </c>
      <c r="S6029">
        <v>0</v>
      </c>
      <c r="T6029">
        <v>0</v>
      </c>
      <c r="U6029">
        <v>0</v>
      </c>
      <c r="V6029">
        <v>1</v>
      </c>
      <c r="W6029">
        <v>3</v>
      </c>
      <c r="X6029">
        <v>0</v>
      </c>
      <c r="Y6029">
        <v>60</v>
      </c>
      <c r="Z6029">
        <v>26</v>
      </c>
      <c r="AA6029">
        <v>78</v>
      </c>
      <c r="AB6029">
        <v>27</v>
      </c>
      <c r="AC6029">
        <v>77</v>
      </c>
      <c r="AD6029">
        <v>36</v>
      </c>
      <c r="AE6029">
        <v>66</v>
      </c>
      <c r="AF6029">
        <v>4300</v>
      </c>
      <c r="AG6029">
        <v>112466</v>
      </c>
      <c r="AH6029">
        <v>50000</v>
      </c>
      <c r="AI6029">
        <v>0</v>
      </c>
      <c r="AJ6029">
        <v>74</v>
      </c>
      <c r="AK6029" t="s">
        <v>67</v>
      </c>
      <c r="AL6029">
        <v>0</v>
      </c>
      <c r="AM6029">
        <v>0</v>
      </c>
      <c r="AN6029">
        <v>0</v>
      </c>
      <c r="AO6029">
        <v>0</v>
      </c>
      <c r="AP6029">
        <v>0</v>
      </c>
      <c r="AQ6029">
        <v>0</v>
      </c>
      <c r="AR6029">
        <v>0</v>
      </c>
      <c r="AS6029">
        <v>0</v>
      </c>
      <c r="AT6029">
        <v>0</v>
      </c>
      <c r="AU6029">
        <v>0</v>
      </c>
      <c r="AV6029">
        <v>0</v>
      </c>
      <c r="AW6029">
        <v>0</v>
      </c>
      <c r="AX6029">
        <v>295</v>
      </c>
      <c r="AY6029">
        <v>44</v>
      </c>
      <c r="AZ6029">
        <v>96</v>
      </c>
      <c r="BA6029">
        <v>6530</v>
      </c>
    </row>
    <row r="6030" spans="1:53" x14ac:dyDescent="0.4">
      <c r="A6030">
        <v>6074</v>
      </c>
      <c r="B6030" s="1">
        <v>45131</v>
      </c>
      <c r="C6030">
        <v>1</v>
      </c>
      <c r="D6030" s="1">
        <v>45131.291666666664</v>
      </c>
      <c r="E6030" s="1">
        <v>45131.408333333333</v>
      </c>
      <c r="F6030">
        <v>0</v>
      </c>
      <c r="G6030">
        <v>0</v>
      </c>
      <c r="H6030">
        <v>0</v>
      </c>
      <c r="I6030">
        <v>0</v>
      </c>
      <c r="J6030">
        <v>0</v>
      </c>
      <c r="K6030">
        <v>0</v>
      </c>
      <c r="L6030">
        <v>0</v>
      </c>
      <c r="M6030">
        <v>0</v>
      </c>
      <c r="N6030">
        <v>0</v>
      </c>
      <c r="O6030">
        <v>0</v>
      </c>
      <c r="P6030">
        <v>0</v>
      </c>
      <c r="Q6030">
        <v>0</v>
      </c>
      <c r="R6030">
        <v>0</v>
      </c>
      <c r="S6030">
        <v>0</v>
      </c>
      <c r="T6030">
        <v>0</v>
      </c>
      <c r="U6030">
        <v>0</v>
      </c>
      <c r="V6030">
        <v>0</v>
      </c>
      <c r="W6030">
        <v>0</v>
      </c>
      <c r="X6030">
        <v>0</v>
      </c>
      <c r="Y6030">
        <v>30</v>
      </c>
      <c r="Z6030">
        <v>14</v>
      </c>
      <c r="AA6030">
        <v>106</v>
      </c>
      <c r="AB6030">
        <v>26</v>
      </c>
      <c r="AC6030">
        <v>85</v>
      </c>
      <c r="AD6030">
        <v>38</v>
      </c>
      <c r="AE6030">
        <v>60</v>
      </c>
      <c r="AF6030">
        <v>0</v>
      </c>
      <c r="AG6030">
        <v>50000</v>
      </c>
      <c r="AH6030">
        <v>50000</v>
      </c>
      <c r="AI6030">
        <v>0</v>
      </c>
      <c r="AJ6030">
        <v>0</v>
      </c>
      <c r="AK6030" t="s">
        <v>6</v>
      </c>
      <c r="AL6030">
        <v>0</v>
      </c>
      <c r="AM6030">
        <v>0</v>
      </c>
      <c r="AN6030">
        <v>0</v>
      </c>
      <c r="AO6030">
        <v>0</v>
      </c>
      <c r="AP6030">
        <v>0</v>
      </c>
      <c r="AQ6030">
        <v>0</v>
      </c>
      <c r="AR6030">
        <v>0</v>
      </c>
      <c r="AS6030">
        <v>0</v>
      </c>
      <c r="AT6030">
        <v>0</v>
      </c>
      <c r="AU6030">
        <v>0</v>
      </c>
      <c r="AV6030">
        <v>0</v>
      </c>
      <c r="AW6030">
        <v>0</v>
      </c>
      <c r="AX6030">
        <v>0</v>
      </c>
      <c r="AY6030">
        <v>0</v>
      </c>
      <c r="AZ6030">
        <v>0</v>
      </c>
      <c r="BA6030">
        <v>0</v>
      </c>
    </row>
    <row r="6031" spans="1:53" x14ac:dyDescent="0.4">
      <c r="A6031">
        <v>6075</v>
      </c>
      <c r="B6031" s="1">
        <v>45131</v>
      </c>
      <c r="C6031">
        <v>2</v>
      </c>
      <c r="D6031" s="1">
        <v>45131.408333333333</v>
      </c>
      <c r="E6031" s="1">
        <v>45131.731249999997</v>
      </c>
      <c r="F6031">
        <v>38820</v>
      </c>
      <c r="G6031">
        <v>2255</v>
      </c>
      <c r="H6031">
        <v>0</v>
      </c>
      <c r="I6031">
        <v>0</v>
      </c>
      <c r="J6031">
        <v>100</v>
      </c>
      <c r="K6031">
        <v>0</v>
      </c>
      <c r="L6031">
        <v>0</v>
      </c>
      <c r="M6031">
        <v>3721</v>
      </c>
      <c r="N6031">
        <v>0</v>
      </c>
      <c r="O6031">
        <v>0</v>
      </c>
      <c r="P6031">
        <v>14520</v>
      </c>
      <c r="Q6031">
        <v>0</v>
      </c>
      <c r="R6031">
        <v>55495</v>
      </c>
      <c r="S6031">
        <v>0</v>
      </c>
      <c r="T6031">
        <v>0</v>
      </c>
      <c r="U6031">
        <v>0</v>
      </c>
      <c r="V6031">
        <v>0</v>
      </c>
      <c r="W6031">
        <v>2</v>
      </c>
      <c r="X6031">
        <v>0</v>
      </c>
      <c r="Y6031">
        <v>67</v>
      </c>
      <c r="Z6031">
        <v>24</v>
      </c>
      <c r="AA6031">
        <v>126</v>
      </c>
      <c r="AB6031">
        <v>24</v>
      </c>
      <c r="AC6031">
        <v>113</v>
      </c>
      <c r="AD6031">
        <v>43</v>
      </c>
      <c r="AE6031">
        <v>60</v>
      </c>
      <c r="AF6031">
        <v>750</v>
      </c>
      <c r="AG6031">
        <v>104955</v>
      </c>
      <c r="AH6031">
        <v>50000</v>
      </c>
      <c r="AI6031">
        <v>-540</v>
      </c>
      <c r="AJ6031">
        <v>36</v>
      </c>
      <c r="AK6031" t="s">
        <v>68</v>
      </c>
      <c r="AL6031">
        <v>0</v>
      </c>
      <c r="AM6031">
        <v>0</v>
      </c>
      <c r="AN6031">
        <v>0</v>
      </c>
      <c r="AO6031">
        <v>0</v>
      </c>
      <c r="AP6031">
        <v>0</v>
      </c>
      <c r="AQ6031">
        <v>0</v>
      </c>
      <c r="AR6031">
        <v>0</v>
      </c>
      <c r="AS6031">
        <v>0</v>
      </c>
      <c r="AT6031">
        <v>0</v>
      </c>
      <c r="AU6031">
        <v>0</v>
      </c>
      <c r="AV6031">
        <v>0</v>
      </c>
      <c r="AW6031">
        <v>0</v>
      </c>
      <c r="AX6031">
        <v>605</v>
      </c>
      <c r="AY6031">
        <v>43</v>
      </c>
      <c r="AZ6031">
        <v>87</v>
      </c>
      <c r="BA6031">
        <v>6220</v>
      </c>
    </row>
    <row r="6032" spans="1:53" x14ac:dyDescent="0.4">
      <c r="A6032">
        <v>6076</v>
      </c>
      <c r="B6032" s="1">
        <v>45132</v>
      </c>
      <c r="C6032">
        <v>1</v>
      </c>
      <c r="D6032" s="1">
        <v>45132.291666666664</v>
      </c>
      <c r="E6032" s="1">
        <v>45132.405555555553</v>
      </c>
      <c r="F6032">
        <v>0</v>
      </c>
      <c r="G6032">
        <v>0</v>
      </c>
      <c r="H6032">
        <v>0</v>
      </c>
      <c r="I6032">
        <v>0</v>
      </c>
      <c r="J6032">
        <v>0</v>
      </c>
      <c r="K6032">
        <v>0</v>
      </c>
      <c r="L6032">
        <v>0</v>
      </c>
      <c r="M6032">
        <v>0</v>
      </c>
      <c r="N6032">
        <v>0</v>
      </c>
      <c r="O6032">
        <v>0</v>
      </c>
      <c r="P6032">
        <v>0</v>
      </c>
      <c r="Q6032">
        <v>0</v>
      </c>
      <c r="R6032">
        <v>0</v>
      </c>
      <c r="S6032">
        <v>0</v>
      </c>
      <c r="T6032">
        <v>0</v>
      </c>
      <c r="U6032">
        <v>0</v>
      </c>
      <c r="V6032">
        <v>0</v>
      </c>
      <c r="W6032">
        <v>1</v>
      </c>
      <c r="X6032">
        <v>0</v>
      </c>
      <c r="Y6032">
        <v>25</v>
      </c>
      <c r="Z6032">
        <v>14</v>
      </c>
      <c r="AA6032">
        <v>105</v>
      </c>
      <c r="AB6032">
        <v>22</v>
      </c>
      <c r="AC6032">
        <v>112</v>
      </c>
      <c r="AD6032">
        <v>43</v>
      </c>
      <c r="AE6032">
        <v>65</v>
      </c>
      <c r="AF6032">
        <v>0</v>
      </c>
      <c r="AG6032">
        <v>50000</v>
      </c>
      <c r="AH6032">
        <v>50000</v>
      </c>
      <c r="AI6032">
        <v>0</v>
      </c>
      <c r="AJ6032">
        <v>0</v>
      </c>
      <c r="AK6032" t="s">
        <v>6</v>
      </c>
      <c r="AL6032">
        <v>0</v>
      </c>
      <c r="AM6032">
        <v>0</v>
      </c>
      <c r="AN6032">
        <v>0</v>
      </c>
      <c r="AO6032">
        <v>0</v>
      </c>
      <c r="AP6032">
        <v>0</v>
      </c>
      <c r="AQ6032">
        <v>0</v>
      </c>
      <c r="AR6032">
        <v>0</v>
      </c>
      <c r="AS6032">
        <v>0</v>
      </c>
      <c r="AT6032">
        <v>0</v>
      </c>
      <c r="AU6032">
        <v>0</v>
      </c>
      <c r="AV6032">
        <v>0</v>
      </c>
      <c r="AW6032">
        <v>0</v>
      </c>
      <c r="AX6032">
        <v>0</v>
      </c>
      <c r="AY6032">
        <v>0</v>
      </c>
      <c r="AZ6032">
        <v>0</v>
      </c>
      <c r="BA6032">
        <v>0</v>
      </c>
    </row>
    <row r="6033" spans="1:53" x14ac:dyDescent="0.4">
      <c r="A6033">
        <v>6077</v>
      </c>
      <c r="B6033" s="1">
        <v>45132</v>
      </c>
      <c r="C6033">
        <v>2</v>
      </c>
      <c r="D6033" s="1">
        <v>45132.405555555553</v>
      </c>
      <c r="E6033" s="1">
        <v>45132.731944444444</v>
      </c>
      <c r="F6033">
        <v>35900</v>
      </c>
      <c r="G6033">
        <v>605</v>
      </c>
      <c r="H6033">
        <v>0</v>
      </c>
      <c r="I6033">
        <v>0</v>
      </c>
      <c r="J6033">
        <v>100</v>
      </c>
      <c r="K6033">
        <v>0</v>
      </c>
      <c r="L6033">
        <v>0</v>
      </c>
      <c r="M6033">
        <v>3309</v>
      </c>
      <c r="N6033">
        <v>0</v>
      </c>
      <c r="O6033">
        <v>0</v>
      </c>
      <c r="P6033">
        <v>11570</v>
      </c>
      <c r="Q6033">
        <v>0</v>
      </c>
      <c r="R6033">
        <v>47975</v>
      </c>
      <c r="S6033">
        <v>0</v>
      </c>
      <c r="T6033">
        <v>0</v>
      </c>
      <c r="U6033">
        <v>0</v>
      </c>
      <c r="V6033">
        <v>3</v>
      </c>
      <c r="W6033">
        <v>0</v>
      </c>
      <c r="X6033">
        <v>0</v>
      </c>
      <c r="Y6033">
        <v>40</v>
      </c>
      <c r="Z6033">
        <v>28</v>
      </c>
      <c r="AA6033">
        <v>98</v>
      </c>
      <c r="AB6033">
        <v>23</v>
      </c>
      <c r="AC6033">
        <v>116</v>
      </c>
      <c r="AD6033">
        <v>42</v>
      </c>
      <c r="AE6033">
        <v>65</v>
      </c>
      <c r="AF6033">
        <v>1590</v>
      </c>
      <c r="AG6033">
        <v>97975</v>
      </c>
      <c r="AH6033">
        <v>50000</v>
      </c>
      <c r="AI6033">
        <v>0</v>
      </c>
      <c r="AJ6033">
        <v>38</v>
      </c>
      <c r="AK6033" t="s">
        <v>75</v>
      </c>
      <c r="AL6033">
        <v>0</v>
      </c>
      <c r="AM6033">
        <v>0</v>
      </c>
      <c r="AN6033">
        <v>0</v>
      </c>
      <c r="AO6033">
        <v>0</v>
      </c>
      <c r="AP6033">
        <v>0</v>
      </c>
      <c r="AQ6033">
        <v>0</v>
      </c>
      <c r="AR6033">
        <v>0</v>
      </c>
      <c r="AS6033">
        <v>0</v>
      </c>
      <c r="AT6033">
        <v>0</v>
      </c>
      <c r="AU6033">
        <v>0</v>
      </c>
      <c r="AV6033">
        <v>0</v>
      </c>
      <c r="AW6033">
        <v>0</v>
      </c>
      <c r="AX6033">
        <v>0</v>
      </c>
      <c r="AY6033">
        <v>42</v>
      </c>
      <c r="AZ6033">
        <v>76</v>
      </c>
      <c r="BA6033">
        <v>6355</v>
      </c>
    </row>
    <row r="6034" spans="1:53" x14ac:dyDescent="0.4">
      <c r="A6034">
        <v>6078</v>
      </c>
      <c r="B6034" s="1">
        <v>45133</v>
      </c>
      <c r="C6034">
        <v>1</v>
      </c>
      <c r="D6034" s="1">
        <v>45133.291666666664</v>
      </c>
      <c r="E6034" s="1">
        <v>45133.399305555555</v>
      </c>
      <c r="F6034">
        <v>0</v>
      </c>
      <c r="G6034">
        <v>0</v>
      </c>
      <c r="H6034">
        <v>0</v>
      </c>
      <c r="I6034">
        <v>0</v>
      </c>
      <c r="J6034">
        <v>0</v>
      </c>
      <c r="K6034">
        <v>0</v>
      </c>
      <c r="L6034">
        <v>0</v>
      </c>
      <c r="M6034">
        <v>0</v>
      </c>
      <c r="N6034">
        <v>0</v>
      </c>
      <c r="O6034">
        <v>0</v>
      </c>
      <c r="P6034">
        <v>0</v>
      </c>
      <c r="Q6034">
        <v>0</v>
      </c>
      <c r="R6034">
        <v>0</v>
      </c>
      <c r="S6034">
        <v>0</v>
      </c>
      <c r="T6034">
        <v>0</v>
      </c>
      <c r="U6034">
        <v>0</v>
      </c>
      <c r="V6034">
        <v>0</v>
      </c>
      <c r="W6034">
        <v>0</v>
      </c>
      <c r="X6034">
        <v>0</v>
      </c>
      <c r="Y6034">
        <v>35</v>
      </c>
      <c r="Z6034">
        <v>11</v>
      </c>
      <c r="AA6034">
        <v>76</v>
      </c>
      <c r="AB6034">
        <v>20</v>
      </c>
      <c r="AC6034">
        <v>62</v>
      </c>
      <c r="AD6034">
        <v>43</v>
      </c>
      <c r="AE6034">
        <v>65</v>
      </c>
      <c r="AF6034">
        <v>0</v>
      </c>
      <c r="AG6034">
        <v>50000</v>
      </c>
      <c r="AH6034">
        <v>50000</v>
      </c>
      <c r="AI6034">
        <v>0</v>
      </c>
      <c r="AJ6034">
        <v>0</v>
      </c>
      <c r="AK6034" t="s">
        <v>6</v>
      </c>
      <c r="AL6034">
        <v>0</v>
      </c>
      <c r="AM6034">
        <v>0</v>
      </c>
      <c r="AN6034">
        <v>0</v>
      </c>
      <c r="AO6034">
        <v>0</v>
      </c>
      <c r="AP6034">
        <v>0</v>
      </c>
      <c r="AQ6034">
        <v>0</v>
      </c>
      <c r="AR6034">
        <v>0</v>
      </c>
      <c r="AS6034">
        <v>0</v>
      </c>
      <c r="AT6034">
        <v>0</v>
      </c>
      <c r="AU6034">
        <v>0</v>
      </c>
      <c r="AV6034">
        <v>0</v>
      </c>
      <c r="AW6034">
        <v>0</v>
      </c>
      <c r="AX6034">
        <v>0</v>
      </c>
      <c r="AY6034">
        <v>0</v>
      </c>
      <c r="AZ6034">
        <v>0</v>
      </c>
      <c r="BA6034">
        <v>0</v>
      </c>
    </row>
    <row r="6035" spans="1:53" x14ac:dyDescent="0.4">
      <c r="A6035">
        <v>6079</v>
      </c>
      <c r="B6035" s="1">
        <v>45133</v>
      </c>
      <c r="C6035">
        <v>2</v>
      </c>
      <c r="D6035" s="1">
        <v>45133.399305555555</v>
      </c>
      <c r="E6035" s="1">
        <v>45133.728472222225</v>
      </c>
      <c r="F6035">
        <v>24340</v>
      </c>
      <c r="G6035">
        <v>1958</v>
      </c>
      <c r="H6035">
        <v>220</v>
      </c>
      <c r="I6035">
        <v>0</v>
      </c>
      <c r="J6035">
        <v>0</v>
      </c>
      <c r="K6035">
        <v>0</v>
      </c>
      <c r="L6035">
        <v>0</v>
      </c>
      <c r="M6035">
        <v>2409</v>
      </c>
      <c r="N6035">
        <v>0</v>
      </c>
      <c r="O6035">
        <v>0</v>
      </c>
      <c r="P6035">
        <v>19210</v>
      </c>
      <c r="Q6035">
        <v>0</v>
      </c>
      <c r="R6035">
        <v>45728</v>
      </c>
      <c r="S6035">
        <v>0</v>
      </c>
      <c r="T6035">
        <v>0</v>
      </c>
      <c r="U6035">
        <v>0</v>
      </c>
      <c r="V6035">
        <v>0</v>
      </c>
      <c r="W6035">
        <v>3</v>
      </c>
      <c r="X6035">
        <v>0</v>
      </c>
      <c r="Y6035">
        <v>66</v>
      </c>
      <c r="Z6035">
        <v>18</v>
      </c>
      <c r="AA6035">
        <v>22</v>
      </c>
      <c r="AB6035">
        <v>18</v>
      </c>
      <c r="AC6035">
        <v>69</v>
      </c>
      <c r="AD6035">
        <v>43</v>
      </c>
      <c r="AE6035">
        <v>63</v>
      </c>
      <c r="AF6035">
        <v>1660</v>
      </c>
      <c r="AG6035">
        <v>95728</v>
      </c>
      <c r="AH6035">
        <v>50000</v>
      </c>
      <c r="AI6035">
        <v>0</v>
      </c>
      <c r="AJ6035">
        <v>36</v>
      </c>
      <c r="AK6035" t="s">
        <v>68</v>
      </c>
      <c r="AL6035">
        <v>0</v>
      </c>
      <c r="AM6035">
        <v>0</v>
      </c>
      <c r="AN6035">
        <v>0</v>
      </c>
      <c r="AO6035">
        <v>0</v>
      </c>
      <c r="AP6035">
        <v>0</v>
      </c>
      <c r="AQ6035">
        <v>0</v>
      </c>
      <c r="AR6035">
        <v>0</v>
      </c>
      <c r="AS6035">
        <v>0</v>
      </c>
      <c r="AT6035">
        <v>0</v>
      </c>
      <c r="AU6035">
        <v>0</v>
      </c>
      <c r="AV6035">
        <v>0</v>
      </c>
      <c r="AW6035">
        <v>0</v>
      </c>
      <c r="AX6035">
        <v>605</v>
      </c>
      <c r="AY6035">
        <v>38</v>
      </c>
      <c r="AZ6035">
        <v>67</v>
      </c>
      <c r="BA6035">
        <v>5866</v>
      </c>
    </row>
    <row r="6036" spans="1:53" x14ac:dyDescent="0.4">
      <c r="A6036">
        <v>6080</v>
      </c>
      <c r="B6036" s="1">
        <v>45134</v>
      </c>
      <c r="C6036">
        <v>1</v>
      </c>
      <c r="D6036" s="1">
        <v>45134.291666666664</v>
      </c>
      <c r="E6036" s="1">
        <v>45134.404861111114</v>
      </c>
      <c r="F6036">
        <v>0</v>
      </c>
      <c r="G6036">
        <v>0</v>
      </c>
      <c r="H6036">
        <v>0</v>
      </c>
      <c r="I6036">
        <v>0</v>
      </c>
      <c r="J6036">
        <v>0</v>
      </c>
      <c r="K6036">
        <v>0</v>
      </c>
      <c r="L6036">
        <v>0</v>
      </c>
      <c r="M6036">
        <v>0</v>
      </c>
      <c r="N6036">
        <v>0</v>
      </c>
      <c r="O6036">
        <v>0</v>
      </c>
      <c r="P6036">
        <v>0</v>
      </c>
      <c r="Q6036">
        <v>0</v>
      </c>
      <c r="R6036">
        <v>0</v>
      </c>
      <c r="S6036">
        <v>0</v>
      </c>
      <c r="T6036">
        <v>0</v>
      </c>
      <c r="U6036">
        <v>0</v>
      </c>
      <c r="V6036">
        <v>0</v>
      </c>
      <c r="W6036">
        <v>1</v>
      </c>
      <c r="X6036">
        <v>0</v>
      </c>
      <c r="Y6036">
        <v>31</v>
      </c>
      <c r="Z6036">
        <v>11</v>
      </c>
      <c r="AA6036">
        <v>67</v>
      </c>
      <c r="AB6036">
        <v>18</v>
      </c>
      <c r="AC6036">
        <v>63</v>
      </c>
      <c r="AD6036">
        <v>42</v>
      </c>
      <c r="AE6036">
        <v>60</v>
      </c>
      <c r="AF6036">
        <v>0</v>
      </c>
      <c r="AG6036">
        <v>50000</v>
      </c>
      <c r="AH6036">
        <v>50000</v>
      </c>
      <c r="AI6036">
        <v>0</v>
      </c>
      <c r="AJ6036">
        <v>0</v>
      </c>
      <c r="AK6036" t="s">
        <v>6</v>
      </c>
      <c r="AL6036">
        <v>0</v>
      </c>
      <c r="AM6036">
        <v>0</v>
      </c>
      <c r="AN6036">
        <v>0</v>
      </c>
      <c r="AO6036">
        <v>0</v>
      </c>
      <c r="AP6036">
        <v>0</v>
      </c>
      <c r="AQ6036">
        <v>0</v>
      </c>
      <c r="AR6036">
        <v>0</v>
      </c>
      <c r="AS6036">
        <v>0</v>
      </c>
      <c r="AT6036">
        <v>0</v>
      </c>
      <c r="AU6036">
        <v>0</v>
      </c>
      <c r="AV6036">
        <v>0</v>
      </c>
      <c r="AW6036">
        <v>0</v>
      </c>
      <c r="AX6036">
        <v>0</v>
      </c>
      <c r="AY6036">
        <v>0</v>
      </c>
      <c r="AZ6036">
        <v>0</v>
      </c>
      <c r="BA6036">
        <v>0</v>
      </c>
    </row>
    <row r="6037" spans="1:53" x14ac:dyDescent="0.4">
      <c r="A6037">
        <v>6081</v>
      </c>
      <c r="B6037" s="1">
        <v>45134</v>
      </c>
      <c r="C6037">
        <v>2</v>
      </c>
      <c r="D6037" s="1">
        <v>45134.404861111114</v>
      </c>
      <c r="E6037" s="1">
        <v>45134.729166666664</v>
      </c>
      <c r="F6037">
        <v>28180</v>
      </c>
      <c r="G6037">
        <v>1518</v>
      </c>
      <c r="H6037">
        <v>0</v>
      </c>
      <c r="I6037">
        <v>0</v>
      </c>
      <c r="J6037">
        <v>100</v>
      </c>
      <c r="K6037">
        <v>0</v>
      </c>
      <c r="L6037">
        <v>0</v>
      </c>
      <c r="M6037">
        <v>2689</v>
      </c>
      <c r="N6037">
        <v>0</v>
      </c>
      <c r="O6037">
        <v>0</v>
      </c>
      <c r="P6037">
        <v>14170</v>
      </c>
      <c r="Q6037">
        <v>0</v>
      </c>
      <c r="R6037">
        <v>43768</v>
      </c>
      <c r="S6037">
        <v>0</v>
      </c>
      <c r="T6037">
        <v>0</v>
      </c>
      <c r="U6037">
        <v>0</v>
      </c>
      <c r="V6037">
        <v>2</v>
      </c>
      <c r="W6037">
        <v>0</v>
      </c>
      <c r="X6037">
        <v>0</v>
      </c>
      <c r="Y6037">
        <v>50</v>
      </c>
      <c r="Z6037">
        <v>17</v>
      </c>
      <c r="AA6037">
        <v>117</v>
      </c>
      <c r="AB6037">
        <v>17</v>
      </c>
      <c r="AC6037">
        <v>50</v>
      </c>
      <c r="AD6037">
        <v>41</v>
      </c>
      <c r="AE6037">
        <v>63</v>
      </c>
      <c r="AF6037">
        <v>1810</v>
      </c>
      <c r="AG6037">
        <v>93628</v>
      </c>
      <c r="AH6037">
        <v>50000</v>
      </c>
      <c r="AI6037">
        <v>-140</v>
      </c>
      <c r="AJ6037">
        <v>38</v>
      </c>
      <c r="AK6037" t="s">
        <v>75</v>
      </c>
      <c r="AL6037">
        <v>0</v>
      </c>
      <c r="AM6037">
        <v>0</v>
      </c>
      <c r="AN6037">
        <v>0</v>
      </c>
      <c r="AO6037">
        <v>0</v>
      </c>
      <c r="AP6037">
        <v>0</v>
      </c>
      <c r="AQ6037">
        <v>0</v>
      </c>
      <c r="AR6037">
        <v>0</v>
      </c>
      <c r="AS6037">
        <v>0</v>
      </c>
      <c r="AT6037">
        <v>0</v>
      </c>
      <c r="AU6037">
        <v>0</v>
      </c>
      <c r="AV6037">
        <v>0</v>
      </c>
      <c r="AW6037">
        <v>0</v>
      </c>
      <c r="AX6037">
        <v>-1060</v>
      </c>
      <c r="AY6037">
        <v>33</v>
      </c>
      <c r="AZ6037">
        <v>69</v>
      </c>
      <c r="BA6037">
        <v>4819</v>
      </c>
    </row>
    <row r="6038" spans="1:53" x14ac:dyDescent="0.4">
      <c r="A6038">
        <v>6082</v>
      </c>
      <c r="B6038" s="1">
        <v>45135</v>
      </c>
      <c r="C6038">
        <v>1</v>
      </c>
      <c r="D6038" s="1">
        <v>45135.291666666664</v>
      </c>
      <c r="E6038" s="1">
        <v>45135.404166666667</v>
      </c>
      <c r="F6038">
        <v>0</v>
      </c>
      <c r="G6038">
        <v>0</v>
      </c>
      <c r="H6038">
        <v>0</v>
      </c>
      <c r="I6038">
        <v>0</v>
      </c>
      <c r="J6038">
        <v>0</v>
      </c>
      <c r="K6038">
        <v>0</v>
      </c>
      <c r="L6038">
        <v>0</v>
      </c>
      <c r="M6038">
        <v>0</v>
      </c>
      <c r="N6038">
        <v>0</v>
      </c>
      <c r="O6038">
        <v>0</v>
      </c>
      <c r="P6038">
        <v>0</v>
      </c>
      <c r="Q6038">
        <v>0</v>
      </c>
      <c r="R6038">
        <v>0</v>
      </c>
      <c r="S6038">
        <v>0</v>
      </c>
      <c r="T6038">
        <v>0</v>
      </c>
      <c r="U6038">
        <v>0</v>
      </c>
      <c r="V6038">
        <v>0</v>
      </c>
      <c r="W6038">
        <v>1</v>
      </c>
      <c r="X6038">
        <v>0</v>
      </c>
      <c r="Y6038">
        <v>30</v>
      </c>
      <c r="Z6038">
        <v>10</v>
      </c>
      <c r="AA6038">
        <v>84</v>
      </c>
      <c r="AB6038">
        <v>17</v>
      </c>
      <c r="AC6038">
        <v>51</v>
      </c>
      <c r="AD6038">
        <v>36</v>
      </c>
      <c r="AE6038">
        <v>60</v>
      </c>
      <c r="AF6038">
        <v>0</v>
      </c>
      <c r="AG6038">
        <v>50000</v>
      </c>
      <c r="AH6038">
        <v>50000</v>
      </c>
      <c r="AI6038">
        <v>0</v>
      </c>
      <c r="AJ6038">
        <v>0</v>
      </c>
      <c r="AK6038" t="s">
        <v>6</v>
      </c>
      <c r="AL6038">
        <v>0</v>
      </c>
      <c r="AM6038">
        <v>0</v>
      </c>
      <c r="AN6038">
        <v>0</v>
      </c>
      <c r="AO6038">
        <v>0</v>
      </c>
      <c r="AP6038">
        <v>0</v>
      </c>
      <c r="AQ6038">
        <v>0</v>
      </c>
      <c r="AR6038">
        <v>0</v>
      </c>
      <c r="AS6038">
        <v>0</v>
      </c>
      <c r="AT6038">
        <v>0</v>
      </c>
      <c r="AU6038">
        <v>0</v>
      </c>
      <c r="AV6038">
        <v>0</v>
      </c>
      <c r="AW6038">
        <v>0</v>
      </c>
      <c r="AX6038">
        <v>0</v>
      </c>
      <c r="AY6038">
        <v>0</v>
      </c>
      <c r="AZ6038">
        <v>0</v>
      </c>
      <c r="BA6038">
        <v>0</v>
      </c>
    </row>
    <row r="6039" spans="1:53" x14ac:dyDescent="0.4">
      <c r="A6039">
        <v>6083</v>
      </c>
      <c r="B6039" s="1">
        <v>45135</v>
      </c>
      <c r="C6039">
        <v>2</v>
      </c>
      <c r="D6039" s="1">
        <v>45135.404166666667</v>
      </c>
      <c r="E6039" s="1">
        <v>45135.723611111112</v>
      </c>
      <c r="F6039">
        <v>27460</v>
      </c>
      <c r="G6039">
        <v>308</v>
      </c>
      <c r="H6039">
        <v>0</v>
      </c>
      <c r="I6039">
        <v>0</v>
      </c>
      <c r="J6039">
        <v>0</v>
      </c>
      <c r="K6039">
        <v>400</v>
      </c>
      <c r="L6039">
        <v>0</v>
      </c>
      <c r="M6039">
        <v>2560</v>
      </c>
      <c r="N6039">
        <v>0</v>
      </c>
      <c r="O6039">
        <v>0</v>
      </c>
      <c r="P6039">
        <v>15630</v>
      </c>
      <c r="Q6039">
        <v>0</v>
      </c>
      <c r="R6039">
        <v>43798</v>
      </c>
      <c r="S6039">
        <v>0</v>
      </c>
      <c r="T6039">
        <v>0</v>
      </c>
      <c r="U6039">
        <v>0</v>
      </c>
      <c r="V6039">
        <v>0</v>
      </c>
      <c r="W6039">
        <v>2</v>
      </c>
      <c r="X6039">
        <v>0</v>
      </c>
      <c r="Y6039">
        <v>53</v>
      </c>
      <c r="Z6039">
        <v>26</v>
      </c>
      <c r="AA6039">
        <v>122</v>
      </c>
      <c r="AB6039">
        <v>20</v>
      </c>
      <c r="AC6039">
        <v>91</v>
      </c>
      <c r="AD6039">
        <v>36</v>
      </c>
      <c r="AE6039">
        <v>58</v>
      </c>
      <c r="AF6039">
        <v>3450</v>
      </c>
      <c r="AG6039">
        <v>93798</v>
      </c>
      <c r="AH6039">
        <v>50000</v>
      </c>
      <c r="AI6039">
        <v>0</v>
      </c>
      <c r="AJ6039">
        <v>36</v>
      </c>
      <c r="AK6039" t="s">
        <v>68</v>
      </c>
      <c r="AL6039">
        <v>0</v>
      </c>
      <c r="AM6039">
        <v>0</v>
      </c>
      <c r="AN6039">
        <v>0</v>
      </c>
      <c r="AO6039">
        <v>0</v>
      </c>
      <c r="AP6039">
        <v>0</v>
      </c>
      <c r="AQ6039">
        <v>0</v>
      </c>
      <c r="AR6039">
        <v>0</v>
      </c>
      <c r="AS6039">
        <v>0</v>
      </c>
      <c r="AT6039">
        <v>0</v>
      </c>
      <c r="AU6039">
        <v>0</v>
      </c>
      <c r="AV6039">
        <v>0</v>
      </c>
      <c r="AW6039">
        <v>0</v>
      </c>
      <c r="AX6039">
        <v>-1800</v>
      </c>
      <c r="AY6039">
        <v>42</v>
      </c>
      <c r="AZ6039">
        <v>69</v>
      </c>
      <c r="BA6039">
        <v>5682</v>
      </c>
    </row>
    <row r="6040" spans="1:53" x14ac:dyDescent="0.4">
      <c r="A6040">
        <v>6084</v>
      </c>
      <c r="B6040" s="1">
        <v>45135</v>
      </c>
      <c r="C6040">
        <v>3</v>
      </c>
      <c r="D6040" s="1">
        <v>45135.723611111112</v>
      </c>
      <c r="E6040" s="1">
        <v>45135.988194444442</v>
      </c>
      <c r="F6040">
        <v>154060</v>
      </c>
      <c r="G6040">
        <v>4345</v>
      </c>
      <c r="H6040">
        <v>0</v>
      </c>
      <c r="I6040">
        <v>0</v>
      </c>
      <c r="J6040">
        <v>0</v>
      </c>
      <c r="K6040">
        <v>0</v>
      </c>
      <c r="L6040">
        <v>0</v>
      </c>
      <c r="M6040">
        <v>14400</v>
      </c>
      <c r="N6040">
        <v>0</v>
      </c>
      <c r="O6040">
        <v>0</v>
      </c>
      <c r="P6040">
        <v>20570</v>
      </c>
      <c r="Q6040">
        <v>0</v>
      </c>
      <c r="R6040">
        <v>178975</v>
      </c>
      <c r="S6040">
        <v>0</v>
      </c>
      <c r="T6040">
        <v>0</v>
      </c>
      <c r="U6040">
        <v>0</v>
      </c>
      <c r="V6040">
        <v>6</v>
      </c>
      <c r="W6040">
        <v>0</v>
      </c>
      <c r="X6040">
        <v>0</v>
      </c>
      <c r="Y6040">
        <v>72</v>
      </c>
      <c r="Z6040">
        <v>26</v>
      </c>
      <c r="AA6040">
        <v>108</v>
      </c>
      <c r="AB6040">
        <v>15</v>
      </c>
      <c r="AC6040">
        <v>79</v>
      </c>
      <c r="AD6040">
        <v>35</v>
      </c>
      <c r="AE6040">
        <v>54</v>
      </c>
      <c r="AF6040">
        <v>115204</v>
      </c>
      <c r="AG6040">
        <v>272773</v>
      </c>
      <c r="AH6040">
        <v>50000</v>
      </c>
      <c r="AI6040">
        <v>0</v>
      </c>
      <c r="AJ6040">
        <v>104</v>
      </c>
      <c r="AK6040" t="s">
        <v>60</v>
      </c>
      <c r="AL6040">
        <v>0</v>
      </c>
      <c r="AM6040">
        <v>0</v>
      </c>
      <c r="AN6040">
        <v>0</v>
      </c>
      <c r="AO6040">
        <v>0</v>
      </c>
      <c r="AP6040">
        <v>0</v>
      </c>
      <c r="AQ6040">
        <v>0</v>
      </c>
      <c r="AR6040">
        <v>0</v>
      </c>
      <c r="AS6040">
        <v>0</v>
      </c>
      <c r="AT6040">
        <v>0</v>
      </c>
      <c r="AU6040">
        <v>0</v>
      </c>
      <c r="AV6040">
        <v>0</v>
      </c>
      <c r="AW6040">
        <v>0</v>
      </c>
      <c r="AX6040">
        <v>41536</v>
      </c>
      <c r="AY6040">
        <v>32</v>
      </c>
      <c r="AZ6040">
        <v>122</v>
      </c>
      <c r="BA6040">
        <v>4089</v>
      </c>
    </row>
    <row r="6041" spans="1:53" x14ac:dyDescent="0.4">
      <c r="A6041">
        <v>6085</v>
      </c>
      <c r="B6041" s="1">
        <v>45136</v>
      </c>
      <c r="C6041">
        <v>1</v>
      </c>
      <c r="D6041" s="1">
        <v>45136.291666666664</v>
      </c>
      <c r="E6041" s="1">
        <v>45136.407638888886</v>
      </c>
      <c r="F6041">
        <v>0</v>
      </c>
      <c r="G6041">
        <v>0</v>
      </c>
      <c r="H6041">
        <v>0</v>
      </c>
      <c r="I6041">
        <v>0</v>
      </c>
      <c r="J6041">
        <v>0</v>
      </c>
      <c r="K6041">
        <v>0</v>
      </c>
      <c r="L6041">
        <v>0</v>
      </c>
      <c r="M6041">
        <v>0</v>
      </c>
      <c r="N6041">
        <v>0</v>
      </c>
      <c r="O6041">
        <v>0</v>
      </c>
      <c r="P6041">
        <v>0</v>
      </c>
      <c r="Q6041">
        <v>0</v>
      </c>
      <c r="R6041">
        <v>0</v>
      </c>
      <c r="S6041">
        <v>0</v>
      </c>
      <c r="T6041">
        <v>0</v>
      </c>
      <c r="U6041">
        <v>0</v>
      </c>
      <c r="V6041">
        <v>0</v>
      </c>
      <c r="W6041">
        <v>0</v>
      </c>
      <c r="X6041">
        <v>0</v>
      </c>
      <c r="Y6041">
        <v>36</v>
      </c>
      <c r="Z6041">
        <v>10</v>
      </c>
      <c r="AA6041">
        <v>75</v>
      </c>
      <c r="AB6041">
        <v>13</v>
      </c>
      <c r="AC6041">
        <v>63</v>
      </c>
      <c r="AD6041">
        <v>34</v>
      </c>
      <c r="AE6041">
        <v>50</v>
      </c>
      <c r="AF6041">
        <v>0</v>
      </c>
      <c r="AG6041">
        <v>50000</v>
      </c>
      <c r="AH6041">
        <v>50000</v>
      </c>
      <c r="AI6041">
        <v>0</v>
      </c>
      <c r="AJ6041">
        <v>0</v>
      </c>
      <c r="AK6041" t="s">
        <v>6</v>
      </c>
      <c r="AL6041">
        <v>0</v>
      </c>
      <c r="AM6041">
        <v>0</v>
      </c>
      <c r="AN6041">
        <v>0</v>
      </c>
      <c r="AO6041">
        <v>0</v>
      </c>
      <c r="AP6041">
        <v>0</v>
      </c>
      <c r="AQ6041">
        <v>0</v>
      </c>
      <c r="AR6041">
        <v>0</v>
      </c>
      <c r="AS6041">
        <v>0</v>
      </c>
      <c r="AT6041">
        <v>0</v>
      </c>
      <c r="AU6041">
        <v>0</v>
      </c>
      <c r="AV6041">
        <v>0</v>
      </c>
      <c r="AW6041">
        <v>0</v>
      </c>
      <c r="AX6041">
        <v>0</v>
      </c>
      <c r="AY6041">
        <v>0</v>
      </c>
      <c r="AZ6041">
        <v>0</v>
      </c>
      <c r="BA6041">
        <v>0</v>
      </c>
    </row>
    <row r="6042" spans="1:53" x14ac:dyDescent="0.4">
      <c r="A6042">
        <v>6086</v>
      </c>
      <c r="B6042" s="1">
        <v>45136</v>
      </c>
      <c r="C6042">
        <v>2</v>
      </c>
      <c r="D6042" s="1">
        <v>45136.407638888886</v>
      </c>
      <c r="E6042" s="1">
        <v>45136.736111111109</v>
      </c>
      <c r="F6042">
        <v>44120</v>
      </c>
      <c r="G6042">
        <v>1925</v>
      </c>
      <c r="H6042">
        <v>0</v>
      </c>
      <c r="I6042">
        <v>0</v>
      </c>
      <c r="J6042">
        <v>300</v>
      </c>
      <c r="K6042">
        <v>400</v>
      </c>
      <c r="L6042">
        <v>0</v>
      </c>
      <c r="M6042">
        <v>4191</v>
      </c>
      <c r="N6042">
        <v>0</v>
      </c>
      <c r="O6042">
        <v>0</v>
      </c>
      <c r="P6042">
        <v>19960</v>
      </c>
      <c r="Q6042">
        <v>0</v>
      </c>
      <c r="R6042">
        <v>66105</v>
      </c>
      <c r="S6042">
        <v>0</v>
      </c>
      <c r="T6042">
        <v>0</v>
      </c>
      <c r="U6042">
        <v>0</v>
      </c>
      <c r="V6042">
        <v>4</v>
      </c>
      <c r="W6042">
        <v>1</v>
      </c>
      <c r="X6042">
        <v>0</v>
      </c>
      <c r="Y6042">
        <v>59</v>
      </c>
      <c r="Z6042">
        <v>13</v>
      </c>
      <c r="AA6042">
        <v>35</v>
      </c>
      <c r="AB6042">
        <v>11</v>
      </c>
      <c r="AC6042">
        <v>74</v>
      </c>
      <c r="AD6042">
        <v>33</v>
      </c>
      <c r="AE6042">
        <v>50</v>
      </c>
      <c r="AF6042">
        <v>600</v>
      </c>
      <c r="AG6042">
        <v>116105</v>
      </c>
      <c r="AH6042">
        <v>50000</v>
      </c>
      <c r="AI6042">
        <v>0</v>
      </c>
      <c r="AJ6042">
        <v>38</v>
      </c>
      <c r="AK6042" t="s">
        <v>75</v>
      </c>
      <c r="AL6042">
        <v>0</v>
      </c>
      <c r="AM6042">
        <v>0</v>
      </c>
      <c r="AN6042">
        <v>0</v>
      </c>
      <c r="AO6042">
        <v>0</v>
      </c>
      <c r="AP6042">
        <v>0</v>
      </c>
      <c r="AQ6042">
        <v>0</v>
      </c>
      <c r="AR6042">
        <v>0</v>
      </c>
      <c r="AS6042">
        <v>0</v>
      </c>
      <c r="AT6042">
        <v>0</v>
      </c>
      <c r="AU6042">
        <v>0</v>
      </c>
      <c r="AV6042">
        <v>0</v>
      </c>
      <c r="AW6042">
        <v>0</v>
      </c>
      <c r="AX6042">
        <v>-2400</v>
      </c>
      <c r="AY6042">
        <v>47</v>
      </c>
      <c r="AZ6042">
        <v>108</v>
      </c>
      <c r="BA6042">
        <v>6742</v>
      </c>
    </row>
    <row r="6043" spans="1:53" x14ac:dyDescent="0.4">
      <c r="A6043">
        <v>6087</v>
      </c>
      <c r="B6043" s="1">
        <v>45137</v>
      </c>
      <c r="C6043">
        <v>1</v>
      </c>
      <c r="D6043" s="1">
        <v>45137.291666666664</v>
      </c>
      <c r="E6043" s="1">
        <v>45137.402083333334</v>
      </c>
      <c r="F6043">
        <v>0</v>
      </c>
      <c r="G6043">
        <v>0</v>
      </c>
      <c r="H6043">
        <v>0</v>
      </c>
      <c r="I6043">
        <v>0</v>
      </c>
      <c r="J6043">
        <v>0</v>
      </c>
      <c r="K6043">
        <v>0</v>
      </c>
      <c r="L6043">
        <v>0</v>
      </c>
      <c r="M6043">
        <v>0</v>
      </c>
      <c r="N6043">
        <v>0</v>
      </c>
      <c r="O6043">
        <v>0</v>
      </c>
      <c r="P6043">
        <v>0</v>
      </c>
      <c r="Q6043">
        <v>0</v>
      </c>
      <c r="R6043">
        <v>0</v>
      </c>
      <c r="S6043">
        <v>0</v>
      </c>
      <c r="T6043">
        <v>0</v>
      </c>
      <c r="U6043">
        <v>0</v>
      </c>
      <c r="V6043">
        <v>0</v>
      </c>
      <c r="W6043">
        <v>1</v>
      </c>
      <c r="X6043">
        <v>0</v>
      </c>
      <c r="Y6043">
        <v>30</v>
      </c>
      <c r="Z6043">
        <v>10</v>
      </c>
      <c r="AA6043">
        <v>82</v>
      </c>
      <c r="AB6043">
        <v>18</v>
      </c>
      <c r="AC6043">
        <v>71</v>
      </c>
      <c r="AD6043">
        <v>31</v>
      </c>
      <c r="AE6043">
        <v>35</v>
      </c>
      <c r="AF6043">
        <v>0</v>
      </c>
      <c r="AG6043">
        <v>50000</v>
      </c>
      <c r="AH6043">
        <v>50000</v>
      </c>
      <c r="AI6043">
        <v>0</v>
      </c>
      <c r="AJ6043">
        <v>0</v>
      </c>
      <c r="AK6043" t="s">
        <v>6</v>
      </c>
      <c r="AL6043">
        <v>0</v>
      </c>
      <c r="AM6043">
        <v>0</v>
      </c>
      <c r="AN6043">
        <v>0</v>
      </c>
      <c r="AO6043">
        <v>0</v>
      </c>
      <c r="AP6043">
        <v>0</v>
      </c>
      <c r="AQ6043">
        <v>0</v>
      </c>
      <c r="AR6043">
        <v>0</v>
      </c>
      <c r="AS6043">
        <v>0</v>
      </c>
      <c r="AT6043">
        <v>0</v>
      </c>
      <c r="AU6043">
        <v>0</v>
      </c>
      <c r="AV6043">
        <v>0</v>
      </c>
      <c r="AW6043">
        <v>0</v>
      </c>
      <c r="AX6043">
        <v>0</v>
      </c>
      <c r="AY6043">
        <v>0</v>
      </c>
      <c r="AZ6043">
        <v>0</v>
      </c>
      <c r="BA6043">
        <v>0</v>
      </c>
    </row>
    <row r="6044" spans="1:53" x14ac:dyDescent="0.4">
      <c r="A6044">
        <v>6088</v>
      </c>
      <c r="B6044" s="1">
        <v>45137</v>
      </c>
      <c r="C6044">
        <v>2</v>
      </c>
      <c r="D6044" s="1">
        <v>45137.402083333334</v>
      </c>
      <c r="E6044" s="1">
        <v>45137.740972222222</v>
      </c>
      <c r="F6044">
        <v>40145</v>
      </c>
      <c r="G6044">
        <v>1210</v>
      </c>
      <c r="H6044">
        <v>440</v>
      </c>
      <c r="I6044">
        <v>0</v>
      </c>
      <c r="J6044">
        <v>200</v>
      </c>
      <c r="K6044">
        <v>0</v>
      </c>
      <c r="L6044">
        <v>0</v>
      </c>
      <c r="M6044">
        <v>3779</v>
      </c>
      <c r="N6044">
        <v>0</v>
      </c>
      <c r="O6044">
        <v>0</v>
      </c>
      <c r="P6044">
        <v>23710</v>
      </c>
      <c r="Q6044">
        <v>0</v>
      </c>
      <c r="R6044">
        <v>65305</v>
      </c>
      <c r="S6044">
        <v>0</v>
      </c>
      <c r="T6044">
        <v>0</v>
      </c>
      <c r="U6044">
        <v>0</v>
      </c>
      <c r="V6044">
        <v>0</v>
      </c>
      <c r="W6044">
        <v>8</v>
      </c>
      <c r="X6044">
        <v>0</v>
      </c>
      <c r="Y6044">
        <v>51</v>
      </c>
      <c r="Z6044">
        <v>12</v>
      </c>
      <c r="AA6044">
        <v>99</v>
      </c>
      <c r="AB6044">
        <v>22</v>
      </c>
      <c r="AC6044">
        <v>112</v>
      </c>
      <c r="AD6044">
        <v>33</v>
      </c>
      <c r="AE6044">
        <v>35</v>
      </c>
      <c r="AF6044">
        <v>6085</v>
      </c>
      <c r="AG6044">
        <v>115405</v>
      </c>
      <c r="AH6044">
        <v>50000</v>
      </c>
      <c r="AI6044">
        <v>100</v>
      </c>
      <c r="AJ6044">
        <v>36</v>
      </c>
      <c r="AK6044" t="s">
        <v>68</v>
      </c>
      <c r="AL6044">
        <v>0</v>
      </c>
      <c r="AM6044">
        <v>0</v>
      </c>
      <c r="AN6044">
        <v>0</v>
      </c>
      <c r="AO6044">
        <v>0</v>
      </c>
      <c r="AP6044">
        <v>0</v>
      </c>
      <c r="AQ6044">
        <v>0</v>
      </c>
      <c r="AR6044">
        <v>0</v>
      </c>
      <c r="AS6044">
        <v>0</v>
      </c>
      <c r="AT6044">
        <v>0</v>
      </c>
      <c r="AU6044">
        <v>0</v>
      </c>
      <c r="AV6044">
        <v>0</v>
      </c>
      <c r="AW6044">
        <v>0</v>
      </c>
      <c r="AX6044">
        <v>-1515</v>
      </c>
      <c r="AY6044">
        <v>48</v>
      </c>
      <c r="AZ6044">
        <v>106</v>
      </c>
      <c r="BA6044">
        <v>6845</v>
      </c>
    </row>
    <row r="6045" spans="1:53" x14ac:dyDescent="0.4">
      <c r="A6045">
        <v>6089</v>
      </c>
      <c r="B6045" s="1">
        <v>45137</v>
      </c>
      <c r="C6045">
        <v>3</v>
      </c>
      <c r="D6045" s="1">
        <v>45137.740972222222</v>
      </c>
      <c r="E6045" s="1">
        <v>45138.003472222219</v>
      </c>
      <c r="F6045">
        <v>81270</v>
      </c>
      <c r="G6045">
        <v>5467</v>
      </c>
      <c r="H6045">
        <v>0</v>
      </c>
      <c r="I6045">
        <v>0</v>
      </c>
      <c r="J6045">
        <v>600</v>
      </c>
      <c r="K6045">
        <v>0</v>
      </c>
      <c r="L6045">
        <v>0</v>
      </c>
      <c r="M6045">
        <v>7827</v>
      </c>
      <c r="N6045">
        <v>0</v>
      </c>
      <c r="O6045">
        <v>0</v>
      </c>
      <c r="P6045">
        <v>23920</v>
      </c>
      <c r="Q6045">
        <v>0</v>
      </c>
      <c r="R6045">
        <v>110057</v>
      </c>
      <c r="S6045">
        <v>0</v>
      </c>
      <c r="T6045">
        <v>0</v>
      </c>
      <c r="U6045">
        <v>0</v>
      </c>
      <c r="V6045">
        <v>6</v>
      </c>
      <c r="W6045">
        <v>8</v>
      </c>
      <c r="X6045">
        <v>0</v>
      </c>
      <c r="Y6045">
        <v>86</v>
      </c>
      <c r="Z6045">
        <v>16</v>
      </c>
      <c r="AA6045">
        <v>127</v>
      </c>
      <c r="AB6045">
        <v>25</v>
      </c>
      <c r="AC6045">
        <v>126</v>
      </c>
      <c r="AD6045">
        <v>34</v>
      </c>
      <c r="AE6045">
        <v>37</v>
      </c>
      <c r="AF6045">
        <v>15945</v>
      </c>
      <c r="AG6045">
        <v>225362</v>
      </c>
      <c r="AH6045">
        <v>50000</v>
      </c>
      <c r="AI6045">
        <v>0</v>
      </c>
      <c r="AJ6045">
        <v>104</v>
      </c>
      <c r="AK6045" t="s">
        <v>60</v>
      </c>
      <c r="AL6045">
        <v>0</v>
      </c>
      <c r="AM6045">
        <v>0</v>
      </c>
      <c r="AN6045">
        <v>0</v>
      </c>
      <c r="AO6045">
        <v>0</v>
      </c>
      <c r="AP6045">
        <v>0</v>
      </c>
      <c r="AQ6045">
        <v>0</v>
      </c>
      <c r="AR6045">
        <v>0</v>
      </c>
      <c r="AS6045">
        <v>0</v>
      </c>
      <c r="AT6045">
        <v>0</v>
      </c>
      <c r="AU6045">
        <v>0</v>
      </c>
      <c r="AV6045">
        <v>0</v>
      </c>
      <c r="AW6045">
        <v>0</v>
      </c>
      <c r="AX6045">
        <v>858</v>
      </c>
      <c r="AY6045">
        <v>37</v>
      </c>
      <c r="AZ6045">
        <v>83</v>
      </c>
      <c r="BA6045">
        <v>4533</v>
      </c>
    </row>
    <row r="6046" spans="1:53" x14ac:dyDescent="0.4">
      <c r="A6046">
        <v>6090</v>
      </c>
      <c r="B6046" s="1">
        <v>45138</v>
      </c>
      <c r="C6046">
        <v>1</v>
      </c>
      <c r="D6046" s="1">
        <v>45138.291666666664</v>
      </c>
      <c r="E6046" s="1">
        <v>45138.408333333333</v>
      </c>
      <c r="F6046">
        <v>0</v>
      </c>
      <c r="G6046">
        <v>0</v>
      </c>
      <c r="H6046">
        <v>0</v>
      </c>
      <c r="I6046">
        <v>0</v>
      </c>
      <c r="J6046">
        <v>0</v>
      </c>
      <c r="K6046">
        <v>0</v>
      </c>
      <c r="L6046">
        <v>0</v>
      </c>
      <c r="M6046">
        <v>0</v>
      </c>
      <c r="N6046">
        <v>0</v>
      </c>
      <c r="O6046">
        <v>0</v>
      </c>
      <c r="P6046">
        <v>0</v>
      </c>
      <c r="Q6046">
        <v>0</v>
      </c>
      <c r="R6046">
        <v>0</v>
      </c>
      <c r="S6046">
        <v>0</v>
      </c>
      <c r="T6046">
        <v>0</v>
      </c>
      <c r="U6046">
        <v>0</v>
      </c>
      <c r="V6046">
        <v>0</v>
      </c>
      <c r="W6046">
        <v>0</v>
      </c>
      <c r="X6046">
        <v>0</v>
      </c>
      <c r="Y6046">
        <v>35</v>
      </c>
      <c r="Z6046">
        <v>12</v>
      </c>
      <c r="AA6046">
        <v>66</v>
      </c>
      <c r="AB6046">
        <v>21</v>
      </c>
      <c r="AC6046">
        <v>115</v>
      </c>
      <c r="AD6046">
        <v>33</v>
      </c>
      <c r="AE6046">
        <v>35</v>
      </c>
      <c r="AF6046">
        <v>0</v>
      </c>
      <c r="AG6046">
        <v>50000</v>
      </c>
      <c r="AH6046">
        <v>50000</v>
      </c>
      <c r="AI6046">
        <v>0</v>
      </c>
      <c r="AJ6046">
        <v>0</v>
      </c>
      <c r="AK6046" t="s">
        <v>6</v>
      </c>
      <c r="AL6046">
        <v>0</v>
      </c>
      <c r="AM6046">
        <v>0</v>
      </c>
      <c r="AN6046">
        <v>0</v>
      </c>
      <c r="AO6046">
        <v>0</v>
      </c>
      <c r="AP6046">
        <v>0</v>
      </c>
      <c r="AQ6046">
        <v>0</v>
      </c>
      <c r="AR6046">
        <v>0</v>
      </c>
      <c r="AS6046">
        <v>0</v>
      </c>
      <c r="AT6046">
        <v>0</v>
      </c>
      <c r="AU6046">
        <v>0</v>
      </c>
      <c r="AV6046">
        <v>0</v>
      </c>
      <c r="AW6046">
        <v>0</v>
      </c>
      <c r="AX6046">
        <v>0</v>
      </c>
      <c r="AY6046">
        <v>0</v>
      </c>
      <c r="AZ6046">
        <v>0</v>
      </c>
      <c r="BA6046">
        <v>0</v>
      </c>
    </row>
    <row r="6047" spans="1:53" x14ac:dyDescent="0.4">
      <c r="A6047">
        <v>6091</v>
      </c>
      <c r="B6047" s="1">
        <v>45138</v>
      </c>
      <c r="C6047">
        <v>2</v>
      </c>
      <c r="D6047" s="1">
        <v>45138.408333333333</v>
      </c>
      <c r="E6047" s="1">
        <v>45138.730555555558</v>
      </c>
      <c r="F6047">
        <v>37105</v>
      </c>
      <c r="G6047">
        <v>0</v>
      </c>
      <c r="H6047">
        <v>0</v>
      </c>
      <c r="I6047">
        <v>0</v>
      </c>
      <c r="J6047">
        <v>200</v>
      </c>
      <c r="K6047">
        <v>0</v>
      </c>
      <c r="L6047">
        <v>0</v>
      </c>
      <c r="M6047">
        <v>3354</v>
      </c>
      <c r="N6047">
        <v>0</v>
      </c>
      <c r="O6047">
        <v>0</v>
      </c>
      <c r="P6047">
        <v>16140</v>
      </c>
      <c r="Q6047">
        <v>0</v>
      </c>
      <c r="R6047">
        <v>53045</v>
      </c>
      <c r="S6047">
        <v>0</v>
      </c>
      <c r="T6047">
        <v>0</v>
      </c>
      <c r="U6047">
        <v>0</v>
      </c>
      <c r="V6047">
        <v>0</v>
      </c>
      <c r="W6047">
        <v>0</v>
      </c>
      <c r="X6047">
        <v>0</v>
      </c>
      <c r="Y6047">
        <v>76</v>
      </c>
      <c r="Z6047">
        <v>26</v>
      </c>
      <c r="AA6047">
        <v>100</v>
      </c>
      <c r="AB6047">
        <v>14</v>
      </c>
      <c r="AC6047">
        <v>111</v>
      </c>
      <c r="AD6047">
        <v>34</v>
      </c>
      <c r="AE6047">
        <v>35</v>
      </c>
      <c r="AF6047">
        <v>2030</v>
      </c>
      <c r="AG6047">
        <v>103045</v>
      </c>
      <c r="AH6047">
        <v>50000</v>
      </c>
      <c r="AI6047">
        <v>0</v>
      </c>
      <c r="AJ6047">
        <v>118</v>
      </c>
      <c r="AK6047" t="s">
        <v>59</v>
      </c>
      <c r="AL6047">
        <v>0</v>
      </c>
      <c r="AM6047">
        <v>0</v>
      </c>
      <c r="AN6047">
        <v>0</v>
      </c>
      <c r="AO6047">
        <v>0</v>
      </c>
      <c r="AP6047">
        <v>0</v>
      </c>
      <c r="AQ6047">
        <v>0</v>
      </c>
      <c r="AR6047">
        <v>0</v>
      </c>
      <c r="AS6047">
        <v>0</v>
      </c>
      <c r="AT6047">
        <v>0</v>
      </c>
      <c r="AU6047">
        <v>0</v>
      </c>
      <c r="AV6047">
        <v>0</v>
      </c>
      <c r="AW6047">
        <v>0</v>
      </c>
      <c r="AX6047">
        <v>0</v>
      </c>
      <c r="AY6047">
        <v>43</v>
      </c>
      <c r="AZ6047">
        <v>88</v>
      </c>
      <c r="BA6047">
        <v>5717</v>
      </c>
    </row>
    <row r="6048" spans="1:53" x14ac:dyDescent="0.4">
      <c r="A6048">
        <v>6092</v>
      </c>
      <c r="B6048" s="1">
        <v>45139</v>
      </c>
      <c r="C6048">
        <v>1</v>
      </c>
      <c r="D6048" s="1">
        <v>45139.291666666664</v>
      </c>
      <c r="E6048" s="1">
        <v>45139.407638888886</v>
      </c>
      <c r="F6048">
        <v>0</v>
      </c>
      <c r="G6048">
        <v>0</v>
      </c>
      <c r="H6048">
        <v>0</v>
      </c>
      <c r="I6048">
        <v>0</v>
      </c>
      <c r="J6048">
        <v>0</v>
      </c>
      <c r="K6048">
        <v>0</v>
      </c>
      <c r="L6048">
        <v>0</v>
      </c>
      <c r="M6048">
        <v>0</v>
      </c>
      <c r="N6048">
        <v>0</v>
      </c>
      <c r="O6048">
        <v>0</v>
      </c>
      <c r="P6048">
        <v>0</v>
      </c>
      <c r="Q6048">
        <v>0</v>
      </c>
      <c r="R6048">
        <v>0</v>
      </c>
      <c r="S6048">
        <v>0</v>
      </c>
      <c r="T6048">
        <v>0</v>
      </c>
      <c r="U6048">
        <v>0</v>
      </c>
      <c r="V6048">
        <v>0</v>
      </c>
      <c r="W6048">
        <v>0</v>
      </c>
      <c r="X6048">
        <v>0</v>
      </c>
      <c r="Y6048">
        <v>30</v>
      </c>
      <c r="Z6048">
        <v>14</v>
      </c>
      <c r="AA6048">
        <v>109</v>
      </c>
      <c r="AB6048">
        <v>15</v>
      </c>
      <c r="AC6048">
        <v>115</v>
      </c>
      <c r="AD6048">
        <v>34</v>
      </c>
      <c r="AE6048">
        <v>30</v>
      </c>
      <c r="AF6048">
        <v>0</v>
      </c>
      <c r="AG6048">
        <v>50000</v>
      </c>
      <c r="AH6048">
        <v>50000</v>
      </c>
      <c r="AI6048">
        <v>0</v>
      </c>
      <c r="AJ6048">
        <v>0</v>
      </c>
      <c r="AK6048" t="s">
        <v>6</v>
      </c>
      <c r="AL6048">
        <v>0</v>
      </c>
      <c r="AM6048">
        <v>0</v>
      </c>
      <c r="AN6048">
        <v>0</v>
      </c>
      <c r="AO6048">
        <v>0</v>
      </c>
      <c r="AP6048">
        <v>0</v>
      </c>
      <c r="AQ6048">
        <v>0</v>
      </c>
      <c r="AR6048">
        <v>0</v>
      </c>
      <c r="AS6048">
        <v>0</v>
      </c>
      <c r="AT6048">
        <v>0</v>
      </c>
      <c r="AU6048">
        <v>0</v>
      </c>
      <c r="AV6048">
        <v>0</v>
      </c>
      <c r="AW6048">
        <v>0</v>
      </c>
      <c r="AX6048">
        <v>0</v>
      </c>
      <c r="AY6048">
        <v>0</v>
      </c>
      <c r="AZ6048">
        <v>0</v>
      </c>
      <c r="BA6048">
        <v>0</v>
      </c>
    </row>
    <row r="6049" spans="1:53" x14ac:dyDescent="0.4">
      <c r="A6049">
        <v>6093</v>
      </c>
      <c r="B6049" s="1">
        <v>45139</v>
      </c>
      <c r="C6049">
        <v>2</v>
      </c>
      <c r="D6049" s="1">
        <v>45139.407638888886</v>
      </c>
      <c r="E6049" s="1">
        <v>45139.731944444444</v>
      </c>
      <c r="F6049">
        <v>26520</v>
      </c>
      <c r="G6049">
        <v>913</v>
      </c>
      <c r="H6049">
        <v>0</v>
      </c>
      <c r="I6049">
        <v>0</v>
      </c>
      <c r="J6049">
        <v>300</v>
      </c>
      <c r="K6049">
        <v>0</v>
      </c>
      <c r="L6049">
        <v>0</v>
      </c>
      <c r="M6049">
        <v>2465</v>
      </c>
      <c r="N6049">
        <v>0</v>
      </c>
      <c r="O6049">
        <v>0</v>
      </c>
      <c r="P6049">
        <v>21380</v>
      </c>
      <c r="Q6049">
        <v>0</v>
      </c>
      <c r="R6049">
        <v>48513</v>
      </c>
      <c r="S6049">
        <v>0</v>
      </c>
      <c r="T6049">
        <v>0</v>
      </c>
      <c r="U6049">
        <v>0</v>
      </c>
      <c r="V6049">
        <v>2</v>
      </c>
      <c r="W6049">
        <v>0</v>
      </c>
      <c r="X6049">
        <v>0</v>
      </c>
      <c r="Y6049">
        <v>51</v>
      </c>
      <c r="Z6049">
        <v>23</v>
      </c>
      <c r="AA6049">
        <v>127</v>
      </c>
      <c r="AB6049">
        <v>15</v>
      </c>
      <c r="AC6049">
        <v>118</v>
      </c>
      <c r="AD6049">
        <v>35</v>
      </c>
      <c r="AE6049">
        <v>28</v>
      </c>
      <c r="AF6049">
        <v>1180</v>
      </c>
      <c r="AG6049">
        <v>98513</v>
      </c>
      <c r="AH6049">
        <v>50000</v>
      </c>
      <c r="AI6049">
        <v>0</v>
      </c>
      <c r="AJ6049">
        <v>38</v>
      </c>
      <c r="AK6049" t="s">
        <v>75</v>
      </c>
      <c r="AL6049">
        <v>0</v>
      </c>
      <c r="AM6049">
        <v>0</v>
      </c>
      <c r="AN6049">
        <v>0</v>
      </c>
      <c r="AO6049">
        <v>0</v>
      </c>
      <c r="AP6049">
        <v>0</v>
      </c>
      <c r="AQ6049">
        <v>0</v>
      </c>
      <c r="AR6049">
        <v>0</v>
      </c>
      <c r="AS6049">
        <v>0</v>
      </c>
      <c r="AT6049">
        <v>0</v>
      </c>
      <c r="AU6049">
        <v>0</v>
      </c>
      <c r="AV6049">
        <v>0</v>
      </c>
      <c r="AW6049">
        <v>0</v>
      </c>
      <c r="AX6049">
        <v>0</v>
      </c>
      <c r="AY6049">
        <v>38</v>
      </c>
      <c r="AZ6049">
        <v>73</v>
      </c>
      <c r="BA6049">
        <v>6045</v>
      </c>
    </row>
    <row r="6050" spans="1:53" x14ac:dyDescent="0.4">
      <c r="A6050">
        <v>6094</v>
      </c>
      <c r="B6050" s="1">
        <v>45140</v>
      </c>
      <c r="C6050">
        <v>1</v>
      </c>
      <c r="D6050" s="1">
        <v>45140.291666666664</v>
      </c>
      <c r="E6050" s="1">
        <v>45140.404861111114</v>
      </c>
      <c r="F6050">
        <v>0</v>
      </c>
      <c r="G6050">
        <v>0</v>
      </c>
      <c r="H6050">
        <v>0</v>
      </c>
      <c r="I6050">
        <v>0</v>
      </c>
      <c r="J6050">
        <v>0</v>
      </c>
      <c r="K6050">
        <v>0</v>
      </c>
      <c r="L6050">
        <v>0</v>
      </c>
      <c r="M6050">
        <v>0</v>
      </c>
      <c r="N6050">
        <v>0</v>
      </c>
      <c r="O6050">
        <v>0</v>
      </c>
      <c r="P6050">
        <v>0</v>
      </c>
      <c r="Q6050">
        <v>0</v>
      </c>
      <c r="R6050">
        <v>0</v>
      </c>
      <c r="S6050">
        <v>0</v>
      </c>
      <c r="T6050">
        <v>0</v>
      </c>
      <c r="U6050">
        <v>0</v>
      </c>
      <c r="V6050">
        <v>0</v>
      </c>
      <c r="W6050">
        <v>0</v>
      </c>
      <c r="X6050">
        <v>0</v>
      </c>
      <c r="Y6050">
        <v>35</v>
      </c>
      <c r="Z6050">
        <v>11</v>
      </c>
      <c r="AA6050">
        <v>79</v>
      </c>
      <c r="AB6050">
        <v>15</v>
      </c>
      <c r="AC6050">
        <v>64</v>
      </c>
      <c r="AD6050">
        <v>33</v>
      </c>
      <c r="AE6050">
        <v>45</v>
      </c>
      <c r="AF6050">
        <v>0</v>
      </c>
      <c r="AG6050">
        <v>50000</v>
      </c>
      <c r="AH6050">
        <v>50000</v>
      </c>
      <c r="AI6050">
        <v>0</v>
      </c>
      <c r="AJ6050">
        <v>0</v>
      </c>
      <c r="AK6050" t="s">
        <v>6</v>
      </c>
      <c r="AL6050">
        <v>0</v>
      </c>
      <c r="AM6050">
        <v>0</v>
      </c>
      <c r="AN6050">
        <v>0</v>
      </c>
      <c r="AO6050">
        <v>0</v>
      </c>
      <c r="AP6050">
        <v>0</v>
      </c>
      <c r="AQ6050">
        <v>0</v>
      </c>
      <c r="AR6050">
        <v>0</v>
      </c>
      <c r="AS6050">
        <v>0</v>
      </c>
      <c r="AT6050">
        <v>0</v>
      </c>
      <c r="AU6050">
        <v>0</v>
      </c>
      <c r="AV6050">
        <v>0</v>
      </c>
      <c r="AW6050">
        <v>0</v>
      </c>
      <c r="AX6050">
        <v>0</v>
      </c>
      <c r="AY6050">
        <v>0</v>
      </c>
      <c r="AZ6050">
        <v>0</v>
      </c>
      <c r="BA6050">
        <v>0</v>
      </c>
    </row>
    <row r="6051" spans="1:53" x14ac:dyDescent="0.4">
      <c r="A6051">
        <v>6095</v>
      </c>
      <c r="B6051" s="1">
        <v>45140</v>
      </c>
      <c r="C6051">
        <v>2</v>
      </c>
      <c r="D6051" s="1">
        <v>45140.404861111114</v>
      </c>
      <c r="E6051" s="1">
        <v>45140.732638888891</v>
      </c>
      <c r="F6051">
        <v>35130</v>
      </c>
      <c r="G6051">
        <v>1804</v>
      </c>
      <c r="H6051">
        <v>220</v>
      </c>
      <c r="I6051">
        <v>0</v>
      </c>
      <c r="J6051">
        <v>200</v>
      </c>
      <c r="K6051">
        <v>0</v>
      </c>
      <c r="L6051">
        <v>0</v>
      </c>
      <c r="M6051">
        <v>3356</v>
      </c>
      <c r="N6051">
        <v>0</v>
      </c>
      <c r="O6051">
        <v>0</v>
      </c>
      <c r="P6051">
        <v>11230</v>
      </c>
      <c r="Q6051">
        <v>0</v>
      </c>
      <c r="R6051">
        <v>48184</v>
      </c>
      <c r="S6051">
        <v>0</v>
      </c>
      <c r="T6051">
        <v>0</v>
      </c>
      <c r="U6051">
        <v>0</v>
      </c>
      <c r="V6051">
        <v>0</v>
      </c>
      <c r="W6051">
        <v>1</v>
      </c>
      <c r="X6051">
        <v>0</v>
      </c>
      <c r="Y6051">
        <v>71</v>
      </c>
      <c r="Z6051">
        <v>15</v>
      </c>
      <c r="AA6051">
        <v>119</v>
      </c>
      <c r="AB6051">
        <v>17</v>
      </c>
      <c r="AC6051">
        <v>93</v>
      </c>
      <c r="AD6051">
        <v>40</v>
      </c>
      <c r="AE6051">
        <v>54</v>
      </c>
      <c r="AF6051">
        <v>750</v>
      </c>
      <c r="AG6051">
        <v>98184</v>
      </c>
      <c r="AH6051">
        <v>50000</v>
      </c>
      <c r="AI6051">
        <v>0</v>
      </c>
      <c r="AJ6051">
        <v>38</v>
      </c>
      <c r="AK6051" t="s">
        <v>75</v>
      </c>
      <c r="AL6051">
        <v>0</v>
      </c>
      <c r="AM6051">
        <v>0</v>
      </c>
      <c r="AN6051">
        <v>0</v>
      </c>
      <c r="AO6051">
        <v>0</v>
      </c>
      <c r="AP6051">
        <v>0</v>
      </c>
      <c r="AQ6051">
        <v>0</v>
      </c>
      <c r="AR6051">
        <v>0</v>
      </c>
      <c r="AS6051">
        <v>0</v>
      </c>
      <c r="AT6051">
        <v>0</v>
      </c>
      <c r="AU6051">
        <v>0</v>
      </c>
      <c r="AV6051">
        <v>0</v>
      </c>
      <c r="AW6051">
        <v>0</v>
      </c>
      <c r="AX6051">
        <v>605</v>
      </c>
      <c r="AY6051">
        <v>43</v>
      </c>
      <c r="AZ6051">
        <v>75</v>
      </c>
      <c r="BA6051">
        <v>6590</v>
      </c>
    </row>
    <row r="6052" spans="1:53" x14ac:dyDescent="0.4">
      <c r="A6052">
        <v>6096</v>
      </c>
      <c r="B6052" s="1">
        <v>45140</v>
      </c>
      <c r="C6052">
        <v>3</v>
      </c>
      <c r="D6052" s="1">
        <v>45140.732638888891</v>
      </c>
      <c r="E6052" s="1">
        <v>45140.915277777778</v>
      </c>
      <c r="F6052">
        <v>14720</v>
      </c>
      <c r="G6052">
        <v>2519</v>
      </c>
      <c r="H6052">
        <v>0</v>
      </c>
      <c r="I6052">
        <v>0</v>
      </c>
      <c r="J6052">
        <v>100</v>
      </c>
      <c r="K6052">
        <v>0</v>
      </c>
      <c r="L6052">
        <v>0</v>
      </c>
      <c r="M6052">
        <v>1558</v>
      </c>
      <c r="N6052">
        <v>0</v>
      </c>
      <c r="O6052">
        <v>0</v>
      </c>
      <c r="P6052">
        <v>-11230</v>
      </c>
      <c r="Q6052">
        <v>0</v>
      </c>
      <c r="R6052">
        <v>5909</v>
      </c>
      <c r="S6052">
        <v>0</v>
      </c>
      <c r="T6052">
        <v>0</v>
      </c>
      <c r="U6052">
        <v>0</v>
      </c>
      <c r="V6052">
        <v>1</v>
      </c>
      <c r="W6052">
        <v>0</v>
      </c>
      <c r="X6052">
        <v>0</v>
      </c>
      <c r="Y6052">
        <v>730</v>
      </c>
      <c r="Z6052">
        <v>13</v>
      </c>
      <c r="AA6052">
        <v>112</v>
      </c>
      <c r="AB6052">
        <v>18</v>
      </c>
      <c r="AC6052">
        <v>148</v>
      </c>
      <c r="AD6052">
        <v>41</v>
      </c>
      <c r="AE6052">
        <v>58</v>
      </c>
      <c r="AF6052">
        <v>750</v>
      </c>
      <c r="AG6052">
        <v>761093</v>
      </c>
      <c r="AH6052">
        <v>50000</v>
      </c>
      <c r="AI6052">
        <v>657000</v>
      </c>
      <c r="AJ6052">
        <v>45</v>
      </c>
      <c r="AK6052" t="s">
        <v>77</v>
      </c>
      <c r="AL6052">
        <v>0</v>
      </c>
      <c r="AM6052">
        <v>0</v>
      </c>
      <c r="AN6052">
        <v>0</v>
      </c>
      <c r="AO6052">
        <v>0</v>
      </c>
      <c r="AP6052">
        <v>0</v>
      </c>
      <c r="AQ6052">
        <v>0</v>
      </c>
      <c r="AR6052">
        <v>0</v>
      </c>
      <c r="AS6052">
        <v>0</v>
      </c>
      <c r="AT6052">
        <v>0</v>
      </c>
      <c r="AU6052">
        <v>0</v>
      </c>
      <c r="AV6052">
        <v>0</v>
      </c>
      <c r="AW6052">
        <v>0</v>
      </c>
      <c r="AX6052">
        <v>2200</v>
      </c>
      <c r="AY6052">
        <v>4</v>
      </c>
      <c r="AZ6052">
        <v>8</v>
      </c>
      <c r="BA6052">
        <v>1350</v>
      </c>
    </row>
    <row r="6053" spans="1:53" x14ac:dyDescent="0.4">
      <c r="A6053">
        <v>6097</v>
      </c>
      <c r="B6053" s="1">
        <v>45141</v>
      </c>
      <c r="C6053">
        <v>1</v>
      </c>
      <c r="D6053" s="1">
        <v>45141.291666666664</v>
      </c>
      <c r="E6053" s="1">
        <v>45141.404166666667</v>
      </c>
      <c r="F6053">
        <v>0</v>
      </c>
      <c r="G6053">
        <v>0</v>
      </c>
      <c r="H6053">
        <v>0</v>
      </c>
      <c r="I6053">
        <v>0</v>
      </c>
      <c r="J6053">
        <v>0</v>
      </c>
      <c r="K6053">
        <v>0</v>
      </c>
      <c r="L6053">
        <v>0</v>
      </c>
      <c r="M6053">
        <v>0</v>
      </c>
      <c r="N6053">
        <v>0</v>
      </c>
      <c r="O6053">
        <v>0</v>
      </c>
      <c r="P6053">
        <v>0</v>
      </c>
      <c r="Q6053">
        <v>0</v>
      </c>
      <c r="R6053">
        <v>0</v>
      </c>
      <c r="S6053">
        <v>0</v>
      </c>
      <c r="T6053">
        <v>0</v>
      </c>
      <c r="U6053">
        <v>0</v>
      </c>
      <c r="V6053">
        <v>0</v>
      </c>
      <c r="W6053">
        <v>0</v>
      </c>
      <c r="X6053">
        <v>0</v>
      </c>
      <c r="Y6053">
        <v>35</v>
      </c>
      <c r="Z6053">
        <v>11</v>
      </c>
      <c r="AA6053">
        <v>76</v>
      </c>
      <c r="AB6053">
        <v>19</v>
      </c>
      <c r="AC6053">
        <v>69</v>
      </c>
      <c r="AD6053">
        <v>41</v>
      </c>
      <c r="AE6053">
        <v>55</v>
      </c>
      <c r="AF6053">
        <v>0</v>
      </c>
      <c r="AG6053">
        <v>50000</v>
      </c>
      <c r="AH6053">
        <v>50000</v>
      </c>
      <c r="AI6053">
        <v>0</v>
      </c>
      <c r="AJ6053">
        <v>0</v>
      </c>
      <c r="AK6053" t="s">
        <v>6</v>
      </c>
      <c r="AL6053">
        <v>0</v>
      </c>
      <c r="AM6053">
        <v>0</v>
      </c>
      <c r="AN6053">
        <v>0</v>
      </c>
      <c r="AO6053">
        <v>0</v>
      </c>
      <c r="AP6053">
        <v>0</v>
      </c>
      <c r="AQ6053">
        <v>0</v>
      </c>
      <c r="AR6053">
        <v>0</v>
      </c>
      <c r="AS6053">
        <v>0</v>
      </c>
      <c r="AT6053">
        <v>0</v>
      </c>
      <c r="AU6053">
        <v>0</v>
      </c>
      <c r="AV6053">
        <v>0</v>
      </c>
      <c r="AW6053">
        <v>0</v>
      </c>
      <c r="AX6053">
        <v>0</v>
      </c>
      <c r="AY6053">
        <v>0</v>
      </c>
      <c r="AZ6053">
        <v>0</v>
      </c>
      <c r="BA6053">
        <v>0</v>
      </c>
    </row>
    <row r="6054" spans="1:53" x14ac:dyDescent="0.4">
      <c r="A6054">
        <v>6098</v>
      </c>
      <c r="B6054" s="1">
        <v>45141</v>
      </c>
      <c r="C6054">
        <v>2</v>
      </c>
      <c r="D6054" s="1">
        <v>45141.404166666667</v>
      </c>
      <c r="E6054" s="1">
        <v>45141.731944444444</v>
      </c>
      <c r="F6054">
        <v>29040</v>
      </c>
      <c r="G6054">
        <v>440</v>
      </c>
      <c r="H6054">
        <v>0</v>
      </c>
      <c r="I6054">
        <v>0</v>
      </c>
      <c r="J6054">
        <v>0</v>
      </c>
      <c r="K6054">
        <v>0</v>
      </c>
      <c r="L6054">
        <v>0</v>
      </c>
      <c r="M6054">
        <v>2678</v>
      </c>
      <c r="N6054">
        <v>0</v>
      </c>
      <c r="O6054">
        <v>0</v>
      </c>
      <c r="P6054">
        <v>24850</v>
      </c>
      <c r="Q6054">
        <v>0</v>
      </c>
      <c r="R6054">
        <v>54330</v>
      </c>
      <c r="S6054">
        <v>0</v>
      </c>
      <c r="T6054">
        <v>0</v>
      </c>
      <c r="U6054">
        <v>0</v>
      </c>
      <c r="V6054">
        <v>0</v>
      </c>
      <c r="W6054">
        <v>1</v>
      </c>
      <c r="X6054">
        <v>0</v>
      </c>
      <c r="Y6054">
        <v>75</v>
      </c>
      <c r="Z6054">
        <v>24</v>
      </c>
      <c r="AA6054">
        <v>66</v>
      </c>
      <c r="AB6054">
        <v>20</v>
      </c>
      <c r="AC6054">
        <v>91</v>
      </c>
      <c r="AD6054">
        <v>41</v>
      </c>
      <c r="AE6054">
        <v>55</v>
      </c>
      <c r="AF6054">
        <v>4060</v>
      </c>
      <c r="AG6054">
        <v>104830</v>
      </c>
      <c r="AH6054">
        <v>50000</v>
      </c>
      <c r="AI6054">
        <v>500</v>
      </c>
      <c r="AJ6054">
        <v>38</v>
      </c>
      <c r="AK6054" t="s">
        <v>75</v>
      </c>
      <c r="AL6054">
        <v>0</v>
      </c>
      <c r="AM6054">
        <v>0</v>
      </c>
      <c r="AN6054">
        <v>0</v>
      </c>
      <c r="AO6054">
        <v>0</v>
      </c>
      <c r="AP6054">
        <v>0</v>
      </c>
      <c r="AQ6054">
        <v>0</v>
      </c>
      <c r="AR6054">
        <v>0</v>
      </c>
      <c r="AS6054">
        <v>0</v>
      </c>
      <c r="AT6054">
        <v>0</v>
      </c>
      <c r="AU6054">
        <v>0</v>
      </c>
      <c r="AV6054">
        <v>0</v>
      </c>
      <c r="AW6054">
        <v>0</v>
      </c>
      <c r="AX6054">
        <v>150</v>
      </c>
      <c r="AY6054">
        <v>45</v>
      </c>
      <c r="AZ6054">
        <v>86</v>
      </c>
      <c r="BA6054">
        <v>5921</v>
      </c>
    </row>
    <row r="6055" spans="1:53" x14ac:dyDescent="0.4">
      <c r="A6055">
        <v>6099</v>
      </c>
      <c r="B6055" s="1">
        <v>45141</v>
      </c>
      <c r="C6055">
        <v>3</v>
      </c>
      <c r="D6055" s="1">
        <v>45141.731944444444</v>
      </c>
      <c r="E6055" s="1">
        <v>45141.882638888892</v>
      </c>
      <c r="F6055">
        <v>29570</v>
      </c>
      <c r="G6055">
        <v>1210</v>
      </c>
      <c r="H6055">
        <v>0</v>
      </c>
      <c r="I6055">
        <v>0</v>
      </c>
      <c r="J6055">
        <v>100</v>
      </c>
      <c r="K6055">
        <v>0</v>
      </c>
      <c r="L6055">
        <v>0</v>
      </c>
      <c r="M6055">
        <v>2790</v>
      </c>
      <c r="N6055">
        <v>0</v>
      </c>
      <c r="O6055">
        <v>0</v>
      </c>
      <c r="P6055">
        <v>-10520</v>
      </c>
      <c r="Q6055">
        <v>0</v>
      </c>
      <c r="R6055">
        <v>20160</v>
      </c>
      <c r="S6055">
        <v>0</v>
      </c>
      <c r="T6055">
        <v>0</v>
      </c>
      <c r="U6055">
        <v>0</v>
      </c>
      <c r="V6055">
        <v>1</v>
      </c>
      <c r="W6055">
        <v>1</v>
      </c>
      <c r="X6055">
        <v>0</v>
      </c>
      <c r="Y6055">
        <v>85</v>
      </c>
      <c r="Z6055">
        <v>23</v>
      </c>
      <c r="AA6055">
        <v>60</v>
      </c>
      <c r="AB6055">
        <v>23</v>
      </c>
      <c r="AC6055">
        <v>96</v>
      </c>
      <c r="AD6055">
        <v>41</v>
      </c>
      <c r="AE6055">
        <v>55</v>
      </c>
      <c r="AF6055">
        <v>5120</v>
      </c>
      <c r="AG6055">
        <v>124990</v>
      </c>
      <c r="AH6055">
        <v>50000</v>
      </c>
      <c r="AI6055">
        <v>500</v>
      </c>
      <c r="AJ6055">
        <v>104</v>
      </c>
      <c r="AK6055" t="s">
        <v>60</v>
      </c>
      <c r="AL6055">
        <v>0</v>
      </c>
      <c r="AM6055">
        <v>0</v>
      </c>
      <c r="AN6055">
        <v>0</v>
      </c>
      <c r="AO6055">
        <v>0</v>
      </c>
      <c r="AP6055">
        <v>0</v>
      </c>
      <c r="AQ6055">
        <v>0</v>
      </c>
      <c r="AR6055">
        <v>0</v>
      </c>
      <c r="AS6055">
        <v>0</v>
      </c>
      <c r="AT6055">
        <v>0</v>
      </c>
      <c r="AU6055">
        <v>0</v>
      </c>
      <c r="AV6055">
        <v>0</v>
      </c>
      <c r="AW6055">
        <v>0</v>
      </c>
      <c r="AX6055">
        <v>4770</v>
      </c>
      <c r="AY6055">
        <v>10</v>
      </c>
      <c r="AZ6055">
        <v>25</v>
      </c>
      <c r="BA6055">
        <v>1966</v>
      </c>
    </row>
    <row r="6056" spans="1:53" x14ac:dyDescent="0.4">
      <c r="A6056">
        <v>6100</v>
      </c>
      <c r="B6056" s="1">
        <v>45142</v>
      </c>
      <c r="C6056">
        <v>1</v>
      </c>
      <c r="D6056" s="1">
        <v>45142.291666666664</v>
      </c>
      <c r="E6056" s="1">
        <v>45142.404166666667</v>
      </c>
      <c r="F6056">
        <v>0</v>
      </c>
      <c r="G6056">
        <v>0</v>
      </c>
      <c r="H6056">
        <v>0</v>
      </c>
      <c r="I6056">
        <v>0</v>
      </c>
      <c r="J6056">
        <v>0</v>
      </c>
      <c r="K6056">
        <v>0</v>
      </c>
      <c r="L6056">
        <v>0</v>
      </c>
      <c r="M6056">
        <v>0</v>
      </c>
      <c r="N6056">
        <v>0</v>
      </c>
      <c r="O6056">
        <v>0</v>
      </c>
      <c r="P6056">
        <v>0</v>
      </c>
      <c r="Q6056">
        <v>0</v>
      </c>
      <c r="R6056">
        <v>0</v>
      </c>
      <c r="S6056">
        <v>0</v>
      </c>
      <c r="T6056">
        <v>0</v>
      </c>
      <c r="U6056">
        <v>0</v>
      </c>
      <c r="V6056">
        <v>0</v>
      </c>
      <c r="W6056">
        <v>1</v>
      </c>
      <c r="X6056">
        <v>0</v>
      </c>
      <c r="Y6056">
        <v>31</v>
      </c>
      <c r="Z6056">
        <v>10</v>
      </c>
      <c r="AA6056">
        <v>70</v>
      </c>
      <c r="AB6056">
        <v>22</v>
      </c>
      <c r="AC6056">
        <v>64</v>
      </c>
      <c r="AD6056">
        <v>41</v>
      </c>
      <c r="AE6056">
        <v>55</v>
      </c>
      <c r="AF6056">
        <v>0</v>
      </c>
      <c r="AG6056">
        <v>50000</v>
      </c>
      <c r="AH6056">
        <v>50000</v>
      </c>
      <c r="AI6056">
        <v>0</v>
      </c>
      <c r="AJ6056">
        <v>0</v>
      </c>
      <c r="AK6056" t="s">
        <v>6</v>
      </c>
      <c r="AL6056">
        <v>0</v>
      </c>
      <c r="AM6056">
        <v>0</v>
      </c>
      <c r="AN6056">
        <v>0</v>
      </c>
      <c r="AO6056">
        <v>0</v>
      </c>
      <c r="AP6056">
        <v>0</v>
      </c>
      <c r="AQ6056">
        <v>0</v>
      </c>
      <c r="AR6056">
        <v>0</v>
      </c>
      <c r="AS6056">
        <v>0</v>
      </c>
      <c r="AT6056">
        <v>0</v>
      </c>
      <c r="AU6056">
        <v>0</v>
      </c>
      <c r="AV6056">
        <v>0</v>
      </c>
      <c r="AW6056">
        <v>0</v>
      </c>
      <c r="AX6056">
        <v>0</v>
      </c>
      <c r="AY6056">
        <v>0</v>
      </c>
      <c r="AZ6056">
        <v>0</v>
      </c>
      <c r="BA6056">
        <v>0</v>
      </c>
    </row>
    <row r="6057" spans="1:53" x14ac:dyDescent="0.4">
      <c r="A6057">
        <v>6101</v>
      </c>
      <c r="B6057" s="1">
        <v>45142</v>
      </c>
      <c r="C6057">
        <v>2</v>
      </c>
      <c r="D6057" s="1">
        <v>45142.404166666667</v>
      </c>
      <c r="E6057" s="1">
        <v>45142.723611111112</v>
      </c>
      <c r="F6057">
        <v>34650</v>
      </c>
      <c r="G6057">
        <v>748</v>
      </c>
      <c r="H6057">
        <v>0</v>
      </c>
      <c r="I6057">
        <v>0</v>
      </c>
      <c r="J6057">
        <v>100</v>
      </c>
      <c r="K6057">
        <v>1600</v>
      </c>
      <c r="L6057">
        <v>0</v>
      </c>
      <c r="M6057">
        <v>3354</v>
      </c>
      <c r="N6057">
        <v>0</v>
      </c>
      <c r="O6057">
        <v>0</v>
      </c>
      <c r="P6057">
        <v>14745</v>
      </c>
      <c r="Q6057">
        <v>0</v>
      </c>
      <c r="R6057">
        <v>51643</v>
      </c>
      <c r="S6057">
        <v>0</v>
      </c>
      <c r="T6057">
        <v>0</v>
      </c>
      <c r="U6057">
        <v>0</v>
      </c>
      <c r="V6057">
        <v>1</v>
      </c>
      <c r="W6057">
        <v>2</v>
      </c>
      <c r="X6057">
        <v>0</v>
      </c>
      <c r="Y6057">
        <v>55</v>
      </c>
      <c r="Z6057">
        <v>28</v>
      </c>
      <c r="AA6057">
        <v>79</v>
      </c>
      <c r="AB6057">
        <v>22</v>
      </c>
      <c r="AC6057">
        <v>60</v>
      </c>
      <c r="AD6057">
        <v>40</v>
      </c>
      <c r="AE6057">
        <v>63</v>
      </c>
      <c r="AF6057">
        <v>2780</v>
      </c>
      <c r="AG6057">
        <v>101643</v>
      </c>
      <c r="AH6057">
        <v>50000</v>
      </c>
      <c r="AI6057">
        <v>0</v>
      </c>
      <c r="AJ6057">
        <v>36</v>
      </c>
      <c r="AK6057" t="s">
        <v>68</v>
      </c>
      <c r="AL6057">
        <v>0</v>
      </c>
      <c r="AM6057">
        <v>0</v>
      </c>
      <c r="AN6057">
        <v>0</v>
      </c>
      <c r="AO6057">
        <v>0</v>
      </c>
      <c r="AP6057">
        <v>0</v>
      </c>
      <c r="AQ6057">
        <v>0</v>
      </c>
      <c r="AR6057">
        <v>0</v>
      </c>
      <c r="AS6057">
        <v>0</v>
      </c>
      <c r="AT6057">
        <v>0</v>
      </c>
      <c r="AU6057">
        <v>0</v>
      </c>
      <c r="AV6057">
        <v>0</v>
      </c>
      <c r="AW6057">
        <v>0</v>
      </c>
      <c r="AX6057">
        <v>-1290</v>
      </c>
      <c r="AY6057">
        <v>44</v>
      </c>
      <c r="AZ6057">
        <v>81</v>
      </c>
      <c r="BA6057">
        <v>6403</v>
      </c>
    </row>
    <row r="6058" spans="1:53" x14ac:dyDescent="0.4">
      <c r="A6058">
        <v>6102</v>
      </c>
      <c r="B6058" s="1">
        <v>45143</v>
      </c>
      <c r="C6058">
        <v>1</v>
      </c>
      <c r="D6058" s="1">
        <v>45143.291666666664</v>
      </c>
      <c r="E6058" s="1">
        <v>45143.406944444447</v>
      </c>
      <c r="F6058">
        <v>0</v>
      </c>
      <c r="G6058">
        <v>0</v>
      </c>
      <c r="H6058">
        <v>0</v>
      </c>
      <c r="I6058">
        <v>0</v>
      </c>
      <c r="J6058">
        <v>0</v>
      </c>
      <c r="K6058">
        <v>0</v>
      </c>
      <c r="L6058">
        <v>0</v>
      </c>
      <c r="M6058">
        <v>0</v>
      </c>
      <c r="N6058">
        <v>0</v>
      </c>
      <c r="O6058">
        <v>0</v>
      </c>
      <c r="P6058">
        <v>0</v>
      </c>
      <c r="Q6058">
        <v>0</v>
      </c>
      <c r="R6058">
        <v>0</v>
      </c>
      <c r="S6058">
        <v>0</v>
      </c>
      <c r="T6058">
        <v>0</v>
      </c>
      <c r="U6058">
        <v>0</v>
      </c>
      <c r="V6058">
        <v>0</v>
      </c>
      <c r="W6058">
        <v>1</v>
      </c>
      <c r="X6058">
        <v>0</v>
      </c>
      <c r="Y6058">
        <v>30</v>
      </c>
      <c r="Z6058">
        <v>11</v>
      </c>
      <c r="AA6058">
        <v>78</v>
      </c>
      <c r="AB6058">
        <v>17</v>
      </c>
      <c r="AC6058">
        <v>67</v>
      </c>
      <c r="AD6058">
        <v>36</v>
      </c>
      <c r="AE6058">
        <v>60</v>
      </c>
      <c r="AF6058">
        <v>0</v>
      </c>
      <c r="AG6058">
        <v>50060</v>
      </c>
      <c r="AH6058">
        <v>50000</v>
      </c>
      <c r="AI6058">
        <v>60</v>
      </c>
      <c r="AJ6058">
        <v>0</v>
      </c>
      <c r="AK6058" t="s">
        <v>6</v>
      </c>
      <c r="AL6058">
        <v>0</v>
      </c>
      <c r="AM6058">
        <v>0</v>
      </c>
      <c r="AN6058">
        <v>0</v>
      </c>
      <c r="AO6058">
        <v>0</v>
      </c>
      <c r="AP6058">
        <v>0</v>
      </c>
      <c r="AQ6058">
        <v>0</v>
      </c>
      <c r="AR6058">
        <v>0</v>
      </c>
      <c r="AS6058">
        <v>0</v>
      </c>
      <c r="AT6058">
        <v>0</v>
      </c>
      <c r="AU6058">
        <v>0</v>
      </c>
      <c r="AV6058">
        <v>0</v>
      </c>
      <c r="AW6058">
        <v>0</v>
      </c>
      <c r="AX6058">
        <v>0</v>
      </c>
      <c r="AY6058">
        <v>0</v>
      </c>
      <c r="AZ6058">
        <v>0</v>
      </c>
      <c r="BA6058">
        <v>0</v>
      </c>
    </row>
    <row r="6059" spans="1:53" x14ac:dyDescent="0.4">
      <c r="A6059">
        <v>6103</v>
      </c>
      <c r="B6059" s="1">
        <v>45143</v>
      </c>
      <c r="C6059">
        <v>2</v>
      </c>
      <c r="D6059" s="1">
        <v>45143.406944444447</v>
      </c>
      <c r="E6059" s="1">
        <v>45143.743750000001</v>
      </c>
      <c r="F6059">
        <v>37990</v>
      </c>
      <c r="G6059">
        <v>3278</v>
      </c>
      <c r="H6059">
        <v>0</v>
      </c>
      <c r="I6059">
        <v>0</v>
      </c>
      <c r="J6059">
        <v>400</v>
      </c>
      <c r="K6059">
        <v>900</v>
      </c>
      <c r="L6059">
        <v>0</v>
      </c>
      <c r="M6059">
        <v>3792</v>
      </c>
      <c r="N6059">
        <v>0</v>
      </c>
      <c r="O6059">
        <v>0</v>
      </c>
      <c r="P6059">
        <v>11350</v>
      </c>
      <c r="Q6059">
        <v>0</v>
      </c>
      <c r="R6059">
        <v>53118</v>
      </c>
      <c r="S6059">
        <v>0</v>
      </c>
      <c r="T6059">
        <v>0</v>
      </c>
      <c r="U6059">
        <v>0</v>
      </c>
      <c r="V6059">
        <v>2</v>
      </c>
      <c r="W6059">
        <v>1</v>
      </c>
      <c r="X6059">
        <v>0</v>
      </c>
      <c r="Y6059">
        <v>54</v>
      </c>
      <c r="Z6059">
        <v>18</v>
      </c>
      <c r="AA6059">
        <v>75</v>
      </c>
      <c r="AB6059">
        <v>14</v>
      </c>
      <c r="AC6059">
        <v>83</v>
      </c>
      <c r="AD6059">
        <v>40</v>
      </c>
      <c r="AE6059">
        <v>58</v>
      </c>
      <c r="AF6059">
        <v>5830</v>
      </c>
      <c r="AG6059">
        <v>103118</v>
      </c>
      <c r="AH6059">
        <v>50000</v>
      </c>
      <c r="AI6059">
        <v>0</v>
      </c>
      <c r="AJ6059">
        <v>118</v>
      </c>
      <c r="AK6059" t="s">
        <v>59</v>
      </c>
      <c r="AL6059">
        <v>0</v>
      </c>
      <c r="AM6059">
        <v>0</v>
      </c>
      <c r="AN6059">
        <v>0</v>
      </c>
      <c r="AO6059">
        <v>0</v>
      </c>
      <c r="AP6059">
        <v>0</v>
      </c>
      <c r="AQ6059">
        <v>0</v>
      </c>
      <c r="AR6059">
        <v>0</v>
      </c>
      <c r="AS6059">
        <v>0</v>
      </c>
      <c r="AT6059">
        <v>0</v>
      </c>
      <c r="AU6059">
        <v>0</v>
      </c>
      <c r="AV6059">
        <v>0</v>
      </c>
      <c r="AW6059">
        <v>0</v>
      </c>
      <c r="AX6059">
        <v>1210</v>
      </c>
      <c r="AY6059">
        <v>45</v>
      </c>
      <c r="AZ6059">
        <v>80</v>
      </c>
      <c r="BA6059">
        <v>7106</v>
      </c>
    </row>
    <row r="6060" spans="1:53" x14ac:dyDescent="0.4">
      <c r="A6060">
        <v>6104</v>
      </c>
      <c r="B6060" s="1">
        <v>45143</v>
      </c>
      <c r="C6060">
        <v>3</v>
      </c>
      <c r="D6060" s="1">
        <v>45143.743750000001</v>
      </c>
      <c r="E6060" s="1">
        <v>45143.968055555553</v>
      </c>
      <c r="F6060">
        <v>121130</v>
      </c>
      <c r="G6060">
        <v>3069</v>
      </c>
      <c r="H6060">
        <v>0</v>
      </c>
      <c r="I6060">
        <v>0</v>
      </c>
      <c r="J6060">
        <v>0</v>
      </c>
      <c r="K6060">
        <v>0</v>
      </c>
      <c r="L6060">
        <v>0</v>
      </c>
      <c r="M6060">
        <v>11290</v>
      </c>
      <c r="N6060">
        <v>0</v>
      </c>
      <c r="O6060">
        <v>0</v>
      </c>
      <c r="P6060">
        <v>-4650</v>
      </c>
      <c r="Q6060">
        <v>0</v>
      </c>
      <c r="R6060">
        <v>119549</v>
      </c>
      <c r="S6060">
        <v>0</v>
      </c>
      <c r="T6060">
        <v>0</v>
      </c>
      <c r="U6060">
        <v>0</v>
      </c>
      <c r="V6060">
        <v>8</v>
      </c>
      <c r="W6060">
        <v>2</v>
      </c>
      <c r="X6060">
        <v>0</v>
      </c>
      <c r="Y6060">
        <v>54</v>
      </c>
      <c r="Z6060">
        <v>20</v>
      </c>
      <c r="AA6060">
        <v>79</v>
      </c>
      <c r="AB6060">
        <v>12</v>
      </c>
      <c r="AC6060">
        <v>71</v>
      </c>
      <c r="AD6060">
        <v>42</v>
      </c>
      <c r="AE6060">
        <v>54</v>
      </c>
      <c r="AF6060">
        <v>59193</v>
      </c>
      <c r="AG6060">
        <v>222667</v>
      </c>
      <c r="AH6060">
        <v>50000</v>
      </c>
      <c r="AI6060">
        <v>0</v>
      </c>
      <c r="AJ6060">
        <v>39</v>
      </c>
      <c r="AK6060" t="s">
        <v>73</v>
      </c>
      <c r="AL6060">
        <v>0</v>
      </c>
      <c r="AM6060">
        <v>0</v>
      </c>
      <c r="AN6060">
        <v>0</v>
      </c>
      <c r="AO6060">
        <v>0</v>
      </c>
      <c r="AP6060">
        <v>0</v>
      </c>
      <c r="AQ6060">
        <v>0</v>
      </c>
      <c r="AR6060">
        <v>0</v>
      </c>
      <c r="AS6060">
        <v>0</v>
      </c>
      <c r="AT6060">
        <v>0</v>
      </c>
      <c r="AU6060">
        <v>0</v>
      </c>
      <c r="AV6060">
        <v>0</v>
      </c>
      <c r="AW6060">
        <v>0</v>
      </c>
      <c r="AX6060">
        <v>16585</v>
      </c>
      <c r="AY6060">
        <v>23</v>
      </c>
      <c r="AZ6060">
        <v>68</v>
      </c>
      <c r="BA6060">
        <v>3184</v>
      </c>
    </row>
    <row r="6061" spans="1:53" x14ac:dyDescent="0.4">
      <c r="A6061">
        <v>6105</v>
      </c>
      <c r="B6061" s="1">
        <v>45144</v>
      </c>
      <c r="C6061">
        <v>1</v>
      </c>
      <c r="D6061" s="1">
        <v>45144.291666666664</v>
      </c>
      <c r="E6061" s="1">
        <v>45144.402777777781</v>
      </c>
      <c r="F6061">
        <v>0</v>
      </c>
      <c r="G6061">
        <v>0</v>
      </c>
      <c r="H6061">
        <v>0</v>
      </c>
      <c r="I6061">
        <v>0</v>
      </c>
      <c r="J6061">
        <v>0</v>
      </c>
      <c r="K6061">
        <v>0</v>
      </c>
      <c r="L6061">
        <v>0</v>
      </c>
      <c r="M6061">
        <v>0</v>
      </c>
      <c r="N6061">
        <v>0</v>
      </c>
      <c r="O6061">
        <v>0</v>
      </c>
      <c r="P6061">
        <v>0</v>
      </c>
      <c r="Q6061">
        <v>0</v>
      </c>
      <c r="R6061">
        <v>0</v>
      </c>
      <c r="S6061">
        <v>0</v>
      </c>
      <c r="T6061">
        <v>0</v>
      </c>
      <c r="U6061">
        <v>0</v>
      </c>
      <c r="V6061">
        <v>0</v>
      </c>
      <c r="W6061">
        <v>1</v>
      </c>
      <c r="X6061">
        <v>0</v>
      </c>
      <c r="Y6061">
        <v>30</v>
      </c>
      <c r="Z6061">
        <v>10</v>
      </c>
      <c r="AA6061">
        <v>80</v>
      </c>
      <c r="AB6061">
        <v>22</v>
      </c>
      <c r="AC6061">
        <v>65</v>
      </c>
      <c r="AD6061">
        <v>40</v>
      </c>
      <c r="AE6061">
        <v>50</v>
      </c>
      <c r="AF6061">
        <v>0</v>
      </c>
      <c r="AG6061">
        <v>50000</v>
      </c>
      <c r="AH6061">
        <v>50000</v>
      </c>
      <c r="AI6061">
        <v>0</v>
      </c>
      <c r="AJ6061">
        <v>0</v>
      </c>
      <c r="AK6061" t="s">
        <v>6</v>
      </c>
      <c r="AL6061">
        <v>0</v>
      </c>
      <c r="AM6061">
        <v>0</v>
      </c>
      <c r="AN6061">
        <v>0</v>
      </c>
      <c r="AO6061">
        <v>0</v>
      </c>
      <c r="AP6061">
        <v>0</v>
      </c>
      <c r="AQ6061">
        <v>0</v>
      </c>
      <c r="AR6061">
        <v>0</v>
      </c>
      <c r="AS6061">
        <v>0</v>
      </c>
      <c r="AT6061">
        <v>0</v>
      </c>
      <c r="AU6061">
        <v>0</v>
      </c>
      <c r="AV6061">
        <v>0</v>
      </c>
      <c r="AW6061">
        <v>0</v>
      </c>
      <c r="AX6061">
        <v>0</v>
      </c>
      <c r="AY6061">
        <v>0</v>
      </c>
      <c r="AZ6061">
        <v>0</v>
      </c>
      <c r="BA6061">
        <v>0</v>
      </c>
    </row>
    <row r="6062" spans="1:53" x14ac:dyDescent="0.4">
      <c r="A6062">
        <v>6106</v>
      </c>
      <c r="B6062" s="1">
        <v>45144</v>
      </c>
      <c r="C6062">
        <v>2</v>
      </c>
      <c r="D6062" s="1">
        <v>45144.402777777781</v>
      </c>
      <c r="E6062" s="1">
        <v>45144.736111111109</v>
      </c>
      <c r="F6062">
        <v>44280</v>
      </c>
      <c r="G6062">
        <v>990</v>
      </c>
      <c r="H6062">
        <v>0</v>
      </c>
      <c r="I6062">
        <v>0</v>
      </c>
      <c r="J6062">
        <v>200</v>
      </c>
      <c r="K6062">
        <v>0</v>
      </c>
      <c r="L6062">
        <v>0</v>
      </c>
      <c r="M6062">
        <v>4095</v>
      </c>
      <c r="N6062">
        <v>0</v>
      </c>
      <c r="O6062">
        <v>0</v>
      </c>
      <c r="P6062">
        <v>30040</v>
      </c>
      <c r="Q6062">
        <v>0</v>
      </c>
      <c r="R6062">
        <v>75110</v>
      </c>
      <c r="S6062">
        <v>0</v>
      </c>
      <c r="T6062">
        <v>0</v>
      </c>
      <c r="U6062">
        <v>0</v>
      </c>
      <c r="V6062">
        <v>2</v>
      </c>
      <c r="W6062">
        <v>0</v>
      </c>
      <c r="X6062">
        <v>0</v>
      </c>
      <c r="Y6062">
        <v>81</v>
      </c>
      <c r="Z6062">
        <v>19</v>
      </c>
      <c r="AA6062">
        <v>68</v>
      </c>
      <c r="AB6062">
        <v>22</v>
      </c>
      <c r="AC6062">
        <v>68</v>
      </c>
      <c r="AD6062">
        <v>45</v>
      </c>
      <c r="AE6062">
        <v>55</v>
      </c>
      <c r="AF6062">
        <v>5750</v>
      </c>
      <c r="AG6062">
        <v>125110</v>
      </c>
      <c r="AH6062">
        <v>50000</v>
      </c>
      <c r="AI6062">
        <v>0</v>
      </c>
      <c r="AJ6062">
        <v>38</v>
      </c>
      <c r="AK6062" t="s">
        <v>75</v>
      </c>
      <c r="AL6062">
        <v>0</v>
      </c>
      <c r="AM6062">
        <v>0</v>
      </c>
      <c r="AN6062">
        <v>0</v>
      </c>
      <c r="AO6062">
        <v>0</v>
      </c>
      <c r="AP6062">
        <v>0</v>
      </c>
      <c r="AQ6062">
        <v>0</v>
      </c>
      <c r="AR6062">
        <v>0</v>
      </c>
      <c r="AS6062">
        <v>0</v>
      </c>
      <c r="AT6062">
        <v>0</v>
      </c>
      <c r="AU6062">
        <v>0</v>
      </c>
      <c r="AV6062">
        <v>0</v>
      </c>
      <c r="AW6062">
        <v>0</v>
      </c>
      <c r="AX6062">
        <v>-2715</v>
      </c>
      <c r="AY6062">
        <v>56</v>
      </c>
      <c r="AZ6062">
        <v>120</v>
      </c>
      <c r="BA6062">
        <v>8066</v>
      </c>
    </row>
    <row r="6063" spans="1:53" x14ac:dyDescent="0.4">
      <c r="A6063">
        <v>6107</v>
      </c>
      <c r="B6063" s="1">
        <v>45145</v>
      </c>
      <c r="C6063">
        <v>1</v>
      </c>
      <c r="D6063" s="1">
        <v>45145.291666666664</v>
      </c>
      <c r="E6063" s="1">
        <v>45145.405555555553</v>
      </c>
      <c r="F6063">
        <v>0</v>
      </c>
      <c r="G6063">
        <v>0</v>
      </c>
      <c r="H6063">
        <v>0</v>
      </c>
      <c r="I6063">
        <v>0</v>
      </c>
      <c r="J6063">
        <v>0</v>
      </c>
      <c r="K6063">
        <v>0</v>
      </c>
      <c r="L6063">
        <v>0</v>
      </c>
      <c r="M6063">
        <v>0</v>
      </c>
      <c r="N6063">
        <v>0</v>
      </c>
      <c r="O6063">
        <v>0</v>
      </c>
      <c r="P6063">
        <v>0</v>
      </c>
      <c r="Q6063">
        <v>0</v>
      </c>
      <c r="R6063">
        <v>0</v>
      </c>
      <c r="S6063">
        <v>0</v>
      </c>
      <c r="T6063">
        <v>0</v>
      </c>
      <c r="U6063">
        <v>0</v>
      </c>
      <c r="V6063">
        <v>0</v>
      </c>
      <c r="W6063">
        <v>0</v>
      </c>
      <c r="X6063">
        <v>0</v>
      </c>
      <c r="Y6063">
        <v>35</v>
      </c>
      <c r="Z6063">
        <v>11</v>
      </c>
      <c r="AA6063">
        <v>75</v>
      </c>
      <c r="AB6063">
        <v>21</v>
      </c>
      <c r="AC6063">
        <v>68</v>
      </c>
      <c r="AD6063">
        <v>43</v>
      </c>
      <c r="AE6063">
        <v>55</v>
      </c>
      <c r="AF6063">
        <v>0</v>
      </c>
      <c r="AG6063">
        <v>50000</v>
      </c>
      <c r="AH6063">
        <v>50000</v>
      </c>
      <c r="AI6063">
        <v>0</v>
      </c>
      <c r="AJ6063">
        <v>0</v>
      </c>
      <c r="AK6063" t="s">
        <v>6</v>
      </c>
      <c r="AL6063">
        <v>0</v>
      </c>
      <c r="AM6063">
        <v>0</v>
      </c>
      <c r="AN6063">
        <v>0</v>
      </c>
      <c r="AO6063">
        <v>0</v>
      </c>
      <c r="AP6063">
        <v>0</v>
      </c>
      <c r="AQ6063">
        <v>0</v>
      </c>
      <c r="AR6063">
        <v>0</v>
      </c>
      <c r="AS6063">
        <v>0</v>
      </c>
      <c r="AT6063">
        <v>0</v>
      </c>
      <c r="AU6063">
        <v>0</v>
      </c>
      <c r="AV6063">
        <v>0</v>
      </c>
      <c r="AW6063">
        <v>0</v>
      </c>
      <c r="AX6063">
        <v>0</v>
      </c>
      <c r="AY6063">
        <v>0</v>
      </c>
      <c r="AZ6063">
        <v>0</v>
      </c>
      <c r="BA6063">
        <v>0</v>
      </c>
    </row>
    <row r="6064" spans="1:53" x14ac:dyDescent="0.4">
      <c r="A6064">
        <v>6108</v>
      </c>
      <c r="B6064" s="1">
        <v>45145</v>
      </c>
      <c r="C6064">
        <v>2</v>
      </c>
      <c r="D6064" s="1">
        <v>45145.405555555553</v>
      </c>
      <c r="E6064" s="1">
        <v>45145.729166666664</v>
      </c>
      <c r="F6064">
        <v>30685</v>
      </c>
      <c r="G6064">
        <v>1595</v>
      </c>
      <c r="H6064">
        <v>0</v>
      </c>
      <c r="I6064">
        <v>0</v>
      </c>
      <c r="J6064">
        <v>100</v>
      </c>
      <c r="K6064">
        <v>0</v>
      </c>
      <c r="L6064">
        <v>0</v>
      </c>
      <c r="M6064">
        <v>2923</v>
      </c>
      <c r="N6064">
        <v>0</v>
      </c>
      <c r="O6064">
        <v>0</v>
      </c>
      <c r="P6064">
        <v>23310</v>
      </c>
      <c r="Q6064">
        <v>0</v>
      </c>
      <c r="R6064">
        <v>55490</v>
      </c>
      <c r="S6064">
        <v>0</v>
      </c>
      <c r="T6064">
        <v>0</v>
      </c>
      <c r="U6064">
        <v>0</v>
      </c>
      <c r="V6064">
        <v>4</v>
      </c>
      <c r="W6064">
        <v>1</v>
      </c>
      <c r="X6064">
        <v>0</v>
      </c>
      <c r="Y6064">
        <v>37</v>
      </c>
      <c r="Z6064">
        <v>21</v>
      </c>
      <c r="AA6064">
        <v>84</v>
      </c>
      <c r="AB6064">
        <v>27</v>
      </c>
      <c r="AC6064">
        <v>72</v>
      </c>
      <c r="AD6064">
        <v>43</v>
      </c>
      <c r="AE6064">
        <v>55</v>
      </c>
      <c r="AF6064">
        <v>2250</v>
      </c>
      <c r="AG6064">
        <v>105490</v>
      </c>
      <c r="AH6064">
        <v>50000</v>
      </c>
      <c r="AI6064">
        <v>0</v>
      </c>
      <c r="AJ6064">
        <v>45</v>
      </c>
      <c r="AK6064" t="s">
        <v>77</v>
      </c>
      <c r="AL6064">
        <v>0</v>
      </c>
      <c r="AM6064">
        <v>0</v>
      </c>
      <c r="AN6064">
        <v>0</v>
      </c>
      <c r="AO6064">
        <v>0</v>
      </c>
      <c r="AP6064">
        <v>0</v>
      </c>
      <c r="AQ6064">
        <v>0</v>
      </c>
      <c r="AR6064">
        <v>0</v>
      </c>
      <c r="AS6064">
        <v>0</v>
      </c>
      <c r="AT6064">
        <v>0</v>
      </c>
      <c r="AU6064">
        <v>0</v>
      </c>
      <c r="AV6064">
        <v>0</v>
      </c>
      <c r="AW6064">
        <v>0</v>
      </c>
      <c r="AX6064">
        <v>-2185</v>
      </c>
      <c r="AY6064">
        <v>45</v>
      </c>
      <c r="AZ6064">
        <v>86</v>
      </c>
      <c r="BA6064">
        <v>6732</v>
      </c>
    </row>
    <row r="6065" spans="1:53" x14ac:dyDescent="0.4">
      <c r="A6065">
        <v>6109</v>
      </c>
      <c r="B6065" s="1">
        <v>45146</v>
      </c>
      <c r="C6065">
        <v>1</v>
      </c>
      <c r="D6065" s="1">
        <v>45146.291666666664</v>
      </c>
      <c r="E6065" s="1">
        <v>45146.734722222223</v>
      </c>
      <c r="F6065">
        <v>34520</v>
      </c>
      <c r="G6065">
        <v>0</v>
      </c>
      <c r="H6065">
        <v>220</v>
      </c>
      <c r="I6065">
        <v>0</v>
      </c>
      <c r="J6065">
        <v>300</v>
      </c>
      <c r="K6065">
        <v>0</v>
      </c>
      <c r="L6065">
        <v>0</v>
      </c>
      <c r="M6065">
        <v>3130</v>
      </c>
      <c r="N6065">
        <v>0</v>
      </c>
      <c r="O6065">
        <v>0</v>
      </c>
      <c r="P6065">
        <v>16440</v>
      </c>
      <c r="Q6065">
        <v>0</v>
      </c>
      <c r="R6065">
        <v>50880</v>
      </c>
      <c r="S6065">
        <v>0</v>
      </c>
      <c r="T6065">
        <v>0</v>
      </c>
      <c r="U6065">
        <v>0</v>
      </c>
      <c r="V6065">
        <v>2</v>
      </c>
      <c r="W6065">
        <v>1</v>
      </c>
      <c r="X6065">
        <v>0</v>
      </c>
      <c r="Y6065">
        <v>55</v>
      </c>
      <c r="Z6065">
        <v>16</v>
      </c>
      <c r="AA6065">
        <v>86</v>
      </c>
      <c r="AB6065">
        <v>30</v>
      </c>
      <c r="AC6065">
        <v>95</v>
      </c>
      <c r="AD6065">
        <v>43</v>
      </c>
      <c r="AE6065">
        <v>55</v>
      </c>
      <c r="AF6065">
        <v>1560</v>
      </c>
      <c r="AG6065">
        <v>100880</v>
      </c>
      <c r="AH6065">
        <v>50000</v>
      </c>
      <c r="AI6065">
        <v>0</v>
      </c>
      <c r="AJ6065">
        <v>118</v>
      </c>
      <c r="AK6065" t="s">
        <v>59</v>
      </c>
      <c r="AL6065">
        <v>0</v>
      </c>
      <c r="AM6065">
        <v>0</v>
      </c>
      <c r="AN6065">
        <v>0</v>
      </c>
      <c r="AO6065">
        <v>0</v>
      </c>
      <c r="AP6065">
        <v>0</v>
      </c>
      <c r="AQ6065">
        <v>0</v>
      </c>
      <c r="AR6065">
        <v>0</v>
      </c>
      <c r="AS6065">
        <v>0</v>
      </c>
      <c r="AT6065">
        <v>0</v>
      </c>
      <c r="AU6065">
        <v>0</v>
      </c>
      <c r="AV6065">
        <v>0</v>
      </c>
      <c r="AW6065">
        <v>0</v>
      </c>
      <c r="AX6065">
        <v>150</v>
      </c>
      <c r="AY6065">
        <v>46</v>
      </c>
      <c r="AZ6065">
        <v>81</v>
      </c>
      <c r="BA6065">
        <v>6907</v>
      </c>
    </row>
    <row r="6066" spans="1:53" x14ac:dyDescent="0.4">
      <c r="A6066">
        <v>6110</v>
      </c>
      <c r="B6066" s="1">
        <v>45146</v>
      </c>
      <c r="C6066">
        <v>2</v>
      </c>
      <c r="D6066" s="1">
        <v>45146.734722222223</v>
      </c>
      <c r="E6066" s="1">
        <v>45146.901388888888</v>
      </c>
      <c r="F6066">
        <v>22800</v>
      </c>
      <c r="G6066">
        <v>1815</v>
      </c>
      <c r="H6066">
        <v>0</v>
      </c>
      <c r="I6066">
        <v>0</v>
      </c>
      <c r="J6066">
        <v>100</v>
      </c>
      <c r="K6066">
        <v>0</v>
      </c>
      <c r="L6066">
        <v>0</v>
      </c>
      <c r="M6066">
        <v>2228</v>
      </c>
      <c r="N6066">
        <v>0</v>
      </c>
      <c r="O6066">
        <v>0</v>
      </c>
      <c r="P6066">
        <v>-16440</v>
      </c>
      <c r="Q6066">
        <v>0</v>
      </c>
      <c r="R6066">
        <v>8075</v>
      </c>
      <c r="S6066">
        <v>0</v>
      </c>
      <c r="T6066">
        <v>0</v>
      </c>
      <c r="U6066">
        <v>0</v>
      </c>
      <c r="V6066">
        <v>3</v>
      </c>
      <c r="W6066">
        <v>0</v>
      </c>
      <c r="X6066">
        <v>0</v>
      </c>
      <c r="Y6066">
        <v>56</v>
      </c>
      <c r="Z6066">
        <v>19</v>
      </c>
      <c r="AA6066">
        <v>92</v>
      </c>
      <c r="AB6066">
        <v>29</v>
      </c>
      <c r="AC6066">
        <v>97</v>
      </c>
      <c r="AD6066">
        <v>44</v>
      </c>
      <c r="AE6066">
        <v>55</v>
      </c>
      <c r="AF6066">
        <v>1560</v>
      </c>
      <c r="AG6066">
        <v>108955</v>
      </c>
      <c r="AH6066">
        <v>50000</v>
      </c>
      <c r="AI6066">
        <v>0</v>
      </c>
      <c r="AJ6066">
        <v>110</v>
      </c>
      <c r="AK6066" t="s">
        <v>31</v>
      </c>
      <c r="AL6066">
        <v>0</v>
      </c>
      <c r="AM6066">
        <v>0</v>
      </c>
      <c r="AN6066">
        <v>0</v>
      </c>
      <c r="AO6066">
        <v>0</v>
      </c>
      <c r="AP6066">
        <v>0</v>
      </c>
      <c r="AQ6066">
        <v>0</v>
      </c>
      <c r="AR6066">
        <v>0</v>
      </c>
      <c r="AS6066">
        <v>0</v>
      </c>
      <c r="AT6066">
        <v>0</v>
      </c>
      <c r="AU6066">
        <v>0</v>
      </c>
      <c r="AV6066">
        <v>0</v>
      </c>
      <c r="AW6066">
        <v>0</v>
      </c>
      <c r="AX6066">
        <v>1320</v>
      </c>
      <c r="AY6066">
        <v>6</v>
      </c>
      <c r="AZ6066">
        <v>12</v>
      </c>
      <c r="BA6066">
        <v>1651</v>
      </c>
    </row>
    <row r="6067" spans="1:53" x14ac:dyDescent="0.4">
      <c r="A6067">
        <v>6111</v>
      </c>
      <c r="B6067" s="1">
        <v>45147</v>
      </c>
      <c r="C6067">
        <v>1</v>
      </c>
      <c r="D6067" s="1">
        <v>45147.291666666664</v>
      </c>
      <c r="E6067" s="1">
        <v>45147.743750000001</v>
      </c>
      <c r="F6067">
        <v>38000</v>
      </c>
      <c r="G6067">
        <v>4114</v>
      </c>
      <c r="H6067">
        <v>0</v>
      </c>
      <c r="I6067">
        <v>0</v>
      </c>
      <c r="J6067">
        <v>300</v>
      </c>
      <c r="K6067">
        <v>0</v>
      </c>
      <c r="L6067">
        <v>0</v>
      </c>
      <c r="M6067">
        <v>3799</v>
      </c>
      <c r="N6067">
        <v>0</v>
      </c>
      <c r="O6067">
        <v>0</v>
      </c>
      <c r="P6067">
        <v>16245</v>
      </c>
      <c r="Q6067">
        <v>0</v>
      </c>
      <c r="R6067">
        <v>58059</v>
      </c>
      <c r="S6067">
        <v>0</v>
      </c>
      <c r="T6067">
        <v>0</v>
      </c>
      <c r="U6067">
        <v>0</v>
      </c>
      <c r="V6067">
        <v>2</v>
      </c>
      <c r="W6067">
        <v>1</v>
      </c>
      <c r="X6067">
        <v>0</v>
      </c>
      <c r="Y6067">
        <v>53</v>
      </c>
      <c r="Z6067">
        <v>21</v>
      </c>
      <c r="AA6067">
        <v>95</v>
      </c>
      <c r="AB6067">
        <v>30</v>
      </c>
      <c r="AC6067">
        <v>62</v>
      </c>
      <c r="AD6067">
        <v>44</v>
      </c>
      <c r="AE6067">
        <v>56</v>
      </c>
      <c r="AF6067">
        <v>7355</v>
      </c>
      <c r="AG6067">
        <v>107751</v>
      </c>
      <c r="AH6067">
        <v>50000</v>
      </c>
      <c r="AI6067">
        <v>-308</v>
      </c>
      <c r="AJ6067">
        <v>118</v>
      </c>
      <c r="AK6067" t="s">
        <v>59</v>
      </c>
      <c r="AL6067">
        <v>0</v>
      </c>
      <c r="AM6067">
        <v>0</v>
      </c>
      <c r="AN6067">
        <v>0</v>
      </c>
      <c r="AO6067">
        <v>0</v>
      </c>
      <c r="AP6067">
        <v>0</v>
      </c>
      <c r="AQ6067">
        <v>0</v>
      </c>
      <c r="AR6067">
        <v>0</v>
      </c>
      <c r="AS6067">
        <v>0</v>
      </c>
      <c r="AT6067">
        <v>0</v>
      </c>
      <c r="AU6067">
        <v>0</v>
      </c>
      <c r="AV6067">
        <v>0</v>
      </c>
      <c r="AW6067">
        <v>0</v>
      </c>
      <c r="AX6067">
        <v>-1060</v>
      </c>
      <c r="AY6067">
        <v>47</v>
      </c>
      <c r="AZ6067">
        <v>88</v>
      </c>
      <c r="BA6067">
        <v>6928</v>
      </c>
    </row>
    <row r="6068" spans="1:53" x14ac:dyDescent="0.4">
      <c r="A6068">
        <v>6112</v>
      </c>
      <c r="B6068" s="1">
        <v>45147</v>
      </c>
      <c r="C6068">
        <v>2</v>
      </c>
      <c r="D6068" s="1">
        <v>45147.743750000001</v>
      </c>
      <c r="E6068" s="1">
        <v>45147.95</v>
      </c>
      <c r="F6068">
        <v>24845</v>
      </c>
      <c r="G6068">
        <v>0</v>
      </c>
      <c r="H6068">
        <v>0</v>
      </c>
      <c r="I6068">
        <v>0</v>
      </c>
      <c r="J6068">
        <v>100</v>
      </c>
      <c r="K6068">
        <v>0</v>
      </c>
      <c r="L6068">
        <v>0</v>
      </c>
      <c r="M6068">
        <v>2249</v>
      </c>
      <c r="N6068">
        <v>0</v>
      </c>
      <c r="O6068">
        <v>0</v>
      </c>
      <c r="P6068">
        <v>-16245</v>
      </c>
      <c r="Q6068">
        <v>0</v>
      </c>
      <c r="R6068">
        <v>8500</v>
      </c>
      <c r="S6068">
        <v>0</v>
      </c>
      <c r="T6068">
        <v>0</v>
      </c>
      <c r="U6068">
        <v>0</v>
      </c>
      <c r="V6068">
        <v>2</v>
      </c>
      <c r="W6068">
        <v>1</v>
      </c>
      <c r="X6068">
        <v>0</v>
      </c>
      <c r="Y6068">
        <v>62</v>
      </c>
      <c r="Z6068">
        <v>23</v>
      </c>
      <c r="AA6068">
        <v>84</v>
      </c>
      <c r="AB6068">
        <v>28</v>
      </c>
      <c r="AC6068">
        <v>62</v>
      </c>
      <c r="AD6068">
        <v>45</v>
      </c>
      <c r="AE6068">
        <v>59</v>
      </c>
      <c r="AF6068">
        <v>7355</v>
      </c>
      <c r="AG6068">
        <v>116559</v>
      </c>
      <c r="AH6068">
        <v>50000</v>
      </c>
      <c r="AI6068">
        <v>0</v>
      </c>
      <c r="AJ6068">
        <v>104</v>
      </c>
      <c r="AK6068" t="s">
        <v>60</v>
      </c>
      <c r="AL6068">
        <v>0</v>
      </c>
      <c r="AM6068">
        <v>0</v>
      </c>
      <c r="AN6068">
        <v>0</v>
      </c>
      <c r="AO6068">
        <v>0</v>
      </c>
      <c r="AP6068">
        <v>0</v>
      </c>
      <c r="AQ6068">
        <v>0</v>
      </c>
      <c r="AR6068">
        <v>0</v>
      </c>
      <c r="AS6068">
        <v>0</v>
      </c>
      <c r="AT6068">
        <v>0</v>
      </c>
      <c r="AU6068">
        <v>0</v>
      </c>
      <c r="AV6068">
        <v>0</v>
      </c>
      <c r="AW6068">
        <v>0</v>
      </c>
      <c r="AX6068">
        <v>11515</v>
      </c>
      <c r="AY6068">
        <v>10</v>
      </c>
      <c r="AZ6068">
        <v>27</v>
      </c>
      <c r="BA6068">
        <v>2000</v>
      </c>
    </row>
    <row r="6069" spans="1:53" x14ac:dyDescent="0.4">
      <c r="A6069">
        <v>6113</v>
      </c>
      <c r="B6069" s="1">
        <v>45148</v>
      </c>
      <c r="C6069">
        <v>1</v>
      </c>
      <c r="D6069" s="1">
        <v>45148.291666666664</v>
      </c>
      <c r="E6069" s="1">
        <v>45148.405555555553</v>
      </c>
      <c r="F6069">
        <v>0</v>
      </c>
      <c r="G6069">
        <v>0</v>
      </c>
      <c r="H6069">
        <v>0</v>
      </c>
      <c r="I6069">
        <v>0</v>
      </c>
      <c r="J6069">
        <v>0</v>
      </c>
      <c r="K6069">
        <v>0</v>
      </c>
      <c r="L6069">
        <v>0</v>
      </c>
      <c r="M6069">
        <v>0</v>
      </c>
      <c r="N6069">
        <v>0</v>
      </c>
      <c r="O6069">
        <v>0</v>
      </c>
      <c r="P6069">
        <v>0</v>
      </c>
      <c r="Q6069">
        <v>0</v>
      </c>
      <c r="R6069">
        <v>0</v>
      </c>
      <c r="S6069">
        <v>0</v>
      </c>
      <c r="T6069">
        <v>0</v>
      </c>
      <c r="U6069">
        <v>0</v>
      </c>
      <c r="V6069">
        <v>0</v>
      </c>
      <c r="W6069">
        <v>0</v>
      </c>
      <c r="X6069">
        <v>0</v>
      </c>
      <c r="Y6069">
        <v>35</v>
      </c>
      <c r="Z6069">
        <v>10</v>
      </c>
      <c r="AA6069">
        <v>77</v>
      </c>
      <c r="AB6069">
        <v>28</v>
      </c>
      <c r="AC6069">
        <v>62</v>
      </c>
      <c r="AD6069">
        <v>45</v>
      </c>
      <c r="AE6069">
        <v>55</v>
      </c>
      <c r="AF6069">
        <v>0</v>
      </c>
      <c r="AG6069">
        <v>50000</v>
      </c>
      <c r="AH6069">
        <v>50000</v>
      </c>
      <c r="AI6069">
        <v>0</v>
      </c>
      <c r="AJ6069">
        <v>0</v>
      </c>
      <c r="AK6069" t="s">
        <v>6</v>
      </c>
      <c r="AL6069">
        <v>0</v>
      </c>
      <c r="AM6069">
        <v>0</v>
      </c>
      <c r="AN6069">
        <v>0</v>
      </c>
      <c r="AO6069">
        <v>0</v>
      </c>
      <c r="AP6069">
        <v>0</v>
      </c>
      <c r="AQ6069">
        <v>0</v>
      </c>
      <c r="AR6069">
        <v>0</v>
      </c>
      <c r="AS6069">
        <v>0</v>
      </c>
      <c r="AT6069">
        <v>0</v>
      </c>
      <c r="AU6069">
        <v>0</v>
      </c>
      <c r="AV6069">
        <v>0</v>
      </c>
      <c r="AW6069">
        <v>0</v>
      </c>
      <c r="AX6069">
        <v>0</v>
      </c>
      <c r="AY6069">
        <v>0</v>
      </c>
      <c r="AZ6069">
        <v>0</v>
      </c>
      <c r="BA6069">
        <v>0</v>
      </c>
    </row>
    <row r="6070" spans="1:53" x14ac:dyDescent="0.4">
      <c r="A6070">
        <v>6114</v>
      </c>
      <c r="B6070" s="1">
        <v>45148</v>
      </c>
      <c r="C6070">
        <v>2</v>
      </c>
      <c r="D6070" s="1">
        <v>45148.405555555553</v>
      </c>
      <c r="E6070" s="1">
        <v>45148.731249999997</v>
      </c>
      <c r="F6070">
        <v>44390</v>
      </c>
      <c r="G6070">
        <v>2893</v>
      </c>
      <c r="H6070">
        <v>0</v>
      </c>
      <c r="I6070">
        <v>0</v>
      </c>
      <c r="J6070">
        <v>100</v>
      </c>
      <c r="K6070">
        <v>800</v>
      </c>
      <c r="L6070">
        <v>0</v>
      </c>
      <c r="M6070">
        <v>4359</v>
      </c>
      <c r="N6070">
        <v>0</v>
      </c>
      <c r="O6070">
        <v>0</v>
      </c>
      <c r="P6070">
        <v>20600</v>
      </c>
      <c r="Q6070">
        <v>0</v>
      </c>
      <c r="R6070">
        <v>68583</v>
      </c>
      <c r="S6070">
        <v>0</v>
      </c>
      <c r="T6070">
        <v>0</v>
      </c>
      <c r="U6070">
        <v>0</v>
      </c>
      <c r="V6070">
        <v>3</v>
      </c>
      <c r="W6070">
        <v>0</v>
      </c>
      <c r="X6070">
        <v>0</v>
      </c>
      <c r="Y6070">
        <v>65</v>
      </c>
      <c r="Z6070">
        <v>26</v>
      </c>
      <c r="AA6070">
        <v>63</v>
      </c>
      <c r="AB6070">
        <v>32</v>
      </c>
      <c r="AC6070">
        <v>60</v>
      </c>
      <c r="AD6070">
        <v>46</v>
      </c>
      <c r="AE6070">
        <v>43</v>
      </c>
      <c r="AF6070">
        <v>1810</v>
      </c>
      <c r="AG6070">
        <v>118583</v>
      </c>
      <c r="AH6070">
        <v>50000</v>
      </c>
      <c r="AI6070">
        <v>0</v>
      </c>
      <c r="AJ6070">
        <v>45</v>
      </c>
      <c r="AK6070" t="s">
        <v>77</v>
      </c>
      <c r="AL6070">
        <v>0</v>
      </c>
      <c r="AM6070">
        <v>0</v>
      </c>
      <c r="AN6070">
        <v>0</v>
      </c>
      <c r="AO6070">
        <v>0</v>
      </c>
      <c r="AP6070">
        <v>0</v>
      </c>
      <c r="AQ6070">
        <v>0</v>
      </c>
      <c r="AR6070">
        <v>0</v>
      </c>
      <c r="AS6070">
        <v>0</v>
      </c>
      <c r="AT6070">
        <v>0</v>
      </c>
      <c r="AU6070">
        <v>0</v>
      </c>
      <c r="AV6070">
        <v>0</v>
      </c>
      <c r="AW6070">
        <v>0</v>
      </c>
      <c r="AX6070">
        <v>944</v>
      </c>
      <c r="AY6070">
        <v>49</v>
      </c>
      <c r="AZ6070">
        <v>104</v>
      </c>
      <c r="BA6070">
        <v>7641</v>
      </c>
    </row>
    <row r="6071" spans="1:53" x14ac:dyDescent="0.4">
      <c r="A6071">
        <v>6115</v>
      </c>
      <c r="B6071" s="1">
        <v>45148</v>
      </c>
      <c r="C6071">
        <v>3</v>
      </c>
      <c r="D6071" s="1">
        <v>45148.731249999997</v>
      </c>
      <c r="E6071" s="1">
        <v>45148.991666666669</v>
      </c>
      <c r="F6071">
        <v>147540</v>
      </c>
      <c r="G6071">
        <v>10560</v>
      </c>
      <c r="H6071">
        <v>0</v>
      </c>
      <c r="I6071">
        <v>0</v>
      </c>
      <c r="J6071">
        <v>0</v>
      </c>
      <c r="K6071">
        <v>0</v>
      </c>
      <c r="L6071">
        <v>0</v>
      </c>
      <c r="M6071">
        <v>14370</v>
      </c>
      <c r="N6071">
        <v>0</v>
      </c>
      <c r="O6071">
        <v>0</v>
      </c>
      <c r="P6071">
        <v>2080</v>
      </c>
      <c r="Q6071">
        <v>0</v>
      </c>
      <c r="R6071">
        <v>160180</v>
      </c>
      <c r="S6071">
        <v>0</v>
      </c>
      <c r="T6071">
        <v>0</v>
      </c>
      <c r="U6071">
        <v>0</v>
      </c>
      <c r="V6071">
        <v>8</v>
      </c>
      <c r="W6071">
        <v>1</v>
      </c>
      <c r="X6071">
        <v>0</v>
      </c>
      <c r="Y6071">
        <v>78</v>
      </c>
      <c r="Z6071">
        <v>22</v>
      </c>
      <c r="AA6071">
        <v>68</v>
      </c>
      <c r="AB6071">
        <v>30</v>
      </c>
      <c r="AC6071">
        <v>65</v>
      </c>
      <c r="AD6071">
        <v>44</v>
      </c>
      <c r="AE6071">
        <v>39</v>
      </c>
      <c r="AF6071">
        <v>95554</v>
      </c>
      <c r="AG6071">
        <v>278763</v>
      </c>
      <c r="AH6071">
        <v>50000</v>
      </c>
      <c r="AI6071">
        <v>0</v>
      </c>
      <c r="AJ6071">
        <v>39</v>
      </c>
      <c r="AK6071" t="s">
        <v>73</v>
      </c>
      <c r="AL6071">
        <v>0</v>
      </c>
      <c r="AM6071">
        <v>0</v>
      </c>
      <c r="AN6071">
        <v>0</v>
      </c>
      <c r="AO6071">
        <v>0</v>
      </c>
      <c r="AP6071">
        <v>0</v>
      </c>
      <c r="AQ6071">
        <v>0</v>
      </c>
      <c r="AR6071">
        <v>0</v>
      </c>
      <c r="AS6071">
        <v>0</v>
      </c>
      <c r="AT6071">
        <v>0</v>
      </c>
      <c r="AU6071">
        <v>0</v>
      </c>
      <c r="AV6071">
        <v>0</v>
      </c>
      <c r="AW6071">
        <v>0</v>
      </c>
      <c r="AX6071">
        <v>10720</v>
      </c>
      <c r="AY6071">
        <v>27</v>
      </c>
      <c r="AZ6071">
        <v>85</v>
      </c>
      <c r="BA6071">
        <v>3994</v>
      </c>
    </row>
    <row r="6072" spans="1:53" x14ac:dyDescent="0.4">
      <c r="A6072">
        <v>6116</v>
      </c>
      <c r="B6072" s="1">
        <v>45149</v>
      </c>
      <c r="C6072">
        <v>1</v>
      </c>
      <c r="D6072" s="1">
        <v>45149.291666666664</v>
      </c>
      <c r="E6072" s="1">
        <v>45149.40902777778</v>
      </c>
      <c r="F6072">
        <v>0</v>
      </c>
      <c r="G6072">
        <v>0</v>
      </c>
      <c r="H6072">
        <v>0</v>
      </c>
      <c r="I6072">
        <v>0</v>
      </c>
      <c r="J6072">
        <v>0</v>
      </c>
      <c r="K6072">
        <v>0</v>
      </c>
      <c r="L6072">
        <v>0</v>
      </c>
      <c r="M6072">
        <v>0</v>
      </c>
      <c r="N6072">
        <v>0</v>
      </c>
      <c r="O6072">
        <v>0</v>
      </c>
      <c r="P6072">
        <v>0</v>
      </c>
      <c r="Q6072">
        <v>0</v>
      </c>
      <c r="R6072">
        <v>0</v>
      </c>
      <c r="S6072">
        <v>0</v>
      </c>
      <c r="T6072">
        <v>0</v>
      </c>
      <c r="U6072">
        <v>0</v>
      </c>
      <c r="V6072">
        <v>0</v>
      </c>
      <c r="W6072">
        <v>0</v>
      </c>
      <c r="X6072">
        <v>0</v>
      </c>
      <c r="Y6072">
        <v>35</v>
      </c>
      <c r="Z6072">
        <v>9</v>
      </c>
      <c r="AA6072">
        <v>80</v>
      </c>
      <c r="AB6072">
        <v>30</v>
      </c>
      <c r="AC6072">
        <v>69</v>
      </c>
      <c r="AD6072">
        <v>53</v>
      </c>
      <c r="AE6072">
        <v>45</v>
      </c>
      <c r="AF6072">
        <v>0</v>
      </c>
      <c r="AG6072">
        <v>50000</v>
      </c>
      <c r="AH6072">
        <v>50000</v>
      </c>
      <c r="AI6072">
        <v>0</v>
      </c>
      <c r="AJ6072">
        <v>0</v>
      </c>
      <c r="AK6072" t="s">
        <v>6</v>
      </c>
      <c r="AL6072">
        <v>0</v>
      </c>
      <c r="AM6072">
        <v>0</v>
      </c>
      <c r="AN6072">
        <v>0</v>
      </c>
      <c r="AO6072">
        <v>0</v>
      </c>
      <c r="AP6072">
        <v>0</v>
      </c>
      <c r="AQ6072">
        <v>0</v>
      </c>
      <c r="AR6072">
        <v>0</v>
      </c>
      <c r="AS6072">
        <v>0</v>
      </c>
      <c r="AT6072">
        <v>0</v>
      </c>
      <c r="AU6072">
        <v>0</v>
      </c>
      <c r="AV6072">
        <v>0</v>
      </c>
      <c r="AW6072">
        <v>0</v>
      </c>
      <c r="AX6072">
        <v>0</v>
      </c>
      <c r="AY6072">
        <v>0</v>
      </c>
      <c r="AZ6072">
        <v>0</v>
      </c>
      <c r="BA6072">
        <v>0</v>
      </c>
    </row>
    <row r="6073" spans="1:53" x14ac:dyDescent="0.4">
      <c r="A6073">
        <v>6117</v>
      </c>
      <c r="B6073" s="1">
        <v>45149</v>
      </c>
      <c r="C6073">
        <v>2</v>
      </c>
      <c r="D6073" s="1">
        <v>45149.40902777778</v>
      </c>
      <c r="E6073" s="1">
        <v>45149.734027777777</v>
      </c>
      <c r="F6073">
        <v>46235</v>
      </c>
      <c r="G6073">
        <v>1045</v>
      </c>
      <c r="H6073">
        <v>0</v>
      </c>
      <c r="I6073">
        <v>0</v>
      </c>
      <c r="J6073">
        <v>500</v>
      </c>
      <c r="K6073">
        <v>0</v>
      </c>
      <c r="L6073">
        <v>0</v>
      </c>
      <c r="M6073">
        <v>4250</v>
      </c>
      <c r="N6073">
        <v>0</v>
      </c>
      <c r="O6073">
        <v>0</v>
      </c>
      <c r="P6073">
        <v>14700</v>
      </c>
      <c r="Q6073">
        <v>0</v>
      </c>
      <c r="R6073">
        <v>61480</v>
      </c>
      <c r="S6073">
        <v>0</v>
      </c>
      <c r="T6073">
        <v>0</v>
      </c>
      <c r="U6073">
        <v>0</v>
      </c>
      <c r="V6073">
        <v>3</v>
      </c>
      <c r="W6073">
        <v>1</v>
      </c>
      <c r="X6073">
        <v>0</v>
      </c>
      <c r="Y6073">
        <v>51</v>
      </c>
      <c r="Z6073">
        <v>26</v>
      </c>
      <c r="AA6073">
        <v>82</v>
      </c>
      <c r="AB6073">
        <v>34</v>
      </c>
      <c r="AC6073">
        <v>91</v>
      </c>
      <c r="AD6073">
        <v>54</v>
      </c>
      <c r="AE6073">
        <v>50</v>
      </c>
      <c r="AF6073">
        <v>1350</v>
      </c>
      <c r="AG6073">
        <v>111480</v>
      </c>
      <c r="AH6073">
        <v>50000</v>
      </c>
      <c r="AI6073">
        <v>0</v>
      </c>
      <c r="AJ6073">
        <v>38</v>
      </c>
      <c r="AK6073" t="s">
        <v>75</v>
      </c>
      <c r="AL6073">
        <v>0</v>
      </c>
      <c r="AM6073">
        <v>0</v>
      </c>
      <c r="AN6073">
        <v>0</v>
      </c>
      <c r="AO6073">
        <v>0</v>
      </c>
      <c r="AP6073">
        <v>0</v>
      </c>
      <c r="AQ6073">
        <v>0</v>
      </c>
      <c r="AR6073">
        <v>0</v>
      </c>
      <c r="AS6073">
        <v>0</v>
      </c>
      <c r="AT6073">
        <v>0</v>
      </c>
      <c r="AU6073">
        <v>0</v>
      </c>
      <c r="AV6073">
        <v>0</v>
      </c>
      <c r="AW6073">
        <v>0</v>
      </c>
      <c r="AX6073">
        <v>440</v>
      </c>
      <c r="AY6073">
        <v>48</v>
      </c>
      <c r="AZ6073">
        <v>103</v>
      </c>
      <c r="BA6073">
        <v>6885</v>
      </c>
    </row>
    <row r="6074" spans="1:53" x14ac:dyDescent="0.4">
      <c r="A6074">
        <v>6118</v>
      </c>
      <c r="B6074" s="1">
        <v>45149</v>
      </c>
      <c r="C6074">
        <v>3</v>
      </c>
      <c r="D6074" s="1">
        <v>45149.734027777777</v>
      </c>
      <c r="E6074" s="1">
        <v>45149.969444444447</v>
      </c>
      <c r="F6074">
        <v>103910</v>
      </c>
      <c r="G6074">
        <v>3322</v>
      </c>
      <c r="H6074">
        <v>0</v>
      </c>
      <c r="I6074">
        <v>0</v>
      </c>
      <c r="J6074">
        <v>200</v>
      </c>
      <c r="K6074">
        <v>0</v>
      </c>
      <c r="L6074">
        <v>0</v>
      </c>
      <c r="M6074">
        <v>9732</v>
      </c>
      <c r="N6074">
        <v>0</v>
      </c>
      <c r="O6074">
        <v>0</v>
      </c>
      <c r="P6074">
        <v>-3740</v>
      </c>
      <c r="Q6074">
        <v>0</v>
      </c>
      <c r="R6074">
        <v>103292</v>
      </c>
      <c r="S6074">
        <v>0</v>
      </c>
      <c r="T6074">
        <v>0</v>
      </c>
      <c r="U6074">
        <v>0</v>
      </c>
      <c r="V6074">
        <v>6</v>
      </c>
      <c r="W6074">
        <v>4</v>
      </c>
      <c r="X6074">
        <v>0</v>
      </c>
      <c r="Y6074">
        <v>77</v>
      </c>
      <c r="Z6074">
        <v>29</v>
      </c>
      <c r="AA6074">
        <v>80</v>
      </c>
      <c r="AB6074">
        <v>30</v>
      </c>
      <c r="AC6074">
        <v>96</v>
      </c>
      <c r="AD6074">
        <v>53</v>
      </c>
      <c r="AE6074">
        <v>50</v>
      </c>
      <c r="AF6074">
        <v>32497</v>
      </c>
      <c r="AG6074">
        <v>214772</v>
      </c>
      <c r="AH6074">
        <v>50000</v>
      </c>
      <c r="AI6074">
        <v>0</v>
      </c>
      <c r="AJ6074">
        <v>104</v>
      </c>
      <c r="AK6074" t="s">
        <v>60</v>
      </c>
      <c r="AL6074">
        <v>0</v>
      </c>
      <c r="AM6074">
        <v>0</v>
      </c>
      <c r="AN6074">
        <v>0</v>
      </c>
      <c r="AO6074">
        <v>0</v>
      </c>
      <c r="AP6074">
        <v>0</v>
      </c>
      <c r="AQ6074">
        <v>0</v>
      </c>
      <c r="AR6074">
        <v>0</v>
      </c>
      <c r="AS6074">
        <v>0</v>
      </c>
      <c r="AT6074">
        <v>0</v>
      </c>
      <c r="AU6074">
        <v>0</v>
      </c>
      <c r="AV6074">
        <v>0</v>
      </c>
      <c r="AW6074">
        <v>0</v>
      </c>
      <c r="AX6074">
        <v>37716</v>
      </c>
      <c r="AY6074">
        <v>22</v>
      </c>
      <c r="AZ6074">
        <v>71</v>
      </c>
      <c r="BA6074">
        <v>3575</v>
      </c>
    </row>
    <row r="6075" spans="1:53" x14ac:dyDescent="0.4">
      <c r="A6075">
        <v>6119</v>
      </c>
      <c r="B6075" s="1">
        <v>45150</v>
      </c>
      <c r="C6075">
        <v>1</v>
      </c>
      <c r="D6075" s="1">
        <v>45150.291666666664</v>
      </c>
      <c r="E6075" s="1">
        <v>45150.402083333334</v>
      </c>
      <c r="F6075">
        <v>0</v>
      </c>
      <c r="G6075">
        <v>0</v>
      </c>
      <c r="H6075">
        <v>0</v>
      </c>
      <c r="I6075">
        <v>0</v>
      </c>
      <c r="J6075">
        <v>0</v>
      </c>
      <c r="K6075">
        <v>0</v>
      </c>
      <c r="L6075">
        <v>0</v>
      </c>
      <c r="M6075">
        <v>0</v>
      </c>
      <c r="N6075">
        <v>0</v>
      </c>
      <c r="O6075">
        <v>0</v>
      </c>
      <c r="P6075">
        <v>0</v>
      </c>
      <c r="Q6075">
        <v>0</v>
      </c>
      <c r="R6075">
        <v>0</v>
      </c>
      <c r="S6075">
        <v>0</v>
      </c>
      <c r="T6075">
        <v>0</v>
      </c>
      <c r="U6075">
        <v>0</v>
      </c>
      <c r="V6075">
        <v>0</v>
      </c>
      <c r="W6075">
        <v>1</v>
      </c>
      <c r="X6075">
        <v>0</v>
      </c>
      <c r="Y6075">
        <v>31</v>
      </c>
      <c r="Z6075">
        <v>9</v>
      </c>
      <c r="AA6075">
        <v>73</v>
      </c>
      <c r="AB6075">
        <v>27</v>
      </c>
      <c r="AC6075">
        <v>55</v>
      </c>
      <c r="AD6075">
        <v>50</v>
      </c>
      <c r="AE6075">
        <v>50</v>
      </c>
      <c r="AF6075">
        <v>0</v>
      </c>
      <c r="AG6075">
        <v>50000</v>
      </c>
      <c r="AH6075">
        <v>50000</v>
      </c>
      <c r="AI6075">
        <v>0</v>
      </c>
      <c r="AJ6075">
        <v>0</v>
      </c>
      <c r="AK6075" t="s">
        <v>6</v>
      </c>
      <c r="AL6075">
        <v>0</v>
      </c>
      <c r="AM6075">
        <v>0</v>
      </c>
      <c r="AN6075">
        <v>0</v>
      </c>
      <c r="AO6075">
        <v>0</v>
      </c>
      <c r="AP6075">
        <v>0</v>
      </c>
      <c r="AQ6075">
        <v>0</v>
      </c>
      <c r="AR6075">
        <v>0</v>
      </c>
      <c r="AS6075">
        <v>0</v>
      </c>
      <c r="AT6075">
        <v>0</v>
      </c>
      <c r="AU6075">
        <v>0</v>
      </c>
      <c r="AV6075">
        <v>0</v>
      </c>
      <c r="AW6075">
        <v>0</v>
      </c>
      <c r="AX6075">
        <v>0</v>
      </c>
      <c r="AY6075">
        <v>0</v>
      </c>
      <c r="AZ6075">
        <v>0</v>
      </c>
      <c r="BA6075">
        <v>0</v>
      </c>
    </row>
    <row r="6076" spans="1:53" x14ac:dyDescent="0.4">
      <c r="A6076">
        <v>6120</v>
      </c>
      <c r="B6076" s="1">
        <v>45150</v>
      </c>
      <c r="C6076">
        <v>2</v>
      </c>
      <c r="D6076" s="1">
        <v>45150.402083333334</v>
      </c>
      <c r="E6076" s="1">
        <v>45150.727777777778</v>
      </c>
      <c r="F6076">
        <v>37010</v>
      </c>
      <c r="G6076">
        <v>2101</v>
      </c>
      <c r="H6076">
        <v>0</v>
      </c>
      <c r="I6076">
        <v>0</v>
      </c>
      <c r="J6076">
        <v>100</v>
      </c>
      <c r="K6076">
        <v>1800</v>
      </c>
      <c r="L6076">
        <v>0</v>
      </c>
      <c r="M6076">
        <v>3707</v>
      </c>
      <c r="N6076">
        <v>0</v>
      </c>
      <c r="O6076">
        <v>0</v>
      </c>
      <c r="P6076">
        <v>24570</v>
      </c>
      <c r="Q6076">
        <v>0</v>
      </c>
      <c r="R6076">
        <v>65381</v>
      </c>
      <c r="S6076">
        <v>0</v>
      </c>
      <c r="T6076">
        <v>0</v>
      </c>
      <c r="U6076">
        <v>0</v>
      </c>
      <c r="V6076">
        <v>0</v>
      </c>
      <c r="W6076">
        <v>1</v>
      </c>
      <c r="X6076">
        <v>0</v>
      </c>
      <c r="Y6076">
        <v>82</v>
      </c>
      <c r="Z6076">
        <v>24</v>
      </c>
      <c r="AA6076">
        <v>87</v>
      </c>
      <c r="AB6076">
        <v>24</v>
      </c>
      <c r="AC6076">
        <v>75</v>
      </c>
      <c r="AD6076">
        <v>54</v>
      </c>
      <c r="AE6076">
        <v>51</v>
      </c>
      <c r="AF6076">
        <v>5410</v>
      </c>
      <c r="AG6076">
        <v>115381</v>
      </c>
      <c r="AH6076">
        <v>50000</v>
      </c>
      <c r="AI6076">
        <v>0</v>
      </c>
      <c r="AJ6076">
        <v>38</v>
      </c>
      <c r="AK6076" t="s">
        <v>75</v>
      </c>
      <c r="AL6076">
        <v>0</v>
      </c>
      <c r="AM6076">
        <v>0</v>
      </c>
      <c r="AN6076">
        <v>0</v>
      </c>
      <c r="AO6076">
        <v>0</v>
      </c>
      <c r="AP6076">
        <v>0</v>
      </c>
      <c r="AQ6076">
        <v>0</v>
      </c>
      <c r="AR6076">
        <v>0</v>
      </c>
      <c r="AS6076">
        <v>0</v>
      </c>
      <c r="AT6076">
        <v>0</v>
      </c>
      <c r="AU6076">
        <v>0</v>
      </c>
      <c r="AV6076">
        <v>0</v>
      </c>
      <c r="AW6076">
        <v>0</v>
      </c>
      <c r="AX6076">
        <v>955</v>
      </c>
      <c r="AY6076">
        <v>48</v>
      </c>
      <c r="AZ6076">
        <v>96</v>
      </c>
      <c r="BA6076">
        <v>7951</v>
      </c>
    </row>
    <row r="6077" spans="1:53" x14ac:dyDescent="0.4">
      <c r="A6077">
        <v>6121</v>
      </c>
      <c r="B6077" s="1">
        <v>45150</v>
      </c>
      <c r="C6077">
        <v>3</v>
      </c>
      <c r="D6077" s="1">
        <v>45150.727777777778</v>
      </c>
      <c r="E6077" s="1">
        <v>45150.970138888886</v>
      </c>
      <c r="F6077">
        <v>114140</v>
      </c>
      <c r="G6077">
        <v>2288</v>
      </c>
      <c r="H6077">
        <v>0</v>
      </c>
      <c r="I6077">
        <v>0</v>
      </c>
      <c r="J6077">
        <v>6813</v>
      </c>
      <c r="K6077">
        <v>0</v>
      </c>
      <c r="L6077">
        <v>0</v>
      </c>
      <c r="M6077">
        <v>9962</v>
      </c>
      <c r="N6077">
        <v>0</v>
      </c>
      <c r="O6077">
        <v>0</v>
      </c>
      <c r="P6077">
        <v>-15690</v>
      </c>
      <c r="Q6077">
        <v>0</v>
      </c>
      <c r="R6077">
        <v>93925</v>
      </c>
      <c r="S6077">
        <v>0</v>
      </c>
      <c r="T6077">
        <v>0</v>
      </c>
      <c r="U6077">
        <v>0</v>
      </c>
      <c r="V6077">
        <v>2</v>
      </c>
      <c r="W6077">
        <v>4</v>
      </c>
      <c r="X6077">
        <v>0</v>
      </c>
      <c r="Y6077">
        <v>92</v>
      </c>
      <c r="Z6077">
        <v>25</v>
      </c>
      <c r="AA6077">
        <v>97</v>
      </c>
      <c r="AB6077">
        <v>27</v>
      </c>
      <c r="AC6077">
        <v>80</v>
      </c>
      <c r="AD6077">
        <v>56</v>
      </c>
      <c r="AE6077">
        <v>46</v>
      </c>
      <c r="AF6077">
        <v>52630</v>
      </c>
      <c r="AG6077">
        <v>209306</v>
      </c>
      <c r="AH6077">
        <v>50000</v>
      </c>
      <c r="AI6077">
        <v>0</v>
      </c>
      <c r="AJ6077">
        <v>104</v>
      </c>
      <c r="AK6077" t="s">
        <v>60</v>
      </c>
      <c r="AL6077">
        <v>0</v>
      </c>
      <c r="AM6077">
        <v>0</v>
      </c>
      <c r="AN6077">
        <v>0</v>
      </c>
      <c r="AO6077">
        <v>0</v>
      </c>
      <c r="AP6077">
        <v>0</v>
      </c>
      <c r="AQ6077">
        <v>0</v>
      </c>
      <c r="AR6077">
        <v>0</v>
      </c>
      <c r="AS6077">
        <v>0</v>
      </c>
      <c r="AT6077">
        <v>0</v>
      </c>
      <c r="AU6077">
        <v>0</v>
      </c>
      <c r="AV6077">
        <v>0</v>
      </c>
      <c r="AW6077">
        <v>0</v>
      </c>
      <c r="AX6077">
        <v>19268</v>
      </c>
      <c r="AY6077">
        <v>30</v>
      </c>
      <c r="AZ6077">
        <v>71</v>
      </c>
      <c r="BA6077">
        <v>3851</v>
      </c>
    </row>
    <row r="6078" spans="1:53" x14ac:dyDescent="0.4">
      <c r="A6078">
        <v>6122</v>
      </c>
      <c r="B6078" s="1">
        <v>45151</v>
      </c>
      <c r="C6078">
        <v>1</v>
      </c>
      <c r="D6078" s="1">
        <v>45151.291666666664</v>
      </c>
      <c r="E6078" s="1">
        <v>45151.405555555553</v>
      </c>
      <c r="F6078">
        <v>0</v>
      </c>
      <c r="G6078">
        <v>0</v>
      </c>
      <c r="H6078">
        <v>0</v>
      </c>
      <c r="I6078">
        <v>0</v>
      </c>
      <c r="J6078">
        <v>0</v>
      </c>
      <c r="K6078">
        <v>0</v>
      </c>
      <c r="L6078">
        <v>0</v>
      </c>
      <c r="M6078">
        <v>0</v>
      </c>
      <c r="N6078">
        <v>0</v>
      </c>
      <c r="O6078">
        <v>0</v>
      </c>
      <c r="P6078">
        <v>0</v>
      </c>
      <c r="Q6078">
        <v>0</v>
      </c>
      <c r="R6078">
        <v>0</v>
      </c>
      <c r="S6078">
        <v>0</v>
      </c>
      <c r="T6078">
        <v>0</v>
      </c>
      <c r="U6078">
        <v>0</v>
      </c>
      <c r="V6078">
        <v>0</v>
      </c>
      <c r="W6078">
        <v>1</v>
      </c>
      <c r="X6078">
        <v>0</v>
      </c>
      <c r="Y6078">
        <v>30</v>
      </c>
      <c r="Z6078">
        <v>11</v>
      </c>
      <c r="AA6078">
        <v>71</v>
      </c>
      <c r="AB6078">
        <v>29</v>
      </c>
      <c r="AC6078">
        <v>63</v>
      </c>
      <c r="AD6078">
        <v>55</v>
      </c>
      <c r="AE6078">
        <v>45</v>
      </c>
      <c r="AF6078">
        <v>0</v>
      </c>
      <c r="AG6078">
        <v>50000</v>
      </c>
      <c r="AH6078">
        <v>50000</v>
      </c>
      <c r="AI6078">
        <v>0</v>
      </c>
      <c r="AJ6078">
        <v>0</v>
      </c>
      <c r="AK6078" t="s">
        <v>6</v>
      </c>
      <c r="AL6078">
        <v>0</v>
      </c>
      <c r="AM6078">
        <v>0</v>
      </c>
      <c r="AN6078">
        <v>0</v>
      </c>
      <c r="AO6078">
        <v>0</v>
      </c>
      <c r="AP6078">
        <v>0</v>
      </c>
      <c r="AQ6078">
        <v>0</v>
      </c>
      <c r="AR6078">
        <v>0</v>
      </c>
      <c r="AS6078">
        <v>0</v>
      </c>
      <c r="AT6078">
        <v>0</v>
      </c>
      <c r="AU6078">
        <v>0</v>
      </c>
      <c r="AV6078">
        <v>0</v>
      </c>
      <c r="AW6078">
        <v>0</v>
      </c>
      <c r="AX6078">
        <v>0</v>
      </c>
      <c r="AY6078">
        <v>0</v>
      </c>
      <c r="AZ6078">
        <v>0</v>
      </c>
      <c r="BA6078">
        <v>0</v>
      </c>
    </row>
    <row r="6079" spans="1:53" x14ac:dyDescent="0.4">
      <c r="A6079">
        <v>6123</v>
      </c>
      <c r="B6079" s="1">
        <v>45151</v>
      </c>
      <c r="C6079">
        <v>2</v>
      </c>
      <c r="D6079" s="1">
        <v>45151.405555555553</v>
      </c>
      <c r="E6079" s="1">
        <v>45151.72152777778</v>
      </c>
      <c r="F6079">
        <v>36260</v>
      </c>
      <c r="G6079">
        <v>550</v>
      </c>
      <c r="H6079">
        <v>0</v>
      </c>
      <c r="I6079">
        <v>0</v>
      </c>
      <c r="J6079">
        <v>300</v>
      </c>
      <c r="K6079">
        <v>0</v>
      </c>
      <c r="L6079">
        <v>0</v>
      </c>
      <c r="M6079">
        <v>3316</v>
      </c>
      <c r="N6079">
        <v>0</v>
      </c>
      <c r="O6079">
        <v>0</v>
      </c>
      <c r="P6079">
        <v>21410</v>
      </c>
      <c r="Q6079">
        <v>0</v>
      </c>
      <c r="R6079">
        <v>57920</v>
      </c>
      <c r="S6079">
        <v>0</v>
      </c>
      <c r="T6079">
        <v>0</v>
      </c>
      <c r="U6079">
        <v>0</v>
      </c>
      <c r="V6079">
        <v>2</v>
      </c>
      <c r="W6079">
        <v>1</v>
      </c>
      <c r="X6079">
        <v>0</v>
      </c>
      <c r="Y6079">
        <v>59</v>
      </c>
      <c r="Z6079">
        <v>9</v>
      </c>
      <c r="AA6079">
        <v>70</v>
      </c>
      <c r="AB6079">
        <v>27</v>
      </c>
      <c r="AC6079">
        <v>69</v>
      </c>
      <c r="AD6079">
        <v>55</v>
      </c>
      <c r="AE6079">
        <v>45</v>
      </c>
      <c r="AF6079">
        <v>10060</v>
      </c>
      <c r="AG6079">
        <v>107920</v>
      </c>
      <c r="AH6079">
        <v>50000</v>
      </c>
      <c r="AI6079">
        <v>0</v>
      </c>
      <c r="AJ6079">
        <v>45</v>
      </c>
      <c r="AK6079" t="s">
        <v>77</v>
      </c>
      <c r="AL6079">
        <v>0</v>
      </c>
      <c r="AM6079">
        <v>0</v>
      </c>
      <c r="AN6079">
        <v>0</v>
      </c>
      <c r="AO6079">
        <v>0</v>
      </c>
      <c r="AP6079">
        <v>0</v>
      </c>
      <c r="AQ6079">
        <v>0</v>
      </c>
      <c r="AR6079">
        <v>0</v>
      </c>
      <c r="AS6079">
        <v>0</v>
      </c>
      <c r="AT6079">
        <v>0</v>
      </c>
      <c r="AU6079">
        <v>0</v>
      </c>
      <c r="AV6079">
        <v>0</v>
      </c>
      <c r="AW6079">
        <v>0</v>
      </c>
      <c r="AX6079">
        <v>605</v>
      </c>
      <c r="AY6079">
        <v>41</v>
      </c>
      <c r="AZ6079">
        <v>87</v>
      </c>
      <c r="BA6079">
        <v>6704</v>
      </c>
    </row>
    <row r="6080" spans="1:53" x14ac:dyDescent="0.4">
      <c r="A6080">
        <v>6124</v>
      </c>
      <c r="B6080" s="1">
        <v>45151</v>
      </c>
      <c r="C6080">
        <v>3</v>
      </c>
      <c r="D6080" s="1">
        <v>45151.72152777778</v>
      </c>
      <c r="E6080" s="1">
        <v>45151.947916666664</v>
      </c>
      <c r="F6080">
        <v>91910</v>
      </c>
      <c r="G6080">
        <v>1210</v>
      </c>
      <c r="H6080">
        <v>0</v>
      </c>
      <c r="I6080">
        <v>0</v>
      </c>
      <c r="J6080">
        <v>200</v>
      </c>
      <c r="K6080">
        <v>0</v>
      </c>
      <c r="L6080">
        <v>0</v>
      </c>
      <c r="M6080">
        <v>8445</v>
      </c>
      <c r="N6080">
        <v>0</v>
      </c>
      <c r="O6080">
        <v>0</v>
      </c>
      <c r="P6080">
        <v>-21410</v>
      </c>
      <c r="Q6080">
        <v>0</v>
      </c>
      <c r="R6080">
        <v>71510</v>
      </c>
      <c r="S6080">
        <v>0</v>
      </c>
      <c r="T6080">
        <v>0</v>
      </c>
      <c r="U6080">
        <v>0</v>
      </c>
      <c r="V6080">
        <v>8</v>
      </c>
      <c r="W6080">
        <v>0</v>
      </c>
      <c r="X6080">
        <v>0</v>
      </c>
      <c r="Y6080">
        <v>63</v>
      </c>
      <c r="Z6080">
        <v>8</v>
      </c>
      <c r="AA6080">
        <v>82</v>
      </c>
      <c r="AB6080">
        <v>28</v>
      </c>
      <c r="AC6080">
        <v>76</v>
      </c>
      <c r="AD6080">
        <v>53</v>
      </c>
      <c r="AE6080">
        <v>45</v>
      </c>
      <c r="AF6080">
        <v>21760</v>
      </c>
      <c r="AG6080">
        <v>179430</v>
      </c>
      <c r="AH6080">
        <v>50000</v>
      </c>
      <c r="AI6080">
        <v>0</v>
      </c>
      <c r="AJ6080">
        <v>38</v>
      </c>
      <c r="AK6080" t="s">
        <v>75</v>
      </c>
      <c r="AL6080">
        <v>0</v>
      </c>
      <c r="AM6080">
        <v>0</v>
      </c>
      <c r="AN6080">
        <v>0</v>
      </c>
      <c r="AO6080">
        <v>0</v>
      </c>
      <c r="AP6080">
        <v>0</v>
      </c>
      <c r="AQ6080">
        <v>0</v>
      </c>
      <c r="AR6080">
        <v>0</v>
      </c>
      <c r="AS6080">
        <v>0</v>
      </c>
      <c r="AT6080">
        <v>0</v>
      </c>
      <c r="AU6080">
        <v>0</v>
      </c>
      <c r="AV6080">
        <v>0</v>
      </c>
      <c r="AW6080">
        <v>0</v>
      </c>
      <c r="AX6080">
        <v>24715</v>
      </c>
      <c r="AY6080">
        <v>22</v>
      </c>
      <c r="AZ6080">
        <v>78</v>
      </c>
      <c r="BA6080">
        <v>2905</v>
      </c>
    </row>
    <row r="6081" spans="1:53" x14ac:dyDescent="0.4">
      <c r="A6081">
        <v>6125</v>
      </c>
      <c r="B6081" s="1">
        <v>45152</v>
      </c>
      <c r="C6081">
        <v>1</v>
      </c>
      <c r="D6081" s="1">
        <v>45152.291666666664</v>
      </c>
      <c r="E6081" s="1">
        <v>45152.404861111114</v>
      </c>
      <c r="F6081">
        <v>0</v>
      </c>
      <c r="G6081">
        <v>0</v>
      </c>
      <c r="H6081">
        <v>0</v>
      </c>
      <c r="I6081">
        <v>0</v>
      </c>
      <c r="J6081">
        <v>0</v>
      </c>
      <c r="K6081">
        <v>0</v>
      </c>
      <c r="L6081">
        <v>0</v>
      </c>
      <c r="M6081">
        <v>0</v>
      </c>
      <c r="N6081">
        <v>0</v>
      </c>
      <c r="O6081">
        <v>0</v>
      </c>
      <c r="P6081">
        <v>0</v>
      </c>
      <c r="Q6081">
        <v>0</v>
      </c>
      <c r="R6081">
        <v>0</v>
      </c>
      <c r="S6081">
        <v>0</v>
      </c>
      <c r="T6081">
        <v>0</v>
      </c>
      <c r="U6081">
        <v>0</v>
      </c>
      <c r="V6081">
        <v>0</v>
      </c>
      <c r="W6081">
        <v>1</v>
      </c>
      <c r="X6081">
        <v>0</v>
      </c>
      <c r="Y6081">
        <v>30</v>
      </c>
      <c r="Z6081">
        <v>9</v>
      </c>
      <c r="AA6081">
        <v>80</v>
      </c>
      <c r="AB6081">
        <v>28</v>
      </c>
      <c r="AC6081">
        <v>80</v>
      </c>
      <c r="AD6081">
        <v>51</v>
      </c>
      <c r="AE6081">
        <v>45</v>
      </c>
      <c r="AF6081">
        <v>0</v>
      </c>
      <c r="AG6081">
        <v>50000</v>
      </c>
      <c r="AH6081">
        <v>50000</v>
      </c>
      <c r="AI6081">
        <v>0</v>
      </c>
      <c r="AJ6081">
        <v>0</v>
      </c>
      <c r="AK6081" t="s">
        <v>6</v>
      </c>
      <c r="AL6081">
        <v>0</v>
      </c>
      <c r="AM6081">
        <v>0</v>
      </c>
      <c r="AN6081">
        <v>0</v>
      </c>
      <c r="AO6081">
        <v>0</v>
      </c>
      <c r="AP6081">
        <v>0</v>
      </c>
      <c r="AQ6081">
        <v>0</v>
      </c>
      <c r="AR6081">
        <v>0</v>
      </c>
      <c r="AS6081">
        <v>0</v>
      </c>
      <c r="AT6081">
        <v>0</v>
      </c>
      <c r="AU6081">
        <v>0</v>
      </c>
      <c r="AV6081">
        <v>0</v>
      </c>
      <c r="AW6081">
        <v>0</v>
      </c>
      <c r="AX6081">
        <v>0</v>
      </c>
      <c r="AY6081">
        <v>0</v>
      </c>
      <c r="AZ6081">
        <v>0</v>
      </c>
      <c r="BA6081">
        <v>0</v>
      </c>
    </row>
    <row r="6082" spans="1:53" x14ac:dyDescent="0.4">
      <c r="A6082">
        <v>6126</v>
      </c>
      <c r="B6082" s="1">
        <v>45152</v>
      </c>
      <c r="C6082">
        <v>2</v>
      </c>
      <c r="D6082" s="1">
        <v>45152.404861111114</v>
      </c>
      <c r="E6082" s="1">
        <v>45152.720833333333</v>
      </c>
      <c r="F6082">
        <v>35900</v>
      </c>
      <c r="G6082">
        <v>9185</v>
      </c>
      <c r="H6082">
        <v>0</v>
      </c>
      <c r="I6082">
        <v>0</v>
      </c>
      <c r="J6082">
        <v>200</v>
      </c>
      <c r="K6082">
        <v>800</v>
      </c>
      <c r="L6082">
        <v>0</v>
      </c>
      <c r="M6082">
        <v>4153</v>
      </c>
      <c r="N6082">
        <v>0</v>
      </c>
      <c r="O6082">
        <v>0</v>
      </c>
      <c r="P6082">
        <v>24790</v>
      </c>
      <c r="Q6082">
        <v>0</v>
      </c>
      <c r="R6082">
        <v>70475</v>
      </c>
      <c r="S6082">
        <v>0</v>
      </c>
      <c r="T6082">
        <v>0</v>
      </c>
      <c r="U6082">
        <v>0</v>
      </c>
      <c r="V6082">
        <v>2</v>
      </c>
      <c r="W6082">
        <v>2</v>
      </c>
      <c r="X6082">
        <v>0</v>
      </c>
      <c r="Y6082">
        <v>66</v>
      </c>
      <c r="Z6082">
        <v>13</v>
      </c>
      <c r="AA6082">
        <v>66</v>
      </c>
      <c r="AB6082">
        <v>29</v>
      </c>
      <c r="AC6082">
        <v>107</v>
      </c>
      <c r="AD6082">
        <v>52</v>
      </c>
      <c r="AE6082">
        <v>45</v>
      </c>
      <c r="AF6082">
        <v>8570</v>
      </c>
      <c r="AG6082">
        <v>120495</v>
      </c>
      <c r="AH6082">
        <v>50000</v>
      </c>
      <c r="AI6082">
        <v>20</v>
      </c>
      <c r="AJ6082">
        <v>112</v>
      </c>
      <c r="AK6082" t="s">
        <v>78</v>
      </c>
      <c r="AL6082">
        <v>0</v>
      </c>
      <c r="AM6082">
        <v>0</v>
      </c>
      <c r="AN6082">
        <v>0</v>
      </c>
      <c r="AO6082">
        <v>0</v>
      </c>
      <c r="AP6082">
        <v>0</v>
      </c>
      <c r="AQ6082">
        <v>0</v>
      </c>
      <c r="AR6082">
        <v>0</v>
      </c>
      <c r="AS6082">
        <v>0</v>
      </c>
      <c r="AT6082">
        <v>0</v>
      </c>
      <c r="AU6082">
        <v>0</v>
      </c>
      <c r="AV6082">
        <v>0</v>
      </c>
      <c r="AW6082">
        <v>0</v>
      </c>
      <c r="AX6082">
        <v>440</v>
      </c>
      <c r="AY6082">
        <v>45</v>
      </c>
      <c r="AZ6082">
        <v>93</v>
      </c>
      <c r="BA6082">
        <v>7432</v>
      </c>
    </row>
    <row r="6083" spans="1:53" x14ac:dyDescent="0.4">
      <c r="A6083">
        <v>6127</v>
      </c>
      <c r="B6083" s="1">
        <v>45152</v>
      </c>
      <c r="C6083">
        <v>3</v>
      </c>
      <c r="D6083" s="1">
        <v>45152.720833333333</v>
      </c>
      <c r="E6083" s="1">
        <v>45152.935416666667</v>
      </c>
      <c r="F6083">
        <v>75000</v>
      </c>
      <c r="G6083">
        <v>2882</v>
      </c>
      <c r="H6083">
        <v>0</v>
      </c>
      <c r="I6083">
        <v>0</v>
      </c>
      <c r="J6083">
        <v>50</v>
      </c>
      <c r="K6083">
        <v>1000</v>
      </c>
      <c r="L6083">
        <v>0</v>
      </c>
      <c r="M6083">
        <v>7164</v>
      </c>
      <c r="N6083">
        <v>0</v>
      </c>
      <c r="O6083">
        <v>0</v>
      </c>
      <c r="P6083">
        <v>-19310</v>
      </c>
      <c r="Q6083">
        <v>0</v>
      </c>
      <c r="R6083">
        <v>59522</v>
      </c>
      <c r="S6083">
        <v>0</v>
      </c>
      <c r="T6083">
        <v>0</v>
      </c>
      <c r="U6083">
        <v>0</v>
      </c>
      <c r="V6083">
        <v>5</v>
      </c>
      <c r="W6083">
        <v>3</v>
      </c>
      <c r="X6083">
        <v>0</v>
      </c>
      <c r="Y6083">
        <v>84</v>
      </c>
      <c r="Z6083">
        <v>12</v>
      </c>
      <c r="AA6083">
        <v>70</v>
      </c>
      <c r="AB6083">
        <v>27</v>
      </c>
      <c r="AC6083">
        <v>94</v>
      </c>
      <c r="AD6083">
        <v>51</v>
      </c>
      <c r="AE6083">
        <v>42</v>
      </c>
      <c r="AF6083">
        <v>15410</v>
      </c>
      <c r="AG6083">
        <v>179997</v>
      </c>
      <c r="AH6083">
        <v>50000</v>
      </c>
      <c r="AI6083">
        <v>0</v>
      </c>
      <c r="AJ6083">
        <v>95</v>
      </c>
      <c r="AK6083" t="s">
        <v>21</v>
      </c>
      <c r="AL6083">
        <v>0</v>
      </c>
      <c r="AM6083">
        <v>0</v>
      </c>
      <c r="AN6083">
        <v>0</v>
      </c>
      <c r="AO6083">
        <v>0</v>
      </c>
      <c r="AP6083">
        <v>0</v>
      </c>
      <c r="AQ6083">
        <v>0</v>
      </c>
      <c r="AR6083">
        <v>0</v>
      </c>
      <c r="AS6083">
        <v>0</v>
      </c>
      <c r="AT6083">
        <v>0</v>
      </c>
      <c r="AU6083">
        <v>0</v>
      </c>
      <c r="AV6083">
        <v>0</v>
      </c>
      <c r="AW6083">
        <v>0</v>
      </c>
      <c r="AX6083">
        <v>70832</v>
      </c>
      <c r="AY6083">
        <v>26</v>
      </c>
      <c r="AZ6083">
        <v>81</v>
      </c>
      <c r="BA6083">
        <v>3141</v>
      </c>
    </row>
    <row r="6084" spans="1:53" x14ac:dyDescent="0.4">
      <c r="A6084">
        <v>6128</v>
      </c>
      <c r="B6084" s="1">
        <v>45153</v>
      </c>
      <c r="C6084">
        <v>1</v>
      </c>
      <c r="D6084" s="1">
        <v>45153.291666666664</v>
      </c>
      <c r="E6084" s="1">
        <v>45153.413194444445</v>
      </c>
      <c r="F6084">
        <v>0</v>
      </c>
      <c r="G6084">
        <v>0</v>
      </c>
      <c r="H6084">
        <v>0</v>
      </c>
      <c r="I6084">
        <v>0</v>
      </c>
      <c r="J6084">
        <v>0</v>
      </c>
      <c r="K6084">
        <v>0</v>
      </c>
      <c r="L6084">
        <v>0</v>
      </c>
      <c r="M6084">
        <v>0</v>
      </c>
      <c r="N6084">
        <v>0</v>
      </c>
      <c r="O6084">
        <v>0</v>
      </c>
      <c r="P6084">
        <v>0</v>
      </c>
      <c r="Q6084">
        <v>0</v>
      </c>
      <c r="R6084">
        <v>0</v>
      </c>
      <c r="S6084">
        <v>0</v>
      </c>
      <c r="T6084">
        <v>0</v>
      </c>
      <c r="U6084">
        <v>0</v>
      </c>
      <c r="V6084">
        <v>0</v>
      </c>
      <c r="W6084">
        <v>1</v>
      </c>
      <c r="X6084">
        <v>0</v>
      </c>
      <c r="Y6084">
        <v>32</v>
      </c>
      <c r="Z6084">
        <v>8</v>
      </c>
      <c r="AA6084">
        <v>65</v>
      </c>
      <c r="AB6084">
        <v>27</v>
      </c>
      <c r="AC6084">
        <v>85</v>
      </c>
      <c r="AD6084">
        <v>52</v>
      </c>
      <c r="AE6084">
        <v>40</v>
      </c>
      <c r="AF6084">
        <v>0</v>
      </c>
      <c r="AG6084">
        <v>50000</v>
      </c>
      <c r="AH6084">
        <v>50000</v>
      </c>
      <c r="AI6084">
        <v>0</v>
      </c>
      <c r="AJ6084">
        <v>0</v>
      </c>
      <c r="AK6084" t="s">
        <v>6</v>
      </c>
      <c r="AL6084">
        <v>0</v>
      </c>
      <c r="AM6084">
        <v>0</v>
      </c>
      <c r="AN6084">
        <v>0</v>
      </c>
      <c r="AO6084">
        <v>0</v>
      </c>
      <c r="AP6084">
        <v>0</v>
      </c>
      <c r="AQ6084">
        <v>0</v>
      </c>
      <c r="AR6084">
        <v>0</v>
      </c>
      <c r="AS6084">
        <v>0</v>
      </c>
      <c r="AT6084">
        <v>0</v>
      </c>
      <c r="AU6084">
        <v>0</v>
      </c>
      <c r="AV6084">
        <v>0</v>
      </c>
      <c r="AW6084">
        <v>0</v>
      </c>
      <c r="AX6084">
        <v>0</v>
      </c>
      <c r="AY6084">
        <v>0</v>
      </c>
      <c r="AZ6084">
        <v>0</v>
      </c>
      <c r="BA6084">
        <v>0</v>
      </c>
    </row>
    <row r="6085" spans="1:53" x14ac:dyDescent="0.4">
      <c r="A6085">
        <v>6129</v>
      </c>
      <c r="B6085" s="1">
        <v>45153</v>
      </c>
      <c r="C6085">
        <v>2</v>
      </c>
      <c r="D6085" s="1">
        <v>45153.413194444445</v>
      </c>
      <c r="E6085" s="1">
        <v>45153.743055555555</v>
      </c>
      <c r="F6085">
        <v>18720</v>
      </c>
      <c r="G6085">
        <v>605</v>
      </c>
      <c r="H6085">
        <v>0</v>
      </c>
      <c r="I6085">
        <v>0</v>
      </c>
      <c r="J6085">
        <v>400</v>
      </c>
      <c r="K6085">
        <v>0</v>
      </c>
      <c r="L6085">
        <v>0</v>
      </c>
      <c r="M6085">
        <v>1719</v>
      </c>
      <c r="N6085">
        <v>0</v>
      </c>
      <c r="O6085">
        <v>0</v>
      </c>
      <c r="P6085">
        <v>6970</v>
      </c>
      <c r="Q6085">
        <v>0</v>
      </c>
      <c r="R6085">
        <v>25895</v>
      </c>
      <c r="S6085">
        <v>0</v>
      </c>
      <c r="T6085">
        <v>0</v>
      </c>
      <c r="U6085">
        <v>0</v>
      </c>
      <c r="V6085">
        <v>2</v>
      </c>
      <c r="W6085">
        <v>1</v>
      </c>
      <c r="X6085">
        <v>0</v>
      </c>
      <c r="Y6085">
        <v>38</v>
      </c>
      <c r="Z6085">
        <v>5</v>
      </c>
      <c r="AA6085">
        <v>47</v>
      </c>
      <c r="AB6085">
        <v>25</v>
      </c>
      <c r="AC6085">
        <v>99</v>
      </c>
      <c r="AD6085">
        <v>53</v>
      </c>
      <c r="AE6085">
        <v>40</v>
      </c>
      <c r="AF6085">
        <v>3150</v>
      </c>
      <c r="AG6085">
        <v>75895</v>
      </c>
      <c r="AH6085">
        <v>50000</v>
      </c>
      <c r="AI6085">
        <v>0</v>
      </c>
      <c r="AJ6085">
        <v>118</v>
      </c>
      <c r="AK6085" t="s">
        <v>59</v>
      </c>
      <c r="AL6085">
        <v>0</v>
      </c>
      <c r="AM6085">
        <v>0</v>
      </c>
      <c r="AN6085">
        <v>0</v>
      </c>
      <c r="AO6085">
        <v>0</v>
      </c>
      <c r="AP6085">
        <v>0</v>
      </c>
      <c r="AQ6085">
        <v>0</v>
      </c>
      <c r="AR6085">
        <v>0</v>
      </c>
      <c r="AS6085">
        <v>0</v>
      </c>
      <c r="AT6085">
        <v>0</v>
      </c>
      <c r="AU6085">
        <v>0</v>
      </c>
      <c r="AV6085">
        <v>0</v>
      </c>
      <c r="AW6085">
        <v>0</v>
      </c>
      <c r="AX6085">
        <v>605</v>
      </c>
      <c r="AY6085">
        <v>22</v>
      </c>
      <c r="AZ6085">
        <v>40</v>
      </c>
      <c r="BA6085">
        <v>3511</v>
      </c>
    </row>
    <row r="6086" spans="1:53" x14ac:dyDescent="0.4">
      <c r="A6086">
        <v>6130</v>
      </c>
      <c r="B6086" s="1">
        <v>45153</v>
      </c>
      <c r="C6086">
        <v>3</v>
      </c>
      <c r="D6086" s="1">
        <v>45153.743055555555</v>
      </c>
      <c r="E6086" s="1">
        <v>45153.956250000003</v>
      </c>
      <c r="F6086">
        <v>26910</v>
      </c>
      <c r="G6086">
        <v>2255</v>
      </c>
      <c r="H6086">
        <v>0</v>
      </c>
      <c r="I6086">
        <v>0</v>
      </c>
      <c r="J6086">
        <v>100</v>
      </c>
      <c r="K6086">
        <v>0</v>
      </c>
      <c r="L6086">
        <v>0</v>
      </c>
      <c r="M6086">
        <v>2641</v>
      </c>
      <c r="N6086">
        <v>0</v>
      </c>
      <c r="O6086">
        <v>0</v>
      </c>
      <c r="P6086">
        <v>5210</v>
      </c>
      <c r="Q6086">
        <v>0</v>
      </c>
      <c r="R6086">
        <v>34275</v>
      </c>
      <c r="S6086">
        <v>0</v>
      </c>
      <c r="T6086">
        <v>0</v>
      </c>
      <c r="U6086">
        <v>0</v>
      </c>
      <c r="V6086">
        <v>4</v>
      </c>
      <c r="W6086">
        <v>1</v>
      </c>
      <c r="X6086">
        <v>0</v>
      </c>
      <c r="Y6086">
        <v>40</v>
      </c>
      <c r="Z6086">
        <v>7</v>
      </c>
      <c r="AA6086">
        <v>45</v>
      </c>
      <c r="AB6086">
        <v>25</v>
      </c>
      <c r="AC6086">
        <v>94</v>
      </c>
      <c r="AD6086">
        <v>53</v>
      </c>
      <c r="AE6086">
        <v>40</v>
      </c>
      <c r="AF6086">
        <v>14675</v>
      </c>
      <c r="AG6086">
        <v>110170</v>
      </c>
      <c r="AH6086">
        <v>50000</v>
      </c>
      <c r="AI6086">
        <v>0</v>
      </c>
      <c r="AJ6086">
        <v>40</v>
      </c>
      <c r="AK6086" t="s">
        <v>71</v>
      </c>
      <c r="AL6086">
        <v>0</v>
      </c>
      <c r="AM6086">
        <v>0</v>
      </c>
      <c r="AN6086">
        <v>0</v>
      </c>
      <c r="AO6086">
        <v>0</v>
      </c>
      <c r="AP6086">
        <v>0</v>
      </c>
      <c r="AQ6086">
        <v>0</v>
      </c>
      <c r="AR6086">
        <v>0</v>
      </c>
      <c r="AS6086">
        <v>0</v>
      </c>
      <c r="AT6086">
        <v>0</v>
      </c>
      <c r="AU6086">
        <v>0</v>
      </c>
      <c r="AV6086">
        <v>0</v>
      </c>
      <c r="AW6086">
        <v>0</v>
      </c>
      <c r="AX6086">
        <v>5600</v>
      </c>
      <c r="AY6086">
        <v>7</v>
      </c>
      <c r="AZ6086">
        <v>24</v>
      </c>
      <c r="BA6086">
        <v>1147</v>
      </c>
    </row>
    <row r="6087" spans="1:53" x14ac:dyDescent="0.4">
      <c r="A6087">
        <v>6131</v>
      </c>
      <c r="B6087" s="1">
        <v>45154</v>
      </c>
      <c r="C6087">
        <v>1</v>
      </c>
      <c r="D6087" s="1">
        <v>45154.291666666664</v>
      </c>
      <c r="E6087" s="1">
        <v>45154.404166666667</v>
      </c>
      <c r="F6087">
        <v>0</v>
      </c>
      <c r="G6087">
        <v>0</v>
      </c>
      <c r="H6087">
        <v>0</v>
      </c>
      <c r="I6087">
        <v>0</v>
      </c>
      <c r="J6087">
        <v>0</v>
      </c>
      <c r="K6087">
        <v>0</v>
      </c>
      <c r="L6087">
        <v>0</v>
      </c>
      <c r="M6087">
        <v>0</v>
      </c>
      <c r="N6087">
        <v>0</v>
      </c>
      <c r="O6087">
        <v>0</v>
      </c>
      <c r="P6087">
        <v>0</v>
      </c>
      <c r="Q6087">
        <v>0</v>
      </c>
      <c r="R6087">
        <v>0</v>
      </c>
      <c r="S6087">
        <v>0</v>
      </c>
      <c r="T6087">
        <v>0</v>
      </c>
      <c r="U6087">
        <v>0</v>
      </c>
      <c r="V6087">
        <v>0</v>
      </c>
      <c r="W6087">
        <v>0</v>
      </c>
      <c r="X6087">
        <v>0</v>
      </c>
      <c r="Y6087">
        <v>36</v>
      </c>
      <c r="Z6087">
        <v>7</v>
      </c>
      <c r="AA6087">
        <v>81</v>
      </c>
      <c r="AB6087">
        <v>26</v>
      </c>
      <c r="AC6087">
        <v>76</v>
      </c>
      <c r="AD6087">
        <v>60</v>
      </c>
      <c r="AE6087">
        <v>40</v>
      </c>
      <c r="AF6087">
        <v>0</v>
      </c>
      <c r="AG6087">
        <v>50000</v>
      </c>
      <c r="AH6087">
        <v>50000</v>
      </c>
      <c r="AI6087">
        <v>0</v>
      </c>
      <c r="AJ6087">
        <v>0</v>
      </c>
      <c r="AK6087" t="s">
        <v>6</v>
      </c>
      <c r="AL6087">
        <v>0</v>
      </c>
      <c r="AM6087">
        <v>0</v>
      </c>
      <c r="AN6087">
        <v>0</v>
      </c>
      <c r="AO6087">
        <v>0</v>
      </c>
      <c r="AP6087">
        <v>0</v>
      </c>
      <c r="AQ6087">
        <v>0</v>
      </c>
      <c r="AR6087">
        <v>0</v>
      </c>
      <c r="AS6087">
        <v>0</v>
      </c>
      <c r="AT6087">
        <v>0</v>
      </c>
      <c r="AU6087">
        <v>0</v>
      </c>
      <c r="AV6087">
        <v>0</v>
      </c>
      <c r="AW6087">
        <v>0</v>
      </c>
      <c r="AX6087">
        <v>0</v>
      </c>
      <c r="AY6087">
        <v>0</v>
      </c>
      <c r="AZ6087">
        <v>0</v>
      </c>
      <c r="BA6087">
        <v>0</v>
      </c>
    </row>
    <row r="6088" spans="1:53" x14ac:dyDescent="0.4">
      <c r="A6088">
        <v>6132</v>
      </c>
      <c r="B6088" s="1">
        <v>45154</v>
      </c>
      <c r="C6088">
        <v>2</v>
      </c>
      <c r="D6088" s="1">
        <v>45154.404166666667</v>
      </c>
      <c r="E6088" s="1">
        <v>45154.726388888892</v>
      </c>
      <c r="F6088">
        <v>33580</v>
      </c>
      <c r="G6088">
        <v>1221</v>
      </c>
      <c r="H6088">
        <v>0</v>
      </c>
      <c r="I6088">
        <v>0</v>
      </c>
      <c r="J6088">
        <v>300</v>
      </c>
      <c r="K6088">
        <v>400</v>
      </c>
      <c r="L6088">
        <v>0</v>
      </c>
      <c r="M6088">
        <v>3170</v>
      </c>
      <c r="N6088">
        <v>0</v>
      </c>
      <c r="O6088">
        <v>0</v>
      </c>
      <c r="P6088">
        <v>26450</v>
      </c>
      <c r="Q6088">
        <v>0</v>
      </c>
      <c r="R6088">
        <v>61351</v>
      </c>
      <c r="S6088">
        <v>0</v>
      </c>
      <c r="T6088">
        <v>0</v>
      </c>
      <c r="U6088">
        <v>0</v>
      </c>
      <c r="V6088">
        <v>3</v>
      </c>
      <c r="W6088">
        <v>3</v>
      </c>
      <c r="X6088">
        <v>0</v>
      </c>
      <c r="Y6088">
        <v>47</v>
      </c>
      <c r="Z6088">
        <v>12</v>
      </c>
      <c r="AA6088">
        <v>77</v>
      </c>
      <c r="AB6088">
        <v>19</v>
      </c>
      <c r="AC6088">
        <v>81</v>
      </c>
      <c r="AD6088">
        <v>61</v>
      </c>
      <c r="AE6088">
        <v>46</v>
      </c>
      <c r="AF6088">
        <v>3540</v>
      </c>
      <c r="AG6088">
        <v>111351</v>
      </c>
      <c r="AH6088">
        <v>50000</v>
      </c>
      <c r="AI6088">
        <v>0</v>
      </c>
      <c r="AJ6088">
        <v>38</v>
      </c>
      <c r="AK6088" t="s">
        <v>75</v>
      </c>
      <c r="AL6088">
        <v>0</v>
      </c>
      <c r="AM6088">
        <v>0</v>
      </c>
      <c r="AN6088">
        <v>0</v>
      </c>
      <c r="AO6088">
        <v>0</v>
      </c>
      <c r="AP6088">
        <v>0</v>
      </c>
      <c r="AQ6088">
        <v>0</v>
      </c>
      <c r="AR6088">
        <v>0</v>
      </c>
      <c r="AS6088">
        <v>0</v>
      </c>
      <c r="AT6088">
        <v>0</v>
      </c>
      <c r="AU6088">
        <v>0</v>
      </c>
      <c r="AV6088">
        <v>0</v>
      </c>
      <c r="AW6088">
        <v>0</v>
      </c>
      <c r="AX6088">
        <v>1815</v>
      </c>
      <c r="AY6088">
        <v>48</v>
      </c>
      <c r="AZ6088">
        <v>96</v>
      </c>
      <c r="BA6088">
        <v>6969</v>
      </c>
    </row>
    <row r="6089" spans="1:53" x14ac:dyDescent="0.4">
      <c r="A6089">
        <v>6133</v>
      </c>
      <c r="B6089" s="1">
        <v>45154</v>
      </c>
      <c r="C6089">
        <v>3</v>
      </c>
      <c r="D6089" s="1">
        <v>45154.726388888892</v>
      </c>
      <c r="E6089" s="1">
        <v>45154.958333333336</v>
      </c>
      <c r="F6089">
        <v>76140</v>
      </c>
      <c r="G6089">
        <v>6270</v>
      </c>
      <c r="H6089">
        <v>0</v>
      </c>
      <c r="I6089">
        <v>0</v>
      </c>
      <c r="J6089">
        <v>0</v>
      </c>
      <c r="K6089">
        <v>0</v>
      </c>
      <c r="L6089">
        <v>0</v>
      </c>
      <c r="M6089">
        <v>7490</v>
      </c>
      <c r="N6089">
        <v>0</v>
      </c>
      <c r="O6089">
        <v>0</v>
      </c>
      <c r="P6089">
        <v>-5890</v>
      </c>
      <c r="Q6089">
        <v>0</v>
      </c>
      <c r="R6089">
        <v>76520</v>
      </c>
      <c r="S6089">
        <v>0</v>
      </c>
      <c r="T6089">
        <v>0</v>
      </c>
      <c r="U6089">
        <v>0</v>
      </c>
      <c r="V6089">
        <v>7</v>
      </c>
      <c r="W6089">
        <v>0</v>
      </c>
      <c r="X6089">
        <v>0</v>
      </c>
      <c r="Y6089">
        <v>60</v>
      </c>
      <c r="Z6089">
        <v>11</v>
      </c>
      <c r="AA6089">
        <v>68</v>
      </c>
      <c r="AB6089">
        <v>20</v>
      </c>
      <c r="AC6089">
        <v>70</v>
      </c>
      <c r="AD6089">
        <v>61</v>
      </c>
      <c r="AE6089">
        <v>48</v>
      </c>
      <c r="AF6089">
        <v>43518</v>
      </c>
      <c r="AG6089">
        <v>187871</v>
      </c>
      <c r="AH6089">
        <v>50000</v>
      </c>
      <c r="AI6089">
        <v>0</v>
      </c>
      <c r="AJ6089">
        <v>116</v>
      </c>
      <c r="AK6089" t="s">
        <v>51</v>
      </c>
      <c r="AL6089">
        <v>0</v>
      </c>
      <c r="AM6089">
        <v>0</v>
      </c>
      <c r="AN6089">
        <v>0</v>
      </c>
      <c r="AO6089">
        <v>0</v>
      </c>
      <c r="AP6089">
        <v>0</v>
      </c>
      <c r="AQ6089">
        <v>0</v>
      </c>
      <c r="AR6089">
        <v>0</v>
      </c>
      <c r="AS6089">
        <v>0</v>
      </c>
      <c r="AT6089">
        <v>0</v>
      </c>
      <c r="AU6089">
        <v>0</v>
      </c>
      <c r="AV6089">
        <v>0</v>
      </c>
      <c r="AW6089">
        <v>0</v>
      </c>
      <c r="AX6089">
        <v>10600</v>
      </c>
      <c r="AY6089">
        <v>21</v>
      </c>
      <c r="AZ6089">
        <v>54</v>
      </c>
      <c r="BA6089">
        <v>3738</v>
      </c>
    </row>
    <row r="6090" spans="1:53" x14ac:dyDescent="0.4">
      <c r="A6090">
        <v>6134</v>
      </c>
      <c r="B6090" s="1">
        <v>45155</v>
      </c>
      <c r="C6090">
        <v>1</v>
      </c>
      <c r="D6090" s="1">
        <v>45155.291666666664</v>
      </c>
      <c r="E6090" s="1">
        <v>45155.921527777777</v>
      </c>
      <c r="F6090">
        <v>75275</v>
      </c>
      <c r="G6090">
        <v>748</v>
      </c>
      <c r="H6090">
        <v>0</v>
      </c>
      <c r="I6090">
        <v>0</v>
      </c>
      <c r="J6090">
        <v>700</v>
      </c>
      <c r="K6090">
        <v>0</v>
      </c>
      <c r="L6090">
        <v>0</v>
      </c>
      <c r="M6090">
        <v>6842</v>
      </c>
      <c r="N6090">
        <v>0</v>
      </c>
      <c r="O6090">
        <v>0</v>
      </c>
      <c r="P6090">
        <v>4620</v>
      </c>
      <c r="Q6090">
        <v>0</v>
      </c>
      <c r="R6090">
        <v>79943</v>
      </c>
      <c r="S6090">
        <v>0</v>
      </c>
      <c r="T6090">
        <v>0</v>
      </c>
      <c r="U6090">
        <v>0</v>
      </c>
      <c r="V6090">
        <v>3</v>
      </c>
      <c r="W6090">
        <v>1</v>
      </c>
      <c r="X6090">
        <v>0</v>
      </c>
      <c r="Y6090">
        <v>60</v>
      </c>
      <c r="Z6090">
        <v>13</v>
      </c>
      <c r="AA6090">
        <v>91</v>
      </c>
      <c r="AB6090">
        <v>15</v>
      </c>
      <c r="AC6090">
        <v>76</v>
      </c>
      <c r="AD6090">
        <v>52</v>
      </c>
      <c r="AE6090">
        <v>43</v>
      </c>
      <c r="AF6090">
        <v>17020</v>
      </c>
      <c r="AG6090">
        <v>129433</v>
      </c>
      <c r="AH6090">
        <v>50000</v>
      </c>
      <c r="AI6090">
        <v>-510</v>
      </c>
      <c r="AJ6090">
        <v>104</v>
      </c>
      <c r="AK6090" t="s">
        <v>60</v>
      </c>
      <c r="AL6090">
        <v>0</v>
      </c>
      <c r="AM6090">
        <v>0</v>
      </c>
      <c r="AN6090">
        <v>0</v>
      </c>
      <c r="AO6090">
        <v>0</v>
      </c>
      <c r="AP6090">
        <v>0</v>
      </c>
      <c r="AQ6090">
        <v>0</v>
      </c>
      <c r="AR6090">
        <v>0</v>
      </c>
      <c r="AS6090">
        <v>0</v>
      </c>
      <c r="AT6090">
        <v>0</v>
      </c>
      <c r="AU6090">
        <v>0</v>
      </c>
      <c r="AV6090">
        <v>0</v>
      </c>
      <c r="AW6090">
        <v>0</v>
      </c>
      <c r="AX6090">
        <v>16325</v>
      </c>
      <c r="AY6090">
        <v>65</v>
      </c>
      <c r="AZ6090">
        <v>130</v>
      </c>
      <c r="BA6090">
        <v>9726</v>
      </c>
    </row>
    <row r="6091" spans="1:53" x14ac:dyDescent="0.4">
      <c r="A6091">
        <v>6135</v>
      </c>
      <c r="B6091" s="1">
        <v>45156</v>
      </c>
      <c r="C6091">
        <v>1</v>
      </c>
      <c r="D6091" s="1">
        <v>45156.291666666664</v>
      </c>
      <c r="E6091" s="1">
        <v>45156.40625</v>
      </c>
      <c r="F6091">
        <v>0</v>
      </c>
      <c r="G6091">
        <v>0</v>
      </c>
      <c r="H6091">
        <v>0</v>
      </c>
      <c r="I6091">
        <v>0</v>
      </c>
      <c r="J6091">
        <v>0</v>
      </c>
      <c r="K6091">
        <v>0</v>
      </c>
      <c r="L6091">
        <v>0</v>
      </c>
      <c r="M6091">
        <v>0</v>
      </c>
      <c r="N6091">
        <v>0</v>
      </c>
      <c r="O6091">
        <v>0</v>
      </c>
      <c r="P6091">
        <v>0</v>
      </c>
      <c r="Q6091">
        <v>0</v>
      </c>
      <c r="R6091">
        <v>0</v>
      </c>
      <c r="S6091">
        <v>0</v>
      </c>
      <c r="T6091">
        <v>0</v>
      </c>
      <c r="U6091">
        <v>0</v>
      </c>
      <c r="V6091">
        <v>0</v>
      </c>
      <c r="W6091">
        <v>1</v>
      </c>
      <c r="X6091">
        <v>0</v>
      </c>
      <c r="Y6091">
        <v>28</v>
      </c>
      <c r="Z6091">
        <v>10</v>
      </c>
      <c r="AA6091">
        <v>103</v>
      </c>
      <c r="AB6091">
        <v>16</v>
      </c>
      <c r="AC6091">
        <v>59</v>
      </c>
      <c r="AD6091">
        <v>53</v>
      </c>
      <c r="AE6091">
        <v>45</v>
      </c>
      <c r="AF6091">
        <v>0</v>
      </c>
      <c r="AG6091">
        <v>50000</v>
      </c>
      <c r="AH6091">
        <v>50000</v>
      </c>
      <c r="AI6091">
        <v>0</v>
      </c>
      <c r="AJ6091">
        <v>0</v>
      </c>
      <c r="AK6091" t="s">
        <v>6</v>
      </c>
      <c r="AL6091">
        <v>0</v>
      </c>
      <c r="AM6091">
        <v>0</v>
      </c>
      <c r="AN6091">
        <v>0</v>
      </c>
      <c r="AO6091">
        <v>0</v>
      </c>
      <c r="AP6091">
        <v>0</v>
      </c>
      <c r="AQ6091">
        <v>0</v>
      </c>
      <c r="AR6091">
        <v>0</v>
      </c>
      <c r="AS6091">
        <v>0</v>
      </c>
      <c r="AT6091">
        <v>0</v>
      </c>
      <c r="AU6091">
        <v>0</v>
      </c>
      <c r="AV6091">
        <v>0</v>
      </c>
      <c r="AW6091">
        <v>0</v>
      </c>
      <c r="AX6091">
        <v>0</v>
      </c>
      <c r="AY6091">
        <v>0</v>
      </c>
      <c r="AZ6091">
        <v>0</v>
      </c>
      <c r="BA6091">
        <v>0</v>
      </c>
    </row>
    <row r="6092" spans="1:53" x14ac:dyDescent="0.4">
      <c r="A6092">
        <v>6136</v>
      </c>
      <c r="B6092" s="1">
        <v>45156</v>
      </c>
      <c r="C6092">
        <v>2</v>
      </c>
      <c r="D6092" s="1">
        <v>45156.40625</v>
      </c>
      <c r="E6092" s="1">
        <v>45156.742361111108</v>
      </c>
      <c r="F6092">
        <v>32300</v>
      </c>
      <c r="G6092">
        <v>0</v>
      </c>
      <c r="H6092">
        <v>0</v>
      </c>
      <c r="I6092">
        <v>0</v>
      </c>
      <c r="J6092">
        <v>200</v>
      </c>
      <c r="K6092">
        <v>0</v>
      </c>
      <c r="L6092">
        <v>0</v>
      </c>
      <c r="M6092">
        <v>2916</v>
      </c>
      <c r="N6092">
        <v>0</v>
      </c>
      <c r="O6092">
        <v>0</v>
      </c>
      <c r="P6092">
        <v>25190</v>
      </c>
      <c r="Q6092">
        <v>0</v>
      </c>
      <c r="R6092">
        <v>57290</v>
      </c>
      <c r="S6092">
        <v>0</v>
      </c>
      <c r="T6092">
        <v>0</v>
      </c>
      <c r="U6092">
        <v>0</v>
      </c>
      <c r="V6092">
        <v>2</v>
      </c>
      <c r="W6092">
        <v>1</v>
      </c>
      <c r="X6092">
        <v>0</v>
      </c>
      <c r="Y6092">
        <v>58</v>
      </c>
      <c r="Z6092">
        <v>18</v>
      </c>
      <c r="AA6092">
        <v>86</v>
      </c>
      <c r="AB6092">
        <v>19</v>
      </c>
      <c r="AC6092">
        <v>94</v>
      </c>
      <c r="AD6092">
        <v>55</v>
      </c>
      <c r="AE6092">
        <v>45</v>
      </c>
      <c r="AF6092">
        <v>4480</v>
      </c>
      <c r="AG6092">
        <v>107290</v>
      </c>
      <c r="AH6092">
        <v>50000</v>
      </c>
      <c r="AI6092">
        <v>0</v>
      </c>
      <c r="AJ6092">
        <v>38</v>
      </c>
      <c r="AK6092" t="s">
        <v>75</v>
      </c>
      <c r="AL6092">
        <v>0</v>
      </c>
      <c r="AM6092">
        <v>0</v>
      </c>
      <c r="AN6092">
        <v>0</v>
      </c>
      <c r="AO6092">
        <v>0</v>
      </c>
      <c r="AP6092">
        <v>0</v>
      </c>
      <c r="AQ6092">
        <v>0</v>
      </c>
      <c r="AR6092">
        <v>0</v>
      </c>
      <c r="AS6092">
        <v>0</v>
      </c>
      <c r="AT6092">
        <v>0</v>
      </c>
      <c r="AU6092">
        <v>0</v>
      </c>
      <c r="AV6092">
        <v>0</v>
      </c>
      <c r="AW6092">
        <v>0</v>
      </c>
      <c r="AX6092">
        <v>-127</v>
      </c>
      <c r="AY6092">
        <v>50</v>
      </c>
      <c r="AZ6092">
        <v>92</v>
      </c>
      <c r="BA6092">
        <v>7496</v>
      </c>
    </row>
    <row r="6093" spans="1:53" x14ac:dyDescent="0.4">
      <c r="A6093">
        <v>6137</v>
      </c>
      <c r="B6093" s="1">
        <v>45156</v>
      </c>
      <c r="C6093">
        <v>3</v>
      </c>
      <c r="D6093" s="1">
        <v>45156.742361111108</v>
      </c>
      <c r="E6093" s="1">
        <v>45156.981249999997</v>
      </c>
      <c r="F6093">
        <v>131690</v>
      </c>
      <c r="G6093">
        <v>4642</v>
      </c>
      <c r="H6093">
        <v>220</v>
      </c>
      <c r="I6093">
        <v>0</v>
      </c>
      <c r="J6093">
        <v>0</v>
      </c>
      <c r="K6093">
        <v>0</v>
      </c>
      <c r="L6093">
        <v>0</v>
      </c>
      <c r="M6093">
        <v>12414</v>
      </c>
      <c r="N6093">
        <v>0</v>
      </c>
      <c r="O6093">
        <v>0</v>
      </c>
      <c r="P6093">
        <v>-16890</v>
      </c>
      <c r="Q6093">
        <v>0</v>
      </c>
      <c r="R6093">
        <v>119662</v>
      </c>
      <c r="S6093">
        <v>0</v>
      </c>
      <c r="T6093">
        <v>0</v>
      </c>
      <c r="U6093">
        <v>0</v>
      </c>
      <c r="V6093">
        <v>8</v>
      </c>
      <c r="W6093">
        <v>7</v>
      </c>
      <c r="X6093">
        <v>0</v>
      </c>
      <c r="Y6093">
        <v>76</v>
      </c>
      <c r="Z6093">
        <v>14</v>
      </c>
      <c r="AA6093">
        <v>138</v>
      </c>
      <c r="AB6093">
        <v>14</v>
      </c>
      <c r="AC6093">
        <v>100</v>
      </c>
      <c r="AD6093">
        <v>56</v>
      </c>
      <c r="AE6093">
        <v>52</v>
      </c>
      <c r="AF6093">
        <v>13120</v>
      </c>
      <c r="AG6093">
        <v>226952</v>
      </c>
      <c r="AH6093">
        <v>50000</v>
      </c>
      <c r="AI6093">
        <v>0</v>
      </c>
      <c r="AJ6093">
        <v>104</v>
      </c>
      <c r="AK6093" t="s">
        <v>60</v>
      </c>
      <c r="AL6093">
        <v>0</v>
      </c>
      <c r="AM6093">
        <v>0</v>
      </c>
      <c r="AN6093">
        <v>0</v>
      </c>
      <c r="AO6093">
        <v>0</v>
      </c>
      <c r="AP6093">
        <v>0</v>
      </c>
      <c r="AQ6093">
        <v>0</v>
      </c>
      <c r="AR6093">
        <v>0</v>
      </c>
      <c r="AS6093">
        <v>0</v>
      </c>
      <c r="AT6093">
        <v>0</v>
      </c>
      <c r="AU6093">
        <v>0</v>
      </c>
      <c r="AV6093">
        <v>0</v>
      </c>
      <c r="AW6093">
        <v>0</v>
      </c>
      <c r="AX6093">
        <v>45598</v>
      </c>
      <c r="AY6093">
        <v>33</v>
      </c>
      <c r="AZ6093">
        <v>89</v>
      </c>
      <c r="BA6093">
        <v>3949</v>
      </c>
    </row>
    <row r="6094" spans="1:53" x14ac:dyDescent="0.4">
      <c r="A6094">
        <v>6138</v>
      </c>
      <c r="B6094" s="1">
        <v>45157</v>
      </c>
      <c r="C6094">
        <v>1</v>
      </c>
      <c r="D6094" s="1">
        <v>45157.291666666664</v>
      </c>
      <c r="E6094" s="1">
        <v>45157.400694444441</v>
      </c>
      <c r="F6094">
        <v>0</v>
      </c>
      <c r="G6094">
        <v>0</v>
      </c>
      <c r="H6094">
        <v>0</v>
      </c>
      <c r="I6094">
        <v>0</v>
      </c>
      <c r="J6094">
        <v>0</v>
      </c>
      <c r="K6094">
        <v>0</v>
      </c>
      <c r="L6094">
        <v>0</v>
      </c>
      <c r="M6094">
        <v>0</v>
      </c>
      <c r="N6094">
        <v>0</v>
      </c>
      <c r="O6094">
        <v>0</v>
      </c>
      <c r="P6094">
        <v>0</v>
      </c>
      <c r="Q6094">
        <v>0</v>
      </c>
      <c r="R6094">
        <v>0</v>
      </c>
      <c r="S6094">
        <v>0</v>
      </c>
      <c r="T6094">
        <v>0</v>
      </c>
      <c r="U6094">
        <v>0</v>
      </c>
      <c r="V6094">
        <v>0</v>
      </c>
      <c r="W6094">
        <v>1</v>
      </c>
      <c r="X6094">
        <v>0</v>
      </c>
      <c r="Y6094">
        <v>29</v>
      </c>
      <c r="Z6094">
        <v>10</v>
      </c>
      <c r="AA6094">
        <v>93</v>
      </c>
      <c r="AB6094">
        <v>18</v>
      </c>
      <c r="AC6094">
        <v>61</v>
      </c>
      <c r="AD6094">
        <v>28</v>
      </c>
      <c r="AE6094">
        <v>50</v>
      </c>
      <c r="AF6094">
        <v>0</v>
      </c>
      <c r="AG6094">
        <v>50000</v>
      </c>
      <c r="AH6094">
        <v>50000</v>
      </c>
      <c r="AI6094">
        <v>0</v>
      </c>
      <c r="AJ6094">
        <v>0</v>
      </c>
      <c r="AK6094" t="s">
        <v>6</v>
      </c>
      <c r="AL6094">
        <v>0</v>
      </c>
      <c r="AM6094">
        <v>0</v>
      </c>
      <c r="AN6094">
        <v>0</v>
      </c>
      <c r="AO6094">
        <v>0</v>
      </c>
      <c r="AP6094">
        <v>0</v>
      </c>
      <c r="AQ6094">
        <v>0</v>
      </c>
      <c r="AR6094">
        <v>0</v>
      </c>
      <c r="AS6094">
        <v>0</v>
      </c>
      <c r="AT6094">
        <v>0</v>
      </c>
      <c r="AU6094">
        <v>0</v>
      </c>
      <c r="AV6094">
        <v>0</v>
      </c>
      <c r="AW6094">
        <v>0</v>
      </c>
      <c r="AX6094">
        <v>0</v>
      </c>
      <c r="AY6094">
        <v>0</v>
      </c>
      <c r="AZ6094">
        <v>0</v>
      </c>
      <c r="BA6094">
        <v>0</v>
      </c>
    </row>
    <row r="6095" spans="1:53" x14ac:dyDescent="0.4">
      <c r="A6095">
        <v>6139</v>
      </c>
      <c r="B6095" s="1">
        <v>45157</v>
      </c>
      <c r="C6095">
        <v>2</v>
      </c>
      <c r="D6095" s="1">
        <v>45157.400694444441</v>
      </c>
      <c r="E6095" s="1">
        <v>45157.723611111112</v>
      </c>
      <c r="F6095">
        <v>42555</v>
      </c>
      <c r="G6095">
        <v>3201</v>
      </c>
      <c r="H6095">
        <v>0</v>
      </c>
      <c r="I6095">
        <v>0</v>
      </c>
      <c r="J6095">
        <v>700</v>
      </c>
      <c r="K6095">
        <v>0</v>
      </c>
      <c r="L6095">
        <v>0</v>
      </c>
      <c r="M6095">
        <v>4095</v>
      </c>
      <c r="N6095">
        <v>0</v>
      </c>
      <c r="O6095">
        <v>0</v>
      </c>
      <c r="P6095">
        <v>15410</v>
      </c>
      <c r="Q6095">
        <v>0</v>
      </c>
      <c r="R6095">
        <v>60466</v>
      </c>
      <c r="S6095">
        <v>0</v>
      </c>
      <c r="T6095">
        <v>0</v>
      </c>
      <c r="U6095">
        <v>0</v>
      </c>
      <c r="V6095">
        <v>3</v>
      </c>
      <c r="W6095">
        <v>1</v>
      </c>
      <c r="X6095">
        <v>0</v>
      </c>
      <c r="Y6095">
        <v>48</v>
      </c>
      <c r="Z6095">
        <v>16</v>
      </c>
      <c r="AA6095">
        <v>121</v>
      </c>
      <c r="AB6095">
        <v>19</v>
      </c>
      <c r="AC6095">
        <v>66</v>
      </c>
      <c r="AD6095">
        <v>29</v>
      </c>
      <c r="AE6095">
        <v>51</v>
      </c>
      <c r="AF6095">
        <v>5560</v>
      </c>
      <c r="AG6095">
        <v>110466</v>
      </c>
      <c r="AH6095">
        <v>50000</v>
      </c>
      <c r="AI6095">
        <v>0</v>
      </c>
      <c r="AJ6095">
        <v>36</v>
      </c>
      <c r="AK6095" t="s">
        <v>68</v>
      </c>
      <c r="AL6095">
        <v>0</v>
      </c>
      <c r="AM6095">
        <v>0</v>
      </c>
      <c r="AN6095">
        <v>0</v>
      </c>
      <c r="AO6095">
        <v>0</v>
      </c>
      <c r="AP6095">
        <v>0</v>
      </c>
      <c r="AQ6095">
        <v>0</v>
      </c>
      <c r="AR6095">
        <v>0</v>
      </c>
      <c r="AS6095">
        <v>0</v>
      </c>
      <c r="AT6095">
        <v>0</v>
      </c>
      <c r="AU6095">
        <v>0</v>
      </c>
      <c r="AV6095">
        <v>0</v>
      </c>
      <c r="AW6095">
        <v>0</v>
      </c>
      <c r="AX6095">
        <v>-1730</v>
      </c>
      <c r="AY6095">
        <v>41</v>
      </c>
      <c r="AZ6095">
        <v>91</v>
      </c>
      <c r="BA6095">
        <v>6448</v>
      </c>
    </row>
    <row r="6096" spans="1:53" x14ac:dyDescent="0.4">
      <c r="A6096">
        <v>6140</v>
      </c>
      <c r="B6096" s="1">
        <v>45157</v>
      </c>
      <c r="C6096">
        <v>3</v>
      </c>
      <c r="D6096" s="1">
        <v>45157.723611111112</v>
      </c>
      <c r="E6096" s="1">
        <v>45157.95208333333</v>
      </c>
      <c r="F6096">
        <v>67110</v>
      </c>
      <c r="G6096">
        <v>0</v>
      </c>
      <c r="H6096">
        <v>0</v>
      </c>
      <c r="I6096">
        <v>0</v>
      </c>
      <c r="J6096">
        <v>100</v>
      </c>
      <c r="K6096">
        <v>0</v>
      </c>
      <c r="L6096">
        <v>0</v>
      </c>
      <c r="M6096">
        <v>6088</v>
      </c>
      <c r="N6096">
        <v>0</v>
      </c>
      <c r="O6096">
        <v>0</v>
      </c>
      <c r="P6096">
        <v>8670</v>
      </c>
      <c r="Q6096">
        <v>0</v>
      </c>
      <c r="R6096">
        <v>75680</v>
      </c>
      <c r="S6096">
        <v>0</v>
      </c>
      <c r="T6096">
        <v>0</v>
      </c>
      <c r="U6096">
        <v>0</v>
      </c>
      <c r="V6096">
        <v>11</v>
      </c>
      <c r="W6096">
        <v>0</v>
      </c>
      <c r="X6096">
        <v>0</v>
      </c>
      <c r="Y6096">
        <v>46</v>
      </c>
      <c r="Z6096">
        <v>11</v>
      </c>
      <c r="AA6096">
        <v>110</v>
      </c>
      <c r="AB6096">
        <v>20</v>
      </c>
      <c r="AC6096">
        <v>63</v>
      </c>
      <c r="AD6096">
        <v>29</v>
      </c>
      <c r="AE6096">
        <v>55</v>
      </c>
      <c r="AF6096">
        <v>11816</v>
      </c>
      <c r="AG6096">
        <v>186146</v>
      </c>
      <c r="AH6096">
        <v>50000</v>
      </c>
      <c r="AI6096">
        <v>0</v>
      </c>
      <c r="AJ6096">
        <v>116</v>
      </c>
      <c r="AK6096" t="s">
        <v>51</v>
      </c>
      <c r="AL6096">
        <v>0</v>
      </c>
      <c r="AM6096">
        <v>0</v>
      </c>
      <c r="AN6096">
        <v>0</v>
      </c>
      <c r="AO6096">
        <v>0</v>
      </c>
      <c r="AP6096">
        <v>0</v>
      </c>
      <c r="AQ6096">
        <v>0</v>
      </c>
      <c r="AR6096">
        <v>0</v>
      </c>
      <c r="AS6096">
        <v>0</v>
      </c>
      <c r="AT6096">
        <v>0</v>
      </c>
      <c r="AU6096">
        <v>0</v>
      </c>
      <c r="AV6096">
        <v>0</v>
      </c>
      <c r="AW6096">
        <v>0</v>
      </c>
      <c r="AX6096">
        <v>45268</v>
      </c>
      <c r="AY6096">
        <v>22</v>
      </c>
      <c r="AZ6096">
        <v>62</v>
      </c>
      <c r="BA6096">
        <v>3202</v>
      </c>
    </row>
    <row r="6097" spans="1:53" x14ac:dyDescent="0.4">
      <c r="A6097">
        <v>6141</v>
      </c>
      <c r="B6097" s="1">
        <v>45158</v>
      </c>
      <c r="C6097">
        <v>1</v>
      </c>
      <c r="D6097" s="1">
        <v>45158.291666666664</v>
      </c>
      <c r="E6097" s="1">
        <v>45158.40347222222</v>
      </c>
      <c r="F6097">
        <v>0</v>
      </c>
      <c r="G6097">
        <v>0</v>
      </c>
      <c r="H6097">
        <v>0</v>
      </c>
      <c r="I6097">
        <v>0</v>
      </c>
      <c r="J6097">
        <v>0</v>
      </c>
      <c r="K6097">
        <v>0</v>
      </c>
      <c r="L6097">
        <v>0</v>
      </c>
      <c r="M6097">
        <v>0</v>
      </c>
      <c r="N6097">
        <v>0</v>
      </c>
      <c r="O6097">
        <v>0</v>
      </c>
      <c r="P6097">
        <v>0</v>
      </c>
      <c r="Q6097">
        <v>0</v>
      </c>
      <c r="R6097">
        <v>0</v>
      </c>
      <c r="S6097">
        <v>0</v>
      </c>
      <c r="T6097">
        <v>0</v>
      </c>
      <c r="U6097">
        <v>0</v>
      </c>
      <c r="V6097">
        <v>0</v>
      </c>
      <c r="W6097">
        <v>1</v>
      </c>
      <c r="X6097">
        <v>0</v>
      </c>
      <c r="Y6097">
        <v>29</v>
      </c>
      <c r="Z6097">
        <v>10</v>
      </c>
      <c r="AA6097">
        <v>90</v>
      </c>
      <c r="AB6097">
        <v>25</v>
      </c>
      <c r="AC6097">
        <v>56</v>
      </c>
      <c r="AD6097">
        <v>28</v>
      </c>
      <c r="AE6097">
        <v>50</v>
      </c>
      <c r="AF6097">
        <v>0</v>
      </c>
      <c r="AG6097">
        <v>50000</v>
      </c>
      <c r="AH6097">
        <v>50000</v>
      </c>
      <c r="AI6097">
        <v>0</v>
      </c>
      <c r="AJ6097">
        <v>0</v>
      </c>
      <c r="AK6097" t="s">
        <v>6</v>
      </c>
      <c r="AL6097">
        <v>0</v>
      </c>
      <c r="AM6097">
        <v>0</v>
      </c>
      <c r="AN6097">
        <v>0</v>
      </c>
      <c r="AO6097">
        <v>0</v>
      </c>
      <c r="AP6097">
        <v>0</v>
      </c>
      <c r="AQ6097">
        <v>0</v>
      </c>
      <c r="AR6097">
        <v>0</v>
      </c>
      <c r="AS6097">
        <v>0</v>
      </c>
      <c r="AT6097">
        <v>0</v>
      </c>
      <c r="AU6097">
        <v>0</v>
      </c>
      <c r="AV6097">
        <v>0</v>
      </c>
      <c r="AW6097">
        <v>0</v>
      </c>
      <c r="AX6097">
        <v>0</v>
      </c>
      <c r="AY6097">
        <v>0</v>
      </c>
      <c r="AZ6097">
        <v>0</v>
      </c>
      <c r="BA6097">
        <v>0</v>
      </c>
    </row>
    <row r="6098" spans="1:53" x14ac:dyDescent="0.4">
      <c r="A6098">
        <v>6142</v>
      </c>
      <c r="B6098" s="1">
        <v>45158</v>
      </c>
      <c r="C6098">
        <v>2</v>
      </c>
      <c r="D6098" s="1">
        <v>45158.40347222222</v>
      </c>
      <c r="E6098" s="1">
        <v>45158.736111111109</v>
      </c>
      <c r="F6098">
        <v>47330</v>
      </c>
      <c r="G6098">
        <v>3146</v>
      </c>
      <c r="H6098">
        <v>0</v>
      </c>
      <c r="I6098">
        <v>0</v>
      </c>
      <c r="J6098">
        <v>300</v>
      </c>
      <c r="K6098">
        <v>0</v>
      </c>
      <c r="L6098">
        <v>0</v>
      </c>
      <c r="M6098">
        <v>4556</v>
      </c>
      <c r="N6098">
        <v>0</v>
      </c>
      <c r="O6098">
        <v>0</v>
      </c>
      <c r="P6098">
        <v>19520</v>
      </c>
      <c r="Q6098">
        <v>0</v>
      </c>
      <c r="R6098">
        <v>69696</v>
      </c>
      <c r="S6098">
        <v>0</v>
      </c>
      <c r="T6098">
        <v>0</v>
      </c>
      <c r="U6098">
        <v>0</v>
      </c>
      <c r="V6098">
        <v>6</v>
      </c>
      <c r="W6098">
        <v>0</v>
      </c>
      <c r="X6098">
        <v>0</v>
      </c>
      <c r="Y6098">
        <v>34</v>
      </c>
      <c r="Z6098">
        <v>20</v>
      </c>
      <c r="AA6098">
        <v>94</v>
      </c>
      <c r="AB6098">
        <v>38</v>
      </c>
      <c r="AC6098">
        <v>42</v>
      </c>
      <c r="AD6098">
        <v>28</v>
      </c>
      <c r="AE6098">
        <v>56</v>
      </c>
      <c r="AF6098">
        <v>3780</v>
      </c>
      <c r="AG6098">
        <v>119696</v>
      </c>
      <c r="AH6098">
        <v>50000</v>
      </c>
      <c r="AI6098">
        <v>0</v>
      </c>
      <c r="AJ6098">
        <v>112</v>
      </c>
      <c r="AK6098" t="s">
        <v>78</v>
      </c>
      <c r="AL6098">
        <v>0</v>
      </c>
      <c r="AM6098">
        <v>0</v>
      </c>
      <c r="AN6098">
        <v>0</v>
      </c>
      <c r="AO6098">
        <v>0</v>
      </c>
      <c r="AP6098">
        <v>0</v>
      </c>
      <c r="AQ6098">
        <v>0</v>
      </c>
      <c r="AR6098">
        <v>0</v>
      </c>
      <c r="AS6098">
        <v>0</v>
      </c>
      <c r="AT6098">
        <v>0</v>
      </c>
      <c r="AU6098">
        <v>0</v>
      </c>
      <c r="AV6098">
        <v>0</v>
      </c>
      <c r="AW6098">
        <v>0</v>
      </c>
      <c r="AX6098">
        <v>-710</v>
      </c>
      <c r="AY6098">
        <v>56</v>
      </c>
      <c r="AZ6098">
        <v>111</v>
      </c>
      <c r="BA6098">
        <v>7888</v>
      </c>
    </row>
    <row r="6099" spans="1:53" x14ac:dyDescent="0.4">
      <c r="A6099">
        <v>6143</v>
      </c>
      <c r="B6099" s="1">
        <v>45158</v>
      </c>
      <c r="C6099">
        <v>3</v>
      </c>
      <c r="D6099" s="1">
        <v>45158.736111111109</v>
      </c>
      <c r="E6099" s="1">
        <v>45158.954861111109</v>
      </c>
      <c r="F6099">
        <v>47805</v>
      </c>
      <c r="G6099">
        <v>2695</v>
      </c>
      <c r="H6099">
        <v>0</v>
      </c>
      <c r="I6099">
        <v>0</v>
      </c>
      <c r="J6099">
        <v>0</v>
      </c>
      <c r="K6099">
        <v>0</v>
      </c>
      <c r="L6099">
        <v>0</v>
      </c>
      <c r="M6099">
        <v>4587</v>
      </c>
      <c r="N6099">
        <v>0</v>
      </c>
      <c r="O6099">
        <v>0</v>
      </c>
      <c r="P6099">
        <v>-5660</v>
      </c>
      <c r="Q6099">
        <v>0</v>
      </c>
      <c r="R6099">
        <v>44840</v>
      </c>
      <c r="S6099">
        <v>0</v>
      </c>
      <c r="T6099">
        <v>0</v>
      </c>
      <c r="U6099">
        <v>0</v>
      </c>
      <c r="V6099">
        <v>10</v>
      </c>
      <c r="W6099">
        <v>1</v>
      </c>
      <c r="X6099">
        <v>0</v>
      </c>
      <c r="Y6099">
        <v>34</v>
      </c>
      <c r="Z6099">
        <v>19</v>
      </c>
      <c r="AA6099">
        <v>91</v>
      </c>
      <c r="AB6099">
        <v>39</v>
      </c>
      <c r="AC6099">
        <v>46</v>
      </c>
      <c r="AD6099">
        <v>30</v>
      </c>
      <c r="AE6099">
        <v>66</v>
      </c>
      <c r="AF6099">
        <v>4310</v>
      </c>
      <c r="AG6099">
        <v>164536</v>
      </c>
      <c r="AH6099">
        <v>50000</v>
      </c>
      <c r="AI6099">
        <v>0</v>
      </c>
      <c r="AJ6099">
        <v>110</v>
      </c>
      <c r="AK6099" t="s">
        <v>31</v>
      </c>
      <c r="AL6099">
        <v>0</v>
      </c>
      <c r="AM6099">
        <v>0</v>
      </c>
      <c r="AN6099">
        <v>0</v>
      </c>
      <c r="AO6099">
        <v>0</v>
      </c>
      <c r="AP6099">
        <v>0</v>
      </c>
      <c r="AQ6099">
        <v>0</v>
      </c>
      <c r="AR6099">
        <v>0</v>
      </c>
      <c r="AS6099">
        <v>0</v>
      </c>
      <c r="AT6099">
        <v>0</v>
      </c>
      <c r="AU6099">
        <v>0</v>
      </c>
      <c r="AV6099">
        <v>0</v>
      </c>
      <c r="AW6099">
        <v>0</v>
      </c>
      <c r="AX6099">
        <v>4400</v>
      </c>
      <c r="AY6099">
        <v>18</v>
      </c>
      <c r="AZ6099">
        <v>36</v>
      </c>
      <c r="BA6099">
        <v>3232</v>
      </c>
    </row>
    <row r="6100" spans="1:53" x14ac:dyDescent="0.4">
      <c r="A6100">
        <v>6144</v>
      </c>
      <c r="B6100" s="1">
        <v>45159</v>
      </c>
      <c r="C6100">
        <v>1</v>
      </c>
      <c r="D6100" s="1">
        <v>45159.291666666664</v>
      </c>
      <c r="E6100" s="1">
        <v>45159.404166666667</v>
      </c>
      <c r="F6100">
        <v>0</v>
      </c>
      <c r="G6100">
        <v>0</v>
      </c>
      <c r="H6100">
        <v>0</v>
      </c>
      <c r="I6100">
        <v>0</v>
      </c>
      <c r="J6100">
        <v>0</v>
      </c>
      <c r="K6100">
        <v>0</v>
      </c>
      <c r="L6100">
        <v>0</v>
      </c>
      <c r="M6100">
        <v>0</v>
      </c>
      <c r="N6100">
        <v>0</v>
      </c>
      <c r="O6100">
        <v>0</v>
      </c>
      <c r="P6100">
        <v>0</v>
      </c>
      <c r="Q6100">
        <v>0</v>
      </c>
      <c r="R6100">
        <v>0</v>
      </c>
      <c r="S6100">
        <v>0</v>
      </c>
      <c r="T6100">
        <v>0</v>
      </c>
      <c r="U6100">
        <v>0</v>
      </c>
      <c r="V6100">
        <v>0</v>
      </c>
      <c r="W6100">
        <v>1</v>
      </c>
      <c r="X6100">
        <v>0</v>
      </c>
      <c r="Y6100">
        <v>25</v>
      </c>
      <c r="Z6100">
        <v>15</v>
      </c>
      <c r="AA6100">
        <v>99</v>
      </c>
      <c r="AB6100">
        <v>39</v>
      </c>
      <c r="AC6100">
        <v>44</v>
      </c>
      <c r="AD6100">
        <v>29</v>
      </c>
      <c r="AE6100">
        <v>65</v>
      </c>
      <c r="AF6100">
        <v>0</v>
      </c>
      <c r="AG6100">
        <v>50000</v>
      </c>
      <c r="AH6100">
        <v>50000</v>
      </c>
      <c r="AI6100">
        <v>0</v>
      </c>
      <c r="AJ6100">
        <v>0</v>
      </c>
      <c r="AK6100" t="s">
        <v>6</v>
      </c>
      <c r="AL6100">
        <v>0</v>
      </c>
      <c r="AM6100">
        <v>0</v>
      </c>
      <c r="AN6100">
        <v>0</v>
      </c>
      <c r="AO6100">
        <v>0</v>
      </c>
      <c r="AP6100">
        <v>0</v>
      </c>
      <c r="AQ6100">
        <v>0</v>
      </c>
      <c r="AR6100">
        <v>0</v>
      </c>
      <c r="AS6100">
        <v>0</v>
      </c>
      <c r="AT6100">
        <v>0</v>
      </c>
      <c r="AU6100">
        <v>0</v>
      </c>
      <c r="AV6100">
        <v>0</v>
      </c>
      <c r="AW6100">
        <v>0</v>
      </c>
      <c r="AX6100">
        <v>0</v>
      </c>
      <c r="AY6100">
        <v>0</v>
      </c>
      <c r="AZ6100">
        <v>0</v>
      </c>
      <c r="BA6100">
        <v>0</v>
      </c>
    </row>
    <row r="6101" spans="1:53" x14ac:dyDescent="0.4">
      <c r="A6101">
        <v>6145</v>
      </c>
      <c r="B6101" s="1">
        <v>45159</v>
      </c>
      <c r="C6101">
        <v>2</v>
      </c>
      <c r="D6101" s="1">
        <v>45159.404166666667</v>
      </c>
      <c r="E6101" s="1">
        <v>45159.737500000003</v>
      </c>
      <c r="F6101">
        <v>35550</v>
      </c>
      <c r="G6101">
        <v>583</v>
      </c>
      <c r="H6101">
        <v>0</v>
      </c>
      <c r="I6101">
        <v>0</v>
      </c>
      <c r="J6101">
        <v>0</v>
      </c>
      <c r="K6101">
        <v>0</v>
      </c>
      <c r="L6101">
        <v>0</v>
      </c>
      <c r="M6101">
        <v>3282</v>
      </c>
      <c r="N6101">
        <v>0</v>
      </c>
      <c r="O6101">
        <v>0</v>
      </c>
      <c r="P6101">
        <v>20888</v>
      </c>
      <c r="Q6101">
        <v>0</v>
      </c>
      <c r="R6101">
        <v>57021</v>
      </c>
      <c r="S6101">
        <v>0</v>
      </c>
      <c r="T6101">
        <v>0</v>
      </c>
      <c r="U6101">
        <v>0</v>
      </c>
      <c r="V6101">
        <v>2</v>
      </c>
      <c r="W6101">
        <v>0</v>
      </c>
      <c r="X6101">
        <v>0</v>
      </c>
      <c r="Y6101">
        <v>53</v>
      </c>
      <c r="Z6101">
        <v>27</v>
      </c>
      <c r="AA6101">
        <v>145</v>
      </c>
      <c r="AB6101">
        <v>47</v>
      </c>
      <c r="AC6101">
        <v>90</v>
      </c>
      <c r="AD6101">
        <v>29</v>
      </c>
      <c r="AE6101">
        <v>66</v>
      </c>
      <c r="AF6101">
        <v>2560</v>
      </c>
      <c r="AG6101">
        <v>107021</v>
      </c>
      <c r="AH6101">
        <v>50000</v>
      </c>
      <c r="AI6101">
        <v>0</v>
      </c>
      <c r="AJ6101">
        <v>38</v>
      </c>
      <c r="AK6101" t="s">
        <v>75</v>
      </c>
      <c r="AL6101">
        <v>0</v>
      </c>
      <c r="AM6101">
        <v>0</v>
      </c>
      <c r="AN6101">
        <v>0</v>
      </c>
      <c r="AO6101">
        <v>0</v>
      </c>
      <c r="AP6101">
        <v>0</v>
      </c>
      <c r="AQ6101">
        <v>0</v>
      </c>
      <c r="AR6101">
        <v>0</v>
      </c>
      <c r="AS6101">
        <v>0</v>
      </c>
      <c r="AT6101">
        <v>0</v>
      </c>
      <c r="AU6101">
        <v>0</v>
      </c>
      <c r="AV6101">
        <v>0</v>
      </c>
      <c r="AW6101">
        <v>0</v>
      </c>
      <c r="AX6101">
        <v>-1730</v>
      </c>
      <c r="AY6101">
        <v>50</v>
      </c>
      <c r="AZ6101">
        <v>90</v>
      </c>
      <c r="BA6101">
        <v>7350</v>
      </c>
    </row>
    <row r="6102" spans="1:53" x14ac:dyDescent="0.4">
      <c r="A6102">
        <v>6146</v>
      </c>
      <c r="B6102" s="1">
        <v>45160</v>
      </c>
      <c r="C6102">
        <v>1</v>
      </c>
      <c r="D6102" s="1">
        <v>45160.291666666664</v>
      </c>
      <c r="E6102" s="1">
        <v>45160.402083333334</v>
      </c>
      <c r="F6102">
        <v>0</v>
      </c>
      <c r="G6102">
        <v>0</v>
      </c>
      <c r="H6102">
        <v>0</v>
      </c>
      <c r="I6102">
        <v>0</v>
      </c>
      <c r="J6102">
        <v>0</v>
      </c>
      <c r="K6102">
        <v>0</v>
      </c>
      <c r="L6102">
        <v>0</v>
      </c>
      <c r="M6102">
        <v>0</v>
      </c>
      <c r="N6102">
        <v>0</v>
      </c>
      <c r="O6102">
        <v>0</v>
      </c>
      <c r="P6102">
        <v>0</v>
      </c>
      <c r="Q6102">
        <v>0</v>
      </c>
      <c r="R6102">
        <v>0</v>
      </c>
      <c r="S6102">
        <v>0</v>
      </c>
      <c r="T6102">
        <v>0</v>
      </c>
      <c r="U6102">
        <v>0</v>
      </c>
      <c r="V6102">
        <v>0</v>
      </c>
      <c r="W6102">
        <v>1</v>
      </c>
      <c r="X6102">
        <v>0</v>
      </c>
      <c r="Y6102">
        <v>25</v>
      </c>
      <c r="Z6102">
        <v>12</v>
      </c>
      <c r="AA6102">
        <v>104</v>
      </c>
      <c r="AB6102">
        <v>48</v>
      </c>
      <c r="AC6102">
        <v>99</v>
      </c>
      <c r="AD6102">
        <v>29</v>
      </c>
      <c r="AE6102">
        <v>65</v>
      </c>
      <c r="AF6102">
        <v>0</v>
      </c>
      <c r="AG6102">
        <v>50000</v>
      </c>
      <c r="AH6102">
        <v>50000</v>
      </c>
      <c r="AI6102">
        <v>0</v>
      </c>
      <c r="AJ6102">
        <v>0</v>
      </c>
      <c r="AK6102" t="s">
        <v>6</v>
      </c>
      <c r="AL6102">
        <v>0</v>
      </c>
      <c r="AM6102">
        <v>0</v>
      </c>
      <c r="AN6102">
        <v>0</v>
      </c>
      <c r="AO6102">
        <v>0</v>
      </c>
      <c r="AP6102">
        <v>0</v>
      </c>
      <c r="AQ6102">
        <v>0</v>
      </c>
      <c r="AR6102">
        <v>0</v>
      </c>
      <c r="AS6102">
        <v>0</v>
      </c>
      <c r="AT6102">
        <v>0</v>
      </c>
      <c r="AU6102">
        <v>0</v>
      </c>
      <c r="AV6102">
        <v>0</v>
      </c>
      <c r="AW6102">
        <v>0</v>
      </c>
      <c r="AX6102">
        <v>0</v>
      </c>
      <c r="AY6102">
        <v>0</v>
      </c>
      <c r="AZ6102">
        <v>0</v>
      </c>
      <c r="BA6102">
        <v>0</v>
      </c>
    </row>
    <row r="6103" spans="1:53" x14ac:dyDescent="0.4">
      <c r="A6103">
        <v>6147</v>
      </c>
      <c r="B6103" s="1">
        <v>45160</v>
      </c>
      <c r="C6103">
        <v>2</v>
      </c>
      <c r="D6103" s="1">
        <v>45160.402083333334</v>
      </c>
      <c r="E6103" s="1">
        <v>45160.743055555555</v>
      </c>
      <c r="F6103">
        <v>38710</v>
      </c>
      <c r="G6103">
        <v>2068</v>
      </c>
      <c r="H6103">
        <v>0</v>
      </c>
      <c r="I6103">
        <v>0</v>
      </c>
      <c r="J6103">
        <v>400</v>
      </c>
      <c r="K6103">
        <v>0</v>
      </c>
      <c r="L6103">
        <v>0</v>
      </c>
      <c r="M6103">
        <v>3669</v>
      </c>
      <c r="N6103">
        <v>0</v>
      </c>
      <c r="O6103">
        <v>0</v>
      </c>
      <c r="P6103">
        <v>17430</v>
      </c>
      <c r="Q6103">
        <v>0</v>
      </c>
      <c r="R6103">
        <v>57808</v>
      </c>
      <c r="S6103">
        <v>0</v>
      </c>
      <c r="T6103">
        <v>0</v>
      </c>
      <c r="U6103">
        <v>0</v>
      </c>
      <c r="V6103">
        <v>0</v>
      </c>
      <c r="W6103">
        <v>2</v>
      </c>
      <c r="X6103">
        <v>0</v>
      </c>
      <c r="Y6103">
        <v>77</v>
      </c>
      <c r="Z6103">
        <v>11</v>
      </c>
      <c r="AA6103">
        <v>112</v>
      </c>
      <c r="AB6103">
        <v>47</v>
      </c>
      <c r="AC6103">
        <v>104</v>
      </c>
      <c r="AD6103">
        <v>29</v>
      </c>
      <c r="AE6103">
        <v>63</v>
      </c>
      <c r="AF6103">
        <v>530</v>
      </c>
      <c r="AG6103">
        <v>107828</v>
      </c>
      <c r="AH6103">
        <v>50000</v>
      </c>
      <c r="AI6103">
        <v>20</v>
      </c>
      <c r="AJ6103">
        <v>38</v>
      </c>
      <c r="AK6103" t="s">
        <v>75</v>
      </c>
      <c r="AL6103">
        <v>0</v>
      </c>
      <c r="AM6103">
        <v>0</v>
      </c>
      <c r="AN6103">
        <v>0</v>
      </c>
      <c r="AO6103">
        <v>0</v>
      </c>
      <c r="AP6103">
        <v>0</v>
      </c>
      <c r="AQ6103">
        <v>0</v>
      </c>
      <c r="AR6103">
        <v>0</v>
      </c>
      <c r="AS6103">
        <v>0</v>
      </c>
      <c r="AT6103">
        <v>0</v>
      </c>
      <c r="AU6103">
        <v>0</v>
      </c>
      <c r="AV6103">
        <v>0</v>
      </c>
      <c r="AW6103">
        <v>0</v>
      </c>
      <c r="AX6103">
        <v>75</v>
      </c>
      <c r="AY6103">
        <v>47</v>
      </c>
      <c r="AZ6103">
        <v>91</v>
      </c>
      <c r="BA6103">
        <v>7062</v>
      </c>
    </row>
    <row r="6104" spans="1:53" x14ac:dyDescent="0.4">
      <c r="A6104">
        <v>6148</v>
      </c>
      <c r="B6104" s="1">
        <v>45160</v>
      </c>
      <c r="C6104">
        <v>3</v>
      </c>
      <c r="D6104" s="1">
        <v>45160.743055555555</v>
      </c>
      <c r="E6104" s="1">
        <v>45160.955555555556</v>
      </c>
      <c r="F6104">
        <v>27790</v>
      </c>
      <c r="G6104">
        <v>2090</v>
      </c>
      <c r="H6104">
        <v>0</v>
      </c>
      <c r="I6104">
        <v>0</v>
      </c>
      <c r="J6104">
        <v>300</v>
      </c>
      <c r="K6104">
        <v>0</v>
      </c>
      <c r="L6104">
        <v>0</v>
      </c>
      <c r="M6104">
        <v>2689</v>
      </c>
      <c r="N6104">
        <v>0</v>
      </c>
      <c r="O6104">
        <v>0</v>
      </c>
      <c r="P6104">
        <v>-8480</v>
      </c>
      <c r="Q6104">
        <v>0</v>
      </c>
      <c r="R6104">
        <v>21100</v>
      </c>
      <c r="S6104">
        <v>0</v>
      </c>
      <c r="T6104">
        <v>0</v>
      </c>
      <c r="U6104">
        <v>0</v>
      </c>
      <c r="V6104">
        <v>1</v>
      </c>
      <c r="W6104">
        <v>3</v>
      </c>
      <c r="X6104">
        <v>0</v>
      </c>
      <c r="Y6104">
        <v>76</v>
      </c>
      <c r="Z6104">
        <v>5</v>
      </c>
      <c r="AA6104">
        <v>106</v>
      </c>
      <c r="AB6104">
        <v>45</v>
      </c>
      <c r="AC6104">
        <v>106</v>
      </c>
      <c r="AD6104">
        <v>31</v>
      </c>
      <c r="AE6104">
        <v>65</v>
      </c>
      <c r="AF6104">
        <v>11278</v>
      </c>
      <c r="AG6104">
        <v>128908</v>
      </c>
      <c r="AH6104">
        <v>50000</v>
      </c>
      <c r="AI6104">
        <v>0</v>
      </c>
      <c r="AJ6104">
        <v>39</v>
      </c>
      <c r="AK6104" t="s">
        <v>73</v>
      </c>
      <c r="AL6104">
        <v>0</v>
      </c>
      <c r="AM6104">
        <v>0</v>
      </c>
      <c r="AN6104">
        <v>0</v>
      </c>
      <c r="AO6104">
        <v>0</v>
      </c>
      <c r="AP6104">
        <v>0</v>
      </c>
      <c r="AQ6104">
        <v>0</v>
      </c>
      <c r="AR6104">
        <v>0</v>
      </c>
      <c r="AS6104">
        <v>0</v>
      </c>
      <c r="AT6104">
        <v>0</v>
      </c>
      <c r="AU6104">
        <v>0</v>
      </c>
      <c r="AV6104">
        <v>0</v>
      </c>
      <c r="AW6104">
        <v>0</v>
      </c>
      <c r="AX6104">
        <v>0</v>
      </c>
      <c r="AY6104">
        <v>8</v>
      </c>
      <c r="AZ6104">
        <v>19</v>
      </c>
      <c r="BA6104">
        <v>2068</v>
      </c>
    </row>
    <row r="6105" spans="1:53" x14ac:dyDescent="0.4">
      <c r="A6105">
        <v>6149</v>
      </c>
      <c r="B6105" s="1">
        <v>45161</v>
      </c>
      <c r="C6105">
        <v>1</v>
      </c>
      <c r="D6105" s="1">
        <v>45161.291666666664</v>
      </c>
      <c r="E6105" s="1">
        <v>45161.400694444441</v>
      </c>
      <c r="F6105">
        <v>0</v>
      </c>
      <c r="G6105">
        <v>0</v>
      </c>
      <c r="H6105">
        <v>0</v>
      </c>
      <c r="I6105">
        <v>0</v>
      </c>
      <c r="J6105">
        <v>0</v>
      </c>
      <c r="K6105">
        <v>0</v>
      </c>
      <c r="L6105">
        <v>0</v>
      </c>
      <c r="M6105">
        <v>0</v>
      </c>
      <c r="N6105">
        <v>0</v>
      </c>
      <c r="O6105">
        <v>0</v>
      </c>
      <c r="P6105">
        <v>0</v>
      </c>
      <c r="Q6105">
        <v>0</v>
      </c>
      <c r="R6105">
        <v>0</v>
      </c>
      <c r="S6105">
        <v>0</v>
      </c>
      <c r="T6105">
        <v>0</v>
      </c>
      <c r="U6105">
        <v>0</v>
      </c>
      <c r="V6105">
        <v>0</v>
      </c>
      <c r="W6105">
        <v>1</v>
      </c>
      <c r="X6105">
        <v>0</v>
      </c>
      <c r="Y6105">
        <v>30</v>
      </c>
      <c r="Z6105">
        <v>5</v>
      </c>
      <c r="AA6105">
        <v>96</v>
      </c>
      <c r="AB6105">
        <v>43</v>
      </c>
      <c r="AC6105">
        <v>54</v>
      </c>
      <c r="AD6105">
        <v>30</v>
      </c>
      <c r="AE6105">
        <v>60</v>
      </c>
      <c r="AF6105">
        <v>0</v>
      </c>
      <c r="AG6105">
        <v>50000</v>
      </c>
      <c r="AH6105">
        <v>50000</v>
      </c>
      <c r="AI6105">
        <v>0</v>
      </c>
      <c r="AJ6105">
        <v>0</v>
      </c>
      <c r="AK6105" t="s">
        <v>6</v>
      </c>
      <c r="AL6105">
        <v>0</v>
      </c>
      <c r="AM6105">
        <v>0</v>
      </c>
      <c r="AN6105">
        <v>0</v>
      </c>
      <c r="AO6105">
        <v>0</v>
      </c>
      <c r="AP6105">
        <v>0</v>
      </c>
      <c r="AQ6105">
        <v>0</v>
      </c>
      <c r="AR6105">
        <v>0</v>
      </c>
      <c r="AS6105">
        <v>0</v>
      </c>
      <c r="AT6105">
        <v>0</v>
      </c>
      <c r="AU6105">
        <v>0</v>
      </c>
      <c r="AV6105">
        <v>0</v>
      </c>
      <c r="AW6105">
        <v>0</v>
      </c>
      <c r="AX6105">
        <v>0</v>
      </c>
      <c r="AY6105">
        <v>0</v>
      </c>
      <c r="AZ6105">
        <v>0</v>
      </c>
      <c r="BA6105">
        <v>0</v>
      </c>
    </row>
    <row r="6106" spans="1:53" x14ac:dyDescent="0.4">
      <c r="A6106">
        <v>6150</v>
      </c>
      <c r="B6106" s="1">
        <v>45161</v>
      </c>
      <c r="C6106">
        <v>2</v>
      </c>
      <c r="D6106" s="1">
        <v>45161.400694444441</v>
      </c>
      <c r="E6106" s="1">
        <v>45161.734027777777</v>
      </c>
      <c r="F6106">
        <v>27940</v>
      </c>
      <c r="G6106">
        <v>2354</v>
      </c>
      <c r="H6106">
        <v>0</v>
      </c>
      <c r="I6106">
        <v>0</v>
      </c>
      <c r="J6106">
        <v>250</v>
      </c>
      <c r="K6106">
        <v>600</v>
      </c>
      <c r="L6106">
        <v>0</v>
      </c>
      <c r="M6106">
        <v>2783</v>
      </c>
      <c r="N6106">
        <v>0</v>
      </c>
      <c r="O6106">
        <v>0</v>
      </c>
      <c r="P6106">
        <v>14330</v>
      </c>
      <c r="Q6106">
        <v>0</v>
      </c>
      <c r="R6106">
        <v>44974</v>
      </c>
      <c r="S6106">
        <v>0</v>
      </c>
      <c r="T6106">
        <v>0</v>
      </c>
      <c r="U6106">
        <v>0</v>
      </c>
      <c r="V6106">
        <v>1</v>
      </c>
      <c r="W6106">
        <v>1</v>
      </c>
      <c r="X6106">
        <v>0</v>
      </c>
      <c r="Y6106">
        <v>59</v>
      </c>
      <c r="Z6106">
        <v>12</v>
      </c>
      <c r="AA6106">
        <v>101</v>
      </c>
      <c r="AB6106">
        <v>46</v>
      </c>
      <c r="AC6106">
        <v>63</v>
      </c>
      <c r="AD6106">
        <v>30</v>
      </c>
      <c r="AE6106">
        <v>64</v>
      </c>
      <c r="AF6106">
        <v>1730</v>
      </c>
      <c r="AG6106">
        <v>94974</v>
      </c>
      <c r="AH6106">
        <v>50000</v>
      </c>
      <c r="AI6106">
        <v>0</v>
      </c>
      <c r="AJ6106">
        <v>112</v>
      </c>
      <c r="AK6106" t="s">
        <v>78</v>
      </c>
      <c r="AL6106">
        <v>0</v>
      </c>
      <c r="AM6106">
        <v>0</v>
      </c>
      <c r="AN6106">
        <v>0</v>
      </c>
      <c r="AO6106">
        <v>0</v>
      </c>
      <c r="AP6106">
        <v>0</v>
      </c>
      <c r="AQ6106">
        <v>0</v>
      </c>
      <c r="AR6106">
        <v>0</v>
      </c>
      <c r="AS6106">
        <v>0</v>
      </c>
      <c r="AT6106">
        <v>0</v>
      </c>
      <c r="AU6106">
        <v>0</v>
      </c>
      <c r="AV6106">
        <v>0</v>
      </c>
      <c r="AW6106">
        <v>0</v>
      </c>
      <c r="AX6106">
        <v>1108</v>
      </c>
      <c r="AY6106">
        <v>36</v>
      </c>
      <c r="AZ6106">
        <v>68</v>
      </c>
      <c r="BA6106">
        <v>5951</v>
      </c>
    </row>
    <row r="6107" spans="1:53" x14ac:dyDescent="0.4">
      <c r="A6107">
        <v>6151</v>
      </c>
      <c r="B6107" s="1">
        <v>45162</v>
      </c>
      <c r="C6107">
        <v>1</v>
      </c>
      <c r="D6107" s="1">
        <v>45162.291666666664</v>
      </c>
      <c r="E6107" s="1">
        <v>45162.404166666667</v>
      </c>
      <c r="F6107">
        <v>0</v>
      </c>
      <c r="G6107">
        <v>0</v>
      </c>
      <c r="H6107">
        <v>0</v>
      </c>
      <c r="I6107">
        <v>0</v>
      </c>
      <c r="J6107">
        <v>0</v>
      </c>
      <c r="K6107">
        <v>0</v>
      </c>
      <c r="L6107">
        <v>0</v>
      </c>
      <c r="M6107">
        <v>0</v>
      </c>
      <c r="N6107">
        <v>0</v>
      </c>
      <c r="O6107">
        <v>0</v>
      </c>
      <c r="P6107">
        <v>0</v>
      </c>
      <c r="Q6107">
        <v>0</v>
      </c>
      <c r="R6107">
        <v>0</v>
      </c>
      <c r="S6107">
        <v>0</v>
      </c>
      <c r="T6107">
        <v>0</v>
      </c>
      <c r="U6107">
        <v>0</v>
      </c>
      <c r="V6107">
        <v>0</v>
      </c>
      <c r="W6107">
        <v>1</v>
      </c>
      <c r="X6107">
        <v>0</v>
      </c>
      <c r="Y6107">
        <v>27</v>
      </c>
      <c r="Z6107">
        <v>9</v>
      </c>
      <c r="AA6107">
        <v>105</v>
      </c>
      <c r="AB6107">
        <v>44</v>
      </c>
      <c r="AC6107">
        <v>62</v>
      </c>
      <c r="AD6107">
        <v>24</v>
      </c>
      <c r="AE6107">
        <v>60</v>
      </c>
      <c r="AF6107">
        <v>0</v>
      </c>
      <c r="AG6107">
        <v>50000</v>
      </c>
      <c r="AH6107">
        <v>50000</v>
      </c>
      <c r="AI6107">
        <v>0</v>
      </c>
      <c r="AJ6107">
        <v>0</v>
      </c>
      <c r="AK6107" t="s">
        <v>6</v>
      </c>
      <c r="AL6107">
        <v>0</v>
      </c>
      <c r="AM6107">
        <v>0</v>
      </c>
      <c r="AN6107">
        <v>0</v>
      </c>
      <c r="AO6107">
        <v>0</v>
      </c>
      <c r="AP6107">
        <v>0</v>
      </c>
      <c r="AQ6107">
        <v>0</v>
      </c>
      <c r="AR6107">
        <v>0</v>
      </c>
      <c r="AS6107">
        <v>0</v>
      </c>
      <c r="AT6107">
        <v>0</v>
      </c>
      <c r="AU6107">
        <v>0</v>
      </c>
      <c r="AV6107">
        <v>0</v>
      </c>
      <c r="AW6107">
        <v>0</v>
      </c>
      <c r="AX6107">
        <v>0</v>
      </c>
      <c r="AY6107">
        <v>0</v>
      </c>
      <c r="AZ6107">
        <v>0</v>
      </c>
      <c r="BA6107">
        <v>0</v>
      </c>
    </row>
    <row r="6108" spans="1:53" x14ac:dyDescent="0.4">
      <c r="A6108">
        <v>6152</v>
      </c>
      <c r="B6108" s="1">
        <v>45162</v>
      </c>
      <c r="C6108">
        <v>2</v>
      </c>
      <c r="D6108" s="1">
        <v>45162.404166666667</v>
      </c>
      <c r="E6108" s="1">
        <v>45162.731249999997</v>
      </c>
      <c r="F6108">
        <v>27400</v>
      </c>
      <c r="G6108">
        <v>440</v>
      </c>
      <c r="H6108">
        <v>0</v>
      </c>
      <c r="I6108">
        <v>0</v>
      </c>
      <c r="J6108">
        <v>200</v>
      </c>
      <c r="K6108">
        <v>0</v>
      </c>
      <c r="L6108">
        <v>0</v>
      </c>
      <c r="M6108">
        <v>2510</v>
      </c>
      <c r="N6108">
        <v>0</v>
      </c>
      <c r="O6108">
        <v>0</v>
      </c>
      <c r="P6108">
        <v>17010</v>
      </c>
      <c r="Q6108">
        <v>0</v>
      </c>
      <c r="R6108">
        <v>44650</v>
      </c>
      <c r="S6108">
        <v>0</v>
      </c>
      <c r="T6108">
        <v>0</v>
      </c>
      <c r="U6108">
        <v>0</v>
      </c>
      <c r="V6108">
        <v>1</v>
      </c>
      <c r="W6108">
        <v>3</v>
      </c>
      <c r="X6108">
        <v>0</v>
      </c>
      <c r="Y6108">
        <v>47</v>
      </c>
      <c r="Z6108">
        <v>5</v>
      </c>
      <c r="AA6108">
        <v>121</v>
      </c>
      <c r="AB6108">
        <v>41</v>
      </c>
      <c r="AC6108">
        <v>85</v>
      </c>
      <c r="AD6108">
        <v>24</v>
      </c>
      <c r="AE6108">
        <v>60</v>
      </c>
      <c r="AF6108">
        <v>4970</v>
      </c>
      <c r="AG6108">
        <v>94650</v>
      </c>
      <c r="AH6108">
        <v>50000</v>
      </c>
      <c r="AI6108">
        <v>0</v>
      </c>
      <c r="AJ6108">
        <v>38</v>
      </c>
      <c r="AK6108" t="s">
        <v>75</v>
      </c>
      <c r="AL6108">
        <v>0</v>
      </c>
      <c r="AM6108">
        <v>0</v>
      </c>
      <c r="AN6108">
        <v>0</v>
      </c>
      <c r="AO6108">
        <v>0</v>
      </c>
      <c r="AP6108">
        <v>0</v>
      </c>
      <c r="AQ6108">
        <v>0</v>
      </c>
      <c r="AR6108">
        <v>0</v>
      </c>
      <c r="AS6108">
        <v>0</v>
      </c>
      <c r="AT6108">
        <v>0</v>
      </c>
      <c r="AU6108">
        <v>0</v>
      </c>
      <c r="AV6108">
        <v>0</v>
      </c>
      <c r="AW6108">
        <v>0</v>
      </c>
      <c r="AX6108">
        <v>275</v>
      </c>
      <c r="AY6108">
        <v>39</v>
      </c>
      <c r="AZ6108">
        <v>70</v>
      </c>
      <c r="BA6108">
        <v>5665</v>
      </c>
    </row>
    <row r="6109" spans="1:53" x14ac:dyDescent="0.4">
      <c r="A6109">
        <v>6153</v>
      </c>
      <c r="B6109" s="1">
        <v>45162</v>
      </c>
      <c r="C6109">
        <v>3</v>
      </c>
      <c r="D6109" s="1">
        <v>45162.731249999997</v>
      </c>
      <c r="E6109" s="1">
        <v>45162.913888888892</v>
      </c>
      <c r="F6109">
        <v>24770</v>
      </c>
      <c r="G6109">
        <v>275</v>
      </c>
      <c r="H6109">
        <v>0</v>
      </c>
      <c r="I6109">
        <v>0</v>
      </c>
      <c r="J6109">
        <v>0</v>
      </c>
      <c r="K6109">
        <v>1650</v>
      </c>
      <c r="L6109">
        <v>0</v>
      </c>
      <c r="M6109">
        <v>2427</v>
      </c>
      <c r="N6109">
        <v>0</v>
      </c>
      <c r="O6109">
        <v>0</v>
      </c>
      <c r="P6109">
        <v>-17010</v>
      </c>
      <c r="Q6109">
        <v>0</v>
      </c>
      <c r="R6109">
        <v>9685</v>
      </c>
      <c r="S6109">
        <v>0</v>
      </c>
      <c r="T6109">
        <v>0</v>
      </c>
      <c r="U6109">
        <v>0</v>
      </c>
      <c r="V6109">
        <v>2</v>
      </c>
      <c r="W6109">
        <v>3</v>
      </c>
      <c r="X6109">
        <v>0</v>
      </c>
      <c r="Y6109">
        <v>49</v>
      </c>
      <c r="Z6109">
        <v>1</v>
      </c>
      <c r="AA6109">
        <v>109</v>
      </c>
      <c r="AB6109">
        <v>41</v>
      </c>
      <c r="AC6109">
        <v>93</v>
      </c>
      <c r="AD6109">
        <v>24</v>
      </c>
      <c r="AE6109">
        <v>60</v>
      </c>
      <c r="AF6109">
        <v>5775</v>
      </c>
      <c r="AG6109">
        <v>104335</v>
      </c>
      <c r="AH6109">
        <v>50000</v>
      </c>
      <c r="AI6109">
        <v>0</v>
      </c>
      <c r="AJ6109">
        <v>116</v>
      </c>
      <c r="AK6109" t="s">
        <v>51</v>
      </c>
      <c r="AL6109">
        <v>0</v>
      </c>
      <c r="AM6109">
        <v>0</v>
      </c>
      <c r="AN6109">
        <v>0</v>
      </c>
      <c r="AO6109">
        <v>0</v>
      </c>
      <c r="AP6109">
        <v>0</v>
      </c>
      <c r="AQ6109">
        <v>0</v>
      </c>
      <c r="AR6109">
        <v>0</v>
      </c>
      <c r="AS6109">
        <v>0</v>
      </c>
      <c r="AT6109">
        <v>0</v>
      </c>
      <c r="AU6109">
        <v>0</v>
      </c>
      <c r="AV6109">
        <v>0</v>
      </c>
      <c r="AW6109">
        <v>0</v>
      </c>
      <c r="AX6109">
        <v>2860</v>
      </c>
      <c r="AY6109">
        <v>10</v>
      </c>
      <c r="AZ6109">
        <v>16</v>
      </c>
      <c r="BA6109">
        <v>2490</v>
      </c>
    </row>
    <row r="6110" spans="1:53" x14ac:dyDescent="0.4">
      <c r="A6110">
        <v>6154</v>
      </c>
      <c r="B6110" s="1">
        <v>45163</v>
      </c>
      <c r="C6110">
        <v>1</v>
      </c>
      <c r="D6110" s="1">
        <v>45163.291666666664</v>
      </c>
      <c r="E6110" s="1">
        <v>45163.40902777778</v>
      </c>
      <c r="F6110">
        <v>0</v>
      </c>
      <c r="G6110">
        <v>0</v>
      </c>
      <c r="H6110">
        <v>0</v>
      </c>
      <c r="I6110">
        <v>0</v>
      </c>
      <c r="J6110">
        <v>0</v>
      </c>
      <c r="K6110">
        <v>0</v>
      </c>
      <c r="L6110">
        <v>0</v>
      </c>
      <c r="M6110">
        <v>0</v>
      </c>
      <c r="N6110">
        <v>0</v>
      </c>
      <c r="O6110">
        <v>0</v>
      </c>
      <c r="P6110">
        <v>0</v>
      </c>
      <c r="Q6110">
        <v>0</v>
      </c>
      <c r="R6110">
        <v>0</v>
      </c>
      <c r="S6110">
        <v>0</v>
      </c>
      <c r="T6110">
        <v>0</v>
      </c>
      <c r="U6110">
        <v>0</v>
      </c>
      <c r="V6110">
        <v>0</v>
      </c>
      <c r="W6110">
        <v>1</v>
      </c>
      <c r="X6110">
        <v>0</v>
      </c>
      <c r="Y6110">
        <v>31</v>
      </c>
      <c r="Z6110">
        <v>1</v>
      </c>
      <c r="AA6110">
        <v>107</v>
      </c>
      <c r="AB6110">
        <v>39</v>
      </c>
      <c r="AC6110">
        <v>68</v>
      </c>
      <c r="AD6110">
        <v>23</v>
      </c>
      <c r="AE6110">
        <v>55</v>
      </c>
      <c r="AF6110">
        <v>0</v>
      </c>
      <c r="AG6110">
        <v>50000</v>
      </c>
      <c r="AH6110">
        <v>50000</v>
      </c>
      <c r="AI6110">
        <v>0</v>
      </c>
      <c r="AJ6110">
        <v>0</v>
      </c>
      <c r="AK6110" t="s">
        <v>6</v>
      </c>
      <c r="AL6110">
        <v>0</v>
      </c>
      <c r="AM6110">
        <v>0</v>
      </c>
      <c r="AN6110">
        <v>0</v>
      </c>
      <c r="AO6110">
        <v>0</v>
      </c>
      <c r="AP6110">
        <v>0</v>
      </c>
      <c r="AQ6110">
        <v>0</v>
      </c>
      <c r="AR6110">
        <v>0</v>
      </c>
      <c r="AS6110">
        <v>0</v>
      </c>
      <c r="AT6110">
        <v>0</v>
      </c>
      <c r="AU6110">
        <v>0</v>
      </c>
      <c r="AV6110">
        <v>0</v>
      </c>
      <c r="AW6110">
        <v>0</v>
      </c>
      <c r="AX6110">
        <v>0</v>
      </c>
      <c r="AY6110">
        <v>0</v>
      </c>
      <c r="AZ6110">
        <v>0</v>
      </c>
      <c r="BA6110">
        <v>0</v>
      </c>
    </row>
    <row r="6111" spans="1:53" x14ac:dyDescent="0.4">
      <c r="A6111">
        <v>6155</v>
      </c>
      <c r="B6111" s="1">
        <v>45163</v>
      </c>
      <c r="C6111">
        <v>2</v>
      </c>
      <c r="D6111" s="1">
        <v>45163.40902777778</v>
      </c>
      <c r="E6111" s="1">
        <v>45163.729166666664</v>
      </c>
      <c r="F6111">
        <v>31635</v>
      </c>
      <c r="G6111">
        <v>2123</v>
      </c>
      <c r="H6111">
        <v>0</v>
      </c>
      <c r="I6111">
        <v>0</v>
      </c>
      <c r="J6111">
        <v>100</v>
      </c>
      <c r="K6111">
        <v>0</v>
      </c>
      <c r="L6111">
        <v>0</v>
      </c>
      <c r="M6111">
        <v>3056</v>
      </c>
      <c r="N6111">
        <v>0</v>
      </c>
      <c r="O6111">
        <v>0</v>
      </c>
      <c r="P6111">
        <v>19740</v>
      </c>
      <c r="Q6111">
        <v>0</v>
      </c>
      <c r="R6111">
        <v>53398</v>
      </c>
      <c r="S6111">
        <v>0</v>
      </c>
      <c r="T6111">
        <v>0</v>
      </c>
      <c r="U6111">
        <v>0</v>
      </c>
      <c r="V6111">
        <v>4</v>
      </c>
      <c r="W6111">
        <v>0</v>
      </c>
      <c r="X6111">
        <v>0</v>
      </c>
      <c r="Y6111">
        <v>46</v>
      </c>
      <c r="Z6111">
        <v>11</v>
      </c>
      <c r="AA6111">
        <v>73</v>
      </c>
      <c r="AB6111">
        <v>34</v>
      </c>
      <c r="AC6111">
        <v>62</v>
      </c>
      <c r="AD6111">
        <v>26</v>
      </c>
      <c r="AE6111">
        <v>58</v>
      </c>
      <c r="AF6111">
        <v>2090</v>
      </c>
      <c r="AG6111">
        <v>103398</v>
      </c>
      <c r="AH6111">
        <v>50000</v>
      </c>
      <c r="AI6111">
        <v>0</v>
      </c>
      <c r="AJ6111">
        <v>36</v>
      </c>
      <c r="AK6111" t="s">
        <v>68</v>
      </c>
      <c r="AL6111">
        <v>0</v>
      </c>
      <c r="AM6111">
        <v>0</v>
      </c>
      <c r="AN6111">
        <v>0</v>
      </c>
      <c r="AO6111">
        <v>0</v>
      </c>
      <c r="AP6111">
        <v>0</v>
      </c>
      <c r="AQ6111">
        <v>0</v>
      </c>
      <c r="AR6111">
        <v>0</v>
      </c>
      <c r="AS6111">
        <v>0</v>
      </c>
      <c r="AT6111">
        <v>0</v>
      </c>
      <c r="AU6111">
        <v>0</v>
      </c>
      <c r="AV6111">
        <v>0</v>
      </c>
      <c r="AW6111">
        <v>0</v>
      </c>
      <c r="AX6111">
        <v>1518</v>
      </c>
      <c r="AY6111">
        <v>48</v>
      </c>
      <c r="AZ6111">
        <v>84</v>
      </c>
      <c r="BA6111">
        <v>6762</v>
      </c>
    </row>
    <row r="6112" spans="1:53" x14ac:dyDescent="0.4">
      <c r="A6112">
        <v>6156</v>
      </c>
      <c r="B6112" s="1">
        <v>45163</v>
      </c>
      <c r="C6112">
        <v>3</v>
      </c>
      <c r="D6112" s="1">
        <v>45163.729166666664</v>
      </c>
      <c r="E6112" s="1">
        <v>45163.96875</v>
      </c>
      <c r="F6112">
        <v>66220</v>
      </c>
      <c r="G6112">
        <v>4246</v>
      </c>
      <c r="H6112">
        <v>0</v>
      </c>
      <c r="I6112">
        <v>0</v>
      </c>
      <c r="J6112">
        <v>100</v>
      </c>
      <c r="K6112">
        <v>0</v>
      </c>
      <c r="L6112">
        <v>0</v>
      </c>
      <c r="M6112">
        <v>6396</v>
      </c>
      <c r="N6112">
        <v>0</v>
      </c>
      <c r="O6112">
        <v>0</v>
      </c>
      <c r="P6112">
        <v>31960</v>
      </c>
      <c r="Q6112">
        <v>0</v>
      </c>
      <c r="R6112">
        <v>102326</v>
      </c>
      <c r="S6112">
        <v>0</v>
      </c>
      <c r="T6112">
        <v>0</v>
      </c>
      <c r="U6112">
        <v>0</v>
      </c>
      <c r="V6112">
        <v>5</v>
      </c>
      <c r="W6112">
        <v>5</v>
      </c>
      <c r="X6112">
        <v>0</v>
      </c>
      <c r="Y6112">
        <v>59</v>
      </c>
      <c r="Z6112">
        <v>15</v>
      </c>
      <c r="AA6112">
        <v>73</v>
      </c>
      <c r="AB6112">
        <v>34</v>
      </c>
      <c r="AC6112">
        <v>60</v>
      </c>
      <c r="AD6112">
        <v>26</v>
      </c>
      <c r="AE6112">
        <v>57</v>
      </c>
      <c r="AF6112">
        <v>54437</v>
      </c>
      <c r="AG6112">
        <v>205724</v>
      </c>
      <c r="AH6112">
        <v>50000</v>
      </c>
      <c r="AI6112">
        <v>0</v>
      </c>
      <c r="AJ6112">
        <v>40</v>
      </c>
      <c r="AK6112" t="s">
        <v>71</v>
      </c>
      <c r="AL6112">
        <v>0</v>
      </c>
      <c r="AM6112">
        <v>0</v>
      </c>
      <c r="AN6112">
        <v>0</v>
      </c>
      <c r="AO6112">
        <v>0</v>
      </c>
      <c r="AP6112">
        <v>0</v>
      </c>
      <c r="AQ6112">
        <v>0</v>
      </c>
      <c r="AR6112">
        <v>0</v>
      </c>
      <c r="AS6112">
        <v>0</v>
      </c>
      <c r="AT6112">
        <v>0</v>
      </c>
      <c r="AU6112">
        <v>0</v>
      </c>
      <c r="AV6112">
        <v>0</v>
      </c>
      <c r="AW6112">
        <v>0</v>
      </c>
      <c r="AX6112">
        <v>33645</v>
      </c>
      <c r="AY6112">
        <v>20</v>
      </c>
      <c r="AZ6112">
        <v>57</v>
      </c>
      <c r="BA6112">
        <v>3450</v>
      </c>
    </row>
    <row r="6113" spans="1:53" x14ac:dyDescent="0.4">
      <c r="A6113">
        <v>6157</v>
      </c>
      <c r="B6113" s="1">
        <v>45164</v>
      </c>
      <c r="C6113">
        <v>1</v>
      </c>
      <c r="D6113" s="1">
        <v>45164.291666666664</v>
      </c>
      <c r="E6113" s="1">
        <v>45164.404166666667</v>
      </c>
      <c r="F6113">
        <v>0</v>
      </c>
      <c r="G6113">
        <v>0</v>
      </c>
      <c r="H6113">
        <v>0</v>
      </c>
      <c r="I6113">
        <v>0</v>
      </c>
      <c r="J6113">
        <v>0</v>
      </c>
      <c r="K6113">
        <v>0</v>
      </c>
      <c r="L6113">
        <v>0</v>
      </c>
      <c r="M6113">
        <v>0</v>
      </c>
      <c r="N6113">
        <v>0</v>
      </c>
      <c r="O6113">
        <v>0</v>
      </c>
      <c r="P6113">
        <v>0</v>
      </c>
      <c r="Q6113">
        <v>0</v>
      </c>
      <c r="R6113">
        <v>0</v>
      </c>
      <c r="S6113">
        <v>0</v>
      </c>
      <c r="T6113">
        <v>0</v>
      </c>
      <c r="U6113">
        <v>0</v>
      </c>
      <c r="V6113">
        <v>0</v>
      </c>
      <c r="W6113">
        <v>1</v>
      </c>
      <c r="X6113">
        <v>0</v>
      </c>
      <c r="Y6113">
        <v>29</v>
      </c>
      <c r="Z6113">
        <v>10</v>
      </c>
      <c r="AA6113">
        <v>86</v>
      </c>
      <c r="AB6113">
        <v>36</v>
      </c>
      <c r="AC6113">
        <v>47</v>
      </c>
      <c r="AD6113">
        <v>15</v>
      </c>
      <c r="AE6113">
        <v>55</v>
      </c>
      <c r="AF6113">
        <v>0</v>
      </c>
      <c r="AG6113">
        <v>50000</v>
      </c>
      <c r="AH6113">
        <v>50000</v>
      </c>
      <c r="AI6113">
        <v>0</v>
      </c>
      <c r="AJ6113">
        <v>0</v>
      </c>
      <c r="AK6113" t="s">
        <v>6</v>
      </c>
      <c r="AL6113">
        <v>0</v>
      </c>
      <c r="AM6113">
        <v>0</v>
      </c>
      <c r="AN6113">
        <v>0</v>
      </c>
      <c r="AO6113">
        <v>0</v>
      </c>
      <c r="AP6113">
        <v>0</v>
      </c>
      <c r="AQ6113">
        <v>0</v>
      </c>
      <c r="AR6113">
        <v>0</v>
      </c>
      <c r="AS6113">
        <v>0</v>
      </c>
      <c r="AT6113">
        <v>0</v>
      </c>
      <c r="AU6113">
        <v>0</v>
      </c>
      <c r="AV6113">
        <v>0</v>
      </c>
      <c r="AW6113">
        <v>0</v>
      </c>
      <c r="AX6113">
        <v>0</v>
      </c>
      <c r="AY6113">
        <v>0</v>
      </c>
      <c r="AZ6113">
        <v>0</v>
      </c>
      <c r="BA6113">
        <v>0</v>
      </c>
    </row>
    <row r="6114" spans="1:53" x14ac:dyDescent="0.4">
      <c r="A6114">
        <v>6158</v>
      </c>
      <c r="B6114" s="1">
        <v>45164</v>
      </c>
      <c r="C6114">
        <v>2</v>
      </c>
      <c r="D6114" s="1">
        <v>45164.404166666667</v>
      </c>
      <c r="E6114" s="1">
        <v>45164.724999999999</v>
      </c>
      <c r="F6114">
        <v>41030</v>
      </c>
      <c r="G6114">
        <v>3685</v>
      </c>
      <c r="H6114">
        <v>0</v>
      </c>
      <c r="I6114">
        <v>0</v>
      </c>
      <c r="J6114">
        <v>100</v>
      </c>
      <c r="K6114">
        <v>0</v>
      </c>
      <c r="L6114">
        <v>0</v>
      </c>
      <c r="M6114">
        <v>4054</v>
      </c>
      <c r="N6114">
        <v>0</v>
      </c>
      <c r="O6114">
        <v>0</v>
      </c>
      <c r="P6114">
        <v>23460</v>
      </c>
      <c r="Q6114">
        <v>0</v>
      </c>
      <c r="R6114">
        <v>68075</v>
      </c>
      <c r="S6114">
        <v>0</v>
      </c>
      <c r="T6114">
        <v>0</v>
      </c>
      <c r="U6114">
        <v>0</v>
      </c>
      <c r="V6114">
        <v>3</v>
      </c>
      <c r="W6114">
        <v>5</v>
      </c>
      <c r="X6114">
        <v>0</v>
      </c>
      <c r="Y6114">
        <v>33</v>
      </c>
      <c r="Z6114">
        <v>22</v>
      </c>
      <c r="AA6114">
        <v>114</v>
      </c>
      <c r="AB6114">
        <v>42</v>
      </c>
      <c r="AC6114">
        <v>76</v>
      </c>
      <c r="AD6114">
        <v>19</v>
      </c>
      <c r="AE6114">
        <v>60</v>
      </c>
      <c r="AF6114">
        <v>4660</v>
      </c>
      <c r="AG6114">
        <v>118075</v>
      </c>
      <c r="AH6114">
        <v>50000</v>
      </c>
      <c r="AI6114">
        <v>0</v>
      </c>
      <c r="AJ6114">
        <v>36</v>
      </c>
      <c r="AK6114" t="s">
        <v>68</v>
      </c>
      <c r="AL6114">
        <v>0</v>
      </c>
      <c r="AM6114">
        <v>0</v>
      </c>
      <c r="AN6114">
        <v>0</v>
      </c>
      <c r="AO6114">
        <v>0</v>
      </c>
      <c r="AP6114">
        <v>0</v>
      </c>
      <c r="AQ6114">
        <v>0</v>
      </c>
      <c r="AR6114">
        <v>0</v>
      </c>
      <c r="AS6114">
        <v>0</v>
      </c>
      <c r="AT6114">
        <v>0</v>
      </c>
      <c r="AU6114">
        <v>0</v>
      </c>
      <c r="AV6114">
        <v>0</v>
      </c>
      <c r="AW6114">
        <v>0</v>
      </c>
      <c r="AX6114">
        <v>-752</v>
      </c>
      <c r="AY6114">
        <v>54</v>
      </c>
      <c r="AZ6114">
        <v>106</v>
      </c>
      <c r="BA6114">
        <v>7386</v>
      </c>
    </row>
    <row r="6115" spans="1:53" x14ac:dyDescent="0.4">
      <c r="A6115">
        <v>6159</v>
      </c>
      <c r="B6115" s="1">
        <v>45164</v>
      </c>
      <c r="C6115">
        <v>3</v>
      </c>
      <c r="D6115" s="1">
        <v>45164.724999999999</v>
      </c>
      <c r="E6115" s="1">
        <v>45164.96875</v>
      </c>
      <c r="F6115">
        <v>157720</v>
      </c>
      <c r="G6115">
        <v>5489</v>
      </c>
      <c r="H6115">
        <v>0</v>
      </c>
      <c r="I6115">
        <v>0</v>
      </c>
      <c r="J6115">
        <v>0</v>
      </c>
      <c r="K6115">
        <v>0</v>
      </c>
      <c r="L6115">
        <v>0</v>
      </c>
      <c r="M6115">
        <v>14833</v>
      </c>
      <c r="N6115">
        <v>0</v>
      </c>
      <c r="O6115">
        <v>0</v>
      </c>
      <c r="P6115">
        <v>-18360</v>
      </c>
      <c r="Q6115">
        <v>0</v>
      </c>
      <c r="R6115">
        <v>144849</v>
      </c>
      <c r="S6115">
        <v>0</v>
      </c>
      <c r="T6115">
        <v>0</v>
      </c>
      <c r="U6115">
        <v>0</v>
      </c>
      <c r="V6115">
        <v>14</v>
      </c>
      <c r="W6115">
        <v>6</v>
      </c>
      <c r="X6115">
        <v>0</v>
      </c>
      <c r="Y6115">
        <v>47</v>
      </c>
      <c r="Z6115">
        <v>22</v>
      </c>
      <c r="AA6115">
        <v>119</v>
      </c>
      <c r="AB6115">
        <v>41</v>
      </c>
      <c r="AC6115">
        <v>76</v>
      </c>
      <c r="AD6115">
        <v>19</v>
      </c>
      <c r="AE6115">
        <v>54</v>
      </c>
      <c r="AF6115">
        <v>20865</v>
      </c>
      <c r="AG6115">
        <v>263724</v>
      </c>
      <c r="AH6115">
        <v>50000</v>
      </c>
      <c r="AI6115">
        <v>800</v>
      </c>
      <c r="AJ6115">
        <v>104</v>
      </c>
      <c r="AK6115" t="s">
        <v>60</v>
      </c>
      <c r="AL6115">
        <v>0</v>
      </c>
      <c r="AM6115">
        <v>0</v>
      </c>
      <c r="AN6115">
        <v>0</v>
      </c>
      <c r="AO6115">
        <v>0</v>
      </c>
      <c r="AP6115">
        <v>0</v>
      </c>
      <c r="AQ6115">
        <v>0</v>
      </c>
      <c r="AR6115">
        <v>0</v>
      </c>
      <c r="AS6115">
        <v>0</v>
      </c>
      <c r="AT6115">
        <v>0</v>
      </c>
      <c r="AU6115">
        <v>0</v>
      </c>
      <c r="AV6115">
        <v>0</v>
      </c>
      <c r="AW6115">
        <v>0</v>
      </c>
      <c r="AX6115">
        <v>55349</v>
      </c>
      <c r="AY6115">
        <v>26</v>
      </c>
      <c r="AZ6115">
        <v>85</v>
      </c>
      <c r="BA6115">
        <v>4906</v>
      </c>
    </row>
    <row r="6116" spans="1:53" x14ac:dyDescent="0.4">
      <c r="A6116">
        <v>6160</v>
      </c>
      <c r="B6116" s="1">
        <v>45165</v>
      </c>
      <c r="C6116">
        <v>1</v>
      </c>
      <c r="D6116" s="1">
        <v>45165.291666666664</v>
      </c>
      <c r="E6116" s="1">
        <v>45165.402083333334</v>
      </c>
      <c r="F6116">
        <v>0</v>
      </c>
      <c r="G6116">
        <v>0</v>
      </c>
      <c r="H6116">
        <v>0</v>
      </c>
      <c r="I6116">
        <v>0</v>
      </c>
      <c r="J6116">
        <v>0</v>
      </c>
      <c r="K6116">
        <v>0</v>
      </c>
      <c r="L6116">
        <v>0</v>
      </c>
      <c r="M6116">
        <v>0</v>
      </c>
      <c r="N6116">
        <v>0</v>
      </c>
      <c r="O6116">
        <v>0</v>
      </c>
      <c r="P6116">
        <v>0</v>
      </c>
      <c r="Q6116">
        <v>0</v>
      </c>
      <c r="R6116">
        <v>0</v>
      </c>
      <c r="S6116">
        <v>0</v>
      </c>
      <c r="T6116">
        <v>0</v>
      </c>
      <c r="U6116">
        <v>0</v>
      </c>
      <c r="V6116">
        <v>0</v>
      </c>
      <c r="W6116">
        <v>1</v>
      </c>
      <c r="X6116">
        <v>0</v>
      </c>
      <c r="Y6116">
        <v>30</v>
      </c>
      <c r="Z6116">
        <v>10</v>
      </c>
      <c r="AA6116">
        <v>71</v>
      </c>
      <c r="AB6116">
        <v>41</v>
      </c>
      <c r="AC6116">
        <v>71</v>
      </c>
      <c r="AD6116">
        <v>18</v>
      </c>
      <c r="AE6116">
        <v>50</v>
      </c>
      <c r="AF6116">
        <v>0</v>
      </c>
      <c r="AG6116">
        <v>50000</v>
      </c>
      <c r="AH6116">
        <v>50000</v>
      </c>
      <c r="AI6116">
        <v>0</v>
      </c>
      <c r="AJ6116">
        <v>0</v>
      </c>
      <c r="AK6116" t="s">
        <v>6</v>
      </c>
      <c r="AL6116">
        <v>0</v>
      </c>
      <c r="AM6116">
        <v>0</v>
      </c>
      <c r="AN6116">
        <v>0</v>
      </c>
      <c r="AO6116">
        <v>0</v>
      </c>
      <c r="AP6116">
        <v>0</v>
      </c>
      <c r="AQ6116">
        <v>0</v>
      </c>
      <c r="AR6116">
        <v>0</v>
      </c>
      <c r="AS6116">
        <v>0</v>
      </c>
      <c r="AT6116">
        <v>0</v>
      </c>
      <c r="AU6116">
        <v>0</v>
      </c>
      <c r="AV6116">
        <v>0</v>
      </c>
      <c r="AW6116">
        <v>0</v>
      </c>
      <c r="AX6116">
        <v>0</v>
      </c>
      <c r="AY6116">
        <v>0</v>
      </c>
      <c r="AZ6116">
        <v>0</v>
      </c>
      <c r="BA6116">
        <v>0</v>
      </c>
    </row>
    <row r="6117" spans="1:53" x14ac:dyDescent="0.4">
      <c r="A6117">
        <v>6161</v>
      </c>
      <c r="B6117" s="1">
        <v>45165</v>
      </c>
      <c r="C6117">
        <v>2</v>
      </c>
      <c r="D6117" s="1">
        <v>45165.402083333334</v>
      </c>
      <c r="E6117" s="1">
        <v>45165.726388888892</v>
      </c>
      <c r="F6117">
        <v>38610</v>
      </c>
      <c r="G6117">
        <v>1166</v>
      </c>
      <c r="H6117">
        <v>0</v>
      </c>
      <c r="I6117">
        <v>0</v>
      </c>
      <c r="J6117">
        <v>300</v>
      </c>
      <c r="K6117">
        <v>0</v>
      </c>
      <c r="L6117">
        <v>0</v>
      </c>
      <c r="M6117">
        <v>3588</v>
      </c>
      <c r="N6117">
        <v>0</v>
      </c>
      <c r="O6117">
        <v>0</v>
      </c>
      <c r="P6117">
        <v>28560</v>
      </c>
      <c r="Q6117">
        <v>0</v>
      </c>
      <c r="R6117">
        <v>68036</v>
      </c>
      <c r="S6117">
        <v>0</v>
      </c>
      <c r="T6117">
        <v>0</v>
      </c>
      <c r="U6117">
        <v>0</v>
      </c>
      <c r="V6117">
        <v>1</v>
      </c>
      <c r="W6117">
        <v>3</v>
      </c>
      <c r="X6117">
        <v>0</v>
      </c>
      <c r="Y6117">
        <v>60</v>
      </c>
      <c r="Z6117">
        <v>18</v>
      </c>
      <c r="AA6117">
        <v>102</v>
      </c>
      <c r="AB6117">
        <v>39</v>
      </c>
      <c r="AC6117">
        <v>92</v>
      </c>
      <c r="AD6117">
        <v>18</v>
      </c>
      <c r="AE6117">
        <v>46</v>
      </c>
      <c r="AF6117">
        <v>10830</v>
      </c>
      <c r="AG6117">
        <v>118036</v>
      </c>
      <c r="AH6117">
        <v>50000</v>
      </c>
      <c r="AI6117">
        <v>0</v>
      </c>
      <c r="AJ6117">
        <v>38</v>
      </c>
      <c r="AK6117" t="s">
        <v>75</v>
      </c>
      <c r="AL6117">
        <v>0</v>
      </c>
      <c r="AM6117">
        <v>0</v>
      </c>
      <c r="AN6117">
        <v>0</v>
      </c>
      <c r="AO6117">
        <v>0</v>
      </c>
      <c r="AP6117">
        <v>0</v>
      </c>
      <c r="AQ6117">
        <v>0</v>
      </c>
      <c r="AR6117">
        <v>0</v>
      </c>
      <c r="AS6117">
        <v>0</v>
      </c>
      <c r="AT6117">
        <v>0</v>
      </c>
      <c r="AU6117">
        <v>0</v>
      </c>
      <c r="AV6117">
        <v>0</v>
      </c>
      <c r="AW6117">
        <v>0</v>
      </c>
      <c r="AX6117">
        <v>4400</v>
      </c>
      <c r="AY6117">
        <v>50</v>
      </c>
      <c r="AZ6117">
        <v>103</v>
      </c>
      <c r="BA6117">
        <v>7645</v>
      </c>
    </row>
    <row r="6118" spans="1:53" x14ac:dyDescent="0.4">
      <c r="A6118">
        <v>6162</v>
      </c>
      <c r="B6118" s="1">
        <v>45165</v>
      </c>
      <c r="C6118">
        <v>3</v>
      </c>
      <c r="D6118" s="1">
        <v>45165.726388888892</v>
      </c>
      <c r="E6118" s="1">
        <v>45165.959027777775</v>
      </c>
      <c r="F6118">
        <v>53200</v>
      </c>
      <c r="G6118">
        <v>13057</v>
      </c>
      <c r="H6118">
        <v>0</v>
      </c>
      <c r="I6118">
        <v>0</v>
      </c>
      <c r="J6118">
        <v>0</v>
      </c>
      <c r="K6118">
        <v>800</v>
      </c>
      <c r="L6118">
        <v>0</v>
      </c>
      <c r="M6118">
        <v>6094</v>
      </c>
      <c r="N6118">
        <v>0</v>
      </c>
      <c r="O6118">
        <v>0</v>
      </c>
      <c r="P6118">
        <v>-20910</v>
      </c>
      <c r="Q6118">
        <v>0</v>
      </c>
      <c r="R6118">
        <v>46147</v>
      </c>
      <c r="S6118">
        <v>0</v>
      </c>
      <c r="T6118">
        <v>0</v>
      </c>
      <c r="U6118">
        <v>0</v>
      </c>
      <c r="V6118">
        <v>3</v>
      </c>
      <c r="W6118">
        <v>3</v>
      </c>
      <c r="X6118">
        <v>0</v>
      </c>
      <c r="Y6118">
        <v>79</v>
      </c>
      <c r="Z6118">
        <v>23</v>
      </c>
      <c r="AA6118">
        <v>97</v>
      </c>
      <c r="AB6118">
        <v>41</v>
      </c>
      <c r="AC6118">
        <v>86</v>
      </c>
      <c r="AD6118">
        <v>19</v>
      </c>
      <c r="AE6118">
        <v>48</v>
      </c>
      <c r="AF6118">
        <v>15930</v>
      </c>
      <c r="AG6118">
        <v>164183</v>
      </c>
      <c r="AH6118">
        <v>50000</v>
      </c>
      <c r="AI6118">
        <v>0</v>
      </c>
      <c r="AJ6118">
        <v>45</v>
      </c>
      <c r="AK6118" t="s">
        <v>77</v>
      </c>
      <c r="AL6118">
        <v>0</v>
      </c>
      <c r="AM6118">
        <v>0</v>
      </c>
      <c r="AN6118">
        <v>0</v>
      </c>
      <c r="AO6118">
        <v>0</v>
      </c>
      <c r="AP6118">
        <v>0</v>
      </c>
      <c r="AQ6118">
        <v>0</v>
      </c>
      <c r="AR6118">
        <v>0</v>
      </c>
      <c r="AS6118">
        <v>0</v>
      </c>
      <c r="AT6118">
        <v>0</v>
      </c>
      <c r="AU6118">
        <v>0</v>
      </c>
      <c r="AV6118">
        <v>0</v>
      </c>
      <c r="AW6118">
        <v>0</v>
      </c>
      <c r="AX6118">
        <v>308</v>
      </c>
      <c r="AY6118">
        <v>15</v>
      </c>
      <c r="AZ6118">
        <v>28</v>
      </c>
      <c r="BA6118">
        <v>3718</v>
      </c>
    </row>
    <row r="6119" spans="1:53" x14ac:dyDescent="0.4">
      <c r="A6119">
        <v>6163</v>
      </c>
      <c r="B6119" s="1">
        <v>45166</v>
      </c>
      <c r="C6119">
        <v>1</v>
      </c>
      <c r="D6119" s="1">
        <v>45166.291666666664</v>
      </c>
      <c r="E6119" s="1">
        <v>45166.406944444447</v>
      </c>
      <c r="F6119">
        <v>0</v>
      </c>
      <c r="G6119">
        <v>0</v>
      </c>
      <c r="H6119">
        <v>0</v>
      </c>
      <c r="I6119">
        <v>0</v>
      </c>
      <c r="J6119">
        <v>0</v>
      </c>
      <c r="K6119">
        <v>0</v>
      </c>
      <c r="L6119">
        <v>0</v>
      </c>
      <c r="M6119">
        <v>0</v>
      </c>
      <c r="N6119">
        <v>0</v>
      </c>
      <c r="O6119">
        <v>0</v>
      </c>
      <c r="P6119">
        <v>0</v>
      </c>
      <c r="Q6119">
        <v>0</v>
      </c>
      <c r="R6119">
        <v>0</v>
      </c>
      <c r="S6119">
        <v>0</v>
      </c>
      <c r="T6119">
        <v>0</v>
      </c>
      <c r="U6119">
        <v>0</v>
      </c>
      <c r="V6119">
        <v>0</v>
      </c>
      <c r="W6119">
        <v>0</v>
      </c>
      <c r="X6119">
        <v>0</v>
      </c>
      <c r="Y6119">
        <v>31</v>
      </c>
      <c r="Z6119">
        <v>13</v>
      </c>
      <c r="AA6119">
        <v>95</v>
      </c>
      <c r="AB6119">
        <v>40</v>
      </c>
      <c r="AC6119">
        <v>86</v>
      </c>
      <c r="AD6119">
        <v>19</v>
      </c>
      <c r="AE6119">
        <v>45</v>
      </c>
      <c r="AF6119">
        <v>0</v>
      </c>
      <c r="AG6119">
        <v>50000</v>
      </c>
      <c r="AH6119">
        <v>50000</v>
      </c>
      <c r="AI6119">
        <v>0</v>
      </c>
      <c r="AJ6119">
        <v>0</v>
      </c>
      <c r="AK6119" t="s">
        <v>6</v>
      </c>
      <c r="AL6119">
        <v>0</v>
      </c>
      <c r="AM6119">
        <v>0</v>
      </c>
      <c r="AN6119">
        <v>0</v>
      </c>
      <c r="AO6119">
        <v>0</v>
      </c>
      <c r="AP6119">
        <v>0</v>
      </c>
      <c r="AQ6119">
        <v>0</v>
      </c>
      <c r="AR6119">
        <v>0</v>
      </c>
      <c r="AS6119">
        <v>0</v>
      </c>
      <c r="AT6119">
        <v>0</v>
      </c>
      <c r="AU6119">
        <v>0</v>
      </c>
      <c r="AV6119">
        <v>0</v>
      </c>
      <c r="AW6119">
        <v>0</v>
      </c>
      <c r="AX6119">
        <v>0</v>
      </c>
      <c r="AY6119">
        <v>0</v>
      </c>
      <c r="AZ6119">
        <v>0</v>
      </c>
      <c r="BA6119">
        <v>0</v>
      </c>
    </row>
    <row r="6120" spans="1:53" x14ac:dyDescent="0.4">
      <c r="A6120">
        <v>6164</v>
      </c>
      <c r="B6120" s="1">
        <v>45166</v>
      </c>
      <c r="C6120">
        <v>2</v>
      </c>
      <c r="D6120" s="1">
        <v>45166.406944444447</v>
      </c>
      <c r="E6120" s="1">
        <v>45166.732638888891</v>
      </c>
      <c r="F6120">
        <v>33400</v>
      </c>
      <c r="G6120">
        <v>2068</v>
      </c>
      <c r="H6120">
        <v>0</v>
      </c>
      <c r="I6120">
        <v>0</v>
      </c>
      <c r="J6120">
        <v>100</v>
      </c>
      <c r="K6120">
        <v>0</v>
      </c>
      <c r="L6120">
        <v>0</v>
      </c>
      <c r="M6120">
        <v>3211</v>
      </c>
      <c r="N6120">
        <v>0</v>
      </c>
      <c r="O6120">
        <v>0</v>
      </c>
      <c r="P6120">
        <v>20640</v>
      </c>
      <c r="Q6120">
        <v>0</v>
      </c>
      <c r="R6120">
        <v>56008</v>
      </c>
      <c r="S6120">
        <v>0</v>
      </c>
      <c r="T6120">
        <v>0</v>
      </c>
      <c r="U6120">
        <v>0</v>
      </c>
      <c r="V6120">
        <v>3</v>
      </c>
      <c r="W6120">
        <v>0</v>
      </c>
      <c r="X6120">
        <v>0</v>
      </c>
      <c r="Y6120">
        <v>42</v>
      </c>
      <c r="Z6120">
        <v>34</v>
      </c>
      <c r="AA6120">
        <v>92</v>
      </c>
      <c r="AB6120">
        <v>51</v>
      </c>
      <c r="AC6120">
        <v>99</v>
      </c>
      <c r="AD6120">
        <v>20</v>
      </c>
      <c r="AE6120">
        <v>48</v>
      </c>
      <c r="AF6120">
        <v>4120</v>
      </c>
      <c r="AG6120">
        <v>106008</v>
      </c>
      <c r="AH6120">
        <v>50000</v>
      </c>
      <c r="AI6120">
        <v>0</v>
      </c>
      <c r="AJ6120">
        <v>36</v>
      </c>
      <c r="AK6120" t="s">
        <v>68</v>
      </c>
      <c r="AL6120">
        <v>0</v>
      </c>
      <c r="AM6120">
        <v>0</v>
      </c>
      <c r="AN6120">
        <v>0</v>
      </c>
      <c r="AO6120">
        <v>0</v>
      </c>
      <c r="AP6120">
        <v>0</v>
      </c>
      <c r="AQ6120">
        <v>0</v>
      </c>
      <c r="AR6120">
        <v>0</v>
      </c>
      <c r="AS6120">
        <v>0</v>
      </c>
      <c r="AT6120">
        <v>0</v>
      </c>
      <c r="AU6120">
        <v>0</v>
      </c>
      <c r="AV6120">
        <v>0</v>
      </c>
      <c r="AW6120">
        <v>0</v>
      </c>
      <c r="AX6120">
        <v>-3000</v>
      </c>
      <c r="AY6120">
        <v>47</v>
      </c>
      <c r="AZ6120">
        <v>88</v>
      </c>
      <c r="BA6120">
        <v>6663</v>
      </c>
    </row>
    <row r="6121" spans="1:53" x14ac:dyDescent="0.4">
      <c r="A6121">
        <v>6165</v>
      </c>
      <c r="B6121" s="1">
        <v>45167</v>
      </c>
      <c r="C6121">
        <v>1</v>
      </c>
      <c r="D6121" s="1">
        <v>45167.291666666664</v>
      </c>
      <c r="E6121" s="1">
        <v>45167.404861111114</v>
      </c>
      <c r="F6121">
        <v>0</v>
      </c>
      <c r="G6121">
        <v>0</v>
      </c>
      <c r="H6121">
        <v>0</v>
      </c>
      <c r="I6121">
        <v>0</v>
      </c>
      <c r="J6121">
        <v>0</v>
      </c>
      <c r="K6121">
        <v>0</v>
      </c>
      <c r="L6121">
        <v>0</v>
      </c>
      <c r="M6121">
        <v>0</v>
      </c>
      <c r="N6121">
        <v>0</v>
      </c>
      <c r="O6121">
        <v>0</v>
      </c>
      <c r="P6121">
        <v>0</v>
      </c>
      <c r="Q6121">
        <v>0</v>
      </c>
      <c r="R6121">
        <v>0</v>
      </c>
      <c r="S6121">
        <v>0</v>
      </c>
      <c r="T6121">
        <v>0</v>
      </c>
      <c r="U6121">
        <v>0</v>
      </c>
      <c r="V6121">
        <v>0</v>
      </c>
      <c r="W6121">
        <v>1</v>
      </c>
      <c r="X6121">
        <v>0</v>
      </c>
      <c r="Y6121">
        <v>27</v>
      </c>
      <c r="Z6121">
        <v>13</v>
      </c>
      <c r="AA6121">
        <v>77</v>
      </c>
      <c r="AB6121">
        <v>54</v>
      </c>
      <c r="AC6121">
        <v>95</v>
      </c>
      <c r="AD6121">
        <v>20</v>
      </c>
      <c r="AE6121">
        <v>50</v>
      </c>
      <c r="AF6121">
        <v>0</v>
      </c>
      <c r="AG6121">
        <v>50000</v>
      </c>
      <c r="AH6121">
        <v>50000</v>
      </c>
      <c r="AI6121">
        <v>0</v>
      </c>
      <c r="AJ6121">
        <v>0</v>
      </c>
      <c r="AK6121" t="s">
        <v>6</v>
      </c>
      <c r="AL6121">
        <v>0</v>
      </c>
      <c r="AM6121">
        <v>0</v>
      </c>
      <c r="AN6121">
        <v>0</v>
      </c>
      <c r="AO6121">
        <v>0</v>
      </c>
      <c r="AP6121">
        <v>0</v>
      </c>
      <c r="AQ6121">
        <v>0</v>
      </c>
      <c r="AR6121">
        <v>0</v>
      </c>
      <c r="AS6121">
        <v>0</v>
      </c>
      <c r="AT6121">
        <v>0</v>
      </c>
      <c r="AU6121">
        <v>0</v>
      </c>
      <c r="AV6121">
        <v>0</v>
      </c>
      <c r="AW6121">
        <v>0</v>
      </c>
      <c r="AX6121">
        <v>0</v>
      </c>
      <c r="AY6121">
        <v>0</v>
      </c>
      <c r="AZ6121">
        <v>0</v>
      </c>
      <c r="BA6121">
        <v>0</v>
      </c>
    </row>
    <row r="6122" spans="1:53" x14ac:dyDescent="0.4">
      <c r="A6122">
        <v>6166</v>
      </c>
      <c r="B6122" s="1">
        <v>45167</v>
      </c>
      <c r="C6122">
        <v>2</v>
      </c>
      <c r="D6122" s="1">
        <v>45167.404861111114</v>
      </c>
      <c r="E6122" s="1">
        <v>45167.736111111109</v>
      </c>
      <c r="F6122">
        <v>37460</v>
      </c>
      <c r="G6122">
        <v>0</v>
      </c>
      <c r="H6122">
        <v>0</v>
      </c>
      <c r="I6122">
        <v>0</v>
      </c>
      <c r="J6122">
        <v>100</v>
      </c>
      <c r="K6122">
        <v>0</v>
      </c>
      <c r="L6122">
        <v>0</v>
      </c>
      <c r="M6122">
        <v>3394</v>
      </c>
      <c r="N6122">
        <v>0</v>
      </c>
      <c r="O6122">
        <v>0</v>
      </c>
      <c r="P6122">
        <v>14500</v>
      </c>
      <c r="Q6122">
        <v>0</v>
      </c>
      <c r="R6122">
        <v>51860</v>
      </c>
      <c r="S6122">
        <v>0</v>
      </c>
      <c r="T6122">
        <v>0</v>
      </c>
      <c r="U6122">
        <v>0</v>
      </c>
      <c r="V6122">
        <v>0</v>
      </c>
      <c r="W6122">
        <v>3</v>
      </c>
      <c r="X6122">
        <v>0</v>
      </c>
      <c r="Y6122">
        <v>61</v>
      </c>
      <c r="Z6122">
        <v>25</v>
      </c>
      <c r="AA6122">
        <v>73</v>
      </c>
      <c r="AB6122">
        <v>49</v>
      </c>
      <c r="AC6122">
        <v>103</v>
      </c>
      <c r="AD6122">
        <v>20</v>
      </c>
      <c r="AE6122">
        <v>50</v>
      </c>
      <c r="AF6122">
        <v>2930</v>
      </c>
      <c r="AG6122">
        <v>102360</v>
      </c>
      <c r="AH6122">
        <v>50000</v>
      </c>
      <c r="AI6122">
        <v>500</v>
      </c>
      <c r="AJ6122">
        <v>112</v>
      </c>
      <c r="AK6122" t="s">
        <v>78</v>
      </c>
      <c r="AL6122">
        <v>0</v>
      </c>
      <c r="AM6122">
        <v>0</v>
      </c>
      <c r="AN6122">
        <v>0</v>
      </c>
      <c r="AO6122">
        <v>0</v>
      </c>
      <c r="AP6122">
        <v>0</v>
      </c>
      <c r="AQ6122">
        <v>0</v>
      </c>
      <c r="AR6122">
        <v>0</v>
      </c>
      <c r="AS6122">
        <v>0</v>
      </c>
      <c r="AT6122">
        <v>0</v>
      </c>
      <c r="AU6122">
        <v>0</v>
      </c>
      <c r="AV6122">
        <v>0</v>
      </c>
      <c r="AW6122">
        <v>0</v>
      </c>
      <c r="AX6122">
        <v>0</v>
      </c>
      <c r="AY6122">
        <v>45</v>
      </c>
      <c r="AZ6122">
        <v>85</v>
      </c>
      <c r="BA6122">
        <v>6669</v>
      </c>
    </row>
    <row r="6123" spans="1:53" x14ac:dyDescent="0.4">
      <c r="A6123">
        <v>6167</v>
      </c>
      <c r="B6123" s="1">
        <v>45168</v>
      </c>
      <c r="C6123">
        <v>1</v>
      </c>
      <c r="D6123" s="1">
        <v>45168.291666666664</v>
      </c>
      <c r="E6123" s="1">
        <v>45168.401388888888</v>
      </c>
      <c r="F6123">
        <v>0</v>
      </c>
      <c r="G6123">
        <v>0</v>
      </c>
      <c r="H6123">
        <v>0</v>
      </c>
      <c r="I6123">
        <v>0</v>
      </c>
      <c r="J6123">
        <v>0</v>
      </c>
      <c r="K6123">
        <v>0</v>
      </c>
      <c r="L6123">
        <v>0</v>
      </c>
      <c r="M6123">
        <v>0</v>
      </c>
      <c r="N6123">
        <v>0</v>
      </c>
      <c r="O6123">
        <v>0</v>
      </c>
      <c r="P6123">
        <v>0</v>
      </c>
      <c r="Q6123">
        <v>0</v>
      </c>
      <c r="R6123">
        <v>0</v>
      </c>
      <c r="S6123">
        <v>0</v>
      </c>
      <c r="T6123">
        <v>0</v>
      </c>
      <c r="U6123">
        <v>0</v>
      </c>
      <c r="V6123">
        <v>0</v>
      </c>
      <c r="W6123">
        <v>1</v>
      </c>
      <c r="X6123">
        <v>0</v>
      </c>
      <c r="Y6123">
        <v>29</v>
      </c>
      <c r="Z6123">
        <v>10</v>
      </c>
      <c r="AA6123">
        <v>78</v>
      </c>
      <c r="AB6123">
        <v>46</v>
      </c>
      <c r="AC6123">
        <v>75</v>
      </c>
      <c r="AD6123">
        <v>20</v>
      </c>
      <c r="AE6123">
        <v>50</v>
      </c>
      <c r="AF6123">
        <v>0</v>
      </c>
      <c r="AG6123">
        <v>50000</v>
      </c>
      <c r="AH6123">
        <v>50000</v>
      </c>
      <c r="AI6123">
        <v>0</v>
      </c>
      <c r="AJ6123">
        <v>0</v>
      </c>
      <c r="AK6123" t="s">
        <v>6</v>
      </c>
      <c r="AL6123">
        <v>0</v>
      </c>
      <c r="AM6123">
        <v>0</v>
      </c>
      <c r="AN6123">
        <v>0</v>
      </c>
      <c r="AO6123">
        <v>0</v>
      </c>
      <c r="AP6123">
        <v>0</v>
      </c>
      <c r="AQ6123">
        <v>0</v>
      </c>
      <c r="AR6123">
        <v>0</v>
      </c>
      <c r="AS6123">
        <v>0</v>
      </c>
      <c r="AT6123">
        <v>0</v>
      </c>
      <c r="AU6123">
        <v>0</v>
      </c>
      <c r="AV6123">
        <v>0</v>
      </c>
      <c r="AW6123">
        <v>0</v>
      </c>
      <c r="AX6123">
        <v>0</v>
      </c>
      <c r="AY6123">
        <v>0</v>
      </c>
      <c r="AZ6123">
        <v>0</v>
      </c>
      <c r="BA6123">
        <v>0</v>
      </c>
    </row>
    <row r="6124" spans="1:53" x14ac:dyDescent="0.4">
      <c r="A6124">
        <v>6168</v>
      </c>
      <c r="B6124" s="1">
        <v>45168</v>
      </c>
      <c r="C6124">
        <v>2</v>
      </c>
      <c r="D6124" s="1">
        <v>45168.401388888888</v>
      </c>
      <c r="E6124" s="1">
        <v>45168.722222222219</v>
      </c>
      <c r="F6124">
        <v>35110</v>
      </c>
      <c r="G6124">
        <v>1903</v>
      </c>
      <c r="H6124">
        <v>220</v>
      </c>
      <c r="I6124">
        <v>0</v>
      </c>
      <c r="J6124">
        <v>0</v>
      </c>
      <c r="K6124">
        <v>800</v>
      </c>
      <c r="L6124">
        <v>0</v>
      </c>
      <c r="M6124">
        <v>3453</v>
      </c>
      <c r="N6124">
        <v>0</v>
      </c>
      <c r="O6124">
        <v>0</v>
      </c>
      <c r="P6124">
        <v>24930</v>
      </c>
      <c r="Q6124">
        <v>0</v>
      </c>
      <c r="R6124">
        <v>62963</v>
      </c>
      <c r="S6124">
        <v>0</v>
      </c>
      <c r="T6124">
        <v>0</v>
      </c>
      <c r="U6124">
        <v>0</v>
      </c>
      <c r="V6124">
        <v>2</v>
      </c>
      <c r="W6124">
        <v>3</v>
      </c>
      <c r="X6124">
        <v>0</v>
      </c>
      <c r="Y6124">
        <v>54</v>
      </c>
      <c r="Z6124">
        <v>21</v>
      </c>
      <c r="AA6124">
        <v>96</v>
      </c>
      <c r="AB6124">
        <v>48</v>
      </c>
      <c r="AC6124">
        <v>74</v>
      </c>
      <c r="AD6124">
        <v>22</v>
      </c>
      <c r="AE6124">
        <v>53</v>
      </c>
      <c r="AF6124">
        <v>530</v>
      </c>
      <c r="AG6124">
        <v>112933</v>
      </c>
      <c r="AH6124">
        <v>50000</v>
      </c>
      <c r="AI6124">
        <v>-30</v>
      </c>
      <c r="AJ6124">
        <v>116</v>
      </c>
      <c r="AK6124" t="s">
        <v>51</v>
      </c>
      <c r="AL6124">
        <v>0</v>
      </c>
      <c r="AM6124">
        <v>0</v>
      </c>
      <c r="AN6124">
        <v>0</v>
      </c>
      <c r="AO6124">
        <v>0</v>
      </c>
      <c r="AP6124">
        <v>0</v>
      </c>
      <c r="AQ6124">
        <v>0</v>
      </c>
      <c r="AR6124">
        <v>0</v>
      </c>
      <c r="AS6124">
        <v>0</v>
      </c>
      <c r="AT6124">
        <v>0</v>
      </c>
      <c r="AU6124">
        <v>0</v>
      </c>
      <c r="AV6124">
        <v>0</v>
      </c>
      <c r="AW6124">
        <v>0</v>
      </c>
      <c r="AX6124">
        <v>160</v>
      </c>
      <c r="AY6124">
        <v>45</v>
      </c>
      <c r="AZ6124">
        <v>95</v>
      </c>
      <c r="BA6124">
        <v>6356</v>
      </c>
    </row>
    <row r="6125" spans="1:53" x14ac:dyDescent="0.4">
      <c r="A6125">
        <v>6169</v>
      </c>
      <c r="B6125" s="1">
        <v>45168</v>
      </c>
      <c r="C6125">
        <v>3</v>
      </c>
      <c r="D6125" s="1">
        <v>45168.722222222219</v>
      </c>
      <c r="E6125" s="1">
        <v>45168.936111111114</v>
      </c>
      <c r="F6125">
        <v>42270</v>
      </c>
      <c r="G6125">
        <v>3465</v>
      </c>
      <c r="H6125">
        <v>0</v>
      </c>
      <c r="I6125">
        <v>0</v>
      </c>
      <c r="J6125">
        <v>100</v>
      </c>
      <c r="K6125">
        <v>0</v>
      </c>
      <c r="L6125">
        <v>0</v>
      </c>
      <c r="M6125">
        <v>4145</v>
      </c>
      <c r="N6125">
        <v>0</v>
      </c>
      <c r="O6125">
        <v>0</v>
      </c>
      <c r="P6125">
        <v>-19140</v>
      </c>
      <c r="Q6125">
        <v>0</v>
      </c>
      <c r="R6125">
        <v>26495</v>
      </c>
      <c r="S6125">
        <v>0</v>
      </c>
      <c r="T6125">
        <v>0</v>
      </c>
      <c r="U6125">
        <v>0</v>
      </c>
      <c r="V6125">
        <v>2</v>
      </c>
      <c r="W6125">
        <v>4</v>
      </c>
      <c r="X6125">
        <v>0</v>
      </c>
      <c r="Y6125">
        <v>74</v>
      </c>
      <c r="Z6125">
        <v>22</v>
      </c>
      <c r="AA6125">
        <v>92</v>
      </c>
      <c r="AB6125">
        <v>51</v>
      </c>
      <c r="AC6125">
        <v>82</v>
      </c>
      <c r="AD6125">
        <v>23</v>
      </c>
      <c r="AE6125">
        <v>53</v>
      </c>
      <c r="AF6125">
        <v>1720</v>
      </c>
      <c r="AG6125">
        <v>139458</v>
      </c>
      <c r="AH6125">
        <v>50000</v>
      </c>
      <c r="AI6125">
        <v>0</v>
      </c>
      <c r="AJ6125">
        <v>104</v>
      </c>
      <c r="AK6125" t="s">
        <v>60</v>
      </c>
      <c r="AL6125">
        <v>0</v>
      </c>
      <c r="AM6125">
        <v>0</v>
      </c>
      <c r="AN6125">
        <v>0</v>
      </c>
      <c r="AO6125">
        <v>0</v>
      </c>
      <c r="AP6125">
        <v>0</v>
      </c>
      <c r="AQ6125">
        <v>0</v>
      </c>
      <c r="AR6125">
        <v>0</v>
      </c>
      <c r="AS6125">
        <v>0</v>
      </c>
      <c r="AT6125">
        <v>0</v>
      </c>
      <c r="AU6125">
        <v>0</v>
      </c>
      <c r="AV6125">
        <v>0</v>
      </c>
      <c r="AW6125">
        <v>0</v>
      </c>
      <c r="AX6125">
        <v>0</v>
      </c>
      <c r="AY6125">
        <v>16</v>
      </c>
      <c r="AZ6125">
        <v>30</v>
      </c>
      <c r="BA6125">
        <v>2874</v>
      </c>
    </row>
    <row r="6126" spans="1:53" x14ac:dyDescent="0.4">
      <c r="A6126">
        <v>6170</v>
      </c>
      <c r="B6126" s="1">
        <v>45169</v>
      </c>
      <c r="C6126">
        <v>1</v>
      </c>
      <c r="D6126" s="1">
        <v>45169.291666666664</v>
      </c>
      <c r="E6126" s="1">
        <v>45169.751388888886</v>
      </c>
      <c r="F6126">
        <v>43210</v>
      </c>
      <c r="G6126">
        <v>1925</v>
      </c>
      <c r="H6126">
        <v>0</v>
      </c>
      <c r="I6126">
        <v>0</v>
      </c>
      <c r="J6126">
        <v>200</v>
      </c>
      <c r="K6126">
        <v>0</v>
      </c>
      <c r="L6126">
        <v>0</v>
      </c>
      <c r="M6126">
        <v>4085</v>
      </c>
      <c r="N6126">
        <v>0</v>
      </c>
      <c r="O6126">
        <v>0</v>
      </c>
      <c r="P6126">
        <v>16900</v>
      </c>
      <c r="Q6126">
        <v>0</v>
      </c>
      <c r="R6126">
        <v>61835</v>
      </c>
      <c r="S6126">
        <v>0</v>
      </c>
      <c r="T6126">
        <v>0</v>
      </c>
      <c r="U6126">
        <v>0</v>
      </c>
      <c r="V6126">
        <v>3</v>
      </c>
      <c r="W6126">
        <v>1</v>
      </c>
      <c r="X6126">
        <v>0</v>
      </c>
      <c r="Y6126">
        <v>58</v>
      </c>
      <c r="Z6126">
        <v>8</v>
      </c>
      <c r="AA6126">
        <v>57</v>
      </c>
      <c r="AB6126">
        <v>34</v>
      </c>
      <c r="AC6126">
        <v>92</v>
      </c>
      <c r="AD6126">
        <v>23</v>
      </c>
      <c r="AE6126">
        <v>50</v>
      </c>
      <c r="AF6126">
        <v>6350</v>
      </c>
      <c r="AG6126">
        <v>111835</v>
      </c>
      <c r="AH6126">
        <v>50000</v>
      </c>
      <c r="AI6126">
        <v>0</v>
      </c>
      <c r="AJ6126">
        <v>112</v>
      </c>
      <c r="AK6126" t="s">
        <v>78</v>
      </c>
      <c r="AL6126">
        <v>0</v>
      </c>
      <c r="AM6126">
        <v>0</v>
      </c>
      <c r="AN6126">
        <v>0</v>
      </c>
      <c r="AO6126">
        <v>0</v>
      </c>
      <c r="AP6126">
        <v>0</v>
      </c>
      <c r="AQ6126">
        <v>0</v>
      </c>
      <c r="AR6126">
        <v>0</v>
      </c>
      <c r="AS6126">
        <v>0</v>
      </c>
      <c r="AT6126">
        <v>0</v>
      </c>
      <c r="AU6126">
        <v>0</v>
      </c>
      <c r="AV6126">
        <v>0</v>
      </c>
      <c r="AW6126">
        <v>0</v>
      </c>
      <c r="AX6126">
        <v>-1800</v>
      </c>
      <c r="AY6126">
        <v>56</v>
      </c>
      <c r="AZ6126">
        <v>98</v>
      </c>
      <c r="BA6126">
        <v>7947</v>
      </c>
    </row>
    <row r="6127" spans="1:53" x14ac:dyDescent="0.4">
      <c r="A6127">
        <v>6171</v>
      </c>
      <c r="B6127" s="1">
        <v>45170</v>
      </c>
      <c r="C6127">
        <v>1</v>
      </c>
      <c r="D6127" s="1">
        <v>45170.291666666664</v>
      </c>
      <c r="E6127" s="1">
        <v>45170.445138888892</v>
      </c>
      <c r="F6127">
        <v>0</v>
      </c>
      <c r="G6127">
        <v>0</v>
      </c>
      <c r="H6127">
        <v>0</v>
      </c>
      <c r="I6127">
        <v>0</v>
      </c>
      <c r="J6127">
        <v>0</v>
      </c>
      <c r="K6127">
        <v>0</v>
      </c>
      <c r="L6127">
        <v>0</v>
      </c>
      <c r="M6127">
        <v>0</v>
      </c>
      <c r="N6127">
        <v>0</v>
      </c>
      <c r="O6127">
        <v>0</v>
      </c>
      <c r="P6127">
        <v>0</v>
      </c>
      <c r="Q6127">
        <v>0</v>
      </c>
      <c r="R6127">
        <v>0</v>
      </c>
      <c r="S6127">
        <v>0</v>
      </c>
      <c r="T6127">
        <v>0</v>
      </c>
      <c r="U6127">
        <v>0</v>
      </c>
      <c r="V6127">
        <v>0</v>
      </c>
      <c r="W6127">
        <v>1</v>
      </c>
      <c r="X6127">
        <v>0</v>
      </c>
      <c r="Y6127">
        <v>30</v>
      </c>
      <c r="Z6127">
        <v>10</v>
      </c>
      <c r="AA6127">
        <v>74</v>
      </c>
      <c r="AB6127">
        <v>37</v>
      </c>
      <c r="AC6127">
        <v>58</v>
      </c>
      <c r="AD6127">
        <v>24</v>
      </c>
      <c r="AE6127">
        <v>50</v>
      </c>
      <c r="AF6127">
        <v>0</v>
      </c>
      <c r="AG6127">
        <v>50000</v>
      </c>
      <c r="AH6127">
        <v>50000</v>
      </c>
      <c r="AI6127">
        <v>0</v>
      </c>
      <c r="AJ6127">
        <v>0</v>
      </c>
      <c r="AK6127" t="s">
        <v>6</v>
      </c>
      <c r="AL6127">
        <v>0</v>
      </c>
      <c r="AM6127">
        <v>0</v>
      </c>
      <c r="AN6127">
        <v>0</v>
      </c>
      <c r="AO6127">
        <v>0</v>
      </c>
      <c r="AP6127">
        <v>0</v>
      </c>
      <c r="AQ6127">
        <v>0</v>
      </c>
      <c r="AR6127">
        <v>0</v>
      </c>
      <c r="AS6127">
        <v>0</v>
      </c>
      <c r="AT6127">
        <v>0</v>
      </c>
      <c r="AU6127">
        <v>0</v>
      </c>
      <c r="AV6127">
        <v>0</v>
      </c>
      <c r="AW6127">
        <v>0</v>
      </c>
      <c r="AX6127">
        <v>0</v>
      </c>
      <c r="AY6127">
        <v>0</v>
      </c>
      <c r="AZ6127">
        <v>0</v>
      </c>
      <c r="BA6127">
        <v>0</v>
      </c>
    </row>
    <row r="6128" spans="1:53" x14ac:dyDescent="0.4">
      <c r="A6128">
        <v>6172</v>
      </c>
      <c r="B6128" s="1">
        <v>45170</v>
      </c>
      <c r="C6128">
        <v>2</v>
      </c>
      <c r="D6128" s="1">
        <v>45170.445138888892</v>
      </c>
      <c r="E6128" s="1">
        <v>45170.738194444442</v>
      </c>
      <c r="F6128">
        <v>23780</v>
      </c>
      <c r="G6128">
        <v>0</v>
      </c>
      <c r="H6128">
        <v>220</v>
      </c>
      <c r="I6128">
        <v>0</v>
      </c>
      <c r="J6128">
        <v>100</v>
      </c>
      <c r="K6128">
        <v>0</v>
      </c>
      <c r="L6128">
        <v>0</v>
      </c>
      <c r="M6128">
        <v>2175</v>
      </c>
      <c r="N6128">
        <v>0</v>
      </c>
      <c r="O6128">
        <v>0</v>
      </c>
      <c r="P6128">
        <v>18710</v>
      </c>
      <c r="Q6128">
        <v>0</v>
      </c>
      <c r="R6128">
        <v>42610</v>
      </c>
      <c r="S6128">
        <v>0</v>
      </c>
      <c r="T6128">
        <v>0</v>
      </c>
      <c r="U6128">
        <v>0</v>
      </c>
      <c r="V6128">
        <v>0</v>
      </c>
      <c r="W6128">
        <v>2</v>
      </c>
      <c r="X6128">
        <v>0</v>
      </c>
      <c r="Y6128">
        <v>65</v>
      </c>
      <c r="Z6128">
        <v>14</v>
      </c>
      <c r="AA6128">
        <v>66</v>
      </c>
      <c r="AB6128">
        <v>38</v>
      </c>
      <c r="AC6128">
        <v>59</v>
      </c>
      <c r="AD6128">
        <v>24</v>
      </c>
      <c r="AE6128">
        <v>50</v>
      </c>
      <c r="AF6128">
        <v>1350</v>
      </c>
      <c r="AG6128">
        <v>92610</v>
      </c>
      <c r="AH6128">
        <v>50000</v>
      </c>
      <c r="AI6128">
        <v>0</v>
      </c>
      <c r="AJ6128">
        <v>36</v>
      </c>
      <c r="AK6128" t="s">
        <v>68</v>
      </c>
      <c r="AL6128">
        <v>0</v>
      </c>
      <c r="AM6128">
        <v>0</v>
      </c>
      <c r="AN6128">
        <v>0</v>
      </c>
      <c r="AO6128">
        <v>0</v>
      </c>
      <c r="AP6128">
        <v>0</v>
      </c>
      <c r="AQ6128">
        <v>0</v>
      </c>
      <c r="AR6128">
        <v>0</v>
      </c>
      <c r="AS6128">
        <v>0</v>
      </c>
      <c r="AT6128">
        <v>0</v>
      </c>
      <c r="AU6128">
        <v>0</v>
      </c>
      <c r="AV6128">
        <v>0</v>
      </c>
      <c r="AW6128">
        <v>0</v>
      </c>
      <c r="AX6128">
        <v>-1072</v>
      </c>
      <c r="AY6128">
        <v>36</v>
      </c>
      <c r="AZ6128">
        <v>64</v>
      </c>
      <c r="BA6128">
        <v>5174</v>
      </c>
    </row>
    <row r="6129" spans="1:53" x14ac:dyDescent="0.4">
      <c r="A6129">
        <v>6173</v>
      </c>
      <c r="B6129" s="1">
        <v>45171</v>
      </c>
      <c r="C6129">
        <v>1</v>
      </c>
      <c r="D6129" s="1">
        <v>45171.291666666664</v>
      </c>
      <c r="E6129" s="1">
        <v>45171.404861111114</v>
      </c>
      <c r="F6129">
        <v>0</v>
      </c>
      <c r="G6129">
        <v>0</v>
      </c>
      <c r="H6129">
        <v>0</v>
      </c>
      <c r="I6129">
        <v>0</v>
      </c>
      <c r="J6129">
        <v>0</v>
      </c>
      <c r="K6129">
        <v>0</v>
      </c>
      <c r="L6129">
        <v>0</v>
      </c>
      <c r="M6129">
        <v>0</v>
      </c>
      <c r="N6129">
        <v>0</v>
      </c>
      <c r="O6129">
        <v>0</v>
      </c>
      <c r="P6129">
        <v>0</v>
      </c>
      <c r="Q6129">
        <v>0</v>
      </c>
      <c r="R6129">
        <v>0</v>
      </c>
      <c r="S6129">
        <v>0</v>
      </c>
      <c r="T6129">
        <v>0</v>
      </c>
      <c r="U6129">
        <v>0</v>
      </c>
      <c r="V6129">
        <v>0</v>
      </c>
      <c r="W6129">
        <v>1</v>
      </c>
      <c r="X6129">
        <v>0</v>
      </c>
      <c r="Y6129">
        <v>30</v>
      </c>
      <c r="Z6129">
        <v>10</v>
      </c>
      <c r="AA6129">
        <v>73</v>
      </c>
      <c r="AB6129">
        <v>39</v>
      </c>
      <c r="AC6129">
        <v>61</v>
      </c>
      <c r="AD6129">
        <v>18</v>
      </c>
      <c r="AE6129">
        <v>50</v>
      </c>
      <c r="AF6129">
        <v>0</v>
      </c>
      <c r="AG6129">
        <v>50000</v>
      </c>
      <c r="AH6129">
        <v>50000</v>
      </c>
      <c r="AI6129">
        <v>0</v>
      </c>
      <c r="AJ6129">
        <v>0</v>
      </c>
      <c r="AK6129" t="s">
        <v>6</v>
      </c>
      <c r="AL6129">
        <v>0</v>
      </c>
      <c r="AM6129">
        <v>0</v>
      </c>
      <c r="AN6129">
        <v>0</v>
      </c>
      <c r="AO6129">
        <v>0</v>
      </c>
      <c r="AP6129">
        <v>0</v>
      </c>
      <c r="AQ6129">
        <v>0</v>
      </c>
      <c r="AR6129">
        <v>0</v>
      </c>
      <c r="AS6129">
        <v>0</v>
      </c>
      <c r="AT6129">
        <v>0</v>
      </c>
      <c r="AU6129">
        <v>0</v>
      </c>
      <c r="AV6129">
        <v>0</v>
      </c>
      <c r="AW6129">
        <v>0</v>
      </c>
      <c r="AX6129">
        <v>0</v>
      </c>
      <c r="AY6129">
        <v>0</v>
      </c>
      <c r="AZ6129">
        <v>0</v>
      </c>
      <c r="BA6129">
        <v>0</v>
      </c>
    </row>
    <row r="6130" spans="1:53" x14ac:dyDescent="0.4">
      <c r="A6130">
        <v>6174</v>
      </c>
      <c r="B6130" s="1">
        <v>45171</v>
      </c>
      <c r="C6130">
        <v>2</v>
      </c>
      <c r="D6130" s="1">
        <v>45171.404861111114</v>
      </c>
      <c r="E6130" s="1">
        <v>45171.740972222222</v>
      </c>
      <c r="F6130">
        <v>35680</v>
      </c>
      <c r="G6130">
        <v>726</v>
      </c>
      <c r="H6130">
        <v>0</v>
      </c>
      <c r="I6130">
        <v>0</v>
      </c>
      <c r="J6130">
        <v>100</v>
      </c>
      <c r="K6130">
        <v>0</v>
      </c>
      <c r="L6130">
        <v>0</v>
      </c>
      <c r="M6130">
        <v>3298</v>
      </c>
      <c r="N6130">
        <v>0</v>
      </c>
      <c r="O6130">
        <v>0</v>
      </c>
      <c r="P6130">
        <v>19450</v>
      </c>
      <c r="Q6130">
        <v>0</v>
      </c>
      <c r="R6130">
        <v>55756</v>
      </c>
      <c r="S6130">
        <v>0</v>
      </c>
      <c r="T6130">
        <v>0</v>
      </c>
      <c r="U6130">
        <v>0</v>
      </c>
      <c r="V6130">
        <v>5</v>
      </c>
      <c r="W6130">
        <v>0</v>
      </c>
      <c r="X6130">
        <v>0</v>
      </c>
      <c r="Y6130">
        <v>36</v>
      </c>
      <c r="Z6130">
        <v>13</v>
      </c>
      <c r="AA6130">
        <v>71</v>
      </c>
      <c r="AB6130">
        <v>44</v>
      </c>
      <c r="AC6130">
        <v>60</v>
      </c>
      <c r="AD6130">
        <v>19</v>
      </c>
      <c r="AE6130">
        <v>51</v>
      </c>
      <c r="AF6130">
        <v>3210</v>
      </c>
      <c r="AG6130">
        <v>105756</v>
      </c>
      <c r="AH6130">
        <v>50000</v>
      </c>
      <c r="AI6130">
        <v>0</v>
      </c>
      <c r="AJ6130">
        <v>45</v>
      </c>
      <c r="AK6130" t="s">
        <v>77</v>
      </c>
      <c r="AL6130">
        <v>0</v>
      </c>
      <c r="AM6130">
        <v>0</v>
      </c>
      <c r="AN6130">
        <v>0</v>
      </c>
      <c r="AO6130">
        <v>0</v>
      </c>
      <c r="AP6130">
        <v>0</v>
      </c>
      <c r="AQ6130">
        <v>0</v>
      </c>
      <c r="AR6130">
        <v>0</v>
      </c>
      <c r="AS6130">
        <v>0</v>
      </c>
      <c r="AT6130">
        <v>0</v>
      </c>
      <c r="AU6130">
        <v>0</v>
      </c>
      <c r="AV6130">
        <v>0</v>
      </c>
      <c r="AW6130">
        <v>0</v>
      </c>
      <c r="AX6130">
        <v>4268</v>
      </c>
      <c r="AY6130">
        <v>51</v>
      </c>
      <c r="AZ6130">
        <v>95</v>
      </c>
      <c r="BA6130">
        <v>6980</v>
      </c>
    </row>
    <row r="6131" spans="1:53" x14ac:dyDescent="0.4">
      <c r="A6131">
        <v>6175</v>
      </c>
      <c r="B6131" s="1">
        <v>45171</v>
      </c>
      <c r="C6131">
        <v>3</v>
      </c>
      <c r="D6131" s="1">
        <v>45171.740972222222</v>
      </c>
      <c r="E6131" s="1">
        <v>45172.011111111111</v>
      </c>
      <c r="F6131">
        <v>153010</v>
      </c>
      <c r="G6131">
        <v>8756</v>
      </c>
      <c r="H6131">
        <v>0</v>
      </c>
      <c r="I6131">
        <v>0</v>
      </c>
      <c r="J6131">
        <v>300</v>
      </c>
      <c r="K6131">
        <v>2200</v>
      </c>
      <c r="L6131">
        <v>0</v>
      </c>
      <c r="M6131">
        <v>14880</v>
      </c>
      <c r="N6131">
        <v>0</v>
      </c>
      <c r="O6131">
        <v>0</v>
      </c>
      <c r="P6131">
        <v>72910</v>
      </c>
      <c r="Q6131">
        <v>0</v>
      </c>
      <c r="R6131">
        <v>236576</v>
      </c>
      <c r="S6131">
        <v>0</v>
      </c>
      <c r="T6131">
        <v>0</v>
      </c>
      <c r="U6131">
        <v>0</v>
      </c>
      <c r="V6131">
        <v>21</v>
      </c>
      <c r="W6131">
        <v>1</v>
      </c>
      <c r="X6131">
        <v>0</v>
      </c>
      <c r="Y6131">
        <v>85</v>
      </c>
      <c r="Z6131">
        <v>19</v>
      </c>
      <c r="AA6131">
        <v>82</v>
      </c>
      <c r="AB6131">
        <v>44</v>
      </c>
      <c r="AC6131">
        <v>59</v>
      </c>
      <c r="AD6131">
        <v>20</v>
      </c>
      <c r="AE6131">
        <v>52</v>
      </c>
      <c r="AF6131">
        <v>21690</v>
      </c>
      <c r="AG6131">
        <v>342332</v>
      </c>
      <c r="AH6131">
        <v>50000</v>
      </c>
      <c r="AI6131">
        <v>0</v>
      </c>
      <c r="AJ6131">
        <v>40</v>
      </c>
      <c r="AK6131" t="s">
        <v>71</v>
      </c>
      <c r="AL6131">
        <v>0</v>
      </c>
      <c r="AM6131">
        <v>0</v>
      </c>
      <c r="AN6131">
        <v>0</v>
      </c>
      <c r="AO6131">
        <v>0</v>
      </c>
      <c r="AP6131">
        <v>0</v>
      </c>
      <c r="AQ6131">
        <v>0</v>
      </c>
      <c r="AR6131">
        <v>0</v>
      </c>
      <c r="AS6131">
        <v>0</v>
      </c>
      <c r="AT6131">
        <v>0</v>
      </c>
      <c r="AU6131">
        <v>0</v>
      </c>
      <c r="AV6131">
        <v>0</v>
      </c>
      <c r="AW6131">
        <v>0</v>
      </c>
      <c r="AX6131">
        <v>-2140</v>
      </c>
      <c r="AY6131">
        <v>33</v>
      </c>
      <c r="AZ6131">
        <v>118</v>
      </c>
      <c r="BA6131">
        <v>4893</v>
      </c>
    </row>
    <row r="6132" spans="1:53" x14ac:dyDescent="0.4">
      <c r="A6132">
        <v>6176</v>
      </c>
      <c r="B6132" s="1">
        <v>45172</v>
      </c>
      <c r="C6132">
        <v>1</v>
      </c>
      <c r="D6132" s="1">
        <v>45172.291666666664</v>
      </c>
      <c r="E6132" s="1">
        <v>45172.401388888888</v>
      </c>
      <c r="F6132">
        <v>0</v>
      </c>
      <c r="G6132">
        <v>0</v>
      </c>
      <c r="H6132">
        <v>0</v>
      </c>
      <c r="I6132">
        <v>0</v>
      </c>
      <c r="J6132">
        <v>0</v>
      </c>
      <c r="K6132">
        <v>0</v>
      </c>
      <c r="L6132">
        <v>0</v>
      </c>
      <c r="M6132">
        <v>0</v>
      </c>
      <c r="N6132">
        <v>0</v>
      </c>
      <c r="O6132">
        <v>0</v>
      </c>
      <c r="P6132">
        <v>0</v>
      </c>
      <c r="Q6132">
        <v>0</v>
      </c>
      <c r="R6132">
        <v>0</v>
      </c>
      <c r="S6132">
        <v>0</v>
      </c>
      <c r="T6132">
        <v>0</v>
      </c>
      <c r="U6132">
        <v>0</v>
      </c>
      <c r="V6132">
        <v>0</v>
      </c>
      <c r="W6132">
        <v>1</v>
      </c>
      <c r="X6132">
        <v>0</v>
      </c>
      <c r="Y6132">
        <v>29</v>
      </c>
      <c r="Z6132">
        <v>10</v>
      </c>
      <c r="AA6132">
        <v>80</v>
      </c>
      <c r="AB6132">
        <v>47</v>
      </c>
      <c r="AC6132">
        <v>50</v>
      </c>
      <c r="AD6132">
        <v>19</v>
      </c>
      <c r="AE6132">
        <v>55</v>
      </c>
      <c r="AF6132">
        <v>0</v>
      </c>
      <c r="AG6132">
        <v>50000</v>
      </c>
      <c r="AH6132">
        <v>50000</v>
      </c>
      <c r="AI6132">
        <v>0</v>
      </c>
      <c r="AJ6132">
        <v>0</v>
      </c>
      <c r="AK6132" t="s">
        <v>6</v>
      </c>
      <c r="AL6132">
        <v>0</v>
      </c>
      <c r="AM6132">
        <v>0</v>
      </c>
      <c r="AN6132">
        <v>0</v>
      </c>
      <c r="AO6132">
        <v>0</v>
      </c>
      <c r="AP6132">
        <v>0</v>
      </c>
      <c r="AQ6132">
        <v>0</v>
      </c>
      <c r="AR6132">
        <v>0</v>
      </c>
      <c r="AS6132">
        <v>0</v>
      </c>
      <c r="AT6132">
        <v>0</v>
      </c>
      <c r="AU6132">
        <v>0</v>
      </c>
      <c r="AV6132">
        <v>0</v>
      </c>
      <c r="AW6132">
        <v>0</v>
      </c>
      <c r="AX6132">
        <v>0</v>
      </c>
      <c r="AY6132">
        <v>0</v>
      </c>
      <c r="AZ6132">
        <v>0</v>
      </c>
      <c r="BA6132">
        <v>0</v>
      </c>
    </row>
    <row r="6133" spans="1:53" x14ac:dyDescent="0.4">
      <c r="A6133">
        <v>6177</v>
      </c>
      <c r="B6133" s="1">
        <v>45172</v>
      </c>
      <c r="C6133">
        <v>2</v>
      </c>
      <c r="D6133" s="1">
        <v>45172.401388888888</v>
      </c>
      <c r="E6133" s="1">
        <v>45172.953472222223</v>
      </c>
      <c r="F6133">
        <v>77455</v>
      </c>
      <c r="G6133">
        <v>5137</v>
      </c>
      <c r="H6133">
        <v>220</v>
      </c>
      <c r="I6133">
        <v>0</v>
      </c>
      <c r="J6133">
        <v>400</v>
      </c>
      <c r="K6133">
        <v>0</v>
      </c>
      <c r="L6133">
        <v>0</v>
      </c>
      <c r="M6133">
        <v>7489</v>
      </c>
      <c r="N6133">
        <v>0</v>
      </c>
      <c r="O6133">
        <v>0</v>
      </c>
      <c r="P6133">
        <v>10140</v>
      </c>
      <c r="Q6133">
        <v>0</v>
      </c>
      <c r="R6133">
        <v>92552</v>
      </c>
      <c r="S6133">
        <v>0</v>
      </c>
      <c r="T6133">
        <v>0</v>
      </c>
      <c r="U6133">
        <v>0</v>
      </c>
      <c r="V6133">
        <v>3</v>
      </c>
      <c r="W6133">
        <v>3</v>
      </c>
      <c r="X6133">
        <v>0</v>
      </c>
      <c r="Y6133">
        <v>59</v>
      </c>
      <c r="Z6133">
        <v>18</v>
      </c>
      <c r="AA6133">
        <v>96</v>
      </c>
      <c r="AB6133">
        <v>41</v>
      </c>
      <c r="AC6133">
        <v>44</v>
      </c>
      <c r="AD6133">
        <v>21</v>
      </c>
      <c r="AE6133">
        <v>57</v>
      </c>
      <c r="AF6133">
        <v>17320</v>
      </c>
      <c r="AG6133">
        <v>142572</v>
      </c>
      <c r="AH6133">
        <v>50000</v>
      </c>
      <c r="AI6133">
        <v>20</v>
      </c>
      <c r="AJ6133">
        <v>115</v>
      </c>
      <c r="AK6133" t="s">
        <v>55</v>
      </c>
      <c r="AL6133">
        <v>0</v>
      </c>
      <c r="AM6133">
        <v>0</v>
      </c>
      <c r="AN6133">
        <v>0</v>
      </c>
      <c r="AO6133">
        <v>0</v>
      </c>
      <c r="AP6133">
        <v>0</v>
      </c>
      <c r="AQ6133">
        <v>0</v>
      </c>
      <c r="AR6133">
        <v>0</v>
      </c>
      <c r="AS6133">
        <v>0</v>
      </c>
      <c r="AT6133">
        <v>0</v>
      </c>
      <c r="AU6133">
        <v>0</v>
      </c>
      <c r="AV6133">
        <v>0</v>
      </c>
      <c r="AW6133">
        <v>0</v>
      </c>
      <c r="AX6133">
        <v>2708</v>
      </c>
      <c r="AY6133">
        <v>66</v>
      </c>
      <c r="AZ6133">
        <v>123</v>
      </c>
      <c r="BA6133">
        <v>10618</v>
      </c>
    </row>
    <row r="6134" spans="1:53" x14ac:dyDescent="0.4">
      <c r="A6134">
        <v>6178</v>
      </c>
      <c r="B6134" s="1">
        <v>45173</v>
      </c>
      <c r="C6134">
        <v>1</v>
      </c>
      <c r="D6134" s="1">
        <v>45173.291666666664</v>
      </c>
      <c r="E6134" s="1">
        <v>45173.445138888892</v>
      </c>
      <c r="F6134">
        <v>0</v>
      </c>
      <c r="G6134">
        <v>0</v>
      </c>
      <c r="H6134">
        <v>0</v>
      </c>
      <c r="I6134">
        <v>0</v>
      </c>
      <c r="J6134">
        <v>0</v>
      </c>
      <c r="K6134">
        <v>0</v>
      </c>
      <c r="L6134">
        <v>0</v>
      </c>
      <c r="M6134">
        <v>0</v>
      </c>
      <c r="N6134">
        <v>0</v>
      </c>
      <c r="O6134">
        <v>0</v>
      </c>
      <c r="P6134">
        <v>0</v>
      </c>
      <c r="Q6134">
        <v>0</v>
      </c>
      <c r="R6134">
        <v>0</v>
      </c>
      <c r="S6134">
        <v>0</v>
      </c>
      <c r="T6134">
        <v>0</v>
      </c>
      <c r="U6134">
        <v>0</v>
      </c>
      <c r="V6134">
        <v>0</v>
      </c>
      <c r="W6134">
        <v>0</v>
      </c>
      <c r="X6134">
        <v>0</v>
      </c>
      <c r="Y6134">
        <v>33</v>
      </c>
      <c r="Z6134">
        <v>10</v>
      </c>
      <c r="AA6134">
        <v>95</v>
      </c>
      <c r="AB6134">
        <v>39</v>
      </c>
      <c r="AC6134">
        <v>38</v>
      </c>
      <c r="AD6134">
        <v>23</v>
      </c>
      <c r="AE6134">
        <v>55</v>
      </c>
      <c r="AF6134">
        <v>0</v>
      </c>
      <c r="AG6134">
        <v>50000</v>
      </c>
      <c r="AH6134">
        <v>50000</v>
      </c>
      <c r="AI6134">
        <v>0</v>
      </c>
      <c r="AJ6134">
        <v>0</v>
      </c>
      <c r="AK6134" t="s">
        <v>6</v>
      </c>
      <c r="AL6134">
        <v>0</v>
      </c>
      <c r="AM6134">
        <v>0</v>
      </c>
      <c r="AN6134">
        <v>0</v>
      </c>
      <c r="AO6134">
        <v>0</v>
      </c>
      <c r="AP6134">
        <v>0</v>
      </c>
      <c r="AQ6134">
        <v>0</v>
      </c>
      <c r="AR6134">
        <v>0</v>
      </c>
      <c r="AS6134">
        <v>0</v>
      </c>
      <c r="AT6134">
        <v>0</v>
      </c>
      <c r="AU6134">
        <v>0</v>
      </c>
      <c r="AV6134">
        <v>0</v>
      </c>
      <c r="AW6134">
        <v>0</v>
      </c>
      <c r="AX6134">
        <v>0</v>
      </c>
      <c r="AY6134">
        <v>0</v>
      </c>
      <c r="AZ6134">
        <v>0</v>
      </c>
      <c r="BA6134">
        <v>0</v>
      </c>
    </row>
    <row r="6135" spans="1:53" x14ac:dyDescent="0.4">
      <c r="A6135">
        <v>6179</v>
      </c>
      <c r="B6135" s="1">
        <v>45173</v>
      </c>
      <c r="C6135">
        <v>2</v>
      </c>
      <c r="D6135" s="1">
        <v>45173.445138888892</v>
      </c>
      <c r="E6135" s="1">
        <v>45173.726388888892</v>
      </c>
      <c r="F6135">
        <v>20050</v>
      </c>
      <c r="G6135">
        <v>1485</v>
      </c>
      <c r="H6135">
        <v>220</v>
      </c>
      <c r="I6135">
        <v>0</v>
      </c>
      <c r="J6135">
        <v>0</v>
      </c>
      <c r="K6135">
        <v>0</v>
      </c>
      <c r="L6135">
        <v>0</v>
      </c>
      <c r="M6135">
        <v>1980</v>
      </c>
      <c r="N6135">
        <v>0</v>
      </c>
      <c r="O6135">
        <v>0</v>
      </c>
      <c r="P6135">
        <v>18070</v>
      </c>
      <c r="Q6135">
        <v>0</v>
      </c>
      <c r="R6135">
        <v>39825</v>
      </c>
      <c r="S6135">
        <v>0</v>
      </c>
      <c r="T6135">
        <v>0</v>
      </c>
      <c r="U6135">
        <v>0</v>
      </c>
      <c r="V6135">
        <v>1</v>
      </c>
      <c r="W6135">
        <v>3</v>
      </c>
      <c r="X6135">
        <v>0</v>
      </c>
      <c r="Y6135">
        <v>40</v>
      </c>
      <c r="Z6135">
        <v>19</v>
      </c>
      <c r="AA6135">
        <v>83</v>
      </c>
      <c r="AB6135">
        <v>36</v>
      </c>
      <c r="AC6135">
        <v>52</v>
      </c>
      <c r="AD6135">
        <v>24</v>
      </c>
      <c r="AE6135">
        <v>55</v>
      </c>
      <c r="AF6135">
        <v>4530</v>
      </c>
      <c r="AG6135">
        <v>89825</v>
      </c>
      <c r="AH6135">
        <v>50000</v>
      </c>
      <c r="AI6135">
        <v>0</v>
      </c>
      <c r="AJ6135">
        <v>36</v>
      </c>
      <c r="AK6135" t="s">
        <v>68</v>
      </c>
      <c r="AL6135">
        <v>0</v>
      </c>
      <c r="AM6135">
        <v>0</v>
      </c>
      <c r="AN6135">
        <v>0</v>
      </c>
      <c r="AO6135">
        <v>0</v>
      </c>
      <c r="AP6135">
        <v>0</v>
      </c>
      <c r="AQ6135">
        <v>0</v>
      </c>
      <c r="AR6135">
        <v>0</v>
      </c>
      <c r="AS6135">
        <v>0</v>
      </c>
      <c r="AT6135">
        <v>0</v>
      </c>
      <c r="AU6135">
        <v>0</v>
      </c>
      <c r="AV6135">
        <v>0</v>
      </c>
      <c r="AW6135">
        <v>0</v>
      </c>
      <c r="AX6135">
        <v>605</v>
      </c>
      <c r="AY6135">
        <v>37</v>
      </c>
      <c r="AZ6135">
        <v>59</v>
      </c>
      <c r="BA6135">
        <v>5216</v>
      </c>
    </row>
    <row r="6136" spans="1:53" x14ac:dyDescent="0.4">
      <c r="A6136">
        <v>6180</v>
      </c>
      <c r="B6136" s="1">
        <v>45173</v>
      </c>
      <c r="C6136">
        <v>3</v>
      </c>
      <c r="D6136" s="1">
        <v>45173.726388888892</v>
      </c>
      <c r="E6136" s="1">
        <v>45173.948611111111</v>
      </c>
      <c r="F6136">
        <v>28830</v>
      </c>
      <c r="G6136">
        <v>605</v>
      </c>
      <c r="H6136">
        <v>0</v>
      </c>
      <c r="I6136">
        <v>0</v>
      </c>
      <c r="J6136">
        <v>100</v>
      </c>
      <c r="K6136">
        <v>1650</v>
      </c>
      <c r="L6136">
        <v>0</v>
      </c>
      <c r="M6136">
        <v>2817</v>
      </c>
      <c r="N6136">
        <v>0</v>
      </c>
      <c r="O6136">
        <v>0</v>
      </c>
      <c r="P6136">
        <v>-10470</v>
      </c>
      <c r="Q6136">
        <v>0</v>
      </c>
      <c r="R6136">
        <v>20515</v>
      </c>
      <c r="S6136">
        <v>0</v>
      </c>
      <c r="T6136">
        <v>0</v>
      </c>
      <c r="U6136">
        <v>0</v>
      </c>
      <c r="V6136">
        <v>1</v>
      </c>
      <c r="W6136">
        <v>4</v>
      </c>
      <c r="X6136">
        <v>0</v>
      </c>
      <c r="Y6136">
        <v>52</v>
      </c>
      <c r="Z6136">
        <v>24</v>
      </c>
      <c r="AA6136">
        <v>76</v>
      </c>
      <c r="AB6136">
        <v>36</v>
      </c>
      <c r="AC6136">
        <v>52</v>
      </c>
      <c r="AD6136">
        <v>23</v>
      </c>
      <c r="AE6136">
        <v>55</v>
      </c>
      <c r="AF6136">
        <v>6250</v>
      </c>
      <c r="AG6136">
        <v>110340</v>
      </c>
      <c r="AH6136">
        <v>50000</v>
      </c>
      <c r="AI6136">
        <v>0</v>
      </c>
      <c r="AJ6136">
        <v>95</v>
      </c>
      <c r="AK6136" t="s">
        <v>21</v>
      </c>
      <c r="AL6136">
        <v>0</v>
      </c>
      <c r="AM6136">
        <v>0</v>
      </c>
      <c r="AN6136">
        <v>0</v>
      </c>
      <c r="AO6136">
        <v>0</v>
      </c>
      <c r="AP6136">
        <v>0</v>
      </c>
      <c r="AQ6136">
        <v>0</v>
      </c>
      <c r="AR6136">
        <v>0</v>
      </c>
      <c r="AS6136">
        <v>0</v>
      </c>
      <c r="AT6136">
        <v>0</v>
      </c>
      <c r="AU6136">
        <v>0</v>
      </c>
      <c r="AV6136">
        <v>0</v>
      </c>
      <c r="AW6136">
        <v>0</v>
      </c>
      <c r="AX6136">
        <v>1320</v>
      </c>
      <c r="AY6136">
        <v>12</v>
      </c>
      <c r="AZ6136">
        <v>26</v>
      </c>
      <c r="BA6136">
        <v>2598</v>
      </c>
    </row>
    <row r="6137" spans="1:53" x14ac:dyDescent="0.4">
      <c r="A6137">
        <v>6181</v>
      </c>
      <c r="B6137" s="1">
        <v>45174</v>
      </c>
      <c r="C6137">
        <v>1</v>
      </c>
      <c r="D6137" s="1">
        <v>45174.291666666664</v>
      </c>
      <c r="E6137" s="1">
        <v>45174.442361111112</v>
      </c>
      <c r="F6137">
        <v>0</v>
      </c>
      <c r="G6137">
        <v>0</v>
      </c>
      <c r="H6137">
        <v>0</v>
      </c>
      <c r="I6137">
        <v>0</v>
      </c>
      <c r="J6137">
        <v>0</v>
      </c>
      <c r="K6137">
        <v>0</v>
      </c>
      <c r="L6137">
        <v>0</v>
      </c>
      <c r="M6137">
        <v>0</v>
      </c>
      <c r="N6137">
        <v>0</v>
      </c>
      <c r="O6137">
        <v>0</v>
      </c>
      <c r="P6137">
        <v>0</v>
      </c>
      <c r="Q6137">
        <v>0</v>
      </c>
      <c r="R6137">
        <v>0</v>
      </c>
      <c r="S6137">
        <v>0</v>
      </c>
      <c r="T6137">
        <v>0</v>
      </c>
      <c r="U6137">
        <v>0</v>
      </c>
      <c r="V6137">
        <v>0</v>
      </c>
      <c r="W6137">
        <v>1</v>
      </c>
      <c r="X6137">
        <v>0</v>
      </c>
      <c r="Y6137">
        <v>28</v>
      </c>
      <c r="Z6137">
        <v>14</v>
      </c>
      <c r="AA6137">
        <v>75</v>
      </c>
      <c r="AB6137">
        <v>36</v>
      </c>
      <c r="AC6137">
        <v>53</v>
      </c>
      <c r="AD6137">
        <v>23</v>
      </c>
      <c r="AE6137">
        <v>55</v>
      </c>
      <c r="AF6137">
        <v>0</v>
      </c>
      <c r="AG6137">
        <v>50000</v>
      </c>
      <c r="AH6137">
        <v>50000</v>
      </c>
      <c r="AI6137">
        <v>0</v>
      </c>
      <c r="AJ6137">
        <v>0</v>
      </c>
      <c r="AK6137" t="s">
        <v>6</v>
      </c>
      <c r="AL6137">
        <v>0</v>
      </c>
      <c r="AM6137">
        <v>0</v>
      </c>
      <c r="AN6137">
        <v>0</v>
      </c>
      <c r="AO6137">
        <v>0</v>
      </c>
      <c r="AP6137">
        <v>0</v>
      </c>
      <c r="AQ6137">
        <v>0</v>
      </c>
      <c r="AR6137">
        <v>0</v>
      </c>
      <c r="AS6137">
        <v>0</v>
      </c>
      <c r="AT6137">
        <v>0</v>
      </c>
      <c r="AU6137">
        <v>0</v>
      </c>
      <c r="AV6137">
        <v>0</v>
      </c>
      <c r="AW6137">
        <v>0</v>
      </c>
      <c r="AX6137">
        <v>0</v>
      </c>
      <c r="AY6137">
        <v>0</v>
      </c>
      <c r="AZ6137">
        <v>0</v>
      </c>
      <c r="BA6137">
        <v>0</v>
      </c>
    </row>
    <row r="6138" spans="1:53" x14ac:dyDescent="0.4">
      <c r="A6138">
        <v>6182</v>
      </c>
      <c r="B6138" s="1">
        <v>45174</v>
      </c>
      <c r="C6138">
        <v>2</v>
      </c>
      <c r="D6138" s="1">
        <v>45174.442361111112</v>
      </c>
      <c r="E6138" s="1">
        <v>45174.731944444444</v>
      </c>
      <c r="F6138">
        <v>14670</v>
      </c>
      <c r="G6138">
        <v>0</v>
      </c>
      <c r="H6138">
        <v>0</v>
      </c>
      <c r="I6138">
        <v>0</v>
      </c>
      <c r="J6138">
        <v>100</v>
      </c>
      <c r="K6138">
        <v>0</v>
      </c>
      <c r="L6138">
        <v>0</v>
      </c>
      <c r="M6138">
        <v>1324</v>
      </c>
      <c r="N6138">
        <v>0</v>
      </c>
      <c r="O6138">
        <v>0</v>
      </c>
      <c r="P6138">
        <v>18830</v>
      </c>
      <c r="Q6138">
        <v>0</v>
      </c>
      <c r="R6138">
        <v>33400</v>
      </c>
      <c r="S6138">
        <v>0</v>
      </c>
      <c r="T6138">
        <v>0</v>
      </c>
      <c r="U6138">
        <v>0</v>
      </c>
      <c r="V6138">
        <v>1</v>
      </c>
      <c r="W6138">
        <v>1</v>
      </c>
      <c r="X6138">
        <v>0</v>
      </c>
      <c r="Y6138">
        <v>33</v>
      </c>
      <c r="Z6138">
        <v>20</v>
      </c>
      <c r="AA6138">
        <v>93</v>
      </c>
      <c r="AB6138">
        <v>35</v>
      </c>
      <c r="AC6138">
        <v>68</v>
      </c>
      <c r="AD6138">
        <v>22</v>
      </c>
      <c r="AE6138">
        <v>54</v>
      </c>
      <c r="AF6138">
        <v>13506</v>
      </c>
      <c r="AG6138">
        <v>83400</v>
      </c>
      <c r="AH6138">
        <v>50000</v>
      </c>
      <c r="AI6138">
        <v>0</v>
      </c>
      <c r="AJ6138">
        <v>38</v>
      </c>
      <c r="AK6138" t="s">
        <v>75</v>
      </c>
      <c r="AL6138">
        <v>0</v>
      </c>
      <c r="AM6138">
        <v>0</v>
      </c>
      <c r="AN6138">
        <v>0</v>
      </c>
      <c r="AO6138">
        <v>0</v>
      </c>
      <c r="AP6138">
        <v>0</v>
      </c>
      <c r="AQ6138">
        <v>0</v>
      </c>
      <c r="AR6138">
        <v>0</v>
      </c>
      <c r="AS6138">
        <v>0</v>
      </c>
      <c r="AT6138">
        <v>0</v>
      </c>
      <c r="AU6138">
        <v>0</v>
      </c>
      <c r="AV6138">
        <v>0</v>
      </c>
      <c r="AW6138">
        <v>0</v>
      </c>
      <c r="AX6138">
        <v>-5295</v>
      </c>
      <c r="AY6138">
        <v>36</v>
      </c>
      <c r="AZ6138">
        <v>56</v>
      </c>
      <c r="BA6138">
        <v>4144</v>
      </c>
    </row>
    <row r="6139" spans="1:53" x14ac:dyDescent="0.4">
      <c r="A6139">
        <v>6183</v>
      </c>
      <c r="B6139" s="1">
        <v>45174</v>
      </c>
      <c r="C6139">
        <v>3</v>
      </c>
      <c r="D6139" s="1">
        <v>45174.731944444444</v>
      </c>
      <c r="E6139" s="1">
        <v>45174.909722222219</v>
      </c>
      <c r="F6139">
        <v>27630</v>
      </c>
      <c r="G6139">
        <v>1870</v>
      </c>
      <c r="H6139">
        <v>0</v>
      </c>
      <c r="I6139">
        <v>0</v>
      </c>
      <c r="J6139">
        <v>200</v>
      </c>
      <c r="K6139">
        <v>0</v>
      </c>
      <c r="L6139">
        <v>0</v>
      </c>
      <c r="M6139">
        <v>2662</v>
      </c>
      <c r="N6139">
        <v>0</v>
      </c>
      <c r="O6139">
        <v>0</v>
      </c>
      <c r="P6139">
        <v>-16040</v>
      </c>
      <c r="Q6139">
        <v>0</v>
      </c>
      <c r="R6139">
        <v>13260</v>
      </c>
      <c r="S6139">
        <v>0</v>
      </c>
      <c r="T6139">
        <v>0</v>
      </c>
      <c r="U6139">
        <v>0</v>
      </c>
      <c r="V6139">
        <v>1</v>
      </c>
      <c r="W6139">
        <v>2</v>
      </c>
      <c r="X6139">
        <v>0</v>
      </c>
      <c r="Y6139">
        <v>39</v>
      </c>
      <c r="Z6139">
        <v>22</v>
      </c>
      <c r="AA6139">
        <v>72</v>
      </c>
      <c r="AB6139">
        <v>35</v>
      </c>
      <c r="AC6139">
        <v>65</v>
      </c>
      <c r="AD6139">
        <v>22</v>
      </c>
      <c r="AE6139">
        <v>54</v>
      </c>
      <c r="AF6139">
        <v>16896</v>
      </c>
      <c r="AG6139">
        <v>96660</v>
      </c>
      <c r="AH6139">
        <v>50000</v>
      </c>
      <c r="AI6139">
        <v>0</v>
      </c>
      <c r="AJ6139">
        <v>45</v>
      </c>
      <c r="AK6139" t="s">
        <v>77</v>
      </c>
      <c r="AL6139">
        <v>0</v>
      </c>
      <c r="AM6139">
        <v>0</v>
      </c>
      <c r="AN6139">
        <v>0</v>
      </c>
      <c r="AO6139">
        <v>0</v>
      </c>
      <c r="AP6139">
        <v>0</v>
      </c>
      <c r="AQ6139">
        <v>0</v>
      </c>
      <c r="AR6139">
        <v>0</v>
      </c>
      <c r="AS6139">
        <v>0</v>
      </c>
      <c r="AT6139">
        <v>0</v>
      </c>
      <c r="AU6139">
        <v>0</v>
      </c>
      <c r="AV6139">
        <v>0</v>
      </c>
      <c r="AW6139">
        <v>0</v>
      </c>
      <c r="AX6139">
        <v>0</v>
      </c>
      <c r="AY6139">
        <v>9</v>
      </c>
      <c r="AZ6139">
        <v>14</v>
      </c>
      <c r="BA6139">
        <v>2710</v>
      </c>
    </row>
    <row r="6140" spans="1:53" x14ac:dyDescent="0.4">
      <c r="A6140">
        <v>6184</v>
      </c>
      <c r="B6140" s="1">
        <v>45175</v>
      </c>
      <c r="C6140">
        <v>1</v>
      </c>
      <c r="D6140" s="1">
        <v>45175.291666666664</v>
      </c>
      <c r="E6140" s="1">
        <v>45175.433333333334</v>
      </c>
      <c r="F6140">
        <v>0</v>
      </c>
      <c r="G6140">
        <v>0</v>
      </c>
      <c r="H6140">
        <v>0</v>
      </c>
      <c r="I6140">
        <v>0</v>
      </c>
      <c r="J6140">
        <v>0</v>
      </c>
      <c r="K6140">
        <v>0</v>
      </c>
      <c r="L6140">
        <v>0</v>
      </c>
      <c r="M6140">
        <v>0</v>
      </c>
      <c r="N6140">
        <v>0</v>
      </c>
      <c r="O6140">
        <v>0</v>
      </c>
      <c r="P6140">
        <v>0</v>
      </c>
      <c r="Q6140">
        <v>0</v>
      </c>
      <c r="R6140">
        <v>0</v>
      </c>
      <c r="S6140">
        <v>0</v>
      </c>
      <c r="T6140">
        <v>0</v>
      </c>
      <c r="U6140">
        <v>0</v>
      </c>
      <c r="V6140">
        <v>0</v>
      </c>
      <c r="W6140">
        <v>1</v>
      </c>
      <c r="X6140">
        <v>0</v>
      </c>
      <c r="Y6140">
        <v>30</v>
      </c>
      <c r="Z6140">
        <v>10</v>
      </c>
      <c r="AA6140">
        <v>75</v>
      </c>
      <c r="AB6140">
        <v>36</v>
      </c>
      <c r="AC6140">
        <v>54</v>
      </c>
      <c r="AD6140">
        <v>22</v>
      </c>
      <c r="AE6140">
        <v>50</v>
      </c>
      <c r="AF6140">
        <v>0</v>
      </c>
      <c r="AG6140">
        <v>50000</v>
      </c>
      <c r="AH6140">
        <v>50000</v>
      </c>
      <c r="AI6140">
        <v>0</v>
      </c>
      <c r="AJ6140">
        <v>0</v>
      </c>
      <c r="AK6140" t="s">
        <v>6</v>
      </c>
      <c r="AL6140">
        <v>0</v>
      </c>
      <c r="AM6140">
        <v>0</v>
      </c>
      <c r="AN6140">
        <v>0</v>
      </c>
      <c r="AO6140">
        <v>0</v>
      </c>
      <c r="AP6140">
        <v>0</v>
      </c>
      <c r="AQ6140">
        <v>0</v>
      </c>
      <c r="AR6140">
        <v>0</v>
      </c>
      <c r="AS6140">
        <v>0</v>
      </c>
      <c r="AT6140">
        <v>0</v>
      </c>
      <c r="AU6140">
        <v>0</v>
      </c>
      <c r="AV6140">
        <v>0</v>
      </c>
      <c r="AW6140">
        <v>0</v>
      </c>
      <c r="AX6140">
        <v>0</v>
      </c>
      <c r="AY6140">
        <v>0</v>
      </c>
      <c r="AZ6140">
        <v>0</v>
      </c>
      <c r="BA6140">
        <v>0</v>
      </c>
    </row>
    <row r="6141" spans="1:53" x14ac:dyDescent="0.4">
      <c r="A6141">
        <v>6185</v>
      </c>
      <c r="B6141" s="1">
        <v>45175</v>
      </c>
      <c r="C6141">
        <v>2</v>
      </c>
      <c r="D6141" s="1">
        <v>45175.433333333334</v>
      </c>
      <c r="E6141" s="1">
        <v>45175.725694444445</v>
      </c>
      <c r="F6141">
        <v>15860</v>
      </c>
      <c r="G6141">
        <v>3938</v>
      </c>
      <c r="H6141">
        <v>0</v>
      </c>
      <c r="I6141">
        <v>0</v>
      </c>
      <c r="J6141">
        <v>200</v>
      </c>
      <c r="K6141">
        <v>0</v>
      </c>
      <c r="L6141">
        <v>0</v>
      </c>
      <c r="M6141">
        <v>1782</v>
      </c>
      <c r="N6141">
        <v>0</v>
      </c>
      <c r="O6141">
        <v>0</v>
      </c>
      <c r="P6141">
        <v>18060</v>
      </c>
      <c r="Q6141">
        <v>0</v>
      </c>
      <c r="R6141">
        <v>37658</v>
      </c>
      <c r="S6141">
        <v>0</v>
      </c>
      <c r="T6141">
        <v>0</v>
      </c>
      <c r="U6141">
        <v>0</v>
      </c>
      <c r="V6141">
        <v>1</v>
      </c>
      <c r="W6141">
        <v>0</v>
      </c>
      <c r="X6141">
        <v>0</v>
      </c>
      <c r="Y6141">
        <v>59</v>
      </c>
      <c r="Z6141">
        <v>11</v>
      </c>
      <c r="AA6141">
        <v>76</v>
      </c>
      <c r="AB6141">
        <v>33</v>
      </c>
      <c r="AC6141">
        <v>44</v>
      </c>
      <c r="AD6141">
        <v>22</v>
      </c>
      <c r="AE6141">
        <v>48</v>
      </c>
      <c r="AF6141">
        <v>3310</v>
      </c>
      <c r="AG6141">
        <v>87658</v>
      </c>
      <c r="AH6141">
        <v>50000</v>
      </c>
      <c r="AI6141">
        <v>0</v>
      </c>
      <c r="AJ6141">
        <v>38</v>
      </c>
      <c r="AK6141" t="s">
        <v>75</v>
      </c>
      <c r="AL6141">
        <v>0</v>
      </c>
      <c r="AM6141">
        <v>0</v>
      </c>
      <c r="AN6141">
        <v>0</v>
      </c>
      <c r="AO6141">
        <v>0</v>
      </c>
      <c r="AP6141">
        <v>0</v>
      </c>
      <c r="AQ6141">
        <v>0</v>
      </c>
      <c r="AR6141">
        <v>0</v>
      </c>
      <c r="AS6141">
        <v>0</v>
      </c>
      <c r="AT6141">
        <v>0</v>
      </c>
      <c r="AU6141">
        <v>0</v>
      </c>
      <c r="AV6141">
        <v>0</v>
      </c>
      <c r="AW6141">
        <v>0</v>
      </c>
      <c r="AX6141">
        <v>-147</v>
      </c>
      <c r="AY6141">
        <v>32</v>
      </c>
      <c r="AZ6141">
        <v>56</v>
      </c>
      <c r="BA6141">
        <v>4577</v>
      </c>
    </row>
    <row r="6142" spans="1:53" x14ac:dyDescent="0.4">
      <c r="A6142">
        <v>6186</v>
      </c>
      <c r="B6142" s="1">
        <v>45175</v>
      </c>
      <c r="C6142">
        <v>3</v>
      </c>
      <c r="D6142" s="1">
        <v>45175.725694444445</v>
      </c>
      <c r="E6142" s="1">
        <v>45175.916666666664</v>
      </c>
      <c r="F6142">
        <v>29090</v>
      </c>
      <c r="G6142">
        <v>2123</v>
      </c>
      <c r="H6142">
        <v>0</v>
      </c>
      <c r="I6142">
        <v>0</v>
      </c>
      <c r="J6142">
        <v>0</v>
      </c>
      <c r="K6142">
        <v>0</v>
      </c>
      <c r="L6142">
        <v>0</v>
      </c>
      <c r="M6142">
        <v>2838</v>
      </c>
      <c r="N6142">
        <v>0</v>
      </c>
      <c r="O6142">
        <v>0</v>
      </c>
      <c r="P6142">
        <v>-8830</v>
      </c>
      <c r="Q6142">
        <v>0</v>
      </c>
      <c r="R6142">
        <v>22383</v>
      </c>
      <c r="S6142">
        <v>0</v>
      </c>
      <c r="T6142">
        <v>0</v>
      </c>
      <c r="U6142">
        <v>0</v>
      </c>
      <c r="V6142">
        <v>1</v>
      </c>
      <c r="W6142">
        <v>1</v>
      </c>
      <c r="X6142">
        <v>0</v>
      </c>
      <c r="Y6142">
        <v>61</v>
      </c>
      <c r="Z6142">
        <v>13</v>
      </c>
      <c r="AA6142">
        <v>88</v>
      </c>
      <c r="AB6142">
        <v>34</v>
      </c>
      <c r="AC6142">
        <v>48</v>
      </c>
      <c r="AD6142">
        <v>23</v>
      </c>
      <c r="AE6142">
        <v>46</v>
      </c>
      <c r="AF6142">
        <v>16400</v>
      </c>
      <c r="AG6142">
        <v>110041</v>
      </c>
      <c r="AH6142">
        <v>50000</v>
      </c>
      <c r="AI6142">
        <v>0</v>
      </c>
      <c r="AJ6142">
        <v>110</v>
      </c>
      <c r="AK6142" t="s">
        <v>31</v>
      </c>
      <c r="AL6142">
        <v>0</v>
      </c>
      <c r="AM6142">
        <v>0</v>
      </c>
      <c r="AN6142">
        <v>0</v>
      </c>
      <c r="AO6142">
        <v>0</v>
      </c>
      <c r="AP6142">
        <v>0</v>
      </c>
      <c r="AQ6142">
        <v>0</v>
      </c>
      <c r="AR6142">
        <v>0</v>
      </c>
      <c r="AS6142">
        <v>0</v>
      </c>
      <c r="AT6142">
        <v>0</v>
      </c>
      <c r="AU6142">
        <v>0</v>
      </c>
      <c r="AV6142">
        <v>0</v>
      </c>
      <c r="AW6142">
        <v>0</v>
      </c>
      <c r="AX6142">
        <v>7275</v>
      </c>
      <c r="AY6142">
        <v>11</v>
      </c>
      <c r="AZ6142">
        <v>20</v>
      </c>
      <c r="BA6142">
        <v>2270</v>
      </c>
    </row>
    <row r="6143" spans="1:53" x14ac:dyDescent="0.4">
      <c r="A6143">
        <v>6187</v>
      </c>
      <c r="B6143" s="1">
        <v>45177</v>
      </c>
      <c r="C6143">
        <v>1</v>
      </c>
      <c r="D6143" s="1">
        <v>45177.291666666664</v>
      </c>
      <c r="E6143" s="1">
        <v>45177.443055555559</v>
      </c>
      <c r="F6143">
        <v>0</v>
      </c>
      <c r="G6143">
        <v>0</v>
      </c>
      <c r="H6143">
        <v>0</v>
      </c>
      <c r="I6143">
        <v>0</v>
      </c>
      <c r="J6143">
        <v>0</v>
      </c>
      <c r="K6143">
        <v>0</v>
      </c>
      <c r="L6143">
        <v>0</v>
      </c>
      <c r="M6143">
        <v>0</v>
      </c>
      <c r="N6143">
        <v>0</v>
      </c>
      <c r="O6143">
        <v>0</v>
      </c>
      <c r="P6143">
        <v>0</v>
      </c>
      <c r="Q6143">
        <v>0</v>
      </c>
      <c r="R6143">
        <v>0</v>
      </c>
      <c r="S6143">
        <v>0</v>
      </c>
      <c r="T6143">
        <v>0</v>
      </c>
      <c r="U6143">
        <v>0</v>
      </c>
      <c r="V6143">
        <v>0</v>
      </c>
      <c r="W6143">
        <v>1</v>
      </c>
      <c r="X6143">
        <v>0</v>
      </c>
      <c r="Y6143">
        <v>30</v>
      </c>
      <c r="Z6143">
        <v>11</v>
      </c>
      <c r="AA6143">
        <v>71</v>
      </c>
      <c r="AB6143">
        <v>35</v>
      </c>
      <c r="AC6143">
        <v>50</v>
      </c>
      <c r="AD6143">
        <v>20</v>
      </c>
      <c r="AE6143">
        <v>50</v>
      </c>
      <c r="AF6143">
        <v>0</v>
      </c>
      <c r="AG6143">
        <v>50000</v>
      </c>
      <c r="AH6143">
        <v>50000</v>
      </c>
      <c r="AI6143">
        <v>0</v>
      </c>
      <c r="AJ6143">
        <v>0</v>
      </c>
      <c r="AK6143" t="s">
        <v>6</v>
      </c>
      <c r="AL6143">
        <v>0</v>
      </c>
      <c r="AM6143">
        <v>0</v>
      </c>
      <c r="AN6143">
        <v>0</v>
      </c>
      <c r="AO6143">
        <v>0</v>
      </c>
      <c r="AP6143">
        <v>0</v>
      </c>
      <c r="AQ6143">
        <v>0</v>
      </c>
      <c r="AR6143">
        <v>0</v>
      </c>
      <c r="AS6143">
        <v>0</v>
      </c>
      <c r="AT6143">
        <v>0</v>
      </c>
      <c r="AU6143">
        <v>0</v>
      </c>
      <c r="AV6143">
        <v>0</v>
      </c>
      <c r="AW6143">
        <v>0</v>
      </c>
      <c r="AX6143">
        <v>0</v>
      </c>
      <c r="AY6143">
        <v>0</v>
      </c>
      <c r="AZ6143">
        <v>0</v>
      </c>
      <c r="BA6143">
        <v>0</v>
      </c>
    </row>
    <row r="6144" spans="1:53" x14ac:dyDescent="0.4">
      <c r="A6144">
        <v>6188</v>
      </c>
      <c r="B6144" s="1">
        <v>45177</v>
      </c>
      <c r="C6144">
        <v>2</v>
      </c>
      <c r="D6144" s="1">
        <v>45177.443055555559</v>
      </c>
      <c r="E6144" s="1">
        <v>45177.720833333333</v>
      </c>
      <c r="F6144">
        <v>13630</v>
      </c>
      <c r="G6144">
        <v>0</v>
      </c>
      <c r="H6144">
        <v>220</v>
      </c>
      <c r="I6144">
        <v>0</v>
      </c>
      <c r="J6144">
        <v>0</v>
      </c>
      <c r="K6144">
        <v>0</v>
      </c>
      <c r="L6144">
        <v>0</v>
      </c>
      <c r="M6144">
        <v>1258</v>
      </c>
      <c r="N6144">
        <v>0</v>
      </c>
      <c r="O6144">
        <v>0</v>
      </c>
      <c r="P6144">
        <v>28480</v>
      </c>
      <c r="Q6144">
        <v>0</v>
      </c>
      <c r="R6144">
        <v>42330</v>
      </c>
      <c r="S6144">
        <v>0</v>
      </c>
      <c r="T6144">
        <v>0</v>
      </c>
      <c r="U6144">
        <v>0</v>
      </c>
      <c r="V6144">
        <v>0</v>
      </c>
      <c r="W6144">
        <v>2</v>
      </c>
      <c r="X6144">
        <v>0</v>
      </c>
      <c r="Y6144">
        <v>59</v>
      </c>
      <c r="Z6144">
        <v>23</v>
      </c>
      <c r="AA6144">
        <v>53</v>
      </c>
      <c r="AB6144">
        <v>35</v>
      </c>
      <c r="AC6144">
        <v>58</v>
      </c>
      <c r="AD6144">
        <v>20</v>
      </c>
      <c r="AE6144">
        <v>50</v>
      </c>
      <c r="AF6144">
        <v>4050</v>
      </c>
      <c r="AG6144">
        <v>92330</v>
      </c>
      <c r="AH6144">
        <v>50000</v>
      </c>
      <c r="AI6144">
        <v>0</v>
      </c>
      <c r="AJ6144">
        <v>36</v>
      </c>
      <c r="AK6144" t="s">
        <v>68</v>
      </c>
      <c r="AL6144">
        <v>0</v>
      </c>
      <c r="AM6144">
        <v>0</v>
      </c>
      <c r="AN6144">
        <v>0</v>
      </c>
      <c r="AO6144">
        <v>0</v>
      </c>
      <c r="AP6144">
        <v>0</v>
      </c>
      <c r="AQ6144">
        <v>0</v>
      </c>
      <c r="AR6144">
        <v>0</v>
      </c>
      <c r="AS6144">
        <v>0</v>
      </c>
      <c r="AT6144">
        <v>0</v>
      </c>
      <c r="AU6144">
        <v>0</v>
      </c>
      <c r="AV6144">
        <v>0</v>
      </c>
      <c r="AW6144">
        <v>0</v>
      </c>
      <c r="AX6144">
        <v>880</v>
      </c>
      <c r="AY6144">
        <v>32</v>
      </c>
      <c r="AZ6144">
        <v>69</v>
      </c>
      <c r="BA6144">
        <v>4594</v>
      </c>
    </row>
    <row r="6145" spans="1:53" x14ac:dyDescent="0.4">
      <c r="A6145">
        <v>6189</v>
      </c>
      <c r="B6145" s="1">
        <v>45177</v>
      </c>
      <c r="C6145">
        <v>3</v>
      </c>
      <c r="D6145" s="1">
        <v>45177.720833333333</v>
      </c>
      <c r="E6145" s="1">
        <v>45177.925000000003</v>
      </c>
      <c r="F6145">
        <v>54730</v>
      </c>
      <c r="G6145">
        <v>880</v>
      </c>
      <c r="H6145">
        <v>0</v>
      </c>
      <c r="I6145">
        <v>0</v>
      </c>
      <c r="J6145">
        <v>0</v>
      </c>
      <c r="K6145">
        <v>0</v>
      </c>
      <c r="L6145">
        <v>0</v>
      </c>
      <c r="M6145">
        <v>5054</v>
      </c>
      <c r="N6145">
        <v>0</v>
      </c>
      <c r="O6145">
        <v>0</v>
      </c>
      <c r="P6145">
        <v>-28480</v>
      </c>
      <c r="Q6145">
        <v>0</v>
      </c>
      <c r="R6145">
        <v>27130</v>
      </c>
      <c r="S6145">
        <v>0</v>
      </c>
      <c r="T6145">
        <v>0</v>
      </c>
      <c r="U6145">
        <v>0</v>
      </c>
      <c r="V6145">
        <v>1</v>
      </c>
      <c r="W6145">
        <v>2</v>
      </c>
      <c r="X6145">
        <v>0</v>
      </c>
      <c r="Y6145">
        <v>65</v>
      </c>
      <c r="Z6145">
        <v>21</v>
      </c>
      <c r="AA6145">
        <v>40</v>
      </c>
      <c r="AB6145">
        <v>31</v>
      </c>
      <c r="AC6145">
        <v>52</v>
      </c>
      <c r="AD6145">
        <v>23</v>
      </c>
      <c r="AE6145">
        <v>50</v>
      </c>
      <c r="AF6145">
        <v>17725</v>
      </c>
      <c r="AG6145">
        <v>119460</v>
      </c>
      <c r="AH6145">
        <v>50000</v>
      </c>
      <c r="AI6145">
        <v>0</v>
      </c>
      <c r="AJ6145">
        <v>112</v>
      </c>
      <c r="AK6145" t="s">
        <v>78</v>
      </c>
      <c r="AL6145">
        <v>0</v>
      </c>
      <c r="AM6145">
        <v>0</v>
      </c>
      <c r="AN6145">
        <v>0</v>
      </c>
      <c r="AO6145">
        <v>0</v>
      </c>
      <c r="AP6145">
        <v>0</v>
      </c>
      <c r="AQ6145">
        <v>0</v>
      </c>
      <c r="AR6145">
        <v>0</v>
      </c>
      <c r="AS6145">
        <v>0</v>
      </c>
      <c r="AT6145">
        <v>0</v>
      </c>
      <c r="AU6145">
        <v>0</v>
      </c>
      <c r="AV6145">
        <v>0</v>
      </c>
      <c r="AW6145">
        <v>0</v>
      </c>
      <c r="AX6145">
        <v>69140</v>
      </c>
      <c r="AY6145">
        <v>24</v>
      </c>
      <c r="AZ6145">
        <v>49</v>
      </c>
      <c r="BA6145">
        <v>3359</v>
      </c>
    </row>
    <row r="6146" spans="1:53" x14ac:dyDescent="0.4">
      <c r="A6146">
        <v>6190</v>
      </c>
      <c r="B6146" s="1">
        <v>45178</v>
      </c>
      <c r="C6146">
        <v>1</v>
      </c>
      <c r="D6146" s="1">
        <v>45178.291666666664</v>
      </c>
      <c r="E6146" s="1">
        <v>45178.405555555553</v>
      </c>
      <c r="F6146">
        <v>0</v>
      </c>
      <c r="G6146">
        <v>0</v>
      </c>
      <c r="H6146">
        <v>0</v>
      </c>
      <c r="I6146">
        <v>0</v>
      </c>
      <c r="J6146">
        <v>0</v>
      </c>
      <c r="K6146">
        <v>0</v>
      </c>
      <c r="L6146">
        <v>0</v>
      </c>
      <c r="M6146">
        <v>0</v>
      </c>
      <c r="N6146">
        <v>0</v>
      </c>
      <c r="O6146">
        <v>0</v>
      </c>
      <c r="P6146">
        <v>0</v>
      </c>
      <c r="Q6146">
        <v>0</v>
      </c>
      <c r="R6146">
        <v>0</v>
      </c>
      <c r="S6146">
        <v>0</v>
      </c>
      <c r="T6146">
        <v>0</v>
      </c>
      <c r="U6146">
        <v>0</v>
      </c>
      <c r="V6146">
        <v>0</v>
      </c>
      <c r="W6146">
        <v>1</v>
      </c>
      <c r="X6146">
        <v>0</v>
      </c>
      <c r="Y6146">
        <v>32</v>
      </c>
      <c r="Z6146">
        <v>9</v>
      </c>
      <c r="AA6146">
        <v>66</v>
      </c>
      <c r="AB6146">
        <v>26</v>
      </c>
      <c r="AC6146">
        <v>44</v>
      </c>
      <c r="AD6146">
        <v>23</v>
      </c>
      <c r="AE6146">
        <v>45</v>
      </c>
      <c r="AF6146">
        <v>0</v>
      </c>
      <c r="AG6146">
        <v>50000</v>
      </c>
      <c r="AH6146">
        <v>50000</v>
      </c>
      <c r="AI6146">
        <v>0</v>
      </c>
      <c r="AJ6146">
        <v>0</v>
      </c>
      <c r="AK6146" t="s">
        <v>6</v>
      </c>
      <c r="AL6146">
        <v>0</v>
      </c>
      <c r="AM6146">
        <v>0</v>
      </c>
      <c r="AN6146">
        <v>0</v>
      </c>
      <c r="AO6146">
        <v>0</v>
      </c>
      <c r="AP6146">
        <v>0</v>
      </c>
      <c r="AQ6146">
        <v>0</v>
      </c>
      <c r="AR6146">
        <v>0</v>
      </c>
      <c r="AS6146">
        <v>0</v>
      </c>
      <c r="AT6146">
        <v>0</v>
      </c>
      <c r="AU6146">
        <v>0</v>
      </c>
      <c r="AV6146">
        <v>0</v>
      </c>
      <c r="AW6146">
        <v>0</v>
      </c>
      <c r="AX6146">
        <v>0</v>
      </c>
      <c r="AY6146">
        <v>0</v>
      </c>
      <c r="AZ6146">
        <v>0</v>
      </c>
      <c r="BA6146">
        <v>0</v>
      </c>
    </row>
    <row r="6147" spans="1:53" x14ac:dyDescent="0.4">
      <c r="A6147">
        <v>6191</v>
      </c>
      <c r="B6147" s="1">
        <v>45178</v>
      </c>
      <c r="C6147">
        <v>2</v>
      </c>
      <c r="D6147" s="1">
        <v>45178.405555555553</v>
      </c>
      <c r="E6147" s="1">
        <v>45178.749305555553</v>
      </c>
      <c r="F6147">
        <v>42330</v>
      </c>
      <c r="G6147">
        <v>1628</v>
      </c>
      <c r="H6147">
        <v>0</v>
      </c>
      <c r="I6147">
        <v>0</v>
      </c>
      <c r="J6147">
        <v>200</v>
      </c>
      <c r="K6147">
        <v>1600</v>
      </c>
      <c r="L6147">
        <v>0</v>
      </c>
      <c r="M6147">
        <v>4125</v>
      </c>
      <c r="N6147">
        <v>0</v>
      </c>
      <c r="O6147">
        <v>0</v>
      </c>
      <c r="P6147">
        <v>18210</v>
      </c>
      <c r="Q6147">
        <v>0</v>
      </c>
      <c r="R6147">
        <v>63568</v>
      </c>
      <c r="S6147">
        <v>0</v>
      </c>
      <c r="T6147">
        <v>0</v>
      </c>
      <c r="U6147">
        <v>0</v>
      </c>
      <c r="V6147">
        <v>1</v>
      </c>
      <c r="W6147">
        <v>3</v>
      </c>
      <c r="X6147">
        <v>0</v>
      </c>
      <c r="Y6147">
        <v>56</v>
      </c>
      <c r="Z6147">
        <v>24</v>
      </c>
      <c r="AA6147">
        <v>106</v>
      </c>
      <c r="AB6147">
        <v>26</v>
      </c>
      <c r="AC6147">
        <v>65</v>
      </c>
      <c r="AD6147">
        <v>24</v>
      </c>
      <c r="AE6147">
        <v>48</v>
      </c>
      <c r="AF6147">
        <v>7850</v>
      </c>
      <c r="AG6147">
        <v>113568</v>
      </c>
      <c r="AH6147">
        <v>50000</v>
      </c>
      <c r="AI6147">
        <v>0</v>
      </c>
      <c r="AJ6147">
        <v>45</v>
      </c>
      <c r="AK6147" t="s">
        <v>77</v>
      </c>
      <c r="AL6147">
        <v>0</v>
      </c>
      <c r="AM6147">
        <v>0</v>
      </c>
      <c r="AN6147">
        <v>0</v>
      </c>
      <c r="AO6147">
        <v>0</v>
      </c>
      <c r="AP6147">
        <v>0</v>
      </c>
      <c r="AQ6147">
        <v>0</v>
      </c>
      <c r="AR6147">
        <v>0</v>
      </c>
      <c r="AS6147">
        <v>0</v>
      </c>
      <c r="AT6147">
        <v>0</v>
      </c>
      <c r="AU6147">
        <v>0</v>
      </c>
      <c r="AV6147">
        <v>0</v>
      </c>
      <c r="AW6147">
        <v>0</v>
      </c>
      <c r="AX6147">
        <v>698</v>
      </c>
      <c r="AY6147">
        <v>51</v>
      </c>
      <c r="AZ6147">
        <v>95</v>
      </c>
      <c r="BA6147">
        <v>7781</v>
      </c>
    </row>
    <row r="6148" spans="1:53" x14ac:dyDescent="0.4">
      <c r="A6148">
        <v>6192</v>
      </c>
      <c r="B6148" s="1">
        <v>45179</v>
      </c>
      <c r="C6148">
        <v>1</v>
      </c>
      <c r="D6148" s="1">
        <v>45179.291666666664</v>
      </c>
      <c r="E6148" s="1">
        <v>45179.401388888888</v>
      </c>
      <c r="F6148">
        <v>0</v>
      </c>
      <c r="G6148">
        <v>0</v>
      </c>
      <c r="H6148">
        <v>0</v>
      </c>
      <c r="I6148">
        <v>0</v>
      </c>
      <c r="J6148">
        <v>0</v>
      </c>
      <c r="K6148">
        <v>0</v>
      </c>
      <c r="L6148">
        <v>0</v>
      </c>
      <c r="M6148">
        <v>0</v>
      </c>
      <c r="N6148">
        <v>0</v>
      </c>
      <c r="O6148">
        <v>0</v>
      </c>
      <c r="P6148">
        <v>0</v>
      </c>
      <c r="Q6148">
        <v>0</v>
      </c>
      <c r="R6148">
        <v>0</v>
      </c>
      <c r="S6148">
        <v>0</v>
      </c>
      <c r="T6148">
        <v>0</v>
      </c>
      <c r="U6148">
        <v>0</v>
      </c>
      <c r="V6148">
        <v>0</v>
      </c>
      <c r="W6148">
        <v>1</v>
      </c>
      <c r="X6148">
        <v>0</v>
      </c>
      <c r="Y6148">
        <v>30</v>
      </c>
      <c r="Z6148">
        <v>10</v>
      </c>
      <c r="AA6148">
        <v>80</v>
      </c>
      <c r="AB6148">
        <v>25</v>
      </c>
      <c r="AC6148">
        <v>57</v>
      </c>
      <c r="AD6148">
        <v>28</v>
      </c>
      <c r="AE6148">
        <v>40</v>
      </c>
      <c r="AF6148">
        <v>0</v>
      </c>
      <c r="AG6148">
        <v>50000</v>
      </c>
      <c r="AH6148">
        <v>50000</v>
      </c>
      <c r="AI6148">
        <v>0</v>
      </c>
      <c r="AJ6148">
        <v>0</v>
      </c>
      <c r="AK6148" t="s">
        <v>6</v>
      </c>
      <c r="AL6148">
        <v>0</v>
      </c>
      <c r="AM6148">
        <v>0</v>
      </c>
      <c r="AN6148">
        <v>0</v>
      </c>
      <c r="AO6148">
        <v>0</v>
      </c>
      <c r="AP6148">
        <v>0</v>
      </c>
      <c r="AQ6148">
        <v>0</v>
      </c>
      <c r="AR6148">
        <v>0</v>
      </c>
      <c r="AS6148">
        <v>0</v>
      </c>
      <c r="AT6148">
        <v>0</v>
      </c>
      <c r="AU6148">
        <v>0</v>
      </c>
      <c r="AV6148">
        <v>0</v>
      </c>
      <c r="AW6148">
        <v>0</v>
      </c>
      <c r="AX6148">
        <v>0</v>
      </c>
      <c r="AY6148">
        <v>0</v>
      </c>
      <c r="AZ6148">
        <v>0</v>
      </c>
      <c r="BA6148">
        <v>0</v>
      </c>
    </row>
    <row r="6149" spans="1:53" x14ac:dyDescent="0.4">
      <c r="A6149">
        <v>6193</v>
      </c>
      <c r="B6149" s="1">
        <v>45179</v>
      </c>
      <c r="C6149">
        <v>2</v>
      </c>
      <c r="D6149" s="1">
        <v>45179.401388888888</v>
      </c>
      <c r="E6149" s="1">
        <v>45179.736111111109</v>
      </c>
      <c r="F6149">
        <v>44690</v>
      </c>
      <c r="G6149">
        <v>3333</v>
      </c>
      <c r="H6149">
        <v>0</v>
      </c>
      <c r="I6149">
        <v>0</v>
      </c>
      <c r="J6149">
        <v>400</v>
      </c>
      <c r="K6149">
        <v>400</v>
      </c>
      <c r="L6149">
        <v>0</v>
      </c>
      <c r="M6149">
        <v>4366</v>
      </c>
      <c r="N6149">
        <v>0</v>
      </c>
      <c r="O6149">
        <v>0</v>
      </c>
      <c r="P6149">
        <v>25155</v>
      </c>
      <c r="Q6149">
        <v>0</v>
      </c>
      <c r="R6149">
        <v>73178</v>
      </c>
      <c r="S6149">
        <v>0</v>
      </c>
      <c r="T6149">
        <v>0</v>
      </c>
      <c r="U6149">
        <v>0</v>
      </c>
      <c r="V6149">
        <v>3</v>
      </c>
      <c r="W6149">
        <v>1</v>
      </c>
      <c r="X6149">
        <v>0</v>
      </c>
      <c r="Y6149">
        <v>54</v>
      </c>
      <c r="Z6149">
        <v>24</v>
      </c>
      <c r="AA6149">
        <v>112</v>
      </c>
      <c r="AB6149">
        <v>27</v>
      </c>
      <c r="AC6149">
        <v>86</v>
      </c>
      <c r="AD6149">
        <v>29</v>
      </c>
      <c r="AE6149">
        <v>48</v>
      </c>
      <c r="AF6149">
        <v>8575</v>
      </c>
      <c r="AG6149">
        <v>123178</v>
      </c>
      <c r="AH6149">
        <v>50000</v>
      </c>
      <c r="AI6149">
        <v>0</v>
      </c>
      <c r="AJ6149">
        <v>112</v>
      </c>
      <c r="AK6149" t="s">
        <v>78</v>
      </c>
      <c r="AL6149">
        <v>0</v>
      </c>
      <c r="AM6149">
        <v>0</v>
      </c>
      <c r="AN6149">
        <v>0</v>
      </c>
      <c r="AO6149">
        <v>0</v>
      </c>
      <c r="AP6149">
        <v>0</v>
      </c>
      <c r="AQ6149">
        <v>0</v>
      </c>
      <c r="AR6149">
        <v>0</v>
      </c>
      <c r="AS6149">
        <v>0</v>
      </c>
      <c r="AT6149">
        <v>0</v>
      </c>
      <c r="AU6149">
        <v>0</v>
      </c>
      <c r="AV6149">
        <v>0</v>
      </c>
      <c r="AW6149">
        <v>0</v>
      </c>
      <c r="AX6149">
        <v>0</v>
      </c>
      <c r="AY6149">
        <v>52</v>
      </c>
      <c r="AZ6149">
        <v>112</v>
      </c>
      <c r="BA6149">
        <v>7913</v>
      </c>
    </row>
    <row r="6150" spans="1:53" x14ac:dyDescent="0.4">
      <c r="A6150">
        <v>6194</v>
      </c>
      <c r="B6150" s="1">
        <v>45179</v>
      </c>
      <c r="C6150">
        <v>3</v>
      </c>
      <c r="D6150" s="1">
        <v>45179.736111111109</v>
      </c>
      <c r="E6150" s="1">
        <v>45179.959722222222</v>
      </c>
      <c r="F6150">
        <v>55495</v>
      </c>
      <c r="G6150">
        <v>1166</v>
      </c>
      <c r="H6150">
        <v>0</v>
      </c>
      <c r="I6150">
        <v>0</v>
      </c>
      <c r="J6150">
        <v>500</v>
      </c>
      <c r="K6150">
        <v>0</v>
      </c>
      <c r="L6150">
        <v>0</v>
      </c>
      <c r="M6150">
        <v>5104</v>
      </c>
      <c r="N6150">
        <v>0</v>
      </c>
      <c r="O6150">
        <v>0</v>
      </c>
      <c r="P6150">
        <v>-18855</v>
      </c>
      <c r="Q6150">
        <v>0</v>
      </c>
      <c r="R6150">
        <v>37306</v>
      </c>
      <c r="S6150">
        <v>0</v>
      </c>
      <c r="T6150">
        <v>0</v>
      </c>
      <c r="U6150">
        <v>0</v>
      </c>
      <c r="V6150">
        <v>6</v>
      </c>
      <c r="W6150">
        <v>0</v>
      </c>
      <c r="X6150">
        <v>0</v>
      </c>
      <c r="Y6150">
        <v>58</v>
      </c>
      <c r="Z6150">
        <v>22</v>
      </c>
      <c r="AA6150">
        <v>109</v>
      </c>
      <c r="AB6150">
        <v>26</v>
      </c>
      <c r="AC6150">
        <v>88</v>
      </c>
      <c r="AD6150">
        <v>29</v>
      </c>
      <c r="AE6150">
        <v>46</v>
      </c>
      <c r="AF6150">
        <v>18213</v>
      </c>
      <c r="AG6150">
        <v>160484</v>
      </c>
      <c r="AH6150">
        <v>50000</v>
      </c>
      <c r="AI6150">
        <v>0</v>
      </c>
      <c r="AJ6150">
        <v>110</v>
      </c>
      <c r="AK6150" t="s">
        <v>31</v>
      </c>
      <c r="AL6150">
        <v>0</v>
      </c>
      <c r="AM6150">
        <v>0</v>
      </c>
      <c r="AN6150">
        <v>0</v>
      </c>
      <c r="AO6150">
        <v>0</v>
      </c>
      <c r="AP6150">
        <v>0</v>
      </c>
      <c r="AQ6150">
        <v>0</v>
      </c>
      <c r="AR6150">
        <v>0</v>
      </c>
      <c r="AS6150">
        <v>0</v>
      </c>
      <c r="AT6150">
        <v>0</v>
      </c>
      <c r="AU6150">
        <v>0</v>
      </c>
      <c r="AV6150">
        <v>0</v>
      </c>
      <c r="AW6150">
        <v>0</v>
      </c>
      <c r="AX6150">
        <v>4246</v>
      </c>
      <c r="AY6150">
        <v>16</v>
      </c>
      <c r="AZ6150">
        <v>34</v>
      </c>
      <c r="BA6150">
        <v>3457</v>
      </c>
    </row>
    <row r="6151" spans="1:53" x14ac:dyDescent="0.4">
      <c r="A6151">
        <v>6195</v>
      </c>
      <c r="B6151" s="1">
        <v>45180</v>
      </c>
      <c r="C6151">
        <v>1</v>
      </c>
      <c r="D6151" s="1">
        <v>45180.291666666664</v>
      </c>
      <c r="E6151" s="1">
        <v>45180.443055555559</v>
      </c>
      <c r="F6151">
        <v>0</v>
      </c>
      <c r="G6151">
        <v>0</v>
      </c>
      <c r="H6151">
        <v>0</v>
      </c>
      <c r="I6151">
        <v>0</v>
      </c>
      <c r="J6151">
        <v>0</v>
      </c>
      <c r="K6151">
        <v>0</v>
      </c>
      <c r="L6151">
        <v>0</v>
      </c>
      <c r="M6151">
        <v>0</v>
      </c>
      <c r="N6151">
        <v>0</v>
      </c>
      <c r="O6151">
        <v>0</v>
      </c>
      <c r="P6151">
        <v>0</v>
      </c>
      <c r="Q6151">
        <v>0</v>
      </c>
      <c r="R6151">
        <v>0</v>
      </c>
      <c r="S6151">
        <v>0</v>
      </c>
      <c r="T6151">
        <v>0</v>
      </c>
      <c r="U6151">
        <v>0</v>
      </c>
      <c r="V6151">
        <v>0</v>
      </c>
      <c r="W6151">
        <v>0</v>
      </c>
      <c r="X6151">
        <v>0</v>
      </c>
      <c r="Y6151">
        <v>30</v>
      </c>
      <c r="Z6151">
        <v>13</v>
      </c>
      <c r="AA6151">
        <v>111</v>
      </c>
      <c r="AB6151">
        <v>26</v>
      </c>
      <c r="AC6151">
        <v>90</v>
      </c>
      <c r="AD6151">
        <v>29</v>
      </c>
      <c r="AE6151">
        <v>45</v>
      </c>
      <c r="AF6151">
        <v>0</v>
      </c>
      <c r="AG6151">
        <v>49990</v>
      </c>
      <c r="AH6151">
        <v>50000</v>
      </c>
      <c r="AI6151">
        <v>-10</v>
      </c>
      <c r="AJ6151">
        <v>0</v>
      </c>
      <c r="AK6151" t="s">
        <v>6</v>
      </c>
      <c r="AL6151">
        <v>0</v>
      </c>
      <c r="AM6151">
        <v>0</v>
      </c>
      <c r="AN6151">
        <v>0</v>
      </c>
      <c r="AO6151">
        <v>0</v>
      </c>
      <c r="AP6151">
        <v>0</v>
      </c>
      <c r="AQ6151">
        <v>0</v>
      </c>
      <c r="AR6151">
        <v>0</v>
      </c>
      <c r="AS6151">
        <v>0</v>
      </c>
      <c r="AT6151">
        <v>0</v>
      </c>
      <c r="AU6151">
        <v>0</v>
      </c>
      <c r="AV6151">
        <v>0</v>
      </c>
      <c r="AW6151">
        <v>0</v>
      </c>
      <c r="AX6151">
        <v>0</v>
      </c>
      <c r="AY6151">
        <v>0</v>
      </c>
      <c r="AZ6151">
        <v>0</v>
      </c>
      <c r="BA6151">
        <v>0</v>
      </c>
    </row>
    <row r="6152" spans="1:53" x14ac:dyDescent="0.4">
      <c r="A6152">
        <v>6196</v>
      </c>
      <c r="B6152" s="1">
        <v>45180</v>
      </c>
      <c r="C6152">
        <v>2</v>
      </c>
      <c r="D6152" s="1">
        <v>45180.443055555559</v>
      </c>
      <c r="E6152" s="1">
        <v>45180.745138888888</v>
      </c>
      <c r="F6152">
        <v>22800</v>
      </c>
      <c r="G6152">
        <v>440</v>
      </c>
      <c r="H6152">
        <v>220</v>
      </c>
      <c r="I6152">
        <v>0</v>
      </c>
      <c r="J6152">
        <v>200</v>
      </c>
      <c r="K6152">
        <v>0</v>
      </c>
      <c r="L6152">
        <v>0</v>
      </c>
      <c r="M6152">
        <v>2112</v>
      </c>
      <c r="N6152">
        <v>0</v>
      </c>
      <c r="O6152">
        <v>0</v>
      </c>
      <c r="P6152">
        <v>18360</v>
      </c>
      <c r="Q6152">
        <v>0</v>
      </c>
      <c r="R6152">
        <v>41620</v>
      </c>
      <c r="S6152">
        <v>0</v>
      </c>
      <c r="T6152">
        <v>0</v>
      </c>
      <c r="U6152">
        <v>0</v>
      </c>
      <c r="V6152">
        <v>1</v>
      </c>
      <c r="W6152">
        <v>0</v>
      </c>
      <c r="X6152">
        <v>0</v>
      </c>
      <c r="Y6152">
        <v>49</v>
      </c>
      <c r="Z6152">
        <v>24</v>
      </c>
      <c r="AA6152">
        <v>120</v>
      </c>
      <c r="AB6152">
        <v>27</v>
      </c>
      <c r="AC6152">
        <v>114</v>
      </c>
      <c r="AD6152">
        <v>29</v>
      </c>
      <c r="AE6152">
        <v>45</v>
      </c>
      <c r="AF6152">
        <v>5930</v>
      </c>
      <c r="AG6152">
        <v>91610</v>
      </c>
      <c r="AH6152">
        <v>50000</v>
      </c>
      <c r="AI6152">
        <v>-10</v>
      </c>
      <c r="AJ6152">
        <v>36</v>
      </c>
      <c r="AK6152" t="s">
        <v>68</v>
      </c>
      <c r="AL6152">
        <v>0</v>
      </c>
      <c r="AM6152">
        <v>0</v>
      </c>
      <c r="AN6152">
        <v>0</v>
      </c>
      <c r="AO6152">
        <v>0</v>
      </c>
      <c r="AP6152">
        <v>0</v>
      </c>
      <c r="AQ6152">
        <v>0</v>
      </c>
      <c r="AR6152">
        <v>0</v>
      </c>
      <c r="AS6152">
        <v>0</v>
      </c>
      <c r="AT6152">
        <v>0</v>
      </c>
      <c r="AU6152">
        <v>0</v>
      </c>
      <c r="AV6152">
        <v>0</v>
      </c>
      <c r="AW6152">
        <v>0</v>
      </c>
      <c r="AX6152">
        <v>1138</v>
      </c>
      <c r="AY6152">
        <v>39</v>
      </c>
      <c r="AZ6152">
        <v>68</v>
      </c>
      <c r="BA6152">
        <v>5051</v>
      </c>
    </row>
    <row r="6153" spans="1:53" x14ac:dyDescent="0.4">
      <c r="A6153">
        <v>6197</v>
      </c>
      <c r="B6153" s="1">
        <v>45181</v>
      </c>
      <c r="C6153">
        <v>1</v>
      </c>
      <c r="D6153" s="1">
        <v>45181.291666666664</v>
      </c>
      <c r="E6153" s="1">
        <v>45181.443749999999</v>
      </c>
      <c r="F6153">
        <v>0</v>
      </c>
      <c r="G6153">
        <v>0</v>
      </c>
      <c r="H6153">
        <v>0</v>
      </c>
      <c r="I6153">
        <v>0</v>
      </c>
      <c r="J6153">
        <v>0</v>
      </c>
      <c r="K6153">
        <v>0</v>
      </c>
      <c r="L6153">
        <v>0</v>
      </c>
      <c r="M6153">
        <v>0</v>
      </c>
      <c r="N6153">
        <v>0</v>
      </c>
      <c r="O6153">
        <v>0</v>
      </c>
      <c r="P6153">
        <v>0</v>
      </c>
      <c r="Q6153">
        <v>0</v>
      </c>
      <c r="R6153">
        <v>0</v>
      </c>
      <c r="S6153">
        <v>0</v>
      </c>
      <c r="T6153">
        <v>0</v>
      </c>
      <c r="U6153">
        <v>0</v>
      </c>
      <c r="V6153">
        <v>0</v>
      </c>
      <c r="W6153">
        <v>0</v>
      </c>
      <c r="X6153">
        <v>0</v>
      </c>
      <c r="Y6153">
        <v>31</v>
      </c>
      <c r="Z6153">
        <v>12</v>
      </c>
      <c r="AA6153">
        <v>104</v>
      </c>
      <c r="AB6153">
        <v>27</v>
      </c>
      <c r="AC6153">
        <v>106</v>
      </c>
      <c r="AD6153">
        <v>29</v>
      </c>
      <c r="AE6153">
        <v>45</v>
      </c>
      <c r="AF6153">
        <v>0</v>
      </c>
      <c r="AG6153">
        <v>50000</v>
      </c>
      <c r="AH6153">
        <v>50000</v>
      </c>
      <c r="AI6153">
        <v>0</v>
      </c>
      <c r="AJ6153">
        <v>0</v>
      </c>
      <c r="AK6153" t="s">
        <v>6</v>
      </c>
      <c r="AL6153">
        <v>0</v>
      </c>
      <c r="AM6153">
        <v>0</v>
      </c>
      <c r="AN6153">
        <v>0</v>
      </c>
      <c r="AO6153">
        <v>0</v>
      </c>
      <c r="AP6153">
        <v>0</v>
      </c>
      <c r="AQ6153">
        <v>0</v>
      </c>
      <c r="AR6153">
        <v>0</v>
      </c>
      <c r="AS6153">
        <v>0</v>
      </c>
      <c r="AT6153">
        <v>0</v>
      </c>
      <c r="AU6153">
        <v>0</v>
      </c>
      <c r="AV6153">
        <v>0</v>
      </c>
      <c r="AW6153">
        <v>0</v>
      </c>
      <c r="AX6153">
        <v>0</v>
      </c>
      <c r="AY6153">
        <v>0</v>
      </c>
      <c r="AZ6153">
        <v>0</v>
      </c>
      <c r="BA6153">
        <v>0</v>
      </c>
    </row>
    <row r="6154" spans="1:53" x14ac:dyDescent="0.4">
      <c r="A6154">
        <v>6198</v>
      </c>
      <c r="B6154" s="1">
        <v>45181</v>
      </c>
      <c r="C6154">
        <v>2</v>
      </c>
      <c r="D6154" s="1">
        <v>45181.443749999999</v>
      </c>
      <c r="E6154" s="1">
        <v>45181.730555555558</v>
      </c>
      <c r="F6154">
        <v>15300</v>
      </c>
      <c r="G6154">
        <v>308</v>
      </c>
      <c r="H6154">
        <v>0</v>
      </c>
      <c r="I6154">
        <v>0</v>
      </c>
      <c r="J6154">
        <v>100</v>
      </c>
      <c r="K6154">
        <v>0</v>
      </c>
      <c r="L6154">
        <v>0</v>
      </c>
      <c r="M6154">
        <v>1410</v>
      </c>
      <c r="N6154">
        <v>0</v>
      </c>
      <c r="O6154">
        <v>0</v>
      </c>
      <c r="P6154">
        <v>24680</v>
      </c>
      <c r="Q6154">
        <v>0</v>
      </c>
      <c r="R6154">
        <v>40188</v>
      </c>
      <c r="S6154">
        <v>0</v>
      </c>
      <c r="T6154">
        <v>0</v>
      </c>
      <c r="U6154">
        <v>0</v>
      </c>
      <c r="V6154">
        <v>2</v>
      </c>
      <c r="W6154">
        <v>2</v>
      </c>
      <c r="X6154">
        <v>0</v>
      </c>
      <c r="Y6154">
        <v>36</v>
      </c>
      <c r="Z6154">
        <v>15</v>
      </c>
      <c r="AA6154">
        <v>116</v>
      </c>
      <c r="AB6154">
        <v>24</v>
      </c>
      <c r="AC6154">
        <v>129</v>
      </c>
      <c r="AD6154">
        <v>32</v>
      </c>
      <c r="AE6154">
        <v>58</v>
      </c>
      <c r="AF6154">
        <v>2380</v>
      </c>
      <c r="AG6154">
        <v>90188</v>
      </c>
      <c r="AH6154">
        <v>50000</v>
      </c>
      <c r="AI6154">
        <v>0</v>
      </c>
      <c r="AJ6154">
        <v>38</v>
      </c>
      <c r="AK6154" t="s">
        <v>75</v>
      </c>
      <c r="AL6154">
        <v>0</v>
      </c>
      <c r="AM6154">
        <v>0</v>
      </c>
      <c r="AN6154">
        <v>0</v>
      </c>
      <c r="AO6154">
        <v>0</v>
      </c>
      <c r="AP6154">
        <v>0</v>
      </c>
      <c r="AQ6154">
        <v>0</v>
      </c>
      <c r="AR6154">
        <v>0</v>
      </c>
      <c r="AS6154">
        <v>0</v>
      </c>
      <c r="AT6154">
        <v>0</v>
      </c>
      <c r="AU6154">
        <v>0</v>
      </c>
      <c r="AV6154">
        <v>0</v>
      </c>
      <c r="AW6154">
        <v>0</v>
      </c>
      <c r="AX6154">
        <v>308</v>
      </c>
      <c r="AY6154">
        <v>36</v>
      </c>
      <c r="AZ6154">
        <v>63</v>
      </c>
      <c r="BA6154">
        <v>5164</v>
      </c>
    </row>
    <row r="6155" spans="1:53" x14ac:dyDescent="0.4">
      <c r="A6155">
        <v>6199</v>
      </c>
      <c r="B6155" s="1">
        <v>45182</v>
      </c>
      <c r="C6155">
        <v>1</v>
      </c>
      <c r="D6155" s="1">
        <v>45182.291666666664</v>
      </c>
      <c r="E6155" s="1">
        <v>45182.444444444445</v>
      </c>
      <c r="F6155">
        <v>0</v>
      </c>
      <c r="G6155">
        <v>0</v>
      </c>
      <c r="H6155">
        <v>0</v>
      </c>
      <c r="I6155">
        <v>0</v>
      </c>
      <c r="J6155">
        <v>0</v>
      </c>
      <c r="K6155">
        <v>0</v>
      </c>
      <c r="L6155">
        <v>0</v>
      </c>
      <c r="M6155">
        <v>0</v>
      </c>
      <c r="N6155">
        <v>0</v>
      </c>
      <c r="O6155">
        <v>0</v>
      </c>
      <c r="P6155">
        <v>0</v>
      </c>
      <c r="Q6155">
        <v>0</v>
      </c>
      <c r="R6155">
        <v>0</v>
      </c>
      <c r="S6155">
        <v>0</v>
      </c>
      <c r="T6155">
        <v>0</v>
      </c>
      <c r="U6155">
        <v>0</v>
      </c>
      <c r="V6155">
        <v>0</v>
      </c>
      <c r="W6155">
        <v>1</v>
      </c>
      <c r="X6155">
        <v>0</v>
      </c>
      <c r="Y6155">
        <v>30</v>
      </c>
      <c r="Z6155">
        <v>9</v>
      </c>
      <c r="AA6155">
        <v>84</v>
      </c>
      <c r="AB6155">
        <v>24</v>
      </c>
      <c r="AC6155">
        <v>69</v>
      </c>
      <c r="AD6155">
        <v>32</v>
      </c>
      <c r="AE6155">
        <v>50</v>
      </c>
      <c r="AF6155">
        <v>0</v>
      </c>
      <c r="AG6155">
        <v>50000</v>
      </c>
      <c r="AH6155">
        <v>50000</v>
      </c>
      <c r="AI6155">
        <v>0</v>
      </c>
      <c r="AJ6155">
        <v>0</v>
      </c>
      <c r="AK6155" t="s">
        <v>6</v>
      </c>
      <c r="AL6155">
        <v>0</v>
      </c>
      <c r="AM6155">
        <v>0</v>
      </c>
      <c r="AN6155">
        <v>0</v>
      </c>
      <c r="AO6155">
        <v>0</v>
      </c>
      <c r="AP6155">
        <v>0</v>
      </c>
      <c r="AQ6155">
        <v>0</v>
      </c>
      <c r="AR6155">
        <v>0</v>
      </c>
      <c r="AS6155">
        <v>0</v>
      </c>
      <c r="AT6155">
        <v>0</v>
      </c>
      <c r="AU6155">
        <v>0</v>
      </c>
      <c r="AV6155">
        <v>0</v>
      </c>
      <c r="AW6155">
        <v>0</v>
      </c>
      <c r="AX6155">
        <v>0</v>
      </c>
      <c r="AY6155">
        <v>0</v>
      </c>
      <c r="AZ6155">
        <v>0</v>
      </c>
      <c r="BA6155">
        <v>0</v>
      </c>
    </row>
    <row r="6156" spans="1:53" x14ac:dyDescent="0.4">
      <c r="A6156">
        <v>6200</v>
      </c>
      <c r="B6156" s="1">
        <v>45182</v>
      </c>
      <c r="C6156">
        <v>2</v>
      </c>
      <c r="D6156" s="1">
        <v>45182.444444444445</v>
      </c>
      <c r="E6156" s="1">
        <v>45182.738888888889</v>
      </c>
      <c r="F6156">
        <v>21310</v>
      </c>
      <c r="G6156">
        <v>605</v>
      </c>
      <c r="H6156">
        <v>0</v>
      </c>
      <c r="I6156">
        <v>0</v>
      </c>
      <c r="J6156">
        <v>0</v>
      </c>
      <c r="K6156">
        <v>0</v>
      </c>
      <c r="L6156">
        <v>0</v>
      </c>
      <c r="M6156">
        <v>1991</v>
      </c>
      <c r="N6156">
        <v>0</v>
      </c>
      <c r="O6156">
        <v>0</v>
      </c>
      <c r="P6156">
        <v>24810</v>
      </c>
      <c r="Q6156">
        <v>0</v>
      </c>
      <c r="R6156">
        <v>46725</v>
      </c>
      <c r="S6156">
        <v>0</v>
      </c>
      <c r="T6156">
        <v>0</v>
      </c>
      <c r="U6156">
        <v>0</v>
      </c>
      <c r="V6156">
        <v>1</v>
      </c>
      <c r="W6156">
        <v>1</v>
      </c>
      <c r="X6156">
        <v>0</v>
      </c>
      <c r="Y6156">
        <v>60</v>
      </c>
      <c r="Z6156">
        <v>14</v>
      </c>
      <c r="AA6156">
        <v>92</v>
      </c>
      <c r="AB6156">
        <v>31</v>
      </c>
      <c r="AC6156">
        <v>90</v>
      </c>
      <c r="AD6156">
        <v>33</v>
      </c>
      <c r="AE6156">
        <v>50</v>
      </c>
      <c r="AF6156">
        <v>2860</v>
      </c>
      <c r="AG6156">
        <v>96725</v>
      </c>
      <c r="AH6156">
        <v>50000</v>
      </c>
      <c r="AI6156">
        <v>0</v>
      </c>
      <c r="AJ6156">
        <v>38</v>
      </c>
      <c r="AK6156" t="s">
        <v>75</v>
      </c>
      <c r="AL6156">
        <v>0</v>
      </c>
      <c r="AM6156">
        <v>0</v>
      </c>
      <c r="AN6156">
        <v>0</v>
      </c>
      <c r="AO6156">
        <v>0</v>
      </c>
      <c r="AP6156">
        <v>0</v>
      </c>
      <c r="AQ6156">
        <v>0</v>
      </c>
      <c r="AR6156">
        <v>0</v>
      </c>
      <c r="AS6156">
        <v>0</v>
      </c>
      <c r="AT6156">
        <v>0</v>
      </c>
      <c r="AU6156">
        <v>0</v>
      </c>
      <c r="AV6156">
        <v>0</v>
      </c>
      <c r="AW6156">
        <v>0</v>
      </c>
      <c r="AX6156">
        <v>605</v>
      </c>
      <c r="AY6156">
        <v>33</v>
      </c>
      <c r="AZ6156">
        <v>71</v>
      </c>
      <c r="BA6156">
        <v>5082</v>
      </c>
    </row>
    <row r="6157" spans="1:53" x14ac:dyDescent="0.4">
      <c r="A6157">
        <v>6201</v>
      </c>
      <c r="B6157" s="1">
        <v>45183</v>
      </c>
      <c r="C6157">
        <v>1</v>
      </c>
      <c r="D6157" s="1">
        <v>45183.291666666664</v>
      </c>
      <c r="E6157" s="1">
        <v>45183.444444444445</v>
      </c>
      <c r="F6157">
        <v>0</v>
      </c>
      <c r="G6157">
        <v>0</v>
      </c>
      <c r="H6157">
        <v>0</v>
      </c>
      <c r="I6157">
        <v>0</v>
      </c>
      <c r="J6157">
        <v>0</v>
      </c>
      <c r="K6157">
        <v>0</v>
      </c>
      <c r="L6157">
        <v>0</v>
      </c>
      <c r="M6157">
        <v>0</v>
      </c>
      <c r="N6157">
        <v>0</v>
      </c>
      <c r="O6157">
        <v>0</v>
      </c>
      <c r="P6157">
        <v>0</v>
      </c>
      <c r="Q6157">
        <v>0</v>
      </c>
      <c r="R6157">
        <v>0</v>
      </c>
      <c r="S6157">
        <v>0</v>
      </c>
      <c r="T6157">
        <v>0</v>
      </c>
      <c r="U6157">
        <v>0</v>
      </c>
      <c r="V6157">
        <v>0</v>
      </c>
      <c r="W6157">
        <v>1</v>
      </c>
      <c r="X6157">
        <v>0</v>
      </c>
      <c r="Y6157">
        <v>30</v>
      </c>
      <c r="Z6157">
        <v>10</v>
      </c>
      <c r="AA6157">
        <v>76</v>
      </c>
      <c r="AB6157">
        <v>32</v>
      </c>
      <c r="AC6157">
        <v>58</v>
      </c>
      <c r="AD6157">
        <v>34</v>
      </c>
      <c r="AE6157">
        <v>50</v>
      </c>
      <c r="AF6157">
        <v>0</v>
      </c>
      <c r="AG6157">
        <v>50000</v>
      </c>
      <c r="AH6157">
        <v>50000</v>
      </c>
      <c r="AI6157">
        <v>0</v>
      </c>
      <c r="AJ6157">
        <v>0</v>
      </c>
      <c r="AK6157" t="s">
        <v>6</v>
      </c>
      <c r="AL6157">
        <v>0</v>
      </c>
      <c r="AM6157">
        <v>0</v>
      </c>
      <c r="AN6157">
        <v>0</v>
      </c>
      <c r="AO6157">
        <v>0</v>
      </c>
      <c r="AP6157">
        <v>0</v>
      </c>
      <c r="AQ6157">
        <v>0</v>
      </c>
      <c r="AR6157">
        <v>0</v>
      </c>
      <c r="AS6157">
        <v>0</v>
      </c>
      <c r="AT6157">
        <v>0</v>
      </c>
      <c r="AU6157">
        <v>0</v>
      </c>
      <c r="AV6157">
        <v>0</v>
      </c>
      <c r="AW6157">
        <v>0</v>
      </c>
      <c r="AX6157">
        <v>0</v>
      </c>
      <c r="AY6157">
        <v>0</v>
      </c>
      <c r="AZ6157">
        <v>0</v>
      </c>
      <c r="BA6157">
        <v>0</v>
      </c>
    </row>
    <row r="6158" spans="1:53" x14ac:dyDescent="0.4">
      <c r="A6158">
        <v>6202</v>
      </c>
      <c r="B6158" s="1">
        <v>45183</v>
      </c>
      <c r="C6158">
        <v>2</v>
      </c>
      <c r="D6158" s="1">
        <v>45183.444444444445</v>
      </c>
      <c r="E6158" s="1">
        <v>45183.745138888888</v>
      </c>
      <c r="F6158">
        <v>19190</v>
      </c>
      <c r="G6158">
        <v>0</v>
      </c>
      <c r="H6158">
        <v>0</v>
      </c>
      <c r="I6158">
        <v>0</v>
      </c>
      <c r="J6158">
        <v>100</v>
      </c>
      <c r="K6158">
        <v>0</v>
      </c>
      <c r="L6158">
        <v>0</v>
      </c>
      <c r="M6158">
        <v>1735</v>
      </c>
      <c r="N6158">
        <v>0</v>
      </c>
      <c r="O6158">
        <v>0</v>
      </c>
      <c r="P6158">
        <v>10020</v>
      </c>
      <c r="Q6158">
        <v>0</v>
      </c>
      <c r="R6158">
        <v>29110</v>
      </c>
      <c r="S6158">
        <v>0</v>
      </c>
      <c r="T6158">
        <v>0</v>
      </c>
      <c r="U6158">
        <v>0</v>
      </c>
      <c r="V6158">
        <v>1</v>
      </c>
      <c r="W6158">
        <v>2</v>
      </c>
      <c r="X6158">
        <v>0</v>
      </c>
      <c r="Y6158">
        <v>46</v>
      </c>
      <c r="Z6158">
        <v>6</v>
      </c>
      <c r="AA6158">
        <v>67</v>
      </c>
      <c r="AB6158">
        <v>31</v>
      </c>
      <c r="AC6158">
        <v>50</v>
      </c>
      <c r="AD6158">
        <v>36</v>
      </c>
      <c r="AE6158">
        <v>50</v>
      </c>
      <c r="AF6158">
        <v>1130</v>
      </c>
      <c r="AG6158">
        <v>79110</v>
      </c>
      <c r="AH6158">
        <v>50000</v>
      </c>
      <c r="AI6158">
        <v>0</v>
      </c>
      <c r="AJ6158">
        <v>38</v>
      </c>
      <c r="AK6158" t="s">
        <v>75</v>
      </c>
      <c r="AL6158">
        <v>0</v>
      </c>
      <c r="AM6158">
        <v>0</v>
      </c>
      <c r="AN6158">
        <v>0</v>
      </c>
      <c r="AO6158">
        <v>0</v>
      </c>
      <c r="AP6158">
        <v>0</v>
      </c>
      <c r="AQ6158">
        <v>0</v>
      </c>
      <c r="AR6158">
        <v>0</v>
      </c>
      <c r="AS6158">
        <v>0</v>
      </c>
      <c r="AT6158">
        <v>0</v>
      </c>
      <c r="AU6158">
        <v>0</v>
      </c>
      <c r="AV6158">
        <v>0</v>
      </c>
      <c r="AW6158">
        <v>0</v>
      </c>
      <c r="AX6158">
        <v>308</v>
      </c>
      <c r="AY6158">
        <v>35</v>
      </c>
      <c r="AZ6158">
        <v>50</v>
      </c>
      <c r="BA6158">
        <v>4527</v>
      </c>
    </row>
    <row r="6159" spans="1:53" x14ac:dyDescent="0.4">
      <c r="A6159">
        <v>6203</v>
      </c>
      <c r="B6159" s="1">
        <v>45183</v>
      </c>
      <c r="C6159">
        <v>3</v>
      </c>
      <c r="D6159" s="1">
        <v>45183.745138888888</v>
      </c>
      <c r="E6159" s="1">
        <v>45183.914583333331</v>
      </c>
      <c r="F6159">
        <v>17930</v>
      </c>
      <c r="G6159">
        <v>308</v>
      </c>
      <c r="H6159">
        <v>0</v>
      </c>
      <c r="I6159">
        <v>0</v>
      </c>
      <c r="J6159">
        <v>200</v>
      </c>
      <c r="K6159">
        <v>0</v>
      </c>
      <c r="L6159">
        <v>0</v>
      </c>
      <c r="M6159">
        <v>1639</v>
      </c>
      <c r="N6159">
        <v>0</v>
      </c>
      <c r="O6159">
        <v>0</v>
      </c>
      <c r="P6159">
        <v>-790</v>
      </c>
      <c r="Q6159">
        <v>0</v>
      </c>
      <c r="R6159">
        <v>17248</v>
      </c>
      <c r="S6159">
        <v>0</v>
      </c>
      <c r="T6159">
        <v>0</v>
      </c>
      <c r="U6159">
        <v>0</v>
      </c>
      <c r="V6159">
        <v>5</v>
      </c>
      <c r="W6159">
        <v>0</v>
      </c>
      <c r="X6159">
        <v>0</v>
      </c>
      <c r="Y6159">
        <v>33</v>
      </c>
      <c r="Z6159">
        <v>5</v>
      </c>
      <c r="AA6159">
        <v>73</v>
      </c>
      <c r="AB6159">
        <v>33</v>
      </c>
      <c r="AC6159">
        <v>54</v>
      </c>
      <c r="AD6159">
        <v>37</v>
      </c>
      <c r="AE6159">
        <v>53</v>
      </c>
      <c r="AF6159">
        <v>1130</v>
      </c>
      <c r="AG6159">
        <v>96358</v>
      </c>
      <c r="AH6159">
        <v>50000</v>
      </c>
      <c r="AI6159">
        <v>0</v>
      </c>
      <c r="AJ6159">
        <v>45</v>
      </c>
      <c r="AK6159" t="s">
        <v>77</v>
      </c>
      <c r="AL6159">
        <v>0</v>
      </c>
      <c r="AM6159">
        <v>0</v>
      </c>
      <c r="AN6159">
        <v>0</v>
      </c>
      <c r="AO6159">
        <v>0</v>
      </c>
      <c r="AP6159">
        <v>0</v>
      </c>
      <c r="AQ6159">
        <v>0</v>
      </c>
      <c r="AR6159">
        <v>0</v>
      </c>
      <c r="AS6159">
        <v>0</v>
      </c>
      <c r="AT6159">
        <v>0</v>
      </c>
      <c r="AU6159">
        <v>0</v>
      </c>
      <c r="AV6159">
        <v>0</v>
      </c>
      <c r="AW6159">
        <v>0</v>
      </c>
      <c r="AX6159">
        <v>0</v>
      </c>
      <c r="AY6159">
        <v>9</v>
      </c>
      <c r="AZ6159">
        <v>17</v>
      </c>
      <c r="BA6159">
        <v>1914</v>
      </c>
    </row>
    <row r="6160" spans="1:53" x14ac:dyDescent="0.4">
      <c r="A6160">
        <v>6204</v>
      </c>
      <c r="B6160" s="1">
        <v>45184</v>
      </c>
      <c r="C6160">
        <v>1</v>
      </c>
      <c r="D6160" s="1">
        <v>45184.291666666664</v>
      </c>
      <c r="E6160" s="1">
        <v>45184.448611111111</v>
      </c>
      <c r="F6160">
        <v>0</v>
      </c>
      <c r="G6160">
        <v>0</v>
      </c>
      <c r="H6160">
        <v>0</v>
      </c>
      <c r="I6160">
        <v>0</v>
      </c>
      <c r="J6160">
        <v>0</v>
      </c>
      <c r="K6160">
        <v>0</v>
      </c>
      <c r="L6160">
        <v>0</v>
      </c>
      <c r="M6160">
        <v>0</v>
      </c>
      <c r="N6160">
        <v>0</v>
      </c>
      <c r="O6160">
        <v>0</v>
      </c>
      <c r="P6160">
        <v>0</v>
      </c>
      <c r="Q6160">
        <v>0</v>
      </c>
      <c r="R6160">
        <v>0</v>
      </c>
      <c r="S6160">
        <v>0</v>
      </c>
      <c r="T6160">
        <v>0</v>
      </c>
      <c r="U6160">
        <v>0</v>
      </c>
      <c r="V6160">
        <v>0</v>
      </c>
      <c r="W6160">
        <v>1</v>
      </c>
      <c r="X6160">
        <v>0</v>
      </c>
      <c r="Y6160">
        <v>31</v>
      </c>
      <c r="Z6160">
        <v>6</v>
      </c>
      <c r="AA6160">
        <v>86</v>
      </c>
      <c r="AB6160">
        <v>33</v>
      </c>
      <c r="AC6160">
        <v>55</v>
      </c>
      <c r="AD6160">
        <v>30</v>
      </c>
      <c r="AE6160">
        <v>50</v>
      </c>
      <c r="AF6160">
        <v>0</v>
      </c>
      <c r="AG6160">
        <v>50000</v>
      </c>
      <c r="AH6160">
        <v>50000</v>
      </c>
      <c r="AI6160">
        <v>0</v>
      </c>
      <c r="AJ6160">
        <v>0</v>
      </c>
      <c r="AK6160" t="s">
        <v>6</v>
      </c>
      <c r="AL6160">
        <v>0</v>
      </c>
      <c r="AM6160">
        <v>0</v>
      </c>
      <c r="AN6160">
        <v>0</v>
      </c>
      <c r="AO6160">
        <v>0</v>
      </c>
      <c r="AP6160">
        <v>0</v>
      </c>
      <c r="AQ6160">
        <v>0</v>
      </c>
      <c r="AR6160">
        <v>0</v>
      </c>
      <c r="AS6160">
        <v>0</v>
      </c>
      <c r="AT6160">
        <v>0</v>
      </c>
      <c r="AU6160">
        <v>0</v>
      </c>
      <c r="AV6160">
        <v>0</v>
      </c>
      <c r="AW6160">
        <v>0</v>
      </c>
      <c r="AX6160">
        <v>0</v>
      </c>
      <c r="AY6160">
        <v>0</v>
      </c>
      <c r="AZ6160">
        <v>0</v>
      </c>
      <c r="BA6160">
        <v>0</v>
      </c>
    </row>
    <row r="6161" spans="1:53" x14ac:dyDescent="0.4">
      <c r="A6161">
        <v>6205</v>
      </c>
      <c r="B6161" s="1">
        <v>45184</v>
      </c>
      <c r="C6161">
        <v>2</v>
      </c>
      <c r="D6161" s="1">
        <v>45184.448611111111</v>
      </c>
      <c r="E6161" s="1">
        <v>45184.734722222223</v>
      </c>
      <c r="F6161">
        <v>19910</v>
      </c>
      <c r="G6161">
        <v>1485</v>
      </c>
      <c r="H6161">
        <v>0</v>
      </c>
      <c r="I6161">
        <v>0</v>
      </c>
      <c r="J6161">
        <v>0</v>
      </c>
      <c r="K6161">
        <v>0</v>
      </c>
      <c r="L6161">
        <v>0</v>
      </c>
      <c r="M6161">
        <v>1947</v>
      </c>
      <c r="N6161">
        <v>0</v>
      </c>
      <c r="O6161">
        <v>0</v>
      </c>
      <c r="P6161">
        <v>18290</v>
      </c>
      <c r="Q6161">
        <v>0</v>
      </c>
      <c r="R6161">
        <v>39685</v>
      </c>
      <c r="S6161">
        <v>0</v>
      </c>
      <c r="T6161">
        <v>0</v>
      </c>
      <c r="U6161">
        <v>0</v>
      </c>
      <c r="V6161">
        <v>0</v>
      </c>
      <c r="W6161">
        <v>1</v>
      </c>
      <c r="X6161">
        <v>0</v>
      </c>
      <c r="Y6161">
        <v>60</v>
      </c>
      <c r="Z6161">
        <v>14</v>
      </c>
      <c r="AA6161">
        <v>90</v>
      </c>
      <c r="AB6161">
        <v>33</v>
      </c>
      <c r="AC6161">
        <v>67</v>
      </c>
      <c r="AD6161">
        <v>31</v>
      </c>
      <c r="AE6161">
        <v>50</v>
      </c>
      <c r="AF6161">
        <v>6160</v>
      </c>
      <c r="AG6161">
        <v>89685</v>
      </c>
      <c r="AH6161">
        <v>50000</v>
      </c>
      <c r="AI6161">
        <v>0</v>
      </c>
      <c r="AJ6161">
        <v>36</v>
      </c>
      <c r="AK6161" t="s">
        <v>68</v>
      </c>
      <c r="AL6161">
        <v>0</v>
      </c>
      <c r="AM6161">
        <v>0</v>
      </c>
      <c r="AN6161">
        <v>0</v>
      </c>
      <c r="AO6161">
        <v>0</v>
      </c>
      <c r="AP6161">
        <v>0</v>
      </c>
      <c r="AQ6161">
        <v>0</v>
      </c>
      <c r="AR6161">
        <v>0</v>
      </c>
      <c r="AS6161">
        <v>0</v>
      </c>
      <c r="AT6161">
        <v>0</v>
      </c>
      <c r="AU6161">
        <v>0</v>
      </c>
      <c r="AV6161">
        <v>0</v>
      </c>
      <c r="AW6161">
        <v>0</v>
      </c>
      <c r="AX6161">
        <v>-380</v>
      </c>
      <c r="AY6161">
        <v>42</v>
      </c>
      <c r="AZ6161">
        <v>63</v>
      </c>
      <c r="BA6161">
        <v>5422</v>
      </c>
    </row>
    <row r="6162" spans="1:53" x14ac:dyDescent="0.4">
      <c r="A6162">
        <v>6206</v>
      </c>
      <c r="B6162" s="1">
        <v>45184</v>
      </c>
      <c r="C6162">
        <v>3</v>
      </c>
      <c r="D6162" s="1">
        <v>45184.734722222223</v>
      </c>
      <c r="E6162" s="1">
        <v>45184.951388888891</v>
      </c>
      <c r="F6162">
        <v>49430</v>
      </c>
      <c r="G6162">
        <v>3421</v>
      </c>
      <c r="H6162">
        <v>0</v>
      </c>
      <c r="I6162">
        <v>0</v>
      </c>
      <c r="J6162">
        <v>200</v>
      </c>
      <c r="K6162">
        <v>0</v>
      </c>
      <c r="L6162">
        <v>0</v>
      </c>
      <c r="M6162">
        <v>4788</v>
      </c>
      <c r="N6162">
        <v>0</v>
      </c>
      <c r="O6162">
        <v>0</v>
      </c>
      <c r="P6162">
        <v>-13290</v>
      </c>
      <c r="Q6162">
        <v>0</v>
      </c>
      <c r="R6162">
        <v>39361</v>
      </c>
      <c r="S6162">
        <v>0</v>
      </c>
      <c r="T6162">
        <v>0</v>
      </c>
      <c r="U6162">
        <v>0</v>
      </c>
      <c r="V6162">
        <v>2</v>
      </c>
      <c r="W6162">
        <v>2</v>
      </c>
      <c r="X6162">
        <v>0</v>
      </c>
      <c r="Y6162">
        <v>65</v>
      </c>
      <c r="Z6162">
        <v>16</v>
      </c>
      <c r="AA6162">
        <v>107</v>
      </c>
      <c r="AB6162">
        <v>37</v>
      </c>
      <c r="AC6162">
        <v>78</v>
      </c>
      <c r="AD6162">
        <v>34</v>
      </c>
      <c r="AE6162">
        <v>53</v>
      </c>
      <c r="AF6162">
        <v>12493</v>
      </c>
      <c r="AG6162">
        <v>129046</v>
      </c>
      <c r="AH6162">
        <v>50000</v>
      </c>
      <c r="AI6162">
        <v>0</v>
      </c>
      <c r="AJ6162">
        <v>112</v>
      </c>
      <c r="AK6162" t="s">
        <v>78</v>
      </c>
      <c r="AL6162">
        <v>0</v>
      </c>
      <c r="AM6162">
        <v>0</v>
      </c>
      <c r="AN6162">
        <v>0</v>
      </c>
      <c r="AO6162">
        <v>0</v>
      </c>
      <c r="AP6162">
        <v>0</v>
      </c>
      <c r="AQ6162">
        <v>0</v>
      </c>
      <c r="AR6162">
        <v>0</v>
      </c>
      <c r="AS6162">
        <v>0</v>
      </c>
      <c r="AT6162">
        <v>0</v>
      </c>
      <c r="AU6162">
        <v>0</v>
      </c>
      <c r="AV6162">
        <v>0</v>
      </c>
      <c r="AW6162">
        <v>0</v>
      </c>
      <c r="AX6162">
        <v>37040</v>
      </c>
      <c r="AY6162">
        <v>16</v>
      </c>
      <c r="AZ6162">
        <v>49</v>
      </c>
      <c r="BA6162">
        <v>3172</v>
      </c>
    </row>
    <row r="6163" spans="1:53" x14ac:dyDescent="0.4">
      <c r="A6163">
        <v>6207</v>
      </c>
      <c r="B6163" s="1">
        <v>45185</v>
      </c>
      <c r="C6163">
        <v>1</v>
      </c>
      <c r="D6163" s="1">
        <v>45185.291666666664</v>
      </c>
      <c r="E6163" s="1">
        <v>45185.406944444447</v>
      </c>
      <c r="F6163">
        <v>0</v>
      </c>
      <c r="G6163">
        <v>0</v>
      </c>
      <c r="H6163">
        <v>0</v>
      </c>
      <c r="I6163">
        <v>0</v>
      </c>
      <c r="J6163">
        <v>0</v>
      </c>
      <c r="K6163">
        <v>0</v>
      </c>
      <c r="L6163">
        <v>0</v>
      </c>
      <c r="M6163">
        <v>0</v>
      </c>
      <c r="N6163">
        <v>0</v>
      </c>
      <c r="O6163">
        <v>0</v>
      </c>
      <c r="P6163">
        <v>0</v>
      </c>
      <c r="Q6163">
        <v>0</v>
      </c>
      <c r="R6163">
        <v>0</v>
      </c>
      <c r="S6163">
        <v>0</v>
      </c>
      <c r="T6163">
        <v>0</v>
      </c>
      <c r="U6163">
        <v>0</v>
      </c>
      <c r="V6163">
        <v>0</v>
      </c>
      <c r="W6163">
        <v>1</v>
      </c>
      <c r="X6163">
        <v>0</v>
      </c>
      <c r="Y6163">
        <v>30</v>
      </c>
      <c r="Z6163">
        <v>10</v>
      </c>
      <c r="AA6163">
        <v>74</v>
      </c>
      <c r="AB6163">
        <v>37</v>
      </c>
      <c r="AC6163">
        <v>54</v>
      </c>
      <c r="AD6163">
        <v>32</v>
      </c>
      <c r="AE6163">
        <v>50</v>
      </c>
      <c r="AF6163">
        <v>0</v>
      </c>
      <c r="AG6163">
        <v>50000</v>
      </c>
      <c r="AH6163">
        <v>50000</v>
      </c>
      <c r="AI6163">
        <v>0</v>
      </c>
      <c r="AJ6163">
        <v>0</v>
      </c>
      <c r="AK6163" t="s">
        <v>6</v>
      </c>
      <c r="AL6163">
        <v>0</v>
      </c>
      <c r="AM6163">
        <v>0</v>
      </c>
      <c r="AN6163">
        <v>0</v>
      </c>
      <c r="AO6163">
        <v>0</v>
      </c>
      <c r="AP6163">
        <v>0</v>
      </c>
      <c r="AQ6163">
        <v>0</v>
      </c>
      <c r="AR6163">
        <v>0</v>
      </c>
      <c r="AS6163">
        <v>0</v>
      </c>
      <c r="AT6163">
        <v>0</v>
      </c>
      <c r="AU6163">
        <v>0</v>
      </c>
      <c r="AV6163">
        <v>0</v>
      </c>
      <c r="AW6163">
        <v>0</v>
      </c>
      <c r="AX6163">
        <v>0</v>
      </c>
      <c r="AY6163">
        <v>0</v>
      </c>
      <c r="AZ6163">
        <v>0</v>
      </c>
      <c r="BA6163">
        <v>0</v>
      </c>
    </row>
    <row r="6164" spans="1:53" x14ac:dyDescent="0.4">
      <c r="A6164">
        <v>6208</v>
      </c>
      <c r="B6164" s="1">
        <v>45185</v>
      </c>
      <c r="C6164">
        <v>2</v>
      </c>
      <c r="D6164" s="1">
        <v>45185.406944444447</v>
      </c>
      <c r="E6164" s="1">
        <v>45185.709027777775</v>
      </c>
      <c r="F6164">
        <v>41070</v>
      </c>
      <c r="G6164">
        <v>2178</v>
      </c>
      <c r="H6164">
        <v>0</v>
      </c>
      <c r="I6164">
        <v>0</v>
      </c>
      <c r="J6164">
        <v>100</v>
      </c>
      <c r="K6164">
        <v>400</v>
      </c>
      <c r="L6164">
        <v>0</v>
      </c>
      <c r="M6164">
        <v>3957</v>
      </c>
      <c r="N6164">
        <v>0</v>
      </c>
      <c r="O6164">
        <v>0</v>
      </c>
      <c r="P6164">
        <v>25620</v>
      </c>
      <c r="Q6164">
        <v>0</v>
      </c>
      <c r="R6164">
        <v>69168</v>
      </c>
      <c r="S6164">
        <v>0</v>
      </c>
      <c r="T6164">
        <v>0</v>
      </c>
      <c r="U6164">
        <v>0</v>
      </c>
      <c r="V6164">
        <v>1</v>
      </c>
      <c r="W6164">
        <v>5</v>
      </c>
      <c r="X6164">
        <v>0</v>
      </c>
      <c r="Y6164">
        <v>56</v>
      </c>
      <c r="Z6164">
        <v>16</v>
      </c>
      <c r="AA6164">
        <v>112</v>
      </c>
      <c r="AB6164">
        <v>34</v>
      </c>
      <c r="AC6164">
        <v>65</v>
      </c>
      <c r="AD6164">
        <v>34</v>
      </c>
      <c r="AE6164">
        <v>48</v>
      </c>
      <c r="AF6164">
        <v>5850</v>
      </c>
      <c r="AG6164">
        <v>118618</v>
      </c>
      <c r="AH6164">
        <v>50000</v>
      </c>
      <c r="AI6164">
        <v>-550</v>
      </c>
      <c r="AJ6164">
        <v>45</v>
      </c>
      <c r="AK6164" t="s">
        <v>77</v>
      </c>
      <c r="AL6164">
        <v>0</v>
      </c>
      <c r="AM6164">
        <v>0</v>
      </c>
      <c r="AN6164">
        <v>0</v>
      </c>
      <c r="AO6164">
        <v>0</v>
      </c>
      <c r="AP6164">
        <v>0</v>
      </c>
      <c r="AQ6164">
        <v>0</v>
      </c>
      <c r="AR6164">
        <v>0</v>
      </c>
      <c r="AS6164">
        <v>0</v>
      </c>
      <c r="AT6164">
        <v>0</v>
      </c>
      <c r="AU6164">
        <v>0</v>
      </c>
      <c r="AV6164">
        <v>0</v>
      </c>
      <c r="AW6164">
        <v>0</v>
      </c>
      <c r="AX6164">
        <v>-15</v>
      </c>
      <c r="AY6164">
        <v>48</v>
      </c>
      <c r="AZ6164">
        <v>103</v>
      </c>
      <c r="BA6164">
        <v>7349</v>
      </c>
    </row>
    <row r="6165" spans="1:53" x14ac:dyDescent="0.4">
      <c r="A6165">
        <v>6209</v>
      </c>
      <c r="B6165" s="1">
        <v>45186</v>
      </c>
      <c r="C6165">
        <v>1</v>
      </c>
      <c r="D6165" s="1">
        <v>45186.291666666664</v>
      </c>
      <c r="E6165" s="1">
        <v>45186.411111111112</v>
      </c>
      <c r="F6165">
        <v>0</v>
      </c>
      <c r="G6165">
        <v>0</v>
      </c>
      <c r="H6165">
        <v>0</v>
      </c>
      <c r="I6165">
        <v>0</v>
      </c>
      <c r="J6165">
        <v>0</v>
      </c>
      <c r="K6165">
        <v>0</v>
      </c>
      <c r="L6165">
        <v>0</v>
      </c>
      <c r="M6165">
        <v>0</v>
      </c>
      <c r="N6165">
        <v>0</v>
      </c>
      <c r="O6165">
        <v>0</v>
      </c>
      <c r="P6165">
        <v>0</v>
      </c>
      <c r="Q6165">
        <v>0</v>
      </c>
      <c r="R6165">
        <v>0</v>
      </c>
      <c r="S6165">
        <v>0</v>
      </c>
      <c r="T6165">
        <v>0</v>
      </c>
      <c r="U6165">
        <v>0</v>
      </c>
      <c r="V6165">
        <v>0</v>
      </c>
      <c r="W6165">
        <v>1</v>
      </c>
      <c r="X6165">
        <v>0</v>
      </c>
      <c r="Y6165">
        <v>30</v>
      </c>
      <c r="Z6165">
        <v>11</v>
      </c>
      <c r="AA6165">
        <v>73</v>
      </c>
      <c r="AB6165">
        <v>29</v>
      </c>
      <c r="AC6165">
        <v>53</v>
      </c>
      <c r="AD6165">
        <v>36</v>
      </c>
      <c r="AE6165">
        <v>40</v>
      </c>
      <c r="AF6165">
        <v>0</v>
      </c>
      <c r="AG6165">
        <v>50000</v>
      </c>
      <c r="AH6165">
        <v>50000</v>
      </c>
      <c r="AI6165">
        <v>0</v>
      </c>
      <c r="AJ6165">
        <v>0</v>
      </c>
      <c r="AK6165" t="s">
        <v>6</v>
      </c>
      <c r="AL6165">
        <v>0</v>
      </c>
      <c r="AM6165">
        <v>0</v>
      </c>
      <c r="AN6165">
        <v>0</v>
      </c>
      <c r="AO6165">
        <v>0</v>
      </c>
      <c r="AP6165">
        <v>0</v>
      </c>
      <c r="AQ6165">
        <v>0</v>
      </c>
      <c r="AR6165">
        <v>0</v>
      </c>
      <c r="AS6165">
        <v>0</v>
      </c>
      <c r="AT6165">
        <v>0</v>
      </c>
      <c r="AU6165">
        <v>0</v>
      </c>
      <c r="AV6165">
        <v>0</v>
      </c>
      <c r="AW6165">
        <v>0</v>
      </c>
      <c r="AX6165">
        <v>0</v>
      </c>
      <c r="AY6165">
        <v>0</v>
      </c>
      <c r="AZ6165">
        <v>0</v>
      </c>
      <c r="BA6165">
        <v>0</v>
      </c>
    </row>
    <row r="6166" spans="1:53" x14ac:dyDescent="0.4">
      <c r="A6166">
        <v>6210</v>
      </c>
      <c r="B6166" s="1">
        <v>45186</v>
      </c>
      <c r="C6166">
        <v>2</v>
      </c>
      <c r="D6166" s="1">
        <v>45186.411111111112</v>
      </c>
      <c r="E6166" s="1">
        <v>45186.728472222225</v>
      </c>
      <c r="F6166">
        <v>38020</v>
      </c>
      <c r="G6166">
        <v>2508</v>
      </c>
      <c r="H6166">
        <v>220</v>
      </c>
      <c r="I6166">
        <v>0</v>
      </c>
      <c r="J6166">
        <v>200</v>
      </c>
      <c r="K6166">
        <v>0</v>
      </c>
      <c r="L6166">
        <v>0</v>
      </c>
      <c r="M6166">
        <v>3684</v>
      </c>
      <c r="N6166">
        <v>0</v>
      </c>
      <c r="O6166">
        <v>0</v>
      </c>
      <c r="P6166">
        <v>27450</v>
      </c>
      <c r="Q6166">
        <v>0</v>
      </c>
      <c r="R6166">
        <v>67998</v>
      </c>
      <c r="S6166">
        <v>0</v>
      </c>
      <c r="T6166">
        <v>0</v>
      </c>
      <c r="U6166">
        <v>0</v>
      </c>
      <c r="V6166">
        <v>0</v>
      </c>
      <c r="W6166">
        <v>3</v>
      </c>
      <c r="X6166">
        <v>0</v>
      </c>
      <c r="Y6166">
        <v>68</v>
      </c>
      <c r="Z6166">
        <v>34</v>
      </c>
      <c r="AA6166">
        <v>99</v>
      </c>
      <c r="AB6166">
        <v>30</v>
      </c>
      <c r="AC6166">
        <v>70</v>
      </c>
      <c r="AD6166">
        <v>42</v>
      </c>
      <c r="AE6166">
        <v>48</v>
      </c>
      <c r="AF6166">
        <v>5640</v>
      </c>
      <c r="AG6166">
        <v>117998</v>
      </c>
      <c r="AH6166">
        <v>50000</v>
      </c>
      <c r="AI6166">
        <v>0</v>
      </c>
      <c r="AJ6166">
        <v>118</v>
      </c>
      <c r="AK6166" t="s">
        <v>59</v>
      </c>
      <c r="AL6166">
        <v>0</v>
      </c>
      <c r="AM6166">
        <v>0</v>
      </c>
      <c r="AN6166">
        <v>0</v>
      </c>
      <c r="AO6166">
        <v>0</v>
      </c>
      <c r="AP6166">
        <v>0</v>
      </c>
      <c r="AQ6166">
        <v>0</v>
      </c>
      <c r="AR6166">
        <v>0</v>
      </c>
      <c r="AS6166">
        <v>0</v>
      </c>
      <c r="AT6166">
        <v>0</v>
      </c>
      <c r="AU6166">
        <v>0</v>
      </c>
      <c r="AV6166">
        <v>0</v>
      </c>
      <c r="AW6166">
        <v>0</v>
      </c>
      <c r="AX6166">
        <v>3278</v>
      </c>
      <c r="AY6166">
        <v>52</v>
      </c>
      <c r="AZ6166">
        <v>107</v>
      </c>
      <c r="BA6166">
        <v>7433</v>
      </c>
    </row>
    <row r="6167" spans="1:53" x14ac:dyDescent="0.4">
      <c r="A6167">
        <v>6211</v>
      </c>
      <c r="B6167" s="1">
        <v>45187</v>
      </c>
      <c r="C6167">
        <v>1</v>
      </c>
      <c r="D6167" s="1">
        <v>45187.291666666664</v>
      </c>
      <c r="E6167" s="1">
        <v>45187.402777777781</v>
      </c>
      <c r="F6167">
        <v>0</v>
      </c>
      <c r="G6167">
        <v>0</v>
      </c>
      <c r="H6167">
        <v>0</v>
      </c>
      <c r="I6167">
        <v>0</v>
      </c>
      <c r="J6167">
        <v>0</v>
      </c>
      <c r="K6167">
        <v>0</v>
      </c>
      <c r="L6167">
        <v>0</v>
      </c>
      <c r="M6167">
        <v>0</v>
      </c>
      <c r="N6167">
        <v>0</v>
      </c>
      <c r="O6167">
        <v>0</v>
      </c>
      <c r="P6167">
        <v>0</v>
      </c>
      <c r="Q6167">
        <v>0</v>
      </c>
      <c r="R6167">
        <v>0</v>
      </c>
      <c r="S6167">
        <v>0</v>
      </c>
      <c r="T6167">
        <v>0</v>
      </c>
      <c r="U6167">
        <v>0</v>
      </c>
      <c r="V6167">
        <v>0</v>
      </c>
      <c r="W6167">
        <v>1</v>
      </c>
      <c r="X6167">
        <v>0</v>
      </c>
      <c r="Y6167">
        <v>26</v>
      </c>
      <c r="Z6167">
        <v>14</v>
      </c>
      <c r="AA6167">
        <v>98</v>
      </c>
      <c r="AB6167">
        <v>28</v>
      </c>
      <c r="AC6167">
        <v>56</v>
      </c>
      <c r="AD6167">
        <v>39</v>
      </c>
      <c r="AE6167">
        <v>45</v>
      </c>
      <c r="AF6167">
        <v>0</v>
      </c>
      <c r="AG6167">
        <v>50000</v>
      </c>
      <c r="AH6167">
        <v>50000</v>
      </c>
      <c r="AI6167">
        <v>0</v>
      </c>
      <c r="AJ6167">
        <v>0</v>
      </c>
      <c r="AK6167" t="s">
        <v>6</v>
      </c>
      <c r="AL6167">
        <v>0</v>
      </c>
      <c r="AM6167">
        <v>0</v>
      </c>
      <c r="AN6167">
        <v>0</v>
      </c>
      <c r="AO6167">
        <v>0</v>
      </c>
      <c r="AP6167">
        <v>0</v>
      </c>
      <c r="AQ6167">
        <v>0</v>
      </c>
      <c r="AR6167">
        <v>0</v>
      </c>
      <c r="AS6167">
        <v>0</v>
      </c>
      <c r="AT6167">
        <v>0</v>
      </c>
      <c r="AU6167">
        <v>0</v>
      </c>
      <c r="AV6167">
        <v>0</v>
      </c>
      <c r="AW6167">
        <v>0</v>
      </c>
      <c r="AX6167">
        <v>0</v>
      </c>
      <c r="AY6167">
        <v>0</v>
      </c>
      <c r="AZ6167">
        <v>0</v>
      </c>
      <c r="BA6167">
        <v>0</v>
      </c>
    </row>
    <row r="6168" spans="1:53" x14ac:dyDescent="0.4">
      <c r="A6168">
        <v>6212</v>
      </c>
      <c r="B6168" s="1">
        <v>45187</v>
      </c>
      <c r="C6168">
        <v>2</v>
      </c>
      <c r="D6168" s="1">
        <v>45187.402777777781</v>
      </c>
      <c r="E6168" s="1">
        <v>45187.73333333333</v>
      </c>
      <c r="F6168">
        <v>48340</v>
      </c>
      <c r="G6168">
        <v>4928</v>
      </c>
      <c r="H6168">
        <v>220</v>
      </c>
      <c r="I6168">
        <v>0</v>
      </c>
      <c r="J6168">
        <v>200</v>
      </c>
      <c r="K6168">
        <v>0</v>
      </c>
      <c r="L6168">
        <v>0</v>
      </c>
      <c r="M6168">
        <v>4842</v>
      </c>
      <c r="N6168">
        <v>0</v>
      </c>
      <c r="O6168">
        <v>0</v>
      </c>
      <c r="P6168">
        <v>31650</v>
      </c>
      <c r="Q6168">
        <v>0</v>
      </c>
      <c r="R6168">
        <v>84938</v>
      </c>
      <c r="S6168">
        <v>0</v>
      </c>
      <c r="T6168">
        <v>0</v>
      </c>
      <c r="U6168">
        <v>0</v>
      </c>
      <c r="V6168">
        <v>3</v>
      </c>
      <c r="W6168">
        <v>0</v>
      </c>
      <c r="X6168">
        <v>0</v>
      </c>
      <c r="Y6168">
        <v>65</v>
      </c>
      <c r="Z6168">
        <v>40</v>
      </c>
      <c r="AA6168">
        <v>157</v>
      </c>
      <c r="AB6168">
        <v>39</v>
      </c>
      <c r="AC6168">
        <v>85</v>
      </c>
      <c r="AD6168">
        <v>39</v>
      </c>
      <c r="AE6168">
        <v>43</v>
      </c>
      <c r="AF6168">
        <v>1300</v>
      </c>
      <c r="AG6168">
        <v>135038</v>
      </c>
      <c r="AH6168">
        <v>50000</v>
      </c>
      <c r="AI6168">
        <v>100</v>
      </c>
      <c r="AJ6168">
        <v>39</v>
      </c>
      <c r="AK6168" t="s">
        <v>73</v>
      </c>
      <c r="AL6168">
        <v>0</v>
      </c>
      <c r="AM6168">
        <v>0</v>
      </c>
      <c r="AN6168">
        <v>0</v>
      </c>
      <c r="AO6168">
        <v>0</v>
      </c>
      <c r="AP6168">
        <v>0</v>
      </c>
      <c r="AQ6168">
        <v>0</v>
      </c>
      <c r="AR6168">
        <v>0</v>
      </c>
      <c r="AS6168">
        <v>0</v>
      </c>
      <c r="AT6168">
        <v>0</v>
      </c>
      <c r="AU6168">
        <v>0</v>
      </c>
      <c r="AV6168">
        <v>0</v>
      </c>
      <c r="AW6168">
        <v>0</v>
      </c>
      <c r="AX6168">
        <v>880</v>
      </c>
      <c r="AY6168">
        <v>46</v>
      </c>
      <c r="AZ6168">
        <v>121</v>
      </c>
      <c r="BA6168">
        <v>7098</v>
      </c>
    </row>
    <row r="6169" spans="1:53" x14ac:dyDescent="0.4">
      <c r="A6169">
        <v>6213</v>
      </c>
      <c r="B6169" s="1">
        <v>45189</v>
      </c>
      <c r="C6169">
        <v>1</v>
      </c>
      <c r="D6169" s="1">
        <v>45189.291666666664</v>
      </c>
      <c r="E6169" s="1">
        <v>45189.443055555559</v>
      </c>
      <c r="F6169">
        <v>0</v>
      </c>
      <c r="G6169">
        <v>0</v>
      </c>
      <c r="H6169">
        <v>0</v>
      </c>
      <c r="I6169">
        <v>0</v>
      </c>
      <c r="J6169">
        <v>0</v>
      </c>
      <c r="K6169">
        <v>0</v>
      </c>
      <c r="L6169">
        <v>0</v>
      </c>
      <c r="M6169">
        <v>0</v>
      </c>
      <c r="N6169">
        <v>0</v>
      </c>
      <c r="O6169">
        <v>0</v>
      </c>
      <c r="P6169">
        <v>0</v>
      </c>
      <c r="Q6169">
        <v>0</v>
      </c>
      <c r="R6169">
        <v>0</v>
      </c>
      <c r="S6169">
        <v>0</v>
      </c>
      <c r="T6169">
        <v>0</v>
      </c>
      <c r="U6169">
        <v>0</v>
      </c>
      <c r="V6169">
        <v>0</v>
      </c>
      <c r="W6169">
        <v>1</v>
      </c>
      <c r="X6169">
        <v>0</v>
      </c>
      <c r="Y6169">
        <v>30</v>
      </c>
      <c r="Z6169">
        <v>9</v>
      </c>
      <c r="AA6169">
        <v>74</v>
      </c>
      <c r="AB6169">
        <v>45</v>
      </c>
      <c r="AC6169">
        <v>58</v>
      </c>
      <c r="AD6169">
        <v>43</v>
      </c>
      <c r="AE6169">
        <v>55</v>
      </c>
      <c r="AF6169">
        <v>0</v>
      </c>
      <c r="AG6169">
        <v>50000</v>
      </c>
      <c r="AH6169">
        <v>50000</v>
      </c>
      <c r="AI6169">
        <v>0</v>
      </c>
      <c r="AJ6169">
        <v>0</v>
      </c>
      <c r="AK6169" t="s">
        <v>6</v>
      </c>
      <c r="AL6169">
        <v>0</v>
      </c>
      <c r="AM6169">
        <v>0</v>
      </c>
      <c r="AN6169">
        <v>0</v>
      </c>
      <c r="AO6169">
        <v>0</v>
      </c>
      <c r="AP6169">
        <v>0</v>
      </c>
      <c r="AQ6169">
        <v>0</v>
      </c>
      <c r="AR6169">
        <v>0</v>
      </c>
      <c r="AS6169">
        <v>0</v>
      </c>
      <c r="AT6169">
        <v>0</v>
      </c>
      <c r="AU6169">
        <v>0</v>
      </c>
      <c r="AV6169">
        <v>0</v>
      </c>
      <c r="AW6169">
        <v>0</v>
      </c>
      <c r="AX6169">
        <v>0</v>
      </c>
      <c r="AY6169">
        <v>0</v>
      </c>
      <c r="AZ6169">
        <v>0</v>
      </c>
      <c r="BA6169">
        <v>0</v>
      </c>
    </row>
    <row r="6170" spans="1:53" x14ac:dyDescent="0.4">
      <c r="A6170">
        <v>6214</v>
      </c>
      <c r="B6170" s="1">
        <v>45189</v>
      </c>
      <c r="C6170">
        <v>2</v>
      </c>
      <c r="D6170" s="1">
        <v>45189.443055555559</v>
      </c>
      <c r="E6170" s="1">
        <v>45189.724305555559</v>
      </c>
      <c r="F6170">
        <v>17840</v>
      </c>
      <c r="G6170">
        <v>440</v>
      </c>
      <c r="H6170">
        <v>220</v>
      </c>
      <c r="I6170">
        <v>0</v>
      </c>
      <c r="J6170">
        <v>0</v>
      </c>
      <c r="K6170">
        <v>0</v>
      </c>
      <c r="L6170">
        <v>0</v>
      </c>
      <c r="M6170">
        <v>1681</v>
      </c>
      <c r="N6170">
        <v>0</v>
      </c>
      <c r="O6170">
        <v>0</v>
      </c>
      <c r="P6170">
        <v>19720</v>
      </c>
      <c r="Q6170">
        <v>0</v>
      </c>
      <c r="R6170">
        <v>38220</v>
      </c>
      <c r="S6170">
        <v>0</v>
      </c>
      <c r="T6170">
        <v>0</v>
      </c>
      <c r="U6170">
        <v>0</v>
      </c>
      <c r="V6170">
        <v>1</v>
      </c>
      <c r="W6170">
        <v>1</v>
      </c>
      <c r="X6170">
        <v>0</v>
      </c>
      <c r="Y6170">
        <v>52</v>
      </c>
      <c r="Z6170">
        <v>15</v>
      </c>
      <c r="AA6170">
        <v>59</v>
      </c>
      <c r="AB6170">
        <v>44</v>
      </c>
      <c r="AC6170">
        <v>76</v>
      </c>
      <c r="AD6170">
        <v>43</v>
      </c>
      <c r="AE6170">
        <v>55</v>
      </c>
      <c r="AF6170">
        <v>4590</v>
      </c>
      <c r="AG6170">
        <v>88220</v>
      </c>
      <c r="AH6170">
        <v>50000</v>
      </c>
      <c r="AI6170">
        <v>0</v>
      </c>
      <c r="AJ6170">
        <v>36</v>
      </c>
      <c r="AK6170" t="s">
        <v>68</v>
      </c>
      <c r="AL6170">
        <v>0</v>
      </c>
      <c r="AM6170">
        <v>0</v>
      </c>
      <c r="AN6170">
        <v>0</v>
      </c>
      <c r="AO6170">
        <v>0</v>
      </c>
      <c r="AP6170">
        <v>0</v>
      </c>
      <c r="AQ6170">
        <v>0</v>
      </c>
      <c r="AR6170">
        <v>0</v>
      </c>
      <c r="AS6170">
        <v>0</v>
      </c>
      <c r="AT6170">
        <v>0</v>
      </c>
      <c r="AU6170">
        <v>0</v>
      </c>
      <c r="AV6170">
        <v>0</v>
      </c>
      <c r="AW6170">
        <v>0</v>
      </c>
      <c r="AX6170">
        <v>-1200</v>
      </c>
      <c r="AY6170">
        <v>39</v>
      </c>
      <c r="AZ6170">
        <v>64</v>
      </c>
      <c r="BA6170">
        <v>5003</v>
      </c>
    </row>
    <row r="6171" spans="1:53" x14ac:dyDescent="0.4">
      <c r="A6171">
        <v>6215</v>
      </c>
      <c r="B6171" s="1">
        <v>45189</v>
      </c>
      <c r="C6171">
        <v>3</v>
      </c>
      <c r="D6171" s="1">
        <v>45189.724305555559</v>
      </c>
      <c r="E6171" s="1">
        <v>45189.90625</v>
      </c>
      <c r="F6171">
        <v>23100</v>
      </c>
      <c r="G6171">
        <v>0</v>
      </c>
      <c r="H6171">
        <v>0</v>
      </c>
      <c r="I6171">
        <v>0</v>
      </c>
      <c r="J6171">
        <v>300</v>
      </c>
      <c r="K6171">
        <v>0</v>
      </c>
      <c r="L6171">
        <v>0</v>
      </c>
      <c r="M6171">
        <v>2071</v>
      </c>
      <c r="N6171">
        <v>0</v>
      </c>
      <c r="O6171">
        <v>0</v>
      </c>
      <c r="P6171">
        <v>-13315</v>
      </c>
      <c r="Q6171">
        <v>0</v>
      </c>
      <c r="R6171">
        <v>9485</v>
      </c>
      <c r="S6171">
        <v>0</v>
      </c>
      <c r="T6171">
        <v>0</v>
      </c>
      <c r="U6171">
        <v>0</v>
      </c>
      <c r="V6171">
        <v>2</v>
      </c>
      <c r="W6171">
        <v>0</v>
      </c>
      <c r="X6171">
        <v>0</v>
      </c>
      <c r="Y6171">
        <v>50</v>
      </c>
      <c r="Z6171">
        <v>16</v>
      </c>
      <c r="AA6171">
        <v>67</v>
      </c>
      <c r="AB6171">
        <v>46</v>
      </c>
      <c r="AC6171">
        <v>79</v>
      </c>
      <c r="AD6171">
        <v>42</v>
      </c>
      <c r="AE6171">
        <v>55</v>
      </c>
      <c r="AF6171">
        <v>9650</v>
      </c>
      <c r="AG6171">
        <v>97705</v>
      </c>
      <c r="AH6171">
        <v>50000</v>
      </c>
      <c r="AI6171">
        <v>0</v>
      </c>
      <c r="AJ6171">
        <v>104</v>
      </c>
      <c r="AK6171" t="s">
        <v>60</v>
      </c>
      <c r="AL6171">
        <v>0</v>
      </c>
      <c r="AM6171">
        <v>0</v>
      </c>
      <c r="AN6171">
        <v>0</v>
      </c>
      <c r="AO6171">
        <v>0</v>
      </c>
      <c r="AP6171">
        <v>0</v>
      </c>
      <c r="AQ6171">
        <v>0</v>
      </c>
      <c r="AR6171">
        <v>0</v>
      </c>
      <c r="AS6171">
        <v>0</v>
      </c>
      <c r="AT6171">
        <v>0</v>
      </c>
      <c r="AU6171">
        <v>0</v>
      </c>
      <c r="AV6171">
        <v>0</v>
      </c>
      <c r="AW6171">
        <v>0</v>
      </c>
      <c r="AX6171">
        <v>8745</v>
      </c>
      <c r="AY6171">
        <v>9</v>
      </c>
      <c r="AZ6171">
        <v>20</v>
      </c>
      <c r="BA6171">
        <v>1946</v>
      </c>
    </row>
    <row r="6172" spans="1:53" x14ac:dyDescent="0.4">
      <c r="A6172">
        <v>6216</v>
      </c>
      <c r="B6172" s="1">
        <v>45190</v>
      </c>
      <c r="C6172">
        <v>1</v>
      </c>
      <c r="D6172" s="1">
        <v>45190.291666666664</v>
      </c>
      <c r="E6172" s="1">
        <v>45190.443749999999</v>
      </c>
      <c r="F6172">
        <v>0</v>
      </c>
      <c r="G6172">
        <v>0</v>
      </c>
      <c r="H6172">
        <v>0</v>
      </c>
      <c r="I6172">
        <v>0</v>
      </c>
      <c r="J6172">
        <v>0</v>
      </c>
      <c r="K6172">
        <v>0</v>
      </c>
      <c r="L6172">
        <v>0</v>
      </c>
      <c r="M6172">
        <v>0</v>
      </c>
      <c r="N6172">
        <v>0</v>
      </c>
      <c r="O6172">
        <v>0</v>
      </c>
      <c r="P6172">
        <v>0</v>
      </c>
      <c r="Q6172">
        <v>0</v>
      </c>
      <c r="R6172">
        <v>0</v>
      </c>
      <c r="S6172">
        <v>0</v>
      </c>
      <c r="T6172">
        <v>0</v>
      </c>
      <c r="U6172">
        <v>0</v>
      </c>
      <c r="V6172">
        <v>0</v>
      </c>
      <c r="W6172">
        <v>1</v>
      </c>
      <c r="X6172">
        <v>0</v>
      </c>
      <c r="Y6172">
        <v>30</v>
      </c>
      <c r="Z6172">
        <v>10</v>
      </c>
      <c r="AA6172">
        <v>74</v>
      </c>
      <c r="AB6172">
        <v>37</v>
      </c>
      <c r="AC6172">
        <v>54</v>
      </c>
      <c r="AD6172">
        <v>31</v>
      </c>
      <c r="AE6172">
        <v>55</v>
      </c>
      <c r="AF6172">
        <v>0</v>
      </c>
      <c r="AG6172">
        <v>50000</v>
      </c>
      <c r="AH6172">
        <v>50000</v>
      </c>
      <c r="AI6172">
        <v>0</v>
      </c>
      <c r="AJ6172">
        <v>0</v>
      </c>
      <c r="AK6172" t="s">
        <v>6</v>
      </c>
      <c r="AL6172">
        <v>0</v>
      </c>
      <c r="AM6172">
        <v>0</v>
      </c>
      <c r="AN6172">
        <v>0</v>
      </c>
      <c r="AO6172">
        <v>0</v>
      </c>
      <c r="AP6172">
        <v>0</v>
      </c>
      <c r="AQ6172">
        <v>0</v>
      </c>
      <c r="AR6172">
        <v>0</v>
      </c>
      <c r="AS6172">
        <v>0</v>
      </c>
      <c r="AT6172">
        <v>0</v>
      </c>
      <c r="AU6172">
        <v>0</v>
      </c>
      <c r="AV6172">
        <v>0</v>
      </c>
      <c r="AW6172">
        <v>0</v>
      </c>
      <c r="AX6172">
        <v>0</v>
      </c>
      <c r="AY6172">
        <v>0</v>
      </c>
      <c r="AZ6172">
        <v>0</v>
      </c>
      <c r="BA6172">
        <v>0</v>
      </c>
    </row>
    <row r="6173" spans="1:53" x14ac:dyDescent="0.4">
      <c r="A6173">
        <v>6217</v>
      </c>
      <c r="B6173" s="1">
        <v>45190</v>
      </c>
      <c r="C6173">
        <v>2</v>
      </c>
      <c r="D6173" s="1">
        <v>45190.443749999999</v>
      </c>
      <c r="E6173" s="1">
        <v>45190.723611111112</v>
      </c>
      <c r="F6173">
        <v>19650</v>
      </c>
      <c r="G6173">
        <v>440</v>
      </c>
      <c r="H6173">
        <v>0</v>
      </c>
      <c r="I6173">
        <v>0</v>
      </c>
      <c r="J6173">
        <v>100</v>
      </c>
      <c r="K6173">
        <v>0</v>
      </c>
      <c r="L6173">
        <v>0</v>
      </c>
      <c r="M6173">
        <v>1815</v>
      </c>
      <c r="N6173">
        <v>0</v>
      </c>
      <c r="O6173">
        <v>0</v>
      </c>
      <c r="P6173">
        <v>17330</v>
      </c>
      <c r="Q6173">
        <v>0</v>
      </c>
      <c r="R6173">
        <v>37320</v>
      </c>
      <c r="S6173">
        <v>0</v>
      </c>
      <c r="T6173">
        <v>0</v>
      </c>
      <c r="U6173">
        <v>0</v>
      </c>
      <c r="V6173">
        <v>6</v>
      </c>
      <c r="W6173">
        <v>1</v>
      </c>
      <c r="X6173">
        <v>0</v>
      </c>
      <c r="Y6173">
        <v>1</v>
      </c>
      <c r="Z6173">
        <v>14</v>
      </c>
      <c r="AA6173">
        <v>73</v>
      </c>
      <c r="AB6173">
        <v>39</v>
      </c>
      <c r="AC6173">
        <v>65</v>
      </c>
      <c r="AD6173">
        <v>33</v>
      </c>
      <c r="AE6173">
        <v>55</v>
      </c>
      <c r="AF6173">
        <v>4200</v>
      </c>
      <c r="AG6173">
        <v>87320</v>
      </c>
      <c r="AH6173">
        <v>50000</v>
      </c>
      <c r="AI6173">
        <v>0</v>
      </c>
      <c r="AJ6173">
        <v>38</v>
      </c>
      <c r="AK6173" t="s">
        <v>75</v>
      </c>
      <c r="AL6173">
        <v>0</v>
      </c>
      <c r="AM6173">
        <v>0</v>
      </c>
      <c r="AN6173">
        <v>0</v>
      </c>
      <c r="AO6173">
        <v>0</v>
      </c>
      <c r="AP6173">
        <v>0</v>
      </c>
      <c r="AQ6173">
        <v>0</v>
      </c>
      <c r="AR6173">
        <v>0</v>
      </c>
      <c r="AS6173">
        <v>0</v>
      </c>
      <c r="AT6173">
        <v>0</v>
      </c>
      <c r="AU6173">
        <v>0</v>
      </c>
      <c r="AV6173">
        <v>0</v>
      </c>
      <c r="AW6173">
        <v>0</v>
      </c>
      <c r="AX6173">
        <v>2255</v>
      </c>
      <c r="AY6173">
        <v>40</v>
      </c>
      <c r="AZ6173">
        <v>64</v>
      </c>
      <c r="BA6173">
        <v>4712</v>
      </c>
    </row>
    <row r="6174" spans="1:53" x14ac:dyDescent="0.4">
      <c r="A6174">
        <v>6218</v>
      </c>
      <c r="B6174" s="1">
        <v>45190</v>
      </c>
      <c r="C6174">
        <v>3</v>
      </c>
      <c r="D6174" s="1">
        <v>45190.723611111112</v>
      </c>
      <c r="E6174" s="1">
        <v>45190.910416666666</v>
      </c>
      <c r="F6174">
        <v>25110</v>
      </c>
      <c r="G6174">
        <v>2860</v>
      </c>
      <c r="H6174">
        <v>0</v>
      </c>
      <c r="I6174">
        <v>0</v>
      </c>
      <c r="J6174">
        <v>300</v>
      </c>
      <c r="K6174">
        <v>0</v>
      </c>
      <c r="L6174">
        <v>0</v>
      </c>
      <c r="M6174">
        <v>2515</v>
      </c>
      <c r="N6174">
        <v>0</v>
      </c>
      <c r="O6174">
        <v>0</v>
      </c>
      <c r="P6174">
        <v>-14830</v>
      </c>
      <c r="Q6174">
        <v>0</v>
      </c>
      <c r="R6174">
        <v>12840</v>
      </c>
      <c r="S6174">
        <v>0</v>
      </c>
      <c r="T6174">
        <v>0</v>
      </c>
      <c r="U6174">
        <v>0</v>
      </c>
      <c r="V6174">
        <v>6</v>
      </c>
      <c r="W6174">
        <v>1</v>
      </c>
      <c r="X6174">
        <v>0</v>
      </c>
      <c r="Y6174">
        <v>18</v>
      </c>
      <c r="Z6174">
        <v>5</v>
      </c>
      <c r="AA6174">
        <v>67</v>
      </c>
      <c r="AB6174">
        <v>37</v>
      </c>
      <c r="AC6174">
        <v>65</v>
      </c>
      <c r="AD6174">
        <v>32</v>
      </c>
      <c r="AE6174">
        <v>55</v>
      </c>
      <c r="AF6174">
        <v>5245</v>
      </c>
      <c r="AG6174">
        <v>100160</v>
      </c>
      <c r="AH6174">
        <v>50000</v>
      </c>
      <c r="AI6174">
        <v>0</v>
      </c>
      <c r="AJ6174">
        <v>112</v>
      </c>
      <c r="AK6174" t="s">
        <v>78</v>
      </c>
      <c r="AL6174">
        <v>0</v>
      </c>
      <c r="AM6174">
        <v>0</v>
      </c>
      <c r="AN6174">
        <v>0</v>
      </c>
      <c r="AO6174">
        <v>0</v>
      </c>
      <c r="AP6174">
        <v>0</v>
      </c>
      <c r="AQ6174">
        <v>0</v>
      </c>
      <c r="AR6174">
        <v>0</v>
      </c>
      <c r="AS6174">
        <v>0</v>
      </c>
      <c r="AT6174">
        <v>0</v>
      </c>
      <c r="AU6174">
        <v>0</v>
      </c>
      <c r="AV6174">
        <v>0</v>
      </c>
      <c r="AW6174">
        <v>0</v>
      </c>
      <c r="AX6174">
        <v>1925</v>
      </c>
      <c r="AY6174">
        <v>9</v>
      </c>
      <c r="AZ6174">
        <v>18</v>
      </c>
      <c r="BA6174">
        <v>2350</v>
      </c>
    </row>
    <row r="6175" spans="1:53" x14ac:dyDescent="0.4">
      <c r="A6175">
        <v>6219</v>
      </c>
      <c r="B6175" s="1">
        <v>45191</v>
      </c>
      <c r="C6175">
        <v>1</v>
      </c>
      <c r="D6175" s="1">
        <v>45191.291666666664</v>
      </c>
      <c r="E6175" s="1">
        <v>45191.443749999999</v>
      </c>
      <c r="F6175">
        <v>0</v>
      </c>
      <c r="G6175">
        <v>0</v>
      </c>
      <c r="H6175">
        <v>0</v>
      </c>
      <c r="I6175">
        <v>0</v>
      </c>
      <c r="J6175">
        <v>0</v>
      </c>
      <c r="K6175">
        <v>0</v>
      </c>
      <c r="L6175">
        <v>0</v>
      </c>
      <c r="M6175">
        <v>0</v>
      </c>
      <c r="N6175">
        <v>0</v>
      </c>
      <c r="O6175">
        <v>0</v>
      </c>
      <c r="P6175">
        <v>0</v>
      </c>
      <c r="Q6175">
        <v>0</v>
      </c>
      <c r="R6175">
        <v>0</v>
      </c>
      <c r="S6175">
        <v>0</v>
      </c>
      <c r="T6175">
        <v>0</v>
      </c>
      <c r="U6175">
        <v>0</v>
      </c>
      <c r="V6175">
        <v>0</v>
      </c>
      <c r="W6175">
        <v>2</v>
      </c>
      <c r="X6175">
        <v>0</v>
      </c>
      <c r="Y6175">
        <v>26</v>
      </c>
      <c r="Z6175">
        <v>10</v>
      </c>
      <c r="AA6175">
        <v>63</v>
      </c>
      <c r="AB6175">
        <v>37</v>
      </c>
      <c r="AC6175">
        <v>64</v>
      </c>
      <c r="AD6175">
        <v>31</v>
      </c>
      <c r="AE6175">
        <v>55</v>
      </c>
      <c r="AF6175">
        <v>0</v>
      </c>
      <c r="AG6175">
        <v>50000</v>
      </c>
      <c r="AH6175">
        <v>50000</v>
      </c>
      <c r="AI6175">
        <v>0</v>
      </c>
      <c r="AJ6175">
        <v>0</v>
      </c>
      <c r="AK6175" t="s">
        <v>6</v>
      </c>
      <c r="AL6175">
        <v>0</v>
      </c>
      <c r="AM6175">
        <v>0</v>
      </c>
      <c r="AN6175">
        <v>0</v>
      </c>
      <c r="AO6175">
        <v>0</v>
      </c>
      <c r="AP6175">
        <v>0</v>
      </c>
      <c r="AQ6175">
        <v>0</v>
      </c>
      <c r="AR6175">
        <v>0</v>
      </c>
      <c r="AS6175">
        <v>0</v>
      </c>
      <c r="AT6175">
        <v>0</v>
      </c>
      <c r="AU6175">
        <v>0</v>
      </c>
      <c r="AV6175">
        <v>0</v>
      </c>
      <c r="AW6175">
        <v>0</v>
      </c>
      <c r="AX6175">
        <v>0</v>
      </c>
      <c r="AY6175">
        <v>0</v>
      </c>
      <c r="AZ6175">
        <v>0</v>
      </c>
      <c r="BA6175">
        <v>0</v>
      </c>
    </row>
    <row r="6176" spans="1:53" x14ac:dyDescent="0.4">
      <c r="A6176">
        <v>6220</v>
      </c>
      <c r="B6176" s="1">
        <v>45191</v>
      </c>
      <c r="C6176">
        <v>2</v>
      </c>
      <c r="D6176" s="1">
        <v>45191.443749999999</v>
      </c>
      <c r="E6176" s="1">
        <v>45191.747916666667</v>
      </c>
      <c r="F6176">
        <v>24405</v>
      </c>
      <c r="G6176">
        <v>616</v>
      </c>
      <c r="H6176">
        <v>0</v>
      </c>
      <c r="I6176">
        <v>0</v>
      </c>
      <c r="J6176">
        <v>0</v>
      </c>
      <c r="K6176">
        <v>0</v>
      </c>
      <c r="L6176">
        <v>0</v>
      </c>
      <c r="M6176">
        <v>2276</v>
      </c>
      <c r="N6176">
        <v>0</v>
      </c>
      <c r="O6176">
        <v>0</v>
      </c>
      <c r="P6176">
        <v>19410</v>
      </c>
      <c r="Q6176">
        <v>0</v>
      </c>
      <c r="R6176">
        <v>44431</v>
      </c>
      <c r="S6176">
        <v>0</v>
      </c>
      <c r="T6176">
        <v>0</v>
      </c>
      <c r="U6176">
        <v>0</v>
      </c>
      <c r="V6176">
        <v>1</v>
      </c>
      <c r="W6176">
        <v>2</v>
      </c>
      <c r="X6176">
        <v>0</v>
      </c>
      <c r="Y6176">
        <v>47</v>
      </c>
      <c r="Z6176">
        <v>21</v>
      </c>
      <c r="AA6176">
        <v>87</v>
      </c>
      <c r="AB6176">
        <v>40</v>
      </c>
      <c r="AC6176">
        <v>95</v>
      </c>
      <c r="AD6176">
        <v>34</v>
      </c>
      <c r="AE6176">
        <v>61</v>
      </c>
      <c r="AF6176">
        <v>5040</v>
      </c>
      <c r="AG6176">
        <v>94421</v>
      </c>
      <c r="AH6176">
        <v>50000</v>
      </c>
      <c r="AI6176">
        <v>-10</v>
      </c>
      <c r="AJ6176">
        <v>118</v>
      </c>
      <c r="AK6176" t="s">
        <v>59</v>
      </c>
      <c r="AL6176">
        <v>0</v>
      </c>
      <c r="AM6176">
        <v>0</v>
      </c>
      <c r="AN6176">
        <v>0</v>
      </c>
      <c r="AO6176">
        <v>0</v>
      </c>
      <c r="AP6176">
        <v>0</v>
      </c>
      <c r="AQ6176">
        <v>0</v>
      </c>
      <c r="AR6176">
        <v>0</v>
      </c>
      <c r="AS6176">
        <v>0</v>
      </c>
      <c r="AT6176">
        <v>0</v>
      </c>
      <c r="AU6176">
        <v>0</v>
      </c>
      <c r="AV6176">
        <v>0</v>
      </c>
      <c r="AW6176">
        <v>0</v>
      </c>
      <c r="AX6176">
        <v>-530</v>
      </c>
      <c r="AY6176">
        <v>45</v>
      </c>
      <c r="AZ6176">
        <v>70</v>
      </c>
      <c r="BA6176">
        <v>5450</v>
      </c>
    </row>
    <row r="6177" spans="1:53" x14ac:dyDescent="0.4">
      <c r="A6177">
        <v>6221</v>
      </c>
      <c r="B6177" s="1">
        <v>45191</v>
      </c>
      <c r="C6177">
        <v>3</v>
      </c>
      <c r="D6177" s="1">
        <v>45191.747916666667</v>
      </c>
      <c r="E6177" s="1">
        <v>45191.949305555558</v>
      </c>
      <c r="F6177">
        <v>34280</v>
      </c>
      <c r="G6177">
        <v>616</v>
      </c>
      <c r="H6177">
        <v>0</v>
      </c>
      <c r="I6177">
        <v>0</v>
      </c>
      <c r="J6177">
        <v>0</v>
      </c>
      <c r="K6177">
        <v>1200</v>
      </c>
      <c r="L6177">
        <v>0</v>
      </c>
      <c r="M6177">
        <v>3280</v>
      </c>
      <c r="N6177">
        <v>0</v>
      </c>
      <c r="O6177">
        <v>0</v>
      </c>
      <c r="P6177">
        <v>-19410</v>
      </c>
      <c r="Q6177">
        <v>0</v>
      </c>
      <c r="R6177">
        <v>16686</v>
      </c>
      <c r="S6177">
        <v>0</v>
      </c>
      <c r="T6177">
        <v>0</v>
      </c>
      <c r="U6177">
        <v>0</v>
      </c>
      <c r="V6177">
        <v>0</v>
      </c>
      <c r="W6177">
        <v>3</v>
      </c>
      <c r="X6177">
        <v>0</v>
      </c>
      <c r="Y6177">
        <v>59</v>
      </c>
      <c r="Z6177">
        <v>24</v>
      </c>
      <c r="AA6177">
        <v>88</v>
      </c>
      <c r="AB6177">
        <v>41</v>
      </c>
      <c r="AC6177">
        <v>112</v>
      </c>
      <c r="AD6177">
        <v>36</v>
      </c>
      <c r="AE6177">
        <v>99</v>
      </c>
      <c r="AF6177">
        <v>12868</v>
      </c>
      <c r="AG6177">
        <v>111117</v>
      </c>
      <c r="AH6177">
        <v>50000</v>
      </c>
      <c r="AI6177">
        <v>0</v>
      </c>
      <c r="AJ6177">
        <v>40</v>
      </c>
      <c r="AK6177" t="s">
        <v>71</v>
      </c>
      <c r="AL6177">
        <v>0</v>
      </c>
      <c r="AM6177">
        <v>0</v>
      </c>
      <c r="AN6177">
        <v>0</v>
      </c>
      <c r="AO6177">
        <v>0</v>
      </c>
      <c r="AP6177">
        <v>0</v>
      </c>
      <c r="AQ6177">
        <v>0</v>
      </c>
      <c r="AR6177">
        <v>0</v>
      </c>
      <c r="AS6177">
        <v>0</v>
      </c>
      <c r="AT6177">
        <v>0</v>
      </c>
      <c r="AU6177">
        <v>0</v>
      </c>
      <c r="AV6177">
        <v>0</v>
      </c>
      <c r="AW6177">
        <v>0</v>
      </c>
      <c r="AX6177">
        <v>51725</v>
      </c>
      <c r="AY6177">
        <v>19</v>
      </c>
      <c r="AZ6177">
        <v>53</v>
      </c>
      <c r="BA6177">
        <v>3049</v>
      </c>
    </row>
    <row r="6178" spans="1:53" x14ac:dyDescent="0.4">
      <c r="A6178">
        <v>6222</v>
      </c>
      <c r="B6178" s="1">
        <v>45192</v>
      </c>
      <c r="C6178">
        <v>1</v>
      </c>
      <c r="D6178" s="1">
        <v>45192.291666666664</v>
      </c>
      <c r="E6178" s="1">
        <v>45192.390972222223</v>
      </c>
      <c r="F6178">
        <v>0</v>
      </c>
      <c r="G6178">
        <v>0</v>
      </c>
      <c r="H6178">
        <v>0</v>
      </c>
      <c r="I6178">
        <v>0</v>
      </c>
      <c r="J6178">
        <v>0</v>
      </c>
      <c r="K6178">
        <v>0</v>
      </c>
      <c r="L6178">
        <v>0</v>
      </c>
      <c r="M6178">
        <v>0</v>
      </c>
      <c r="N6178">
        <v>0</v>
      </c>
      <c r="O6178">
        <v>0</v>
      </c>
      <c r="P6178">
        <v>0</v>
      </c>
      <c r="Q6178">
        <v>0</v>
      </c>
      <c r="R6178">
        <v>0</v>
      </c>
      <c r="S6178">
        <v>0</v>
      </c>
      <c r="T6178">
        <v>0</v>
      </c>
      <c r="U6178">
        <v>0</v>
      </c>
      <c r="V6178">
        <v>0</v>
      </c>
      <c r="W6178">
        <v>1</v>
      </c>
      <c r="X6178">
        <v>0</v>
      </c>
      <c r="Y6178">
        <v>30</v>
      </c>
      <c r="Z6178">
        <v>10</v>
      </c>
      <c r="AA6178">
        <v>70</v>
      </c>
      <c r="AB6178">
        <v>39</v>
      </c>
      <c r="AC6178">
        <v>77</v>
      </c>
      <c r="AD6178">
        <v>37</v>
      </c>
      <c r="AE6178">
        <v>95</v>
      </c>
      <c r="AF6178">
        <v>0</v>
      </c>
      <c r="AG6178">
        <v>50000</v>
      </c>
      <c r="AH6178">
        <v>50000</v>
      </c>
      <c r="AI6178">
        <v>0</v>
      </c>
      <c r="AJ6178">
        <v>0</v>
      </c>
      <c r="AK6178" t="s">
        <v>6</v>
      </c>
      <c r="AL6178">
        <v>0</v>
      </c>
      <c r="AM6178">
        <v>0</v>
      </c>
      <c r="AN6178">
        <v>0</v>
      </c>
      <c r="AO6178">
        <v>0</v>
      </c>
      <c r="AP6178">
        <v>0</v>
      </c>
      <c r="AQ6178">
        <v>0</v>
      </c>
      <c r="AR6178">
        <v>0</v>
      </c>
      <c r="AS6178">
        <v>0</v>
      </c>
      <c r="AT6178">
        <v>0</v>
      </c>
      <c r="AU6178">
        <v>0</v>
      </c>
      <c r="AV6178">
        <v>0</v>
      </c>
      <c r="AW6178">
        <v>0</v>
      </c>
      <c r="AX6178">
        <v>0</v>
      </c>
      <c r="AY6178">
        <v>0</v>
      </c>
      <c r="AZ6178">
        <v>0</v>
      </c>
      <c r="BA6178">
        <v>0</v>
      </c>
    </row>
    <row r="6179" spans="1:53" x14ac:dyDescent="0.4">
      <c r="A6179">
        <v>6223</v>
      </c>
      <c r="B6179" s="1">
        <v>45192</v>
      </c>
      <c r="C6179">
        <v>2</v>
      </c>
      <c r="D6179" s="1">
        <v>45192.390972222223</v>
      </c>
      <c r="E6179" s="1">
        <v>45192.728472222225</v>
      </c>
      <c r="F6179">
        <v>34840</v>
      </c>
      <c r="G6179">
        <v>605</v>
      </c>
      <c r="H6179">
        <v>0</v>
      </c>
      <c r="I6179">
        <v>0</v>
      </c>
      <c r="J6179">
        <v>100</v>
      </c>
      <c r="K6179">
        <v>0</v>
      </c>
      <c r="L6179">
        <v>0</v>
      </c>
      <c r="M6179">
        <v>3214</v>
      </c>
      <c r="N6179">
        <v>0</v>
      </c>
      <c r="O6179">
        <v>0</v>
      </c>
      <c r="P6179">
        <v>25210</v>
      </c>
      <c r="Q6179">
        <v>0</v>
      </c>
      <c r="R6179">
        <v>60555</v>
      </c>
      <c r="S6179">
        <v>0</v>
      </c>
      <c r="T6179">
        <v>0</v>
      </c>
      <c r="U6179">
        <v>0</v>
      </c>
      <c r="V6179">
        <v>2</v>
      </c>
      <c r="W6179">
        <v>1</v>
      </c>
      <c r="X6179">
        <v>0</v>
      </c>
      <c r="Y6179">
        <v>60</v>
      </c>
      <c r="Z6179">
        <v>20</v>
      </c>
      <c r="AA6179">
        <v>36</v>
      </c>
      <c r="AB6179">
        <v>29</v>
      </c>
      <c r="AC6179">
        <v>92</v>
      </c>
      <c r="AD6179">
        <v>41</v>
      </c>
      <c r="AE6179">
        <v>95</v>
      </c>
      <c r="AF6179">
        <v>9285</v>
      </c>
      <c r="AG6179">
        <v>110555</v>
      </c>
      <c r="AH6179">
        <v>50000</v>
      </c>
      <c r="AI6179">
        <v>0</v>
      </c>
      <c r="AJ6179">
        <v>115</v>
      </c>
      <c r="AK6179" t="s">
        <v>55</v>
      </c>
      <c r="AL6179">
        <v>0</v>
      </c>
      <c r="AM6179">
        <v>0</v>
      </c>
      <c r="AN6179">
        <v>0</v>
      </c>
      <c r="AO6179">
        <v>0</v>
      </c>
      <c r="AP6179">
        <v>0</v>
      </c>
      <c r="AQ6179">
        <v>0</v>
      </c>
      <c r="AR6179">
        <v>0</v>
      </c>
      <c r="AS6179">
        <v>0</v>
      </c>
      <c r="AT6179">
        <v>0</v>
      </c>
      <c r="AU6179">
        <v>0</v>
      </c>
      <c r="AV6179">
        <v>0</v>
      </c>
      <c r="AW6179">
        <v>0</v>
      </c>
      <c r="AX6179">
        <v>0</v>
      </c>
      <c r="AY6179">
        <v>49</v>
      </c>
      <c r="AZ6179">
        <v>95</v>
      </c>
      <c r="BA6179">
        <v>7915</v>
      </c>
    </row>
    <row r="6180" spans="1:53" x14ac:dyDescent="0.4">
      <c r="A6180">
        <v>6224</v>
      </c>
      <c r="B6180" s="1">
        <v>45192</v>
      </c>
      <c r="C6180">
        <v>3</v>
      </c>
      <c r="D6180" s="1">
        <v>45192.728472222225</v>
      </c>
      <c r="E6180" s="1">
        <v>45192.948611111111</v>
      </c>
      <c r="F6180">
        <v>78690</v>
      </c>
      <c r="G6180">
        <v>8052</v>
      </c>
      <c r="H6180">
        <v>0</v>
      </c>
      <c r="I6180">
        <v>0</v>
      </c>
      <c r="J6180">
        <v>100</v>
      </c>
      <c r="K6180">
        <v>0</v>
      </c>
      <c r="L6180">
        <v>0</v>
      </c>
      <c r="M6180">
        <v>7875</v>
      </c>
      <c r="N6180">
        <v>0</v>
      </c>
      <c r="O6180">
        <v>0</v>
      </c>
      <c r="P6180">
        <v>-25210</v>
      </c>
      <c r="Q6180">
        <v>0</v>
      </c>
      <c r="R6180">
        <v>61432</v>
      </c>
      <c r="S6180">
        <v>0</v>
      </c>
      <c r="T6180">
        <v>0</v>
      </c>
      <c r="U6180">
        <v>0</v>
      </c>
      <c r="V6180">
        <v>5</v>
      </c>
      <c r="W6180">
        <v>3</v>
      </c>
      <c r="X6180">
        <v>0</v>
      </c>
      <c r="Y6180">
        <v>77</v>
      </c>
      <c r="Z6180">
        <v>20</v>
      </c>
      <c r="AA6180">
        <v>40</v>
      </c>
      <c r="AB6180">
        <v>27</v>
      </c>
      <c r="AC6180">
        <v>92</v>
      </c>
      <c r="AD6180">
        <v>40</v>
      </c>
      <c r="AE6180">
        <v>92</v>
      </c>
      <c r="AF6180">
        <v>13425</v>
      </c>
      <c r="AG6180">
        <v>171987</v>
      </c>
      <c r="AH6180">
        <v>50000</v>
      </c>
      <c r="AI6180">
        <v>0</v>
      </c>
      <c r="AJ6180">
        <v>40</v>
      </c>
      <c r="AK6180" t="s">
        <v>71</v>
      </c>
      <c r="AL6180">
        <v>0</v>
      </c>
      <c r="AM6180">
        <v>0</v>
      </c>
      <c r="AN6180">
        <v>0</v>
      </c>
      <c r="AO6180">
        <v>0</v>
      </c>
      <c r="AP6180">
        <v>0</v>
      </c>
      <c r="AQ6180">
        <v>0</v>
      </c>
      <c r="AR6180">
        <v>0</v>
      </c>
      <c r="AS6180">
        <v>0</v>
      </c>
      <c r="AT6180">
        <v>0</v>
      </c>
      <c r="AU6180">
        <v>0</v>
      </c>
      <c r="AV6180">
        <v>0</v>
      </c>
      <c r="AW6180">
        <v>0</v>
      </c>
      <c r="AX6180">
        <v>56459</v>
      </c>
      <c r="AY6180">
        <v>25</v>
      </c>
      <c r="AZ6180">
        <v>69</v>
      </c>
      <c r="BA6180">
        <v>3841</v>
      </c>
    </row>
    <row r="6181" spans="1:53" x14ac:dyDescent="0.4">
      <c r="A6181">
        <v>6225</v>
      </c>
      <c r="B6181" s="1">
        <v>45193</v>
      </c>
      <c r="C6181">
        <v>1</v>
      </c>
      <c r="D6181" s="1">
        <v>45193.291666666664</v>
      </c>
      <c r="E6181" s="1">
        <v>45193.406944444447</v>
      </c>
      <c r="F6181">
        <v>0</v>
      </c>
      <c r="G6181">
        <v>0</v>
      </c>
      <c r="H6181">
        <v>0</v>
      </c>
      <c r="I6181">
        <v>0</v>
      </c>
      <c r="J6181">
        <v>0</v>
      </c>
      <c r="K6181">
        <v>0</v>
      </c>
      <c r="L6181">
        <v>0</v>
      </c>
      <c r="M6181">
        <v>0</v>
      </c>
      <c r="N6181">
        <v>0</v>
      </c>
      <c r="O6181">
        <v>0</v>
      </c>
      <c r="P6181">
        <v>0</v>
      </c>
      <c r="Q6181">
        <v>0</v>
      </c>
      <c r="R6181">
        <v>0</v>
      </c>
      <c r="S6181">
        <v>0</v>
      </c>
      <c r="T6181">
        <v>0</v>
      </c>
      <c r="U6181">
        <v>0</v>
      </c>
      <c r="V6181">
        <v>0</v>
      </c>
      <c r="W6181">
        <v>1</v>
      </c>
      <c r="X6181">
        <v>0</v>
      </c>
      <c r="Y6181">
        <v>30</v>
      </c>
      <c r="Z6181">
        <v>10</v>
      </c>
      <c r="AA6181">
        <v>79</v>
      </c>
      <c r="AB6181">
        <v>26</v>
      </c>
      <c r="AC6181">
        <v>54</v>
      </c>
      <c r="AD6181">
        <v>33</v>
      </c>
      <c r="AE6181">
        <v>95</v>
      </c>
      <c r="AF6181">
        <v>0</v>
      </c>
      <c r="AG6181">
        <v>50000</v>
      </c>
      <c r="AH6181">
        <v>50000</v>
      </c>
      <c r="AI6181">
        <v>0</v>
      </c>
      <c r="AJ6181">
        <v>0</v>
      </c>
      <c r="AK6181" t="s">
        <v>6</v>
      </c>
      <c r="AL6181">
        <v>0</v>
      </c>
      <c r="AM6181">
        <v>0</v>
      </c>
      <c r="AN6181">
        <v>0</v>
      </c>
      <c r="AO6181">
        <v>0</v>
      </c>
      <c r="AP6181">
        <v>0</v>
      </c>
      <c r="AQ6181">
        <v>0</v>
      </c>
      <c r="AR6181">
        <v>0</v>
      </c>
      <c r="AS6181">
        <v>0</v>
      </c>
      <c r="AT6181">
        <v>0</v>
      </c>
      <c r="AU6181">
        <v>0</v>
      </c>
      <c r="AV6181">
        <v>0</v>
      </c>
      <c r="AW6181">
        <v>0</v>
      </c>
      <c r="AX6181">
        <v>0</v>
      </c>
      <c r="AY6181">
        <v>0</v>
      </c>
      <c r="AZ6181">
        <v>0</v>
      </c>
      <c r="BA6181">
        <v>0</v>
      </c>
    </row>
    <row r="6182" spans="1:53" x14ac:dyDescent="0.4">
      <c r="A6182">
        <v>6226</v>
      </c>
      <c r="B6182" s="1">
        <v>45193</v>
      </c>
      <c r="C6182">
        <v>2</v>
      </c>
      <c r="D6182" s="1">
        <v>45193.406944444447</v>
      </c>
      <c r="E6182" s="1">
        <v>45193.736805555556</v>
      </c>
      <c r="F6182">
        <v>41450</v>
      </c>
      <c r="G6182">
        <v>2090</v>
      </c>
      <c r="H6182">
        <v>0</v>
      </c>
      <c r="I6182">
        <v>0</v>
      </c>
      <c r="J6182">
        <v>200</v>
      </c>
      <c r="K6182">
        <v>0</v>
      </c>
      <c r="L6182">
        <v>0</v>
      </c>
      <c r="M6182">
        <v>3939</v>
      </c>
      <c r="N6182">
        <v>0</v>
      </c>
      <c r="O6182">
        <v>0</v>
      </c>
      <c r="P6182">
        <v>17790</v>
      </c>
      <c r="Q6182">
        <v>0</v>
      </c>
      <c r="R6182">
        <v>61130</v>
      </c>
      <c r="S6182">
        <v>0</v>
      </c>
      <c r="T6182">
        <v>0</v>
      </c>
      <c r="U6182">
        <v>0</v>
      </c>
      <c r="V6182">
        <v>1</v>
      </c>
      <c r="W6182">
        <v>4</v>
      </c>
      <c r="X6182">
        <v>0</v>
      </c>
      <c r="Y6182">
        <v>56</v>
      </c>
      <c r="Z6182">
        <v>17</v>
      </c>
      <c r="AA6182">
        <v>88</v>
      </c>
      <c r="AB6182">
        <v>32</v>
      </c>
      <c r="AC6182">
        <v>64</v>
      </c>
      <c r="AD6182">
        <v>34</v>
      </c>
      <c r="AE6182">
        <v>100</v>
      </c>
      <c r="AF6182">
        <v>5320</v>
      </c>
      <c r="AG6182">
        <v>111130</v>
      </c>
      <c r="AH6182">
        <v>50000</v>
      </c>
      <c r="AI6182">
        <v>0</v>
      </c>
      <c r="AJ6182">
        <v>118</v>
      </c>
      <c r="AK6182" t="s">
        <v>59</v>
      </c>
      <c r="AL6182">
        <v>0</v>
      </c>
      <c r="AM6182">
        <v>0</v>
      </c>
      <c r="AN6182">
        <v>0</v>
      </c>
      <c r="AO6182">
        <v>0</v>
      </c>
      <c r="AP6182">
        <v>0</v>
      </c>
      <c r="AQ6182">
        <v>0</v>
      </c>
      <c r="AR6182">
        <v>0</v>
      </c>
      <c r="AS6182">
        <v>0</v>
      </c>
      <c r="AT6182">
        <v>0</v>
      </c>
      <c r="AU6182">
        <v>0</v>
      </c>
      <c r="AV6182">
        <v>0</v>
      </c>
      <c r="AW6182">
        <v>0</v>
      </c>
      <c r="AX6182">
        <v>-617</v>
      </c>
      <c r="AY6182">
        <v>51</v>
      </c>
      <c r="AZ6182">
        <v>93</v>
      </c>
      <c r="BA6182">
        <v>7654</v>
      </c>
    </row>
    <row r="6183" spans="1:53" x14ac:dyDescent="0.4">
      <c r="A6183">
        <v>6227</v>
      </c>
      <c r="B6183" s="1">
        <v>45193</v>
      </c>
      <c r="C6183">
        <v>3</v>
      </c>
      <c r="D6183" s="1">
        <v>45193.736805555556</v>
      </c>
      <c r="E6183" s="1">
        <v>45193.95</v>
      </c>
      <c r="F6183">
        <v>62785</v>
      </c>
      <c r="G6183">
        <v>5038</v>
      </c>
      <c r="H6183">
        <v>0</v>
      </c>
      <c r="I6183">
        <v>0</v>
      </c>
      <c r="J6183">
        <v>200</v>
      </c>
      <c r="K6183">
        <v>0</v>
      </c>
      <c r="L6183">
        <v>0</v>
      </c>
      <c r="M6183">
        <v>6143</v>
      </c>
      <c r="N6183">
        <v>0</v>
      </c>
      <c r="O6183">
        <v>0</v>
      </c>
      <c r="P6183">
        <v>12860</v>
      </c>
      <c r="Q6183">
        <v>0</v>
      </c>
      <c r="R6183">
        <v>80483</v>
      </c>
      <c r="S6183">
        <v>0</v>
      </c>
      <c r="T6183">
        <v>0</v>
      </c>
      <c r="U6183">
        <v>0</v>
      </c>
      <c r="V6183">
        <v>3</v>
      </c>
      <c r="W6183">
        <v>5</v>
      </c>
      <c r="X6183">
        <v>0</v>
      </c>
      <c r="Y6183">
        <v>95</v>
      </c>
      <c r="Z6183">
        <v>18</v>
      </c>
      <c r="AA6183">
        <v>80</v>
      </c>
      <c r="AB6183">
        <v>38</v>
      </c>
      <c r="AC6183">
        <v>55</v>
      </c>
      <c r="AD6183">
        <v>34</v>
      </c>
      <c r="AE6183">
        <v>103</v>
      </c>
      <c r="AF6183">
        <v>21940</v>
      </c>
      <c r="AG6183">
        <v>191663</v>
      </c>
      <c r="AH6183">
        <v>50000</v>
      </c>
      <c r="AI6183">
        <v>50</v>
      </c>
      <c r="AJ6183">
        <v>110</v>
      </c>
      <c r="AK6183" t="s">
        <v>31</v>
      </c>
      <c r="AL6183">
        <v>0</v>
      </c>
      <c r="AM6183">
        <v>0</v>
      </c>
      <c r="AN6183">
        <v>0</v>
      </c>
      <c r="AO6183">
        <v>0</v>
      </c>
      <c r="AP6183">
        <v>0</v>
      </c>
      <c r="AQ6183">
        <v>0</v>
      </c>
      <c r="AR6183">
        <v>0</v>
      </c>
      <c r="AS6183">
        <v>0</v>
      </c>
      <c r="AT6183">
        <v>0</v>
      </c>
      <c r="AU6183">
        <v>0</v>
      </c>
      <c r="AV6183">
        <v>0</v>
      </c>
      <c r="AW6183">
        <v>0</v>
      </c>
      <c r="AX6183">
        <v>836</v>
      </c>
      <c r="AY6183">
        <v>17</v>
      </c>
      <c r="AZ6183">
        <v>46</v>
      </c>
      <c r="BA6183">
        <v>3473</v>
      </c>
    </row>
    <row r="6184" spans="1:53" x14ac:dyDescent="0.4">
      <c r="A6184">
        <v>6228</v>
      </c>
      <c r="B6184" s="1">
        <v>45194</v>
      </c>
      <c r="C6184">
        <v>1</v>
      </c>
      <c r="D6184" s="1">
        <v>45194.291666666664</v>
      </c>
      <c r="E6184" s="1">
        <v>45194.441666666666</v>
      </c>
      <c r="F6184">
        <v>0</v>
      </c>
      <c r="G6184">
        <v>0</v>
      </c>
      <c r="H6184">
        <v>0</v>
      </c>
      <c r="I6184">
        <v>0</v>
      </c>
      <c r="J6184">
        <v>0</v>
      </c>
      <c r="K6184">
        <v>0</v>
      </c>
      <c r="L6184">
        <v>0</v>
      </c>
      <c r="M6184">
        <v>0</v>
      </c>
      <c r="N6184">
        <v>0</v>
      </c>
      <c r="O6184">
        <v>0</v>
      </c>
      <c r="P6184">
        <v>0</v>
      </c>
      <c r="Q6184">
        <v>0</v>
      </c>
      <c r="R6184">
        <v>0</v>
      </c>
      <c r="S6184">
        <v>0</v>
      </c>
      <c r="T6184">
        <v>0</v>
      </c>
      <c r="U6184">
        <v>0</v>
      </c>
      <c r="V6184">
        <v>0</v>
      </c>
      <c r="W6184">
        <v>0</v>
      </c>
      <c r="X6184">
        <v>0</v>
      </c>
      <c r="Y6184">
        <v>33</v>
      </c>
      <c r="Z6184">
        <v>13</v>
      </c>
      <c r="AA6184">
        <v>79</v>
      </c>
      <c r="AB6184">
        <v>36</v>
      </c>
      <c r="AC6184">
        <v>54</v>
      </c>
      <c r="AD6184">
        <v>33</v>
      </c>
      <c r="AE6184">
        <v>95</v>
      </c>
      <c r="AF6184">
        <v>0</v>
      </c>
      <c r="AG6184">
        <v>50000</v>
      </c>
      <c r="AH6184">
        <v>50000</v>
      </c>
      <c r="AI6184">
        <v>0</v>
      </c>
      <c r="AJ6184">
        <v>0</v>
      </c>
      <c r="AK6184" t="s">
        <v>6</v>
      </c>
      <c r="AL6184">
        <v>0</v>
      </c>
      <c r="AM6184">
        <v>0</v>
      </c>
      <c r="AN6184">
        <v>0</v>
      </c>
      <c r="AO6184">
        <v>0</v>
      </c>
      <c r="AP6184">
        <v>0</v>
      </c>
      <c r="AQ6184">
        <v>0</v>
      </c>
      <c r="AR6184">
        <v>0</v>
      </c>
      <c r="AS6184">
        <v>0</v>
      </c>
      <c r="AT6184">
        <v>0</v>
      </c>
      <c r="AU6184">
        <v>0</v>
      </c>
      <c r="AV6184">
        <v>0</v>
      </c>
      <c r="AW6184">
        <v>0</v>
      </c>
      <c r="AX6184">
        <v>0</v>
      </c>
      <c r="AY6184">
        <v>0</v>
      </c>
      <c r="AZ6184">
        <v>0</v>
      </c>
      <c r="BA6184">
        <v>0</v>
      </c>
    </row>
    <row r="6185" spans="1:53" x14ac:dyDescent="0.4">
      <c r="A6185">
        <v>6229</v>
      </c>
      <c r="B6185" s="1">
        <v>45194</v>
      </c>
      <c r="C6185">
        <v>2</v>
      </c>
      <c r="D6185" s="1">
        <v>45194.441666666666</v>
      </c>
      <c r="E6185" s="1">
        <v>45194.736805555556</v>
      </c>
      <c r="F6185">
        <v>13300</v>
      </c>
      <c r="G6185">
        <v>308</v>
      </c>
      <c r="H6185">
        <v>220</v>
      </c>
      <c r="I6185">
        <v>0</v>
      </c>
      <c r="J6185">
        <v>0</v>
      </c>
      <c r="K6185">
        <v>0</v>
      </c>
      <c r="L6185">
        <v>0</v>
      </c>
      <c r="M6185">
        <v>1257</v>
      </c>
      <c r="N6185">
        <v>0</v>
      </c>
      <c r="O6185">
        <v>0</v>
      </c>
      <c r="P6185">
        <v>17270</v>
      </c>
      <c r="Q6185">
        <v>0</v>
      </c>
      <c r="R6185">
        <v>31098</v>
      </c>
      <c r="S6185">
        <v>0</v>
      </c>
      <c r="T6185">
        <v>0</v>
      </c>
      <c r="U6185">
        <v>0</v>
      </c>
      <c r="V6185">
        <v>0</v>
      </c>
      <c r="W6185">
        <v>2</v>
      </c>
      <c r="X6185">
        <v>0</v>
      </c>
      <c r="Y6185">
        <v>47</v>
      </c>
      <c r="Z6185">
        <v>24</v>
      </c>
      <c r="AA6185">
        <v>63</v>
      </c>
      <c r="AB6185">
        <v>43</v>
      </c>
      <c r="AC6185">
        <v>71</v>
      </c>
      <c r="AD6185">
        <v>33</v>
      </c>
      <c r="AE6185">
        <v>93</v>
      </c>
      <c r="AF6185">
        <v>2680</v>
      </c>
      <c r="AG6185">
        <v>81098</v>
      </c>
      <c r="AH6185">
        <v>50000</v>
      </c>
      <c r="AI6185">
        <v>0</v>
      </c>
      <c r="AJ6185">
        <v>36</v>
      </c>
      <c r="AK6185" t="s">
        <v>68</v>
      </c>
      <c r="AL6185">
        <v>0</v>
      </c>
      <c r="AM6185">
        <v>0</v>
      </c>
      <c r="AN6185">
        <v>0</v>
      </c>
      <c r="AO6185">
        <v>0</v>
      </c>
      <c r="AP6185">
        <v>0</v>
      </c>
      <c r="AQ6185">
        <v>0</v>
      </c>
      <c r="AR6185">
        <v>0</v>
      </c>
      <c r="AS6185">
        <v>0</v>
      </c>
      <c r="AT6185">
        <v>0</v>
      </c>
      <c r="AU6185">
        <v>0</v>
      </c>
      <c r="AV6185">
        <v>0</v>
      </c>
      <c r="AW6185">
        <v>0</v>
      </c>
      <c r="AX6185">
        <v>-2255</v>
      </c>
      <c r="AY6185">
        <v>30</v>
      </c>
      <c r="AZ6185">
        <v>50</v>
      </c>
      <c r="BA6185">
        <v>3595</v>
      </c>
    </row>
    <row r="6186" spans="1:53" x14ac:dyDescent="0.4">
      <c r="A6186">
        <v>6230</v>
      </c>
      <c r="B6186" s="1">
        <v>45194</v>
      </c>
      <c r="C6186">
        <v>3</v>
      </c>
      <c r="D6186" s="1">
        <v>45194.736805555556</v>
      </c>
      <c r="E6186" s="1">
        <v>45194.951388888891</v>
      </c>
      <c r="F6186">
        <v>25710</v>
      </c>
      <c r="G6186">
        <v>2705</v>
      </c>
      <c r="H6186">
        <v>0</v>
      </c>
      <c r="I6186">
        <v>0</v>
      </c>
      <c r="J6186">
        <v>0</v>
      </c>
      <c r="K6186">
        <v>0</v>
      </c>
      <c r="L6186">
        <v>0</v>
      </c>
      <c r="M6186">
        <v>2581</v>
      </c>
      <c r="N6186">
        <v>0</v>
      </c>
      <c r="O6186">
        <v>0</v>
      </c>
      <c r="P6186">
        <v>-11690</v>
      </c>
      <c r="Q6186">
        <v>0</v>
      </c>
      <c r="R6186">
        <v>16725</v>
      </c>
      <c r="S6186">
        <v>0</v>
      </c>
      <c r="T6186">
        <v>0</v>
      </c>
      <c r="U6186">
        <v>0</v>
      </c>
      <c r="V6186">
        <v>0</v>
      </c>
      <c r="W6186">
        <v>4</v>
      </c>
      <c r="X6186">
        <v>0</v>
      </c>
      <c r="Y6186">
        <v>51</v>
      </c>
      <c r="Z6186">
        <v>21</v>
      </c>
      <c r="AA6186">
        <v>70</v>
      </c>
      <c r="AB6186">
        <v>45</v>
      </c>
      <c r="AC6186">
        <v>84</v>
      </c>
      <c r="AD6186">
        <v>33</v>
      </c>
      <c r="AE6186">
        <v>98</v>
      </c>
      <c r="AF6186">
        <v>5970</v>
      </c>
      <c r="AG6186">
        <v>97823</v>
      </c>
      <c r="AH6186">
        <v>50000</v>
      </c>
      <c r="AI6186">
        <v>0</v>
      </c>
      <c r="AJ6186">
        <v>95</v>
      </c>
      <c r="AK6186" t="s">
        <v>21</v>
      </c>
      <c r="AL6186">
        <v>0</v>
      </c>
      <c r="AM6186">
        <v>0</v>
      </c>
      <c r="AN6186">
        <v>0</v>
      </c>
      <c r="AO6186">
        <v>0</v>
      </c>
      <c r="AP6186">
        <v>0</v>
      </c>
      <c r="AQ6186">
        <v>0</v>
      </c>
      <c r="AR6186">
        <v>0</v>
      </c>
      <c r="AS6186">
        <v>0</v>
      </c>
      <c r="AT6186">
        <v>0</v>
      </c>
      <c r="AU6186">
        <v>0</v>
      </c>
      <c r="AV6186">
        <v>0</v>
      </c>
      <c r="AW6186">
        <v>0</v>
      </c>
      <c r="AX6186">
        <v>2475</v>
      </c>
      <c r="AY6186">
        <v>9</v>
      </c>
      <c r="AZ6186">
        <v>17</v>
      </c>
      <c r="BA6186">
        <v>2721</v>
      </c>
    </row>
    <row r="6187" spans="1:53" x14ac:dyDescent="0.4">
      <c r="A6187">
        <v>6231</v>
      </c>
      <c r="B6187" s="1">
        <v>45195</v>
      </c>
      <c r="C6187">
        <v>1</v>
      </c>
      <c r="D6187" s="1">
        <v>45195.291666666664</v>
      </c>
      <c r="E6187" s="1">
        <v>45195.449305555558</v>
      </c>
      <c r="F6187">
        <v>0</v>
      </c>
      <c r="G6187">
        <v>0</v>
      </c>
      <c r="H6187">
        <v>0</v>
      </c>
      <c r="I6187">
        <v>0</v>
      </c>
      <c r="J6187">
        <v>0</v>
      </c>
      <c r="K6187">
        <v>0</v>
      </c>
      <c r="L6187">
        <v>0</v>
      </c>
      <c r="M6187">
        <v>0</v>
      </c>
      <c r="N6187">
        <v>0</v>
      </c>
      <c r="O6187">
        <v>0</v>
      </c>
      <c r="P6187">
        <v>0</v>
      </c>
      <c r="Q6187">
        <v>0</v>
      </c>
      <c r="R6187">
        <v>0</v>
      </c>
      <c r="S6187">
        <v>0</v>
      </c>
      <c r="T6187">
        <v>0</v>
      </c>
      <c r="U6187">
        <v>0</v>
      </c>
      <c r="V6187">
        <v>0</v>
      </c>
      <c r="W6187">
        <v>1</v>
      </c>
      <c r="X6187">
        <v>0</v>
      </c>
      <c r="Y6187">
        <v>29</v>
      </c>
      <c r="Z6187">
        <v>13</v>
      </c>
      <c r="AA6187">
        <v>63</v>
      </c>
      <c r="AB6187">
        <v>43</v>
      </c>
      <c r="AC6187">
        <v>79</v>
      </c>
      <c r="AD6187">
        <v>33</v>
      </c>
      <c r="AE6187">
        <v>95</v>
      </c>
      <c r="AF6187">
        <v>0</v>
      </c>
      <c r="AG6187">
        <v>50000</v>
      </c>
      <c r="AH6187">
        <v>50000</v>
      </c>
      <c r="AI6187">
        <v>0</v>
      </c>
      <c r="AJ6187">
        <v>0</v>
      </c>
      <c r="AK6187" t="s">
        <v>6</v>
      </c>
      <c r="AL6187">
        <v>0</v>
      </c>
      <c r="AM6187">
        <v>0</v>
      </c>
      <c r="AN6187">
        <v>0</v>
      </c>
      <c r="AO6187">
        <v>0</v>
      </c>
      <c r="AP6187">
        <v>0</v>
      </c>
      <c r="AQ6187">
        <v>0</v>
      </c>
      <c r="AR6187">
        <v>0</v>
      </c>
      <c r="AS6187">
        <v>0</v>
      </c>
      <c r="AT6187">
        <v>0</v>
      </c>
      <c r="AU6187">
        <v>0</v>
      </c>
      <c r="AV6187">
        <v>0</v>
      </c>
      <c r="AW6187">
        <v>0</v>
      </c>
      <c r="AX6187">
        <v>0</v>
      </c>
      <c r="AY6187">
        <v>0</v>
      </c>
      <c r="AZ6187">
        <v>0</v>
      </c>
      <c r="BA6187">
        <v>0</v>
      </c>
    </row>
    <row r="6188" spans="1:53" x14ac:dyDescent="0.4">
      <c r="A6188">
        <v>6232</v>
      </c>
      <c r="B6188" s="1">
        <v>45195</v>
      </c>
      <c r="C6188">
        <v>2</v>
      </c>
      <c r="D6188" s="1">
        <v>45195.449305555558</v>
      </c>
      <c r="E6188" s="1">
        <v>45195.729166666664</v>
      </c>
      <c r="F6188">
        <v>21110</v>
      </c>
      <c r="G6188">
        <v>700</v>
      </c>
      <c r="H6188">
        <v>0</v>
      </c>
      <c r="I6188">
        <v>0</v>
      </c>
      <c r="J6188">
        <v>0</v>
      </c>
      <c r="K6188">
        <v>0</v>
      </c>
      <c r="L6188">
        <v>0</v>
      </c>
      <c r="M6188">
        <v>1982</v>
      </c>
      <c r="N6188">
        <v>0</v>
      </c>
      <c r="O6188">
        <v>0</v>
      </c>
      <c r="P6188">
        <v>18250</v>
      </c>
      <c r="Q6188">
        <v>0</v>
      </c>
      <c r="R6188">
        <v>40060</v>
      </c>
      <c r="S6188">
        <v>0</v>
      </c>
      <c r="T6188">
        <v>0</v>
      </c>
      <c r="U6188">
        <v>0</v>
      </c>
      <c r="V6188">
        <v>2</v>
      </c>
      <c r="W6188">
        <v>2</v>
      </c>
      <c r="X6188">
        <v>0</v>
      </c>
      <c r="Y6188">
        <v>36</v>
      </c>
      <c r="Z6188">
        <v>24</v>
      </c>
      <c r="AA6188">
        <v>51</v>
      </c>
      <c r="AB6188">
        <v>44</v>
      </c>
      <c r="AC6188">
        <v>104</v>
      </c>
      <c r="AD6188">
        <v>33</v>
      </c>
      <c r="AE6188">
        <v>95</v>
      </c>
      <c r="AF6188">
        <v>3460</v>
      </c>
      <c r="AG6188">
        <v>90060</v>
      </c>
      <c r="AH6188">
        <v>50000</v>
      </c>
      <c r="AI6188">
        <v>0</v>
      </c>
      <c r="AJ6188">
        <v>118</v>
      </c>
      <c r="AK6188" t="s">
        <v>59</v>
      </c>
      <c r="AL6188">
        <v>0</v>
      </c>
      <c r="AM6188">
        <v>0</v>
      </c>
      <c r="AN6188">
        <v>0</v>
      </c>
      <c r="AO6188">
        <v>0</v>
      </c>
      <c r="AP6188">
        <v>0</v>
      </c>
      <c r="AQ6188">
        <v>0</v>
      </c>
      <c r="AR6188">
        <v>0</v>
      </c>
      <c r="AS6188">
        <v>0</v>
      </c>
      <c r="AT6188">
        <v>0</v>
      </c>
      <c r="AU6188">
        <v>0</v>
      </c>
      <c r="AV6188">
        <v>0</v>
      </c>
      <c r="AW6188">
        <v>0</v>
      </c>
      <c r="AX6188">
        <v>-3000</v>
      </c>
      <c r="AY6188">
        <v>39</v>
      </c>
      <c r="AZ6188">
        <v>65</v>
      </c>
      <c r="BA6188">
        <v>4616</v>
      </c>
    </row>
    <row r="6189" spans="1:53" x14ac:dyDescent="0.4">
      <c r="A6189">
        <v>6233</v>
      </c>
      <c r="B6189" s="1">
        <v>45196</v>
      </c>
      <c r="C6189">
        <v>1</v>
      </c>
      <c r="D6189" s="1">
        <v>45196.291666666664</v>
      </c>
      <c r="E6189" s="1">
        <v>45196.445833333331</v>
      </c>
      <c r="F6189">
        <v>0</v>
      </c>
      <c r="G6189">
        <v>0</v>
      </c>
      <c r="H6189">
        <v>0</v>
      </c>
      <c r="I6189">
        <v>0</v>
      </c>
      <c r="J6189">
        <v>0</v>
      </c>
      <c r="K6189">
        <v>0</v>
      </c>
      <c r="L6189">
        <v>0</v>
      </c>
      <c r="M6189">
        <v>0</v>
      </c>
      <c r="N6189">
        <v>0</v>
      </c>
      <c r="O6189">
        <v>0</v>
      </c>
      <c r="P6189">
        <v>0</v>
      </c>
      <c r="Q6189">
        <v>0</v>
      </c>
      <c r="R6189">
        <v>0</v>
      </c>
      <c r="S6189">
        <v>0</v>
      </c>
      <c r="T6189">
        <v>0</v>
      </c>
      <c r="U6189">
        <v>0</v>
      </c>
      <c r="V6189">
        <v>0</v>
      </c>
      <c r="W6189">
        <v>0</v>
      </c>
      <c r="X6189">
        <v>0</v>
      </c>
      <c r="Y6189">
        <v>35</v>
      </c>
      <c r="Z6189">
        <v>10</v>
      </c>
      <c r="AA6189">
        <v>70</v>
      </c>
      <c r="AB6189">
        <v>41</v>
      </c>
      <c r="AC6189">
        <v>69</v>
      </c>
      <c r="AD6189">
        <v>33</v>
      </c>
      <c r="AE6189">
        <v>95</v>
      </c>
      <c r="AF6189">
        <v>0</v>
      </c>
      <c r="AG6189">
        <v>50000</v>
      </c>
      <c r="AH6189">
        <v>50000</v>
      </c>
      <c r="AI6189">
        <v>0</v>
      </c>
      <c r="AJ6189">
        <v>0</v>
      </c>
      <c r="AK6189" t="s">
        <v>6</v>
      </c>
      <c r="AL6189">
        <v>0</v>
      </c>
      <c r="AM6189">
        <v>0</v>
      </c>
      <c r="AN6189">
        <v>0</v>
      </c>
      <c r="AO6189">
        <v>0</v>
      </c>
      <c r="AP6189">
        <v>0</v>
      </c>
      <c r="AQ6189">
        <v>0</v>
      </c>
      <c r="AR6189">
        <v>0</v>
      </c>
      <c r="AS6189">
        <v>0</v>
      </c>
      <c r="AT6189">
        <v>0</v>
      </c>
      <c r="AU6189">
        <v>0</v>
      </c>
      <c r="AV6189">
        <v>0</v>
      </c>
      <c r="AW6189">
        <v>0</v>
      </c>
      <c r="AX6189">
        <v>0</v>
      </c>
      <c r="AY6189">
        <v>0</v>
      </c>
      <c r="AZ6189">
        <v>0</v>
      </c>
      <c r="BA6189">
        <v>0</v>
      </c>
    </row>
    <row r="6190" spans="1:53" x14ac:dyDescent="0.4">
      <c r="A6190">
        <v>6234</v>
      </c>
      <c r="B6190" s="1">
        <v>45196</v>
      </c>
      <c r="C6190">
        <v>2</v>
      </c>
      <c r="D6190" s="1">
        <v>45196.445833333331</v>
      </c>
      <c r="E6190" s="1">
        <v>45196.729861111111</v>
      </c>
      <c r="F6190">
        <v>11420</v>
      </c>
      <c r="G6190">
        <v>0</v>
      </c>
      <c r="H6190">
        <v>0</v>
      </c>
      <c r="I6190">
        <v>0</v>
      </c>
      <c r="J6190">
        <v>100</v>
      </c>
      <c r="K6190">
        <v>0</v>
      </c>
      <c r="L6190">
        <v>0</v>
      </c>
      <c r="M6190">
        <v>1030</v>
      </c>
      <c r="N6190">
        <v>0</v>
      </c>
      <c r="O6190">
        <v>0</v>
      </c>
      <c r="P6190">
        <v>11790</v>
      </c>
      <c r="Q6190">
        <v>0</v>
      </c>
      <c r="R6190">
        <v>23110</v>
      </c>
      <c r="S6190">
        <v>0</v>
      </c>
      <c r="T6190">
        <v>0</v>
      </c>
      <c r="U6190">
        <v>0</v>
      </c>
      <c r="V6190">
        <v>1</v>
      </c>
      <c r="W6190">
        <v>1</v>
      </c>
      <c r="X6190">
        <v>0</v>
      </c>
      <c r="Y6190">
        <v>36</v>
      </c>
      <c r="Z6190">
        <v>13</v>
      </c>
      <c r="AA6190">
        <v>57</v>
      </c>
      <c r="AB6190">
        <v>39</v>
      </c>
      <c r="AC6190">
        <v>77</v>
      </c>
      <c r="AD6190">
        <v>33</v>
      </c>
      <c r="AE6190">
        <v>95</v>
      </c>
      <c r="AF6190">
        <v>6930</v>
      </c>
      <c r="AG6190">
        <v>73110</v>
      </c>
      <c r="AH6190">
        <v>50000</v>
      </c>
      <c r="AI6190">
        <v>0</v>
      </c>
      <c r="AJ6190">
        <v>38</v>
      </c>
      <c r="AK6190" t="s">
        <v>75</v>
      </c>
      <c r="AL6190">
        <v>0</v>
      </c>
      <c r="AM6190">
        <v>0</v>
      </c>
      <c r="AN6190">
        <v>0</v>
      </c>
      <c r="AO6190">
        <v>0</v>
      </c>
      <c r="AP6190">
        <v>0</v>
      </c>
      <c r="AQ6190">
        <v>0</v>
      </c>
      <c r="AR6190">
        <v>0</v>
      </c>
      <c r="AS6190">
        <v>0</v>
      </c>
      <c r="AT6190">
        <v>0</v>
      </c>
      <c r="AU6190">
        <v>0</v>
      </c>
      <c r="AV6190">
        <v>0</v>
      </c>
      <c r="AW6190">
        <v>0</v>
      </c>
      <c r="AX6190">
        <v>-690</v>
      </c>
      <c r="AY6190">
        <v>25</v>
      </c>
      <c r="AZ6190">
        <v>38</v>
      </c>
      <c r="BA6190">
        <v>3298</v>
      </c>
    </row>
    <row r="6191" spans="1:53" x14ac:dyDescent="0.4">
      <c r="A6191">
        <v>6235</v>
      </c>
      <c r="B6191" s="1">
        <v>45196</v>
      </c>
      <c r="C6191">
        <v>3</v>
      </c>
      <c r="D6191" s="1">
        <v>45196.729861111111</v>
      </c>
      <c r="E6191" s="1">
        <v>45196.957638888889</v>
      </c>
      <c r="F6191">
        <v>43200</v>
      </c>
      <c r="G6191">
        <v>1925</v>
      </c>
      <c r="H6191">
        <v>0</v>
      </c>
      <c r="I6191">
        <v>0</v>
      </c>
      <c r="J6191">
        <v>300</v>
      </c>
      <c r="K6191">
        <v>0</v>
      </c>
      <c r="L6191">
        <v>0</v>
      </c>
      <c r="M6191">
        <v>4074</v>
      </c>
      <c r="N6191">
        <v>0</v>
      </c>
      <c r="O6191">
        <v>0</v>
      </c>
      <c r="P6191">
        <v>-9290</v>
      </c>
      <c r="Q6191">
        <v>0</v>
      </c>
      <c r="R6191">
        <v>35535</v>
      </c>
      <c r="S6191">
        <v>0</v>
      </c>
      <c r="T6191">
        <v>0</v>
      </c>
      <c r="U6191">
        <v>0</v>
      </c>
      <c r="V6191">
        <v>3</v>
      </c>
      <c r="W6191">
        <v>2</v>
      </c>
      <c r="X6191">
        <v>0</v>
      </c>
      <c r="Y6191">
        <v>37</v>
      </c>
      <c r="Z6191">
        <v>18</v>
      </c>
      <c r="AA6191">
        <v>65</v>
      </c>
      <c r="AB6191">
        <v>40</v>
      </c>
      <c r="AC6191">
        <v>79</v>
      </c>
      <c r="AD6191">
        <v>34</v>
      </c>
      <c r="AE6191">
        <v>95</v>
      </c>
      <c r="AF6191">
        <v>13090</v>
      </c>
      <c r="AG6191">
        <v>108645</v>
      </c>
      <c r="AH6191">
        <v>50000</v>
      </c>
      <c r="AI6191">
        <v>0</v>
      </c>
      <c r="AJ6191">
        <v>39</v>
      </c>
      <c r="AK6191" t="s">
        <v>73</v>
      </c>
      <c r="AL6191">
        <v>0</v>
      </c>
      <c r="AM6191">
        <v>0</v>
      </c>
      <c r="AN6191">
        <v>0</v>
      </c>
      <c r="AO6191">
        <v>0</v>
      </c>
      <c r="AP6191">
        <v>0</v>
      </c>
      <c r="AQ6191">
        <v>0</v>
      </c>
      <c r="AR6191">
        <v>0</v>
      </c>
      <c r="AS6191">
        <v>0</v>
      </c>
      <c r="AT6191">
        <v>0</v>
      </c>
      <c r="AU6191">
        <v>0</v>
      </c>
      <c r="AV6191">
        <v>0</v>
      </c>
      <c r="AW6191">
        <v>0</v>
      </c>
      <c r="AX6191">
        <v>660</v>
      </c>
      <c r="AY6191">
        <v>20</v>
      </c>
      <c r="AZ6191">
        <v>35</v>
      </c>
      <c r="BA6191">
        <v>2983</v>
      </c>
    </row>
    <row r="6192" spans="1:53" x14ac:dyDescent="0.4">
      <c r="A6192">
        <v>6236</v>
      </c>
      <c r="B6192" s="1">
        <v>45197</v>
      </c>
      <c r="C6192">
        <v>1</v>
      </c>
      <c r="D6192" s="1">
        <v>45197.291666666664</v>
      </c>
      <c r="E6192" s="1">
        <v>45197.445138888892</v>
      </c>
      <c r="F6192">
        <v>0</v>
      </c>
      <c r="G6192">
        <v>0</v>
      </c>
      <c r="H6192">
        <v>0</v>
      </c>
      <c r="I6192">
        <v>0</v>
      </c>
      <c r="J6192">
        <v>0</v>
      </c>
      <c r="K6192">
        <v>0</v>
      </c>
      <c r="L6192">
        <v>0</v>
      </c>
      <c r="M6192">
        <v>0</v>
      </c>
      <c r="N6192">
        <v>0</v>
      </c>
      <c r="O6192">
        <v>0</v>
      </c>
      <c r="P6192">
        <v>0</v>
      </c>
      <c r="Q6192">
        <v>0</v>
      </c>
      <c r="R6192">
        <v>0</v>
      </c>
      <c r="S6192">
        <v>0</v>
      </c>
      <c r="T6192">
        <v>0</v>
      </c>
      <c r="U6192">
        <v>0</v>
      </c>
      <c r="V6192">
        <v>0</v>
      </c>
      <c r="W6192">
        <v>1</v>
      </c>
      <c r="X6192">
        <v>0</v>
      </c>
      <c r="Y6192">
        <v>30</v>
      </c>
      <c r="Z6192">
        <v>10</v>
      </c>
      <c r="AA6192">
        <v>70</v>
      </c>
      <c r="AB6192">
        <v>39</v>
      </c>
      <c r="AC6192">
        <v>79</v>
      </c>
      <c r="AD6192">
        <v>33</v>
      </c>
      <c r="AE6192">
        <v>95</v>
      </c>
      <c r="AF6192">
        <v>0</v>
      </c>
      <c r="AG6192">
        <v>50000</v>
      </c>
      <c r="AH6192">
        <v>50000</v>
      </c>
      <c r="AI6192">
        <v>0</v>
      </c>
      <c r="AJ6192">
        <v>0</v>
      </c>
      <c r="AK6192" t="s">
        <v>6</v>
      </c>
      <c r="AL6192">
        <v>0</v>
      </c>
      <c r="AM6192">
        <v>0</v>
      </c>
      <c r="AN6192">
        <v>0</v>
      </c>
      <c r="AO6192">
        <v>0</v>
      </c>
      <c r="AP6192">
        <v>0</v>
      </c>
      <c r="AQ6192">
        <v>0</v>
      </c>
      <c r="AR6192">
        <v>0</v>
      </c>
      <c r="AS6192">
        <v>0</v>
      </c>
      <c r="AT6192">
        <v>0</v>
      </c>
      <c r="AU6192">
        <v>0</v>
      </c>
      <c r="AV6192">
        <v>0</v>
      </c>
      <c r="AW6192">
        <v>0</v>
      </c>
      <c r="AX6192">
        <v>0</v>
      </c>
      <c r="AY6192">
        <v>0</v>
      </c>
      <c r="AZ6192">
        <v>0</v>
      </c>
      <c r="BA6192">
        <v>0</v>
      </c>
    </row>
    <row r="6193" spans="1:53" x14ac:dyDescent="0.4">
      <c r="A6193">
        <v>6237</v>
      </c>
      <c r="B6193" s="1">
        <v>45197</v>
      </c>
      <c r="C6193">
        <v>2</v>
      </c>
      <c r="D6193" s="1">
        <v>45197.445138888892</v>
      </c>
      <c r="E6193" s="1">
        <v>45197.743750000001</v>
      </c>
      <c r="F6193">
        <v>25740</v>
      </c>
      <c r="G6193">
        <v>1210</v>
      </c>
      <c r="H6193">
        <v>0</v>
      </c>
      <c r="I6193">
        <v>0</v>
      </c>
      <c r="J6193">
        <v>300</v>
      </c>
      <c r="K6193">
        <v>0</v>
      </c>
      <c r="L6193">
        <v>0</v>
      </c>
      <c r="M6193">
        <v>2421</v>
      </c>
      <c r="N6193">
        <v>0</v>
      </c>
      <c r="O6193">
        <v>0</v>
      </c>
      <c r="P6193">
        <v>17520</v>
      </c>
      <c r="Q6193">
        <v>0</v>
      </c>
      <c r="R6193">
        <v>44170</v>
      </c>
      <c r="S6193">
        <v>0</v>
      </c>
      <c r="T6193">
        <v>0</v>
      </c>
      <c r="U6193">
        <v>0</v>
      </c>
      <c r="V6193">
        <v>4</v>
      </c>
      <c r="W6193">
        <v>2</v>
      </c>
      <c r="X6193">
        <v>0</v>
      </c>
      <c r="Y6193">
        <v>23</v>
      </c>
      <c r="Z6193">
        <v>18</v>
      </c>
      <c r="AA6193">
        <v>58</v>
      </c>
      <c r="AB6193">
        <v>31</v>
      </c>
      <c r="AC6193">
        <v>104</v>
      </c>
      <c r="AD6193">
        <v>35</v>
      </c>
      <c r="AE6193">
        <v>95</v>
      </c>
      <c r="AF6193">
        <v>3510</v>
      </c>
      <c r="AG6193">
        <v>94170</v>
      </c>
      <c r="AH6193">
        <v>50000</v>
      </c>
      <c r="AI6193">
        <v>0</v>
      </c>
      <c r="AJ6193">
        <v>38</v>
      </c>
      <c r="AK6193" t="s">
        <v>75</v>
      </c>
      <c r="AL6193">
        <v>0</v>
      </c>
      <c r="AM6193">
        <v>0</v>
      </c>
      <c r="AN6193">
        <v>0</v>
      </c>
      <c r="AO6193">
        <v>0</v>
      </c>
      <c r="AP6193">
        <v>0</v>
      </c>
      <c r="AQ6193">
        <v>0</v>
      </c>
      <c r="AR6193">
        <v>0</v>
      </c>
      <c r="AS6193">
        <v>0</v>
      </c>
      <c r="AT6193">
        <v>0</v>
      </c>
      <c r="AU6193">
        <v>0</v>
      </c>
      <c r="AV6193">
        <v>0</v>
      </c>
      <c r="AW6193">
        <v>0</v>
      </c>
      <c r="AX6193">
        <v>-595</v>
      </c>
      <c r="AY6193">
        <v>45</v>
      </c>
      <c r="AZ6193">
        <v>69</v>
      </c>
      <c r="BA6193">
        <v>5631</v>
      </c>
    </row>
    <row r="6194" spans="1:53" x14ac:dyDescent="0.4">
      <c r="A6194">
        <v>6238</v>
      </c>
      <c r="B6194" s="1">
        <v>45197</v>
      </c>
      <c r="C6194">
        <v>3</v>
      </c>
      <c r="D6194" s="1">
        <v>45197.743750000001</v>
      </c>
      <c r="E6194" s="1">
        <v>45197.894444444442</v>
      </c>
      <c r="F6194">
        <v>23330</v>
      </c>
      <c r="G6194">
        <v>1210</v>
      </c>
      <c r="H6194">
        <v>0</v>
      </c>
      <c r="I6194">
        <v>0</v>
      </c>
      <c r="J6194">
        <v>100</v>
      </c>
      <c r="K6194">
        <v>0</v>
      </c>
      <c r="L6194">
        <v>0</v>
      </c>
      <c r="M6194">
        <v>2221</v>
      </c>
      <c r="N6194">
        <v>0</v>
      </c>
      <c r="O6194">
        <v>0</v>
      </c>
      <c r="P6194">
        <v>-13630</v>
      </c>
      <c r="Q6194">
        <v>0</v>
      </c>
      <c r="R6194">
        <v>10810</v>
      </c>
      <c r="S6194">
        <v>0</v>
      </c>
      <c r="T6194">
        <v>0</v>
      </c>
      <c r="U6194">
        <v>0</v>
      </c>
      <c r="V6194">
        <v>4</v>
      </c>
      <c r="W6194">
        <v>2</v>
      </c>
      <c r="X6194">
        <v>0</v>
      </c>
      <c r="Y6194">
        <v>31</v>
      </c>
      <c r="Z6194">
        <v>21</v>
      </c>
      <c r="AA6194">
        <v>68</v>
      </c>
      <c r="AB6194">
        <v>34</v>
      </c>
      <c r="AC6194">
        <v>119</v>
      </c>
      <c r="AD6194">
        <v>37</v>
      </c>
      <c r="AE6194">
        <v>95</v>
      </c>
      <c r="AF6194">
        <v>3510</v>
      </c>
      <c r="AG6194">
        <v>104980</v>
      </c>
      <c r="AH6194">
        <v>50000</v>
      </c>
      <c r="AI6194">
        <v>0</v>
      </c>
      <c r="AJ6194">
        <v>112</v>
      </c>
      <c r="AK6194" t="s">
        <v>78</v>
      </c>
      <c r="AL6194">
        <v>0</v>
      </c>
      <c r="AM6194">
        <v>0</v>
      </c>
      <c r="AN6194">
        <v>0</v>
      </c>
      <c r="AO6194">
        <v>0</v>
      </c>
      <c r="AP6194">
        <v>0</v>
      </c>
      <c r="AQ6194">
        <v>0</v>
      </c>
      <c r="AR6194">
        <v>0</v>
      </c>
      <c r="AS6194">
        <v>0</v>
      </c>
      <c r="AT6194">
        <v>0</v>
      </c>
      <c r="AU6194">
        <v>0</v>
      </c>
      <c r="AV6194">
        <v>0</v>
      </c>
      <c r="AW6194">
        <v>0</v>
      </c>
      <c r="AX6194">
        <v>-550</v>
      </c>
      <c r="AY6194">
        <v>9</v>
      </c>
      <c r="AZ6194">
        <v>19</v>
      </c>
      <c r="BA6194">
        <v>2365</v>
      </c>
    </row>
    <row r="6195" spans="1:53" x14ac:dyDescent="0.4">
      <c r="A6195">
        <v>6239</v>
      </c>
      <c r="B6195" s="1">
        <v>45198</v>
      </c>
      <c r="C6195">
        <v>1</v>
      </c>
      <c r="D6195" s="1">
        <v>45198.291666666664</v>
      </c>
      <c r="E6195" s="1">
        <v>45198.445833333331</v>
      </c>
      <c r="F6195">
        <v>0</v>
      </c>
      <c r="G6195">
        <v>0</v>
      </c>
      <c r="H6195">
        <v>0</v>
      </c>
      <c r="I6195">
        <v>0</v>
      </c>
      <c r="J6195">
        <v>0</v>
      </c>
      <c r="K6195">
        <v>0</v>
      </c>
      <c r="L6195">
        <v>0</v>
      </c>
      <c r="M6195">
        <v>0</v>
      </c>
      <c r="N6195">
        <v>0</v>
      </c>
      <c r="O6195">
        <v>0</v>
      </c>
      <c r="P6195">
        <v>0</v>
      </c>
      <c r="Q6195">
        <v>0</v>
      </c>
      <c r="R6195">
        <v>0</v>
      </c>
      <c r="S6195">
        <v>0</v>
      </c>
      <c r="T6195">
        <v>0</v>
      </c>
      <c r="U6195">
        <v>0</v>
      </c>
      <c r="V6195">
        <v>0</v>
      </c>
      <c r="W6195">
        <v>1</v>
      </c>
      <c r="X6195">
        <v>0</v>
      </c>
      <c r="Y6195">
        <v>30</v>
      </c>
      <c r="Z6195">
        <v>11</v>
      </c>
      <c r="AA6195">
        <v>69</v>
      </c>
      <c r="AB6195">
        <v>34</v>
      </c>
      <c r="AC6195">
        <v>62</v>
      </c>
      <c r="AD6195">
        <v>37</v>
      </c>
      <c r="AE6195">
        <v>95</v>
      </c>
      <c r="AF6195">
        <v>0</v>
      </c>
      <c r="AG6195">
        <v>50000</v>
      </c>
      <c r="AH6195">
        <v>50000</v>
      </c>
      <c r="AI6195">
        <v>0</v>
      </c>
      <c r="AJ6195">
        <v>0</v>
      </c>
      <c r="AK6195" t="s">
        <v>6</v>
      </c>
      <c r="AL6195">
        <v>0</v>
      </c>
      <c r="AM6195">
        <v>0</v>
      </c>
      <c r="AN6195">
        <v>0</v>
      </c>
      <c r="AO6195">
        <v>0</v>
      </c>
      <c r="AP6195">
        <v>0</v>
      </c>
      <c r="AQ6195">
        <v>0</v>
      </c>
      <c r="AR6195">
        <v>0</v>
      </c>
      <c r="AS6195">
        <v>0</v>
      </c>
      <c r="AT6195">
        <v>0</v>
      </c>
      <c r="AU6195">
        <v>0</v>
      </c>
      <c r="AV6195">
        <v>0</v>
      </c>
      <c r="AW6195">
        <v>0</v>
      </c>
      <c r="AX6195">
        <v>0</v>
      </c>
      <c r="AY6195">
        <v>0</v>
      </c>
      <c r="AZ6195">
        <v>0</v>
      </c>
      <c r="BA6195">
        <v>0</v>
      </c>
    </row>
    <row r="6196" spans="1:53" x14ac:dyDescent="0.4">
      <c r="A6196">
        <v>6240</v>
      </c>
      <c r="B6196" s="1">
        <v>45198</v>
      </c>
      <c r="C6196">
        <v>2</v>
      </c>
      <c r="D6196" s="1">
        <v>45198.445833333331</v>
      </c>
      <c r="E6196" s="1">
        <v>45198.731944444444</v>
      </c>
      <c r="F6196">
        <v>25350</v>
      </c>
      <c r="G6196">
        <v>275</v>
      </c>
      <c r="H6196">
        <v>220</v>
      </c>
      <c r="I6196">
        <v>0</v>
      </c>
      <c r="J6196">
        <v>0</v>
      </c>
      <c r="K6196">
        <v>0</v>
      </c>
      <c r="L6196">
        <v>0</v>
      </c>
      <c r="M6196">
        <v>2350</v>
      </c>
      <c r="N6196">
        <v>0</v>
      </c>
      <c r="O6196">
        <v>0</v>
      </c>
      <c r="P6196">
        <v>15330</v>
      </c>
      <c r="Q6196">
        <v>0</v>
      </c>
      <c r="R6196">
        <v>41175</v>
      </c>
      <c r="S6196">
        <v>0</v>
      </c>
      <c r="T6196">
        <v>0</v>
      </c>
      <c r="U6196">
        <v>0</v>
      </c>
      <c r="V6196">
        <v>0</v>
      </c>
      <c r="W6196">
        <v>2</v>
      </c>
      <c r="X6196">
        <v>0</v>
      </c>
      <c r="Y6196">
        <v>57</v>
      </c>
      <c r="Z6196">
        <v>19</v>
      </c>
      <c r="AA6196">
        <v>72</v>
      </c>
      <c r="AB6196">
        <v>33</v>
      </c>
      <c r="AC6196">
        <v>68</v>
      </c>
      <c r="AD6196">
        <v>38</v>
      </c>
      <c r="AE6196">
        <v>45</v>
      </c>
      <c r="AF6196">
        <v>4860</v>
      </c>
      <c r="AG6196">
        <v>91125</v>
      </c>
      <c r="AH6196">
        <v>50000</v>
      </c>
      <c r="AI6196">
        <v>-50</v>
      </c>
      <c r="AJ6196">
        <v>36</v>
      </c>
      <c r="AK6196" t="s">
        <v>68</v>
      </c>
      <c r="AL6196">
        <v>0</v>
      </c>
      <c r="AM6196">
        <v>0</v>
      </c>
      <c r="AN6196">
        <v>0</v>
      </c>
      <c r="AO6196">
        <v>0</v>
      </c>
      <c r="AP6196">
        <v>0</v>
      </c>
      <c r="AQ6196">
        <v>0</v>
      </c>
      <c r="AR6196">
        <v>0</v>
      </c>
      <c r="AS6196">
        <v>0</v>
      </c>
      <c r="AT6196">
        <v>0</v>
      </c>
      <c r="AU6196">
        <v>0</v>
      </c>
      <c r="AV6196">
        <v>0</v>
      </c>
      <c r="AW6196">
        <v>0</v>
      </c>
      <c r="AX6196">
        <v>0</v>
      </c>
      <c r="AY6196">
        <v>40</v>
      </c>
      <c r="AZ6196">
        <v>66</v>
      </c>
      <c r="BA6196">
        <v>5310</v>
      </c>
    </row>
    <row r="6197" spans="1:53" x14ac:dyDescent="0.4">
      <c r="A6197">
        <v>6241</v>
      </c>
      <c r="B6197" s="1">
        <v>45199</v>
      </c>
      <c r="C6197">
        <v>1</v>
      </c>
      <c r="D6197" s="1">
        <v>45199.291666666664</v>
      </c>
      <c r="E6197" s="1">
        <v>45199.40902777778</v>
      </c>
      <c r="F6197">
        <v>0</v>
      </c>
      <c r="G6197">
        <v>0</v>
      </c>
      <c r="H6197">
        <v>0</v>
      </c>
      <c r="I6197">
        <v>0</v>
      </c>
      <c r="J6197">
        <v>0</v>
      </c>
      <c r="K6197">
        <v>0</v>
      </c>
      <c r="L6197">
        <v>0</v>
      </c>
      <c r="M6197">
        <v>0</v>
      </c>
      <c r="N6197">
        <v>0</v>
      </c>
      <c r="O6197">
        <v>0</v>
      </c>
      <c r="P6197">
        <v>0</v>
      </c>
      <c r="Q6197">
        <v>0</v>
      </c>
      <c r="R6197">
        <v>0</v>
      </c>
      <c r="S6197">
        <v>0</v>
      </c>
      <c r="T6197">
        <v>0</v>
      </c>
      <c r="U6197">
        <v>0</v>
      </c>
      <c r="V6197">
        <v>0</v>
      </c>
      <c r="W6197">
        <v>1</v>
      </c>
      <c r="X6197">
        <v>0</v>
      </c>
      <c r="Y6197">
        <v>31</v>
      </c>
      <c r="Z6197">
        <v>9</v>
      </c>
      <c r="AA6197">
        <v>74</v>
      </c>
      <c r="AB6197">
        <v>29</v>
      </c>
      <c r="AC6197">
        <v>37</v>
      </c>
      <c r="AD6197">
        <v>38</v>
      </c>
      <c r="AE6197">
        <v>90</v>
      </c>
      <c r="AF6197">
        <v>0</v>
      </c>
      <c r="AG6197">
        <v>50000</v>
      </c>
      <c r="AH6197">
        <v>50000</v>
      </c>
      <c r="AI6197">
        <v>0</v>
      </c>
      <c r="AJ6197">
        <v>0</v>
      </c>
      <c r="AK6197" t="s">
        <v>6</v>
      </c>
      <c r="AL6197">
        <v>0</v>
      </c>
      <c r="AM6197">
        <v>0</v>
      </c>
      <c r="AN6197">
        <v>0</v>
      </c>
      <c r="AO6197">
        <v>0</v>
      </c>
      <c r="AP6197">
        <v>0</v>
      </c>
      <c r="AQ6197">
        <v>0</v>
      </c>
      <c r="AR6197">
        <v>0</v>
      </c>
      <c r="AS6197">
        <v>0</v>
      </c>
      <c r="AT6197">
        <v>0</v>
      </c>
      <c r="AU6197">
        <v>0</v>
      </c>
      <c r="AV6197">
        <v>0</v>
      </c>
      <c r="AW6197">
        <v>0</v>
      </c>
      <c r="AX6197">
        <v>0</v>
      </c>
      <c r="AY6197">
        <v>0</v>
      </c>
      <c r="AZ6197">
        <v>0</v>
      </c>
      <c r="BA6197">
        <v>0</v>
      </c>
    </row>
    <row r="6198" spans="1:53" x14ac:dyDescent="0.4">
      <c r="A6198">
        <v>6242</v>
      </c>
      <c r="B6198" s="1">
        <v>45199</v>
      </c>
      <c r="C6198">
        <v>2</v>
      </c>
      <c r="D6198" s="1">
        <v>45199.40902777778</v>
      </c>
      <c r="E6198" s="1">
        <v>45199.747916666667</v>
      </c>
      <c r="F6198">
        <v>39500</v>
      </c>
      <c r="G6198">
        <v>2673</v>
      </c>
      <c r="H6198">
        <v>0</v>
      </c>
      <c r="I6198">
        <v>0</v>
      </c>
      <c r="J6198">
        <v>100</v>
      </c>
      <c r="K6198">
        <v>0</v>
      </c>
      <c r="L6198">
        <v>0</v>
      </c>
      <c r="M6198">
        <v>3823</v>
      </c>
      <c r="N6198">
        <v>0</v>
      </c>
      <c r="O6198">
        <v>0</v>
      </c>
      <c r="P6198">
        <v>23115</v>
      </c>
      <c r="Q6198">
        <v>0</v>
      </c>
      <c r="R6198">
        <v>65188</v>
      </c>
      <c r="S6198">
        <v>0</v>
      </c>
      <c r="T6198">
        <v>0</v>
      </c>
      <c r="U6198">
        <v>0</v>
      </c>
      <c r="V6198">
        <v>2</v>
      </c>
      <c r="W6198">
        <v>2</v>
      </c>
      <c r="X6198">
        <v>0</v>
      </c>
      <c r="Y6198">
        <v>57</v>
      </c>
      <c r="Z6198">
        <v>27</v>
      </c>
      <c r="AA6198">
        <v>68</v>
      </c>
      <c r="AB6198">
        <v>32</v>
      </c>
      <c r="AC6198">
        <v>37</v>
      </c>
      <c r="AD6198">
        <v>40</v>
      </c>
      <c r="AE6198">
        <v>88</v>
      </c>
      <c r="AF6198">
        <v>5630</v>
      </c>
      <c r="AG6198">
        <v>115188</v>
      </c>
      <c r="AH6198">
        <v>50000</v>
      </c>
      <c r="AI6198">
        <v>0</v>
      </c>
      <c r="AJ6198">
        <v>118</v>
      </c>
      <c r="AK6198" t="s">
        <v>59</v>
      </c>
      <c r="AL6198">
        <v>0</v>
      </c>
      <c r="AM6198">
        <v>0</v>
      </c>
      <c r="AN6198">
        <v>0</v>
      </c>
      <c r="AO6198">
        <v>0</v>
      </c>
      <c r="AP6198">
        <v>0</v>
      </c>
      <c r="AQ6198">
        <v>0</v>
      </c>
      <c r="AR6198">
        <v>0</v>
      </c>
      <c r="AS6198">
        <v>0</v>
      </c>
      <c r="AT6198">
        <v>0</v>
      </c>
      <c r="AU6198">
        <v>0</v>
      </c>
      <c r="AV6198">
        <v>0</v>
      </c>
      <c r="AW6198">
        <v>0</v>
      </c>
      <c r="AX6198">
        <v>3303</v>
      </c>
      <c r="AY6198">
        <v>53</v>
      </c>
      <c r="AZ6198">
        <v>103</v>
      </c>
      <c r="BA6198">
        <v>7274</v>
      </c>
    </row>
    <row r="6199" spans="1:53" x14ac:dyDescent="0.4">
      <c r="A6199">
        <v>6243</v>
      </c>
      <c r="B6199" s="1">
        <v>45199</v>
      </c>
      <c r="C6199">
        <v>3</v>
      </c>
      <c r="D6199" s="1">
        <v>45199.747916666667</v>
      </c>
      <c r="E6199" s="1">
        <v>45199.953472222223</v>
      </c>
      <c r="F6199">
        <v>133890</v>
      </c>
      <c r="G6199">
        <v>7062</v>
      </c>
      <c r="H6199">
        <v>0</v>
      </c>
      <c r="I6199">
        <v>0</v>
      </c>
      <c r="J6199">
        <v>375</v>
      </c>
      <c r="K6199">
        <v>200</v>
      </c>
      <c r="L6199">
        <v>0</v>
      </c>
      <c r="M6199">
        <v>12799</v>
      </c>
      <c r="N6199">
        <v>0</v>
      </c>
      <c r="O6199">
        <v>0</v>
      </c>
      <c r="P6199">
        <v>-23115</v>
      </c>
      <c r="Q6199">
        <v>0</v>
      </c>
      <c r="R6199">
        <v>117662</v>
      </c>
      <c r="S6199">
        <v>0</v>
      </c>
      <c r="T6199">
        <v>0</v>
      </c>
      <c r="U6199">
        <v>0</v>
      </c>
      <c r="V6199">
        <v>7</v>
      </c>
      <c r="W6199">
        <v>2</v>
      </c>
      <c r="X6199">
        <v>0</v>
      </c>
      <c r="Y6199">
        <v>98</v>
      </c>
      <c r="Z6199">
        <v>30</v>
      </c>
      <c r="AA6199">
        <v>63</v>
      </c>
      <c r="AB6199">
        <v>30</v>
      </c>
      <c r="AC6199">
        <v>41</v>
      </c>
      <c r="AD6199">
        <v>43</v>
      </c>
      <c r="AE6199">
        <v>95</v>
      </c>
      <c r="AF6199">
        <v>31330</v>
      </c>
      <c r="AG6199">
        <v>232850</v>
      </c>
      <c r="AH6199">
        <v>50000</v>
      </c>
      <c r="AI6199">
        <v>0</v>
      </c>
      <c r="AJ6199">
        <v>40</v>
      </c>
      <c r="AK6199" t="s">
        <v>71</v>
      </c>
      <c r="AL6199">
        <v>0</v>
      </c>
      <c r="AM6199">
        <v>0</v>
      </c>
      <c r="AN6199">
        <v>0</v>
      </c>
      <c r="AO6199">
        <v>0</v>
      </c>
      <c r="AP6199">
        <v>0</v>
      </c>
      <c r="AQ6199">
        <v>0</v>
      </c>
      <c r="AR6199">
        <v>0</v>
      </c>
      <c r="AS6199">
        <v>0</v>
      </c>
      <c r="AT6199">
        <v>0</v>
      </c>
      <c r="AU6199">
        <v>0</v>
      </c>
      <c r="AV6199">
        <v>0</v>
      </c>
      <c r="AW6199">
        <v>0</v>
      </c>
      <c r="AX6199">
        <v>59140</v>
      </c>
      <c r="AY6199">
        <v>30</v>
      </c>
      <c r="AZ6199">
        <v>106</v>
      </c>
      <c r="BA6199">
        <v>4491</v>
      </c>
    </row>
    <row r="6200" spans="1:53" x14ac:dyDescent="0.4">
      <c r="A6200">
        <v>6244</v>
      </c>
      <c r="B6200" s="1">
        <v>45200</v>
      </c>
      <c r="C6200">
        <v>1</v>
      </c>
      <c r="D6200" s="1">
        <v>45200.291666666664</v>
      </c>
      <c r="E6200" s="1">
        <v>45200.406944444447</v>
      </c>
      <c r="F6200">
        <v>0</v>
      </c>
      <c r="G6200">
        <v>0</v>
      </c>
      <c r="H6200">
        <v>0</v>
      </c>
      <c r="I6200">
        <v>0</v>
      </c>
      <c r="J6200">
        <v>0</v>
      </c>
      <c r="K6200">
        <v>0</v>
      </c>
      <c r="L6200">
        <v>0</v>
      </c>
      <c r="M6200">
        <v>0</v>
      </c>
      <c r="N6200">
        <v>0</v>
      </c>
      <c r="O6200">
        <v>0</v>
      </c>
      <c r="P6200">
        <v>0</v>
      </c>
      <c r="Q6200">
        <v>0</v>
      </c>
      <c r="R6200">
        <v>0</v>
      </c>
      <c r="S6200">
        <v>0</v>
      </c>
      <c r="T6200">
        <v>0</v>
      </c>
      <c r="U6200">
        <v>0</v>
      </c>
      <c r="V6200">
        <v>0</v>
      </c>
      <c r="W6200">
        <v>1</v>
      </c>
      <c r="X6200">
        <v>0</v>
      </c>
      <c r="Y6200">
        <v>30</v>
      </c>
      <c r="Z6200">
        <v>11</v>
      </c>
      <c r="AA6200">
        <v>70</v>
      </c>
      <c r="AB6200">
        <v>31</v>
      </c>
      <c r="AC6200">
        <v>65</v>
      </c>
      <c r="AD6200">
        <v>41</v>
      </c>
      <c r="AE6200">
        <v>95</v>
      </c>
      <c r="AF6200">
        <v>0</v>
      </c>
      <c r="AG6200">
        <v>50000</v>
      </c>
      <c r="AH6200">
        <v>50000</v>
      </c>
      <c r="AI6200">
        <v>0</v>
      </c>
      <c r="AJ6200">
        <v>0</v>
      </c>
      <c r="AK6200" t="s">
        <v>6</v>
      </c>
      <c r="AL6200">
        <v>0</v>
      </c>
      <c r="AM6200">
        <v>0</v>
      </c>
      <c r="AN6200">
        <v>0</v>
      </c>
      <c r="AO6200">
        <v>0</v>
      </c>
      <c r="AP6200">
        <v>0</v>
      </c>
      <c r="AQ6200">
        <v>0</v>
      </c>
      <c r="AR6200">
        <v>0</v>
      </c>
      <c r="AS6200">
        <v>0</v>
      </c>
      <c r="AT6200">
        <v>0</v>
      </c>
      <c r="AU6200">
        <v>0</v>
      </c>
      <c r="AV6200">
        <v>0</v>
      </c>
      <c r="AW6200">
        <v>0</v>
      </c>
      <c r="AX6200">
        <v>0</v>
      </c>
      <c r="AY6200">
        <v>0</v>
      </c>
      <c r="AZ6200">
        <v>0</v>
      </c>
      <c r="BA6200">
        <v>0</v>
      </c>
    </row>
    <row r="6201" spans="1:53" x14ac:dyDescent="0.4">
      <c r="A6201">
        <v>6245</v>
      </c>
      <c r="B6201" s="1">
        <v>45200</v>
      </c>
      <c r="C6201">
        <v>2</v>
      </c>
      <c r="D6201" s="1">
        <v>45200.406944444447</v>
      </c>
      <c r="E6201" s="1">
        <v>45200.729166666664</v>
      </c>
      <c r="F6201">
        <v>38150</v>
      </c>
      <c r="G6201">
        <v>4719</v>
      </c>
      <c r="H6201">
        <v>0</v>
      </c>
      <c r="I6201">
        <v>0</v>
      </c>
      <c r="J6201">
        <v>200</v>
      </c>
      <c r="K6201">
        <v>400</v>
      </c>
      <c r="L6201">
        <v>0</v>
      </c>
      <c r="M6201">
        <v>3912</v>
      </c>
      <c r="N6201">
        <v>0</v>
      </c>
      <c r="O6201">
        <v>0</v>
      </c>
      <c r="P6201">
        <v>26000</v>
      </c>
      <c r="Q6201">
        <v>0</v>
      </c>
      <c r="R6201">
        <v>69069</v>
      </c>
      <c r="S6201">
        <v>0</v>
      </c>
      <c r="T6201">
        <v>0</v>
      </c>
      <c r="U6201">
        <v>0</v>
      </c>
      <c r="V6201">
        <v>2</v>
      </c>
      <c r="W6201">
        <v>2</v>
      </c>
      <c r="X6201">
        <v>0</v>
      </c>
      <c r="Y6201">
        <v>65</v>
      </c>
      <c r="Z6201">
        <v>20</v>
      </c>
      <c r="AA6201">
        <v>69</v>
      </c>
      <c r="AB6201">
        <v>25</v>
      </c>
      <c r="AC6201">
        <v>65</v>
      </c>
      <c r="AD6201">
        <v>42</v>
      </c>
      <c r="AE6201">
        <v>89</v>
      </c>
      <c r="AF6201">
        <v>4970</v>
      </c>
      <c r="AG6201">
        <v>119069</v>
      </c>
      <c r="AH6201">
        <v>50000</v>
      </c>
      <c r="AI6201">
        <v>0</v>
      </c>
      <c r="AJ6201">
        <v>118</v>
      </c>
      <c r="AK6201" t="s">
        <v>59</v>
      </c>
      <c r="AL6201">
        <v>0</v>
      </c>
      <c r="AM6201">
        <v>0</v>
      </c>
      <c r="AN6201">
        <v>0</v>
      </c>
      <c r="AO6201">
        <v>0</v>
      </c>
      <c r="AP6201">
        <v>0</v>
      </c>
      <c r="AQ6201">
        <v>0</v>
      </c>
      <c r="AR6201">
        <v>0</v>
      </c>
      <c r="AS6201">
        <v>0</v>
      </c>
      <c r="AT6201">
        <v>0</v>
      </c>
      <c r="AU6201">
        <v>0</v>
      </c>
      <c r="AV6201">
        <v>0</v>
      </c>
      <c r="AW6201">
        <v>0</v>
      </c>
      <c r="AX6201">
        <v>-260</v>
      </c>
      <c r="AY6201">
        <v>52</v>
      </c>
      <c r="AZ6201">
        <v>102</v>
      </c>
      <c r="BA6201">
        <v>7815</v>
      </c>
    </row>
    <row r="6202" spans="1:53" x14ac:dyDescent="0.4">
      <c r="A6202">
        <v>6246</v>
      </c>
      <c r="B6202" s="1">
        <v>45200</v>
      </c>
      <c r="C6202">
        <v>3</v>
      </c>
      <c r="D6202" s="1">
        <v>45200.729166666664</v>
      </c>
      <c r="E6202" s="1">
        <v>45200.95208333333</v>
      </c>
      <c r="F6202">
        <v>69170</v>
      </c>
      <c r="G6202">
        <v>8558</v>
      </c>
      <c r="H6202">
        <v>0</v>
      </c>
      <c r="I6202">
        <v>0</v>
      </c>
      <c r="J6202">
        <v>300</v>
      </c>
      <c r="K6202">
        <v>2000</v>
      </c>
      <c r="L6202">
        <v>0</v>
      </c>
      <c r="M6202">
        <v>7216</v>
      </c>
      <c r="N6202">
        <v>0</v>
      </c>
      <c r="O6202">
        <v>0</v>
      </c>
      <c r="P6202">
        <v>-20900</v>
      </c>
      <c r="Q6202">
        <v>0</v>
      </c>
      <c r="R6202">
        <v>58528</v>
      </c>
      <c r="S6202">
        <v>0</v>
      </c>
      <c r="T6202">
        <v>0</v>
      </c>
      <c r="U6202">
        <v>0</v>
      </c>
      <c r="V6202">
        <v>4</v>
      </c>
      <c r="W6202">
        <v>9</v>
      </c>
      <c r="X6202">
        <v>0</v>
      </c>
      <c r="Y6202">
        <v>56</v>
      </c>
      <c r="Z6202">
        <v>22</v>
      </c>
      <c r="AA6202">
        <v>95</v>
      </c>
      <c r="AB6202">
        <v>37</v>
      </c>
      <c r="AC6202">
        <v>131</v>
      </c>
      <c r="AD6202">
        <v>64</v>
      </c>
      <c r="AE6202">
        <v>97</v>
      </c>
      <c r="AF6202">
        <v>12520</v>
      </c>
      <c r="AG6202">
        <v>177597</v>
      </c>
      <c r="AH6202">
        <v>50000</v>
      </c>
      <c r="AI6202">
        <v>0</v>
      </c>
      <c r="AJ6202">
        <v>104</v>
      </c>
      <c r="AK6202" t="s">
        <v>60</v>
      </c>
      <c r="AL6202">
        <v>0</v>
      </c>
      <c r="AM6202">
        <v>0</v>
      </c>
      <c r="AN6202">
        <v>0</v>
      </c>
      <c r="AO6202">
        <v>0</v>
      </c>
      <c r="AP6202">
        <v>0</v>
      </c>
      <c r="AQ6202">
        <v>0</v>
      </c>
      <c r="AR6202">
        <v>0</v>
      </c>
      <c r="AS6202">
        <v>0</v>
      </c>
      <c r="AT6202">
        <v>0</v>
      </c>
      <c r="AU6202">
        <v>0</v>
      </c>
      <c r="AV6202">
        <v>0</v>
      </c>
      <c r="AW6202">
        <v>0</v>
      </c>
      <c r="AX6202">
        <v>3720</v>
      </c>
      <c r="AY6202">
        <v>26</v>
      </c>
      <c r="AZ6202">
        <v>56</v>
      </c>
      <c r="BA6202">
        <v>4412</v>
      </c>
    </row>
    <row r="6203" spans="1:53" x14ac:dyDescent="0.4">
      <c r="A6203">
        <v>6247</v>
      </c>
      <c r="B6203" s="1">
        <v>45201</v>
      </c>
      <c r="C6203">
        <v>1</v>
      </c>
      <c r="D6203" s="1">
        <v>45201.291666666664</v>
      </c>
      <c r="E6203" s="1">
        <v>45201.444444444445</v>
      </c>
      <c r="F6203">
        <v>0</v>
      </c>
      <c r="G6203">
        <v>0</v>
      </c>
      <c r="H6203">
        <v>0</v>
      </c>
      <c r="I6203">
        <v>0</v>
      </c>
      <c r="J6203">
        <v>0</v>
      </c>
      <c r="K6203">
        <v>0</v>
      </c>
      <c r="L6203">
        <v>0</v>
      </c>
      <c r="M6203">
        <v>0</v>
      </c>
      <c r="N6203">
        <v>0</v>
      </c>
      <c r="O6203">
        <v>0</v>
      </c>
      <c r="P6203">
        <v>0</v>
      </c>
      <c r="Q6203">
        <v>0</v>
      </c>
      <c r="R6203">
        <v>0</v>
      </c>
      <c r="S6203">
        <v>0</v>
      </c>
      <c r="T6203">
        <v>0</v>
      </c>
      <c r="U6203">
        <v>0</v>
      </c>
      <c r="V6203">
        <v>0</v>
      </c>
      <c r="W6203">
        <v>1</v>
      </c>
      <c r="X6203">
        <v>0</v>
      </c>
      <c r="Y6203">
        <v>31</v>
      </c>
      <c r="Z6203">
        <v>11</v>
      </c>
      <c r="AA6203">
        <v>50</v>
      </c>
      <c r="AB6203">
        <v>38</v>
      </c>
      <c r="AC6203">
        <v>118</v>
      </c>
      <c r="AD6203">
        <v>63</v>
      </c>
      <c r="AE6203">
        <v>105</v>
      </c>
      <c r="AF6203">
        <v>0</v>
      </c>
      <c r="AG6203">
        <v>50000</v>
      </c>
      <c r="AH6203">
        <v>50000</v>
      </c>
      <c r="AI6203">
        <v>0</v>
      </c>
      <c r="AJ6203">
        <v>0</v>
      </c>
      <c r="AK6203" t="s">
        <v>6</v>
      </c>
      <c r="AL6203">
        <v>0</v>
      </c>
      <c r="AM6203">
        <v>0</v>
      </c>
      <c r="AN6203">
        <v>0</v>
      </c>
      <c r="AO6203">
        <v>0</v>
      </c>
      <c r="AP6203">
        <v>0</v>
      </c>
      <c r="AQ6203">
        <v>0</v>
      </c>
      <c r="AR6203">
        <v>0</v>
      </c>
      <c r="AS6203">
        <v>0</v>
      </c>
      <c r="AT6203">
        <v>0</v>
      </c>
      <c r="AU6203">
        <v>0</v>
      </c>
      <c r="AV6203">
        <v>0</v>
      </c>
      <c r="AW6203">
        <v>0</v>
      </c>
      <c r="AX6203">
        <v>0</v>
      </c>
      <c r="AY6203">
        <v>0</v>
      </c>
      <c r="AZ6203">
        <v>0</v>
      </c>
      <c r="BA6203">
        <v>0</v>
      </c>
    </row>
    <row r="6204" spans="1:53" x14ac:dyDescent="0.4">
      <c r="A6204">
        <v>6248</v>
      </c>
      <c r="B6204" s="1">
        <v>45201</v>
      </c>
      <c r="C6204">
        <v>2</v>
      </c>
      <c r="D6204" s="1">
        <v>45201.444444444445</v>
      </c>
      <c r="E6204" s="1">
        <v>45201.73541666667</v>
      </c>
      <c r="F6204">
        <v>7820</v>
      </c>
      <c r="G6204">
        <v>308</v>
      </c>
      <c r="H6204">
        <v>220</v>
      </c>
      <c r="I6204">
        <v>0</v>
      </c>
      <c r="J6204">
        <v>100</v>
      </c>
      <c r="K6204">
        <v>0</v>
      </c>
      <c r="L6204">
        <v>0</v>
      </c>
      <c r="M6204">
        <v>750</v>
      </c>
      <c r="N6204">
        <v>0</v>
      </c>
      <c r="O6204">
        <v>0</v>
      </c>
      <c r="P6204">
        <v>13640</v>
      </c>
      <c r="Q6204">
        <v>0</v>
      </c>
      <c r="R6204">
        <v>21888</v>
      </c>
      <c r="S6204">
        <v>0</v>
      </c>
      <c r="T6204">
        <v>0</v>
      </c>
      <c r="U6204">
        <v>0</v>
      </c>
      <c r="V6204">
        <v>0</v>
      </c>
      <c r="W6204">
        <v>1</v>
      </c>
      <c r="X6204">
        <v>0</v>
      </c>
      <c r="Y6204">
        <v>47</v>
      </c>
      <c r="Z6204">
        <v>17</v>
      </c>
      <c r="AA6204">
        <v>66</v>
      </c>
      <c r="AB6204">
        <v>42</v>
      </c>
      <c r="AC6204">
        <v>122</v>
      </c>
      <c r="AD6204">
        <v>63</v>
      </c>
      <c r="AE6204">
        <v>93</v>
      </c>
      <c r="AF6204">
        <v>1060</v>
      </c>
      <c r="AG6204">
        <v>71888</v>
      </c>
      <c r="AH6204">
        <v>50000</v>
      </c>
      <c r="AI6204">
        <v>0</v>
      </c>
      <c r="AJ6204">
        <v>36</v>
      </c>
      <c r="AK6204" t="s">
        <v>68</v>
      </c>
      <c r="AL6204">
        <v>0</v>
      </c>
      <c r="AM6204">
        <v>0</v>
      </c>
      <c r="AN6204">
        <v>0</v>
      </c>
      <c r="AO6204">
        <v>0</v>
      </c>
      <c r="AP6204">
        <v>0</v>
      </c>
      <c r="AQ6204">
        <v>0</v>
      </c>
      <c r="AR6204">
        <v>0</v>
      </c>
      <c r="AS6204">
        <v>0</v>
      </c>
      <c r="AT6204">
        <v>0</v>
      </c>
      <c r="AU6204">
        <v>0</v>
      </c>
      <c r="AV6204">
        <v>0</v>
      </c>
      <c r="AW6204">
        <v>0</v>
      </c>
      <c r="AX6204">
        <v>148</v>
      </c>
      <c r="AY6204">
        <v>24</v>
      </c>
      <c r="AZ6204">
        <v>36</v>
      </c>
      <c r="BA6204">
        <v>2804</v>
      </c>
    </row>
    <row r="6205" spans="1:53" x14ac:dyDescent="0.4">
      <c r="A6205">
        <v>6249</v>
      </c>
      <c r="B6205" s="1">
        <v>45202</v>
      </c>
      <c r="C6205">
        <v>1</v>
      </c>
      <c r="D6205" s="1">
        <v>45202.291666666664</v>
      </c>
      <c r="E6205" s="1">
        <v>45202.444444444445</v>
      </c>
      <c r="F6205">
        <v>0</v>
      </c>
      <c r="G6205">
        <v>0</v>
      </c>
      <c r="H6205">
        <v>0</v>
      </c>
      <c r="I6205">
        <v>0</v>
      </c>
      <c r="J6205">
        <v>0</v>
      </c>
      <c r="K6205">
        <v>0</v>
      </c>
      <c r="L6205">
        <v>0</v>
      </c>
      <c r="M6205">
        <v>0</v>
      </c>
      <c r="N6205">
        <v>0</v>
      </c>
      <c r="O6205">
        <v>0</v>
      </c>
      <c r="P6205">
        <v>0</v>
      </c>
      <c r="Q6205">
        <v>0</v>
      </c>
      <c r="R6205">
        <v>0</v>
      </c>
      <c r="S6205">
        <v>0</v>
      </c>
      <c r="T6205">
        <v>0</v>
      </c>
      <c r="U6205">
        <v>0</v>
      </c>
      <c r="V6205">
        <v>0</v>
      </c>
      <c r="W6205">
        <v>0</v>
      </c>
      <c r="X6205">
        <v>0</v>
      </c>
      <c r="Y6205">
        <v>32</v>
      </c>
      <c r="Z6205">
        <v>14</v>
      </c>
      <c r="AA6205">
        <v>74</v>
      </c>
      <c r="AB6205">
        <v>42</v>
      </c>
      <c r="AC6205">
        <v>110</v>
      </c>
      <c r="AD6205">
        <v>63</v>
      </c>
      <c r="AE6205">
        <v>85</v>
      </c>
      <c r="AF6205">
        <v>0</v>
      </c>
      <c r="AG6205">
        <v>50000</v>
      </c>
      <c r="AH6205">
        <v>50000</v>
      </c>
      <c r="AI6205">
        <v>0</v>
      </c>
      <c r="AJ6205">
        <v>0</v>
      </c>
      <c r="AK6205" t="s">
        <v>6</v>
      </c>
      <c r="AL6205">
        <v>0</v>
      </c>
      <c r="AM6205">
        <v>0</v>
      </c>
      <c r="AN6205">
        <v>0</v>
      </c>
      <c r="AO6205">
        <v>0</v>
      </c>
      <c r="AP6205">
        <v>0</v>
      </c>
      <c r="AQ6205">
        <v>0</v>
      </c>
      <c r="AR6205">
        <v>0</v>
      </c>
      <c r="AS6205">
        <v>0</v>
      </c>
      <c r="AT6205">
        <v>0</v>
      </c>
      <c r="AU6205">
        <v>0</v>
      </c>
      <c r="AV6205">
        <v>0</v>
      </c>
      <c r="AW6205">
        <v>0</v>
      </c>
      <c r="AX6205">
        <v>0</v>
      </c>
      <c r="AY6205">
        <v>0</v>
      </c>
      <c r="AZ6205">
        <v>0</v>
      </c>
      <c r="BA6205">
        <v>0</v>
      </c>
    </row>
    <row r="6206" spans="1:53" x14ac:dyDescent="0.4">
      <c r="A6206">
        <v>6250</v>
      </c>
      <c r="B6206" s="1">
        <v>45202</v>
      </c>
      <c r="C6206">
        <v>2</v>
      </c>
      <c r="D6206" s="1">
        <v>45202.444444444445</v>
      </c>
      <c r="E6206" s="1">
        <v>45202.732638888891</v>
      </c>
      <c r="F6206">
        <v>28940</v>
      </c>
      <c r="G6206">
        <v>605</v>
      </c>
      <c r="H6206">
        <v>0</v>
      </c>
      <c r="I6206">
        <v>0</v>
      </c>
      <c r="J6206">
        <v>0</v>
      </c>
      <c r="K6206">
        <v>0</v>
      </c>
      <c r="L6206">
        <v>0</v>
      </c>
      <c r="M6206">
        <v>2684</v>
      </c>
      <c r="N6206">
        <v>0</v>
      </c>
      <c r="O6206">
        <v>0</v>
      </c>
      <c r="P6206">
        <v>25390</v>
      </c>
      <c r="Q6206">
        <v>0</v>
      </c>
      <c r="R6206">
        <v>54935</v>
      </c>
      <c r="S6206">
        <v>0</v>
      </c>
      <c r="T6206">
        <v>0</v>
      </c>
      <c r="U6206">
        <v>0</v>
      </c>
      <c r="V6206">
        <v>0</v>
      </c>
      <c r="W6206">
        <v>3</v>
      </c>
      <c r="X6206">
        <v>0</v>
      </c>
      <c r="Y6206">
        <v>56</v>
      </c>
      <c r="Z6206">
        <v>27</v>
      </c>
      <c r="AA6206">
        <v>86</v>
      </c>
      <c r="AB6206">
        <v>44</v>
      </c>
      <c r="AC6206">
        <v>136</v>
      </c>
      <c r="AD6206">
        <v>66</v>
      </c>
      <c r="AE6206">
        <v>55</v>
      </c>
      <c r="AF6206">
        <v>7860</v>
      </c>
      <c r="AG6206">
        <v>104905</v>
      </c>
      <c r="AH6206">
        <v>50000</v>
      </c>
      <c r="AI6206">
        <v>-30</v>
      </c>
      <c r="AJ6206">
        <v>38</v>
      </c>
      <c r="AK6206" t="s">
        <v>75</v>
      </c>
      <c r="AL6206">
        <v>0</v>
      </c>
      <c r="AM6206">
        <v>0</v>
      </c>
      <c r="AN6206">
        <v>0</v>
      </c>
      <c r="AO6206">
        <v>0</v>
      </c>
      <c r="AP6206">
        <v>0</v>
      </c>
      <c r="AQ6206">
        <v>0</v>
      </c>
      <c r="AR6206">
        <v>0</v>
      </c>
      <c r="AS6206">
        <v>0</v>
      </c>
      <c r="AT6206">
        <v>0</v>
      </c>
      <c r="AU6206">
        <v>0</v>
      </c>
      <c r="AV6206">
        <v>0</v>
      </c>
      <c r="AW6206">
        <v>0</v>
      </c>
      <c r="AX6206">
        <v>2981</v>
      </c>
      <c r="AY6206">
        <v>42</v>
      </c>
      <c r="AZ6206">
        <v>88</v>
      </c>
      <c r="BA6206">
        <v>5752</v>
      </c>
    </row>
    <row r="6207" spans="1:53" x14ac:dyDescent="0.4">
      <c r="A6207">
        <v>6251</v>
      </c>
      <c r="B6207" s="1">
        <v>45203</v>
      </c>
      <c r="C6207">
        <v>1</v>
      </c>
      <c r="D6207" s="1">
        <v>45203.291666666664</v>
      </c>
      <c r="E6207" s="1">
        <v>45203.445138888892</v>
      </c>
      <c r="F6207">
        <v>0</v>
      </c>
      <c r="G6207">
        <v>0</v>
      </c>
      <c r="H6207">
        <v>0</v>
      </c>
      <c r="I6207">
        <v>0</v>
      </c>
      <c r="J6207">
        <v>0</v>
      </c>
      <c r="K6207">
        <v>0</v>
      </c>
      <c r="L6207">
        <v>0</v>
      </c>
      <c r="M6207">
        <v>0</v>
      </c>
      <c r="N6207">
        <v>0</v>
      </c>
      <c r="O6207">
        <v>0</v>
      </c>
      <c r="P6207">
        <v>0</v>
      </c>
      <c r="Q6207">
        <v>0</v>
      </c>
      <c r="R6207">
        <v>0</v>
      </c>
      <c r="S6207">
        <v>0</v>
      </c>
      <c r="T6207">
        <v>0</v>
      </c>
      <c r="U6207">
        <v>0</v>
      </c>
      <c r="V6207">
        <v>0</v>
      </c>
      <c r="W6207">
        <v>1</v>
      </c>
      <c r="X6207">
        <v>0</v>
      </c>
      <c r="Y6207">
        <v>30</v>
      </c>
      <c r="Z6207">
        <v>10</v>
      </c>
      <c r="AA6207">
        <v>74</v>
      </c>
      <c r="AB6207">
        <v>33</v>
      </c>
      <c r="AC6207">
        <v>64</v>
      </c>
      <c r="AD6207">
        <v>46</v>
      </c>
      <c r="AE6207">
        <v>80</v>
      </c>
      <c r="AF6207">
        <v>0</v>
      </c>
      <c r="AG6207">
        <v>50000</v>
      </c>
      <c r="AH6207">
        <v>50000</v>
      </c>
      <c r="AI6207">
        <v>0</v>
      </c>
      <c r="AJ6207">
        <v>0</v>
      </c>
      <c r="AK6207" t="s">
        <v>6</v>
      </c>
      <c r="AL6207">
        <v>0</v>
      </c>
      <c r="AM6207">
        <v>0</v>
      </c>
      <c r="AN6207">
        <v>0</v>
      </c>
      <c r="AO6207">
        <v>0</v>
      </c>
      <c r="AP6207">
        <v>0</v>
      </c>
      <c r="AQ6207">
        <v>0</v>
      </c>
      <c r="AR6207">
        <v>0</v>
      </c>
      <c r="AS6207">
        <v>0</v>
      </c>
      <c r="AT6207">
        <v>0</v>
      </c>
      <c r="AU6207">
        <v>0</v>
      </c>
      <c r="AV6207">
        <v>0</v>
      </c>
      <c r="AW6207">
        <v>0</v>
      </c>
      <c r="AX6207">
        <v>0</v>
      </c>
      <c r="AY6207">
        <v>0</v>
      </c>
      <c r="AZ6207">
        <v>0</v>
      </c>
      <c r="BA6207">
        <v>0</v>
      </c>
    </row>
    <row r="6208" spans="1:53" x14ac:dyDescent="0.4">
      <c r="A6208">
        <v>6252</v>
      </c>
      <c r="B6208" s="1">
        <v>45203</v>
      </c>
      <c r="C6208">
        <v>2</v>
      </c>
      <c r="D6208" s="1">
        <v>45203.445138888892</v>
      </c>
      <c r="E6208" s="1">
        <v>45203.730555555558</v>
      </c>
      <c r="F6208">
        <v>18400</v>
      </c>
      <c r="G6208">
        <v>0</v>
      </c>
      <c r="H6208">
        <v>220</v>
      </c>
      <c r="I6208">
        <v>0</v>
      </c>
      <c r="J6208">
        <v>0</v>
      </c>
      <c r="K6208">
        <v>0</v>
      </c>
      <c r="L6208">
        <v>0</v>
      </c>
      <c r="M6208">
        <v>1692</v>
      </c>
      <c r="N6208">
        <v>0</v>
      </c>
      <c r="O6208">
        <v>0</v>
      </c>
      <c r="P6208">
        <v>13960</v>
      </c>
      <c r="Q6208">
        <v>0</v>
      </c>
      <c r="R6208">
        <v>32580</v>
      </c>
      <c r="S6208">
        <v>0</v>
      </c>
      <c r="T6208">
        <v>0</v>
      </c>
      <c r="U6208">
        <v>0</v>
      </c>
      <c r="V6208">
        <v>2</v>
      </c>
      <c r="W6208">
        <v>1</v>
      </c>
      <c r="X6208">
        <v>0</v>
      </c>
      <c r="Y6208">
        <v>38</v>
      </c>
      <c r="Z6208">
        <v>15</v>
      </c>
      <c r="AA6208">
        <v>56</v>
      </c>
      <c r="AB6208">
        <v>29</v>
      </c>
      <c r="AC6208">
        <v>61</v>
      </c>
      <c r="AD6208">
        <v>46</v>
      </c>
      <c r="AE6208">
        <v>80</v>
      </c>
      <c r="AF6208">
        <v>4110</v>
      </c>
      <c r="AG6208">
        <v>82580</v>
      </c>
      <c r="AH6208">
        <v>50000</v>
      </c>
      <c r="AI6208">
        <v>0</v>
      </c>
      <c r="AJ6208">
        <v>36</v>
      </c>
      <c r="AK6208" t="s">
        <v>68</v>
      </c>
      <c r="AL6208">
        <v>0</v>
      </c>
      <c r="AM6208">
        <v>0</v>
      </c>
      <c r="AN6208">
        <v>0</v>
      </c>
      <c r="AO6208">
        <v>0</v>
      </c>
      <c r="AP6208">
        <v>0</v>
      </c>
      <c r="AQ6208">
        <v>0</v>
      </c>
      <c r="AR6208">
        <v>0</v>
      </c>
      <c r="AS6208">
        <v>0</v>
      </c>
      <c r="AT6208">
        <v>0</v>
      </c>
      <c r="AU6208">
        <v>0</v>
      </c>
      <c r="AV6208">
        <v>0</v>
      </c>
      <c r="AW6208">
        <v>0</v>
      </c>
      <c r="AX6208">
        <v>0</v>
      </c>
      <c r="AY6208">
        <v>33</v>
      </c>
      <c r="AZ6208">
        <v>57</v>
      </c>
      <c r="BA6208">
        <v>4030</v>
      </c>
    </row>
    <row r="6209" spans="1:53" x14ac:dyDescent="0.4">
      <c r="A6209">
        <v>6253</v>
      </c>
      <c r="B6209" s="1">
        <v>45204</v>
      </c>
      <c r="C6209">
        <v>1</v>
      </c>
      <c r="D6209" s="1">
        <v>45204.291666666664</v>
      </c>
      <c r="E6209" s="1">
        <v>45204.45208333333</v>
      </c>
      <c r="F6209">
        <v>0</v>
      </c>
      <c r="G6209">
        <v>0</v>
      </c>
      <c r="H6209">
        <v>0</v>
      </c>
      <c r="I6209">
        <v>0</v>
      </c>
      <c r="J6209">
        <v>0</v>
      </c>
      <c r="K6209">
        <v>0</v>
      </c>
      <c r="L6209">
        <v>0</v>
      </c>
      <c r="M6209">
        <v>0</v>
      </c>
      <c r="N6209">
        <v>0</v>
      </c>
      <c r="O6209">
        <v>0</v>
      </c>
      <c r="P6209">
        <v>0</v>
      </c>
      <c r="Q6209">
        <v>0</v>
      </c>
      <c r="R6209">
        <v>0</v>
      </c>
      <c r="S6209">
        <v>0</v>
      </c>
      <c r="T6209">
        <v>0</v>
      </c>
      <c r="U6209">
        <v>0</v>
      </c>
      <c r="V6209">
        <v>0</v>
      </c>
      <c r="W6209">
        <v>1</v>
      </c>
      <c r="X6209">
        <v>0</v>
      </c>
      <c r="Y6209">
        <v>31</v>
      </c>
      <c r="Z6209">
        <v>10</v>
      </c>
      <c r="AA6209">
        <v>65</v>
      </c>
      <c r="AB6209">
        <v>32</v>
      </c>
      <c r="AC6209">
        <v>62</v>
      </c>
      <c r="AD6209">
        <v>40</v>
      </c>
      <c r="AE6209">
        <v>80</v>
      </c>
      <c r="AF6209">
        <v>0</v>
      </c>
      <c r="AG6209">
        <v>50000</v>
      </c>
      <c r="AH6209">
        <v>50000</v>
      </c>
      <c r="AI6209">
        <v>0</v>
      </c>
      <c r="AJ6209">
        <v>0</v>
      </c>
      <c r="AK6209" t="s">
        <v>6</v>
      </c>
      <c r="AL6209">
        <v>0</v>
      </c>
      <c r="AM6209">
        <v>0</v>
      </c>
      <c r="AN6209">
        <v>0</v>
      </c>
      <c r="AO6209">
        <v>0</v>
      </c>
      <c r="AP6209">
        <v>0</v>
      </c>
      <c r="AQ6209">
        <v>0</v>
      </c>
      <c r="AR6209">
        <v>0</v>
      </c>
      <c r="AS6209">
        <v>0</v>
      </c>
      <c r="AT6209">
        <v>0</v>
      </c>
      <c r="AU6209">
        <v>0</v>
      </c>
      <c r="AV6209">
        <v>0</v>
      </c>
      <c r="AW6209">
        <v>0</v>
      </c>
      <c r="AX6209">
        <v>0</v>
      </c>
      <c r="AY6209">
        <v>0</v>
      </c>
      <c r="AZ6209">
        <v>0</v>
      </c>
      <c r="BA6209">
        <v>0</v>
      </c>
    </row>
    <row r="6210" spans="1:53" x14ac:dyDescent="0.4">
      <c r="A6210">
        <v>6254</v>
      </c>
      <c r="B6210" s="1">
        <v>45204</v>
      </c>
      <c r="C6210">
        <v>2</v>
      </c>
      <c r="D6210" s="1">
        <v>45204.45208333333</v>
      </c>
      <c r="E6210" s="1">
        <v>45204.73541666667</v>
      </c>
      <c r="F6210">
        <v>21280</v>
      </c>
      <c r="G6210">
        <v>0</v>
      </c>
      <c r="H6210">
        <v>0</v>
      </c>
      <c r="I6210">
        <v>0</v>
      </c>
      <c r="J6210">
        <v>0</v>
      </c>
      <c r="K6210">
        <v>0</v>
      </c>
      <c r="L6210">
        <v>0</v>
      </c>
      <c r="M6210">
        <v>1934</v>
      </c>
      <c r="N6210">
        <v>0</v>
      </c>
      <c r="O6210">
        <v>0</v>
      </c>
      <c r="P6210">
        <v>12390</v>
      </c>
      <c r="Q6210">
        <v>0</v>
      </c>
      <c r="R6210">
        <v>33670</v>
      </c>
      <c r="S6210">
        <v>0</v>
      </c>
      <c r="T6210">
        <v>0</v>
      </c>
      <c r="U6210">
        <v>0</v>
      </c>
      <c r="V6210">
        <v>4</v>
      </c>
      <c r="W6210">
        <v>0</v>
      </c>
      <c r="X6210">
        <v>0</v>
      </c>
      <c r="Y6210">
        <v>29</v>
      </c>
      <c r="Z6210">
        <v>9</v>
      </c>
      <c r="AA6210">
        <v>57</v>
      </c>
      <c r="AB6210">
        <v>33</v>
      </c>
      <c r="AC6210">
        <v>81</v>
      </c>
      <c r="AD6210">
        <v>40</v>
      </c>
      <c r="AE6210">
        <v>80</v>
      </c>
      <c r="AF6210">
        <v>1730</v>
      </c>
      <c r="AG6210">
        <v>83670</v>
      </c>
      <c r="AH6210">
        <v>50000</v>
      </c>
      <c r="AI6210">
        <v>0</v>
      </c>
      <c r="AJ6210">
        <v>38</v>
      </c>
      <c r="AK6210" t="s">
        <v>75</v>
      </c>
      <c r="AL6210">
        <v>0</v>
      </c>
      <c r="AM6210">
        <v>0</v>
      </c>
      <c r="AN6210">
        <v>0</v>
      </c>
      <c r="AO6210">
        <v>0</v>
      </c>
      <c r="AP6210">
        <v>0</v>
      </c>
      <c r="AQ6210">
        <v>0</v>
      </c>
      <c r="AR6210">
        <v>0</v>
      </c>
      <c r="AS6210">
        <v>0</v>
      </c>
      <c r="AT6210">
        <v>0</v>
      </c>
      <c r="AU6210">
        <v>0</v>
      </c>
      <c r="AV6210">
        <v>0</v>
      </c>
      <c r="AW6210">
        <v>0</v>
      </c>
      <c r="AX6210">
        <v>98</v>
      </c>
      <c r="AY6210">
        <v>32</v>
      </c>
      <c r="AZ6210">
        <v>53</v>
      </c>
      <c r="BA6210">
        <v>4450</v>
      </c>
    </row>
    <row r="6211" spans="1:53" x14ac:dyDescent="0.4">
      <c r="A6211">
        <v>6255</v>
      </c>
      <c r="B6211" s="1">
        <v>45205</v>
      </c>
      <c r="C6211">
        <v>1</v>
      </c>
      <c r="D6211" s="1">
        <v>45205.291666666664</v>
      </c>
      <c r="E6211" s="1">
        <v>45205.440972222219</v>
      </c>
      <c r="F6211">
        <v>0</v>
      </c>
      <c r="G6211">
        <v>0</v>
      </c>
      <c r="H6211">
        <v>0</v>
      </c>
      <c r="I6211">
        <v>0</v>
      </c>
      <c r="J6211">
        <v>0</v>
      </c>
      <c r="K6211">
        <v>0</v>
      </c>
      <c r="L6211">
        <v>0</v>
      </c>
      <c r="M6211">
        <v>0</v>
      </c>
      <c r="N6211">
        <v>0</v>
      </c>
      <c r="O6211">
        <v>0</v>
      </c>
      <c r="P6211">
        <v>0</v>
      </c>
      <c r="Q6211">
        <v>0</v>
      </c>
      <c r="R6211">
        <v>0</v>
      </c>
      <c r="S6211">
        <v>0</v>
      </c>
      <c r="T6211">
        <v>0</v>
      </c>
      <c r="U6211">
        <v>0</v>
      </c>
      <c r="V6211">
        <v>0</v>
      </c>
      <c r="W6211">
        <v>0</v>
      </c>
      <c r="X6211">
        <v>0</v>
      </c>
      <c r="Y6211">
        <v>35</v>
      </c>
      <c r="Z6211">
        <v>10</v>
      </c>
      <c r="AA6211">
        <v>72</v>
      </c>
      <c r="AB6211">
        <v>33</v>
      </c>
      <c r="AC6211">
        <v>84</v>
      </c>
      <c r="AD6211">
        <v>46</v>
      </c>
      <c r="AE6211">
        <v>80</v>
      </c>
      <c r="AF6211">
        <v>0</v>
      </c>
      <c r="AG6211">
        <v>50000</v>
      </c>
      <c r="AH6211">
        <v>50000</v>
      </c>
      <c r="AI6211">
        <v>0</v>
      </c>
      <c r="AJ6211">
        <v>0</v>
      </c>
      <c r="AK6211" t="s">
        <v>6</v>
      </c>
      <c r="AL6211">
        <v>0</v>
      </c>
      <c r="AM6211">
        <v>0</v>
      </c>
      <c r="AN6211">
        <v>0</v>
      </c>
      <c r="AO6211">
        <v>0</v>
      </c>
      <c r="AP6211">
        <v>0</v>
      </c>
      <c r="AQ6211">
        <v>0</v>
      </c>
      <c r="AR6211">
        <v>0</v>
      </c>
      <c r="AS6211">
        <v>0</v>
      </c>
      <c r="AT6211">
        <v>0</v>
      </c>
      <c r="AU6211">
        <v>0</v>
      </c>
      <c r="AV6211">
        <v>0</v>
      </c>
      <c r="AW6211">
        <v>0</v>
      </c>
      <c r="AX6211">
        <v>0</v>
      </c>
      <c r="AY6211">
        <v>0</v>
      </c>
      <c r="AZ6211">
        <v>0</v>
      </c>
      <c r="BA6211">
        <v>0</v>
      </c>
    </row>
    <row r="6212" spans="1:53" x14ac:dyDescent="0.4">
      <c r="A6212">
        <v>6256</v>
      </c>
      <c r="B6212" s="1">
        <v>45205</v>
      </c>
      <c r="C6212">
        <v>2</v>
      </c>
      <c r="D6212" s="1">
        <v>45205.440972222219</v>
      </c>
      <c r="E6212" s="1">
        <v>45205.724305555559</v>
      </c>
      <c r="F6212">
        <v>20450</v>
      </c>
      <c r="G6212">
        <v>1485</v>
      </c>
      <c r="H6212">
        <v>0</v>
      </c>
      <c r="I6212">
        <v>0</v>
      </c>
      <c r="J6212">
        <v>100</v>
      </c>
      <c r="K6212">
        <v>0</v>
      </c>
      <c r="L6212">
        <v>0</v>
      </c>
      <c r="M6212">
        <v>1986</v>
      </c>
      <c r="N6212">
        <v>0</v>
      </c>
      <c r="O6212">
        <v>0</v>
      </c>
      <c r="P6212">
        <v>20590</v>
      </c>
      <c r="Q6212">
        <v>0</v>
      </c>
      <c r="R6212">
        <v>42425</v>
      </c>
      <c r="S6212">
        <v>0</v>
      </c>
      <c r="T6212">
        <v>0</v>
      </c>
      <c r="U6212">
        <v>0</v>
      </c>
      <c r="V6212">
        <v>1</v>
      </c>
      <c r="W6212">
        <v>3</v>
      </c>
      <c r="X6212">
        <v>0</v>
      </c>
      <c r="Y6212">
        <v>45</v>
      </c>
      <c r="Z6212">
        <v>17</v>
      </c>
      <c r="AA6212">
        <v>70</v>
      </c>
      <c r="AB6212">
        <v>40</v>
      </c>
      <c r="AC6212">
        <v>99</v>
      </c>
      <c r="AD6212">
        <v>45</v>
      </c>
      <c r="AE6212">
        <v>80</v>
      </c>
      <c r="AF6212">
        <v>3730</v>
      </c>
      <c r="AG6212">
        <v>92525</v>
      </c>
      <c r="AH6212">
        <v>50000</v>
      </c>
      <c r="AI6212">
        <v>100</v>
      </c>
      <c r="AJ6212">
        <v>36</v>
      </c>
      <c r="AK6212" t="s">
        <v>68</v>
      </c>
      <c r="AL6212">
        <v>0</v>
      </c>
      <c r="AM6212">
        <v>0</v>
      </c>
      <c r="AN6212">
        <v>0</v>
      </c>
      <c r="AO6212">
        <v>0</v>
      </c>
      <c r="AP6212">
        <v>0</v>
      </c>
      <c r="AQ6212">
        <v>0</v>
      </c>
      <c r="AR6212">
        <v>0</v>
      </c>
      <c r="AS6212">
        <v>0</v>
      </c>
      <c r="AT6212">
        <v>0</v>
      </c>
      <c r="AU6212">
        <v>0</v>
      </c>
      <c r="AV6212">
        <v>0</v>
      </c>
      <c r="AW6212">
        <v>0</v>
      </c>
      <c r="AX6212">
        <v>-1060</v>
      </c>
      <c r="AY6212">
        <v>38</v>
      </c>
      <c r="AZ6212">
        <v>64</v>
      </c>
      <c r="BA6212">
        <v>5653</v>
      </c>
    </row>
    <row r="6213" spans="1:53" x14ac:dyDescent="0.4">
      <c r="A6213">
        <v>6257</v>
      </c>
      <c r="B6213" s="1">
        <v>45206</v>
      </c>
      <c r="C6213">
        <v>1</v>
      </c>
      <c r="D6213" s="1">
        <v>45206.291666666664</v>
      </c>
      <c r="E6213" s="1">
        <v>45206.412499999999</v>
      </c>
      <c r="F6213">
        <v>0</v>
      </c>
      <c r="G6213">
        <v>0</v>
      </c>
      <c r="H6213">
        <v>0</v>
      </c>
      <c r="I6213">
        <v>0</v>
      </c>
      <c r="J6213">
        <v>0</v>
      </c>
      <c r="K6213">
        <v>0</v>
      </c>
      <c r="L6213">
        <v>0</v>
      </c>
      <c r="M6213">
        <v>0</v>
      </c>
      <c r="N6213">
        <v>0</v>
      </c>
      <c r="O6213">
        <v>0</v>
      </c>
      <c r="P6213">
        <v>0</v>
      </c>
      <c r="Q6213">
        <v>0</v>
      </c>
      <c r="R6213">
        <v>0</v>
      </c>
      <c r="S6213">
        <v>0</v>
      </c>
      <c r="T6213">
        <v>0</v>
      </c>
      <c r="U6213">
        <v>0</v>
      </c>
      <c r="V6213">
        <v>0</v>
      </c>
      <c r="W6213">
        <v>1</v>
      </c>
      <c r="X6213">
        <v>0</v>
      </c>
      <c r="Y6213">
        <v>30</v>
      </c>
      <c r="Z6213">
        <v>10</v>
      </c>
      <c r="AA6213">
        <v>70</v>
      </c>
      <c r="AB6213">
        <v>42</v>
      </c>
      <c r="AC6213">
        <v>60</v>
      </c>
      <c r="AD6213">
        <v>43</v>
      </c>
      <c r="AE6213">
        <v>85</v>
      </c>
      <c r="AF6213">
        <v>0</v>
      </c>
      <c r="AG6213">
        <v>50000</v>
      </c>
      <c r="AH6213">
        <v>50000</v>
      </c>
      <c r="AI6213">
        <v>0</v>
      </c>
      <c r="AJ6213">
        <v>0</v>
      </c>
      <c r="AK6213" t="s">
        <v>6</v>
      </c>
      <c r="AL6213">
        <v>0</v>
      </c>
      <c r="AM6213">
        <v>0</v>
      </c>
      <c r="AN6213">
        <v>0</v>
      </c>
      <c r="AO6213">
        <v>0</v>
      </c>
      <c r="AP6213">
        <v>0</v>
      </c>
      <c r="AQ6213">
        <v>0</v>
      </c>
      <c r="AR6213">
        <v>0</v>
      </c>
      <c r="AS6213">
        <v>0</v>
      </c>
      <c r="AT6213">
        <v>0</v>
      </c>
      <c r="AU6213">
        <v>0</v>
      </c>
      <c r="AV6213">
        <v>0</v>
      </c>
      <c r="AW6213">
        <v>0</v>
      </c>
      <c r="AX6213">
        <v>0</v>
      </c>
      <c r="AY6213">
        <v>0</v>
      </c>
      <c r="AZ6213">
        <v>0</v>
      </c>
      <c r="BA6213">
        <v>0</v>
      </c>
    </row>
    <row r="6214" spans="1:53" x14ac:dyDescent="0.4">
      <c r="A6214">
        <v>6258</v>
      </c>
      <c r="B6214" s="1">
        <v>45206</v>
      </c>
      <c r="C6214">
        <v>2</v>
      </c>
      <c r="D6214" s="1">
        <v>45206.412499999999</v>
      </c>
      <c r="E6214" s="1">
        <v>45206.728472222225</v>
      </c>
      <c r="F6214">
        <v>34210</v>
      </c>
      <c r="G6214">
        <v>2398</v>
      </c>
      <c r="H6214">
        <v>220</v>
      </c>
      <c r="I6214">
        <v>0</v>
      </c>
      <c r="J6214">
        <v>600</v>
      </c>
      <c r="K6214">
        <v>0</v>
      </c>
      <c r="L6214">
        <v>0</v>
      </c>
      <c r="M6214">
        <v>3294</v>
      </c>
      <c r="N6214">
        <v>0</v>
      </c>
      <c r="O6214">
        <v>0</v>
      </c>
      <c r="P6214">
        <v>18660</v>
      </c>
      <c r="Q6214">
        <v>0</v>
      </c>
      <c r="R6214">
        <v>54888</v>
      </c>
      <c r="S6214">
        <v>0</v>
      </c>
      <c r="T6214">
        <v>0</v>
      </c>
      <c r="U6214">
        <v>0</v>
      </c>
      <c r="V6214">
        <v>1</v>
      </c>
      <c r="W6214">
        <v>0</v>
      </c>
      <c r="X6214">
        <v>0</v>
      </c>
      <c r="Y6214">
        <v>69</v>
      </c>
      <c r="Z6214">
        <v>17</v>
      </c>
      <c r="AA6214">
        <v>86</v>
      </c>
      <c r="AB6214">
        <v>46</v>
      </c>
      <c r="AC6214">
        <v>84</v>
      </c>
      <c r="AD6214">
        <v>43</v>
      </c>
      <c r="AE6214">
        <v>83</v>
      </c>
      <c r="AF6214">
        <v>5350</v>
      </c>
      <c r="AG6214">
        <v>104888</v>
      </c>
      <c r="AH6214">
        <v>50000</v>
      </c>
      <c r="AI6214">
        <v>0</v>
      </c>
      <c r="AJ6214">
        <v>36</v>
      </c>
      <c r="AK6214" t="s">
        <v>68</v>
      </c>
      <c r="AL6214">
        <v>0</v>
      </c>
      <c r="AM6214">
        <v>0</v>
      </c>
      <c r="AN6214">
        <v>0</v>
      </c>
      <c r="AO6214">
        <v>0</v>
      </c>
      <c r="AP6214">
        <v>0</v>
      </c>
      <c r="AQ6214">
        <v>0</v>
      </c>
      <c r="AR6214">
        <v>0</v>
      </c>
      <c r="AS6214">
        <v>0</v>
      </c>
      <c r="AT6214">
        <v>0</v>
      </c>
      <c r="AU6214">
        <v>0</v>
      </c>
      <c r="AV6214">
        <v>0</v>
      </c>
      <c r="AW6214">
        <v>0</v>
      </c>
      <c r="AX6214">
        <v>-1200</v>
      </c>
      <c r="AY6214">
        <v>47</v>
      </c>
      <c r="AZ6214">
        <v>90</v>
      </c>
      <c r="BA6214">
        <v>6264</v>
      </c>
    </row>
    <row r="6215" spans="1:53" x14ac:dyDescent="0.4">
      <c r="A6215">
        <v>6259</v>
      </c>
      <c r="B6215" s="1">
        <v>45206</v>
      </c>
      <c r="C6215">
        <v>3</v>
      </c>
      <c r="D6215" s="1">
        <v>45206.728472222225</v>
      </c>
      <c r="E6215" s="1">
        <v>45206.965277777781</v>
      </c>
      <c r="F6215">
        <v>102980</v>
      </c>
      <c r="G6215">
        <v>4246</v>
      </c>
      <c r="H6215">
        <v>0</v>
      </c>
      <c r="I6215">
        <v>0</v>
      </c>
      <c r="J6215">
        <v>300</v>
      </c>
      <c r="K6215">
        <v>0</v>
      </c>
      <c r="L6215">
        <v>0</v>
      </c>
      <c r="M6215">
        <v>9718</v>
      </c>
      <c r="N6215">
        <v>0</v>
      </c>
      <c r="O6215">
        <v>0</v>
      </c>
      <c r="P6215">
        <v>7140</v>
      </c>
      <c r="Q6215">
        <v>0</v>
      </c>
      <c r="R6215">
        <v>114066</v>
      </c>
      <c r="S6215">
        <v>0</v>
      </c>
      <c r="T6215">
        <v>0</v>
      </c>
      <c r="U6215">
        <v>0</v>
      </c>
      <c r="V6215">
        <v>8</v>
      </c>
      <c r="W6215">
        <v>1</v>
      </c>
      <c r="X6215">
        <v>0</v>
      </c>
      <c r="Y6215">
        <v>64</v>
      </c>
      <c r="Z6215">
        <v>18</v>
      </c>
      <c r="AA6215">
        <v>85</v>
      </c>
      <c r="AB6215">
        <v>45</v>
      </c>
      <c r="AC6215">
        <v>78</v>
      </c>
      <c r="AD6215">
        <v>50</v>
      </c>
      <c r="AE6215">
        <v>83</v>
      </c>
      <c r="AF6215">
        <v>49091</v>
      </c>
      <c r="AG6215">
        <v>218954</v>
      </c>
      <c r="AH6215">
        <v>50000</v>
      </c>
      <c r="AI6215">
        <v>0</v>
      </c>
      <c r="AJ6215">
        <v>39</v>
      </c>
      <c r="AK6215" t="s">
        <v>73</v>
      </c>
      <c r="AL6215">
        <v>0</v>
      </c>
      <c r="AM6215">
        <v>0</v>
      </c>
      <c r="AN6215">
        <v>0</v>
      </c>
      <c r="AO6215">
        <v>0</v>
      </c>
      <c r="AP6215">
        <v>0</v>
      </c>
      <c r="AQ6215">
        <v>0</v>
      </c>
      <c r="AR6215">
        <v>0</v>
      </c>
      <c r="AS6215">
        <v>0</v>
      </c>
      <c r="AT6215">
        <v>0</v>
      </c>
      <c r="AU6215">
        <v>0</v>
      </c>
      <c r="AV6215">
        <v>0</v>
      </c>
      <c r="AW6215">
        <v>0</v>
      </c>
      <c r="AX6215">
        <v>10650</v>
      </c>
      <c r="AY6215">
        <v>20</v>
      </c>
      <c r="AZ6215">
        <v>64</v>
      </c>
      <c r="BA6215">
        <v>3286</v>
      </c>
    </row>
    <row r="6216" spans="1:53" x14ac:dyDescent="0.4">
      <c r="A6216">
        <v>6260</v>
      </c>
      <c r="B6216" s="1">
        <v>45207</v>
      </c>
      <c r="C6216">
        <v>1</v>
      </c>
      <c r="D6216" s="1">
        <v>45207.291666666664</v>
      </c>
      <c r="E6216" s="1">
        <v>45207.406944444447</v>
      </c>
      <c r="F6216">
        <v>0</v>
      </c>
      <c r="G6216">
        <v>0</v>
      </c>
      <c r="H6216">
        <v>0</v>
      </c>
      <c r="I6216">
        <v>0</v>
      </c>
      <c r="J6216">
        <v>0</v>
      </c>
      <c r="K6216">
        <v>0</v>
      </c>
      <c r="L6216">
        <v>0</v>
      </c>
      <c r="M6216">
        <v>0</v>
      </c>
      <c r="N6216">
        <v>0</v>
      </c>
      <c r="O6216">
        <v>0</v>
      </c>
      <c r="P6216">
        <v>0</v>
      </c>
      <c r="Q6216">
        <v>0</v>
      </c>
      <c r="R6216">
        <v>0</v>
      </c>
      <c r="S6216">
        <v>0</v>
      </c>
      <c r="T6216">
        <v>0</v>
      </c>
      <c r="U6216">
        <v>0</v>
      </c>
      <c r="V6216">
        <v>0</v>
      </c>
      <c r="W6216">
        <v>1</v>
      </c>
      <c r="X6216">
        <v>0</v>
      </c>
      <c r="Y6216">
        <v>30</v>
      </c>
      <c r="Z6216">
        <v>10</v>
      </c>
      <c r="AA6216">
        <v>71</v>
      </c>
      <c r="AB6216">
        <v>40</v>
      </c>
      <c r="AC6216">
        <v>61</v>
      </c>
      <c r="AD6216">
        <v>42</v>
      </c>
      <c r="AE6216">
        <v>80</v>
      </c>
      <c r="AF6216">
        <v>0</v>
      </c>
      <c r="AG6216">
        <v>50000</v>
      </c>
      <c r="AH6216">
        <v>50000</v>
      </c>
      <c r="AI6216">
        <v>0</v>
      </c>
      <c r="AJ6216">
        <v>0</v>
      </c>
      <c r="AK6216" t="s">
        <v>6</v>
      </c>
      <c r="AL6216">
        <v>0</v>
      </c>
      <c r="AM6216">
        <v>0</v>
      </c>
      <c r="AN6216">
        <v>0</v>
      </c>
      <c r="AO6216">
        <v>0</v>
      </c>
      <c r="AP6216">
        <v>0</v>
      </c>
      <c r="AQ6216">
        <v>0</v>
      </c>
      <c r="AR6216">
        <v>0</v>
      </c>
      <c r="AS6216">
        <v>0</v>
      </c>
      <c r="AT6216">
        <v>0</v>
      </c>
      <c r="AU6216">
        <v>0</v>
      </c>
      <c r="AV6216">
        <v>0</v>
      </c>
      <c r="AW6216">
        <v>0</v>
      </c>
      <c r="AX6216">
        <v>0</v>
      </c>
      <c r="AY6216">
        <v>0</v>
      </c>
      <c r="AZ6216">
        <v>0</v>
      </c>
      <c r="BA6216">
        <v>0</v>
      </c>
    </row>
    <row r="6217" spans="1:53" x14ac:dyDescent="0.4">
      <c r="A6217">
        <v>6261</v>
      </c>
      <c r="B6217" s="1">
        <v>45207</v>
      </c>
      <c r="C6217">
        <v>2</v>
      </c>
      <c r="D6217" s="1">
        <v>45207.406944444447</v>
      </c>
      <c r="E6217" s="1">
        <v>45207.75</v>
      </c>
      <c r="F6217">
        <v>50050</v>
      </c>
      <c r="G6217">
        <v>2629</v>
      </c>
      <c r="H6217">
        <v>0</v>
      </c>
      <c r="I6217">
        <v>0</v>
      </c>
      <c r="J6217">
        <v>250</v>
      </c>
      <c r="K6217">
        <v>0</v>
      </c>
      <c r="L6217">
        <v>0</v>
      </c>
      <c r="M6217">
        <v>4763</v>
      </c>
      <c r="N6217">
        <v>0</v>
      </c>
      <c r="O6217">
        <v>0</v>
      </c>
      <c r="P6217">
        <v>19970</v>
      </c>
      <c r="Q6217">
        <v>0</v>
      </c>
      <c r="R6217">
        <v>72399</v>
      </c>
      <c r="S6217">
        <v>0</v>
      </c>
      <c r="T6217">
        <v>0</v>
      </c>
      <c r="U6217">
        <v>0</v>
      </c>
      <c r="V6217">
        <v>1</v>
      </c>
      <c r="W6217">
        <v>1</v>
      </c>
      <c r="X6217">
        <v>0</v>
      </c>
      <c r="Y6217">
        <v>71</v>
      </c>
      <c r="Z6217">
        <v>22</v>
      </c>
      <c r="AA6217">
        <v>141</v>
      </c>
      <c r="AB6217">
        <v>45</v>
      </c>
      <c r="AC6217">
        <v>100</v>
      </c>
      <c r="AD6217">
        <v>43</v>
      </c>
      <c r="AE6217">
        <v>86</v>
      </c>
      <c r="AF6217">
        <v>7748</v>
      </c>
      <c r="AG6217">
        <v>122399</v>
      </c>
      <c r="AH6217">
        <v>50000</v>
      </c>
      <c r="AI6217">
        <v>0</v>
      </c>
      <c r="AJ6217">
        <v>36</v>
      </c>
      <c r="AK6217" t="s">
        <v>68</v>
      </c>
      <c r="AL6217">
        <v>0</v>
      </c>
      <c r="AM6217">
        <v>0</v>
      </c>
      <c r="AN6217">
        <v>0</v>
      </c>
      <c r="AO6217">
        <v>0</v>
      </c>
      <c r="AP6217">
        <v>0</v>
      </c>
      <c r="AQ6217">
        <v>0</v>
      </c>
      <c r="AR6217">
        <v>0</v>
      </c>
      <c r="AS6217">
        <v>0</v>
      </c>
      <c r="AT6217">
        <v>0</v>
      </c>
      <c r="AU6217">
        <v>0</v>
      </c>
      <c r="AV6217">
        <v>0</v>
      </c>
      <c r="AW6217">
        <v>0</v>
      </c>
      <c r="AX6217">
        <v>300</v>
      </c>
      <c r="AY6217">
        <v>55</v>
      </c>
      <c r="AZ6217">
        <v>113</v>
      </c>
      <c r="BA6217">
        <v>7954</v>
      </c>
    </row>
    <row r="6218" spans="1:53" x14ac:dyDescent="0.4">
      <c r="A6218">
        <v>6262</v>
      </c>
      <c r="B6218" s="1">
        <v>45208</v>
      </c>
      <c r="C6218">
        <v>1</v>
      </c>
      <c r="D6218" s="1">
        <v>45208.291666666664</v>
      </c>
      <c r="E6218" s="1">
        <v>45208.413194444445</v>
      </c>
      <c r="F6218">
        <v>0</v>
      </c>
      <c r="G6218">
        <v>0</v>
      </c>
      <c r="H6218">
        <v>0</v>
      </c>
      <c r="I6218">
        <v>0</v>
      </c>
      <c r="J6218">
        <v>0</v>
      </c>
      <c r="K6218">
        <v>0</v>
      </c>
      <c r="L6218">
        <v>0</v>
      </c>
      <c r="M6218">
        <v>0</v>
      </c>
      <c r="N6218">
        <v>0</v>
      </c>
      <c r="O6218">
        <v>0</v>
      </c>
      <c r="P6218">
        <v>0</v>
      </c>
      <c r="Q6218">
        <v>0</v>
      </c>
      <c r="R6218">
        <v>0</v>
      </c>
      <c r="S6218">
        <v>0</v>
      </c>
      <c r="T6218">
        <v>0</v>
      </c>
      <c r="U6218">
        <v>0</v>
      </c>
      <c r="V6218">
        <v>0</v>
      </c>
      <c r="W6218">
        <v>0</v>
      </c>
      <c r="X6218">
        <v>0</v>
      </c>
      <c r="Y6218">
        <v>30</v>
      </c>
      <c r="Z6218">
        <v>11</v>
      </c>
      <c r="AA6218">
        <v>110</v>
      </c>
      <c r="AB6218">
        <v>45</v>
      </c>
      <c r="AC6218">
        <v>95</v>
      </c>
      <c r="AD6218">
        <v>42</v>
      </c>
      <c r="AE6218">
        <v>90</v>
      </c>
      <c r="AF6218">
        <v>0</v>
      </c>
      <c r="AG6218">
        <v>50000</v>
      </c>
      <c r="AH6218">
        <v>50000</v>
      </c>
      <c r="AI6218">
        <v>0</v>
      </c>
      <c r="AJ6218">
        <v>0</v>
      </c>
      <c r="AK6218" t="s">
        <v>6</v>
      </c>
      <c r="AL6218">
        <v>0</v>
      </c>
      <c r="AM6218">
        <v>0</v>
      </c>
      <c r="AN6218">
        <v>0</v>
      </c>
      <c r="AO6218">
        <v>0</v>
      </c>
      <c r="AP6218">
        <v>0</v>
      </c>
      <c r="AQ6218">
        <v>0</v>
      </c>
      <c r="AR6218">
        <v>0</v>
      </c>
      <c r="AS6218">
        <v>0</v>
      </c>
      <c r="AT6218">
        <v>0</v>
      </c>
      <c r="AU6218">
        <v>0</v>
      </c>
      <c r="AV6218">
        <v>0</v>
      </c>
      <c r="AW6218">
        <v>0</v>
      </c>
      <c r="AX6218">
        <v>0</v>
      </c>
      <c r="AY6218">
        <v>0</v>
      </c>
      <c r="AZ6218">
        <v>0</v>
      </c>
      <c r="BA6218">
        <v>0</v>
      </c>
    </row>
    <row r="6219" spans="1:53" x14ac:dyDescent="0.4">
      <c r="A6219">
        <v>6263</v>
      </c>
      <c r="B6219" s="1">
        <v>45208</v>
      </c>
      <c r="C6219">
        <v>2</v>
      </c>
      <c r="D6219" s="1">
        <v>45208.413194444445</v>
      </c>
      <c r="E6219" s="1">
        <v>45208.747916666667</v>
      </c>
      <c r="F6219">
        <v>56910</v>
      </c>
      <c r="G6219">
        <v>5808</v>
      </c>
      <c r="H6219">
        <v>0</v>
      </c>
      <c r="I6219">
        <v>0</v>
      </c>
      <c r="J6219">
        <v>450</v>
      </c>
      <c r="K6219">
        <v>0</v>
      </c>
      <c r="L6219">
        <v>0</v>
      </c>
      <c r="M6219">
        <v>5657</v>
      </c>
      <c r="N6219">
        <v>0</v>
      </c>
      <c r="O6219">
        <v>0</v>
      </c>
      <c r="P6219">
        <v>18670</v>
      </c>
      <c r="Q6219">
        <v>0</v>
      </c>
      <c r="R6219">
        <v>80938</v>
      </c>
      <c r="S6219">
        <v>0</v>
      </c>
      <c r="T6219">
        <v>0</v>
      </c>
      <c r="U6219">
        <v>0</v>
      </c>
      <c r="V6219">
        <v>1</v>
      </c>
      <c r="W6219">
        <v>1</v>
      </c>
      <c r="X6219">
        <v>0</v>
      </c>
      <c r="Y6219">
        <v>81</v>
      </c>
      <c r="Z6219">
        <v>33</v>
      </c>
      <c r="AA6219">
        <v>131</v>
      </c>
      <c r="AB6219">
        <v>43</v>
      </c>
      <c r="AC6219">
        <v>109</v>
      </c>
      <c r="AD6219">
        <v>43</v>
      </c>
      <c r="AE6219">
        <v>83</v>
      </c>
      <c r="AF6219">
        <v>1800</v>
      </c>
      <c r="AG6219">
        <v>130938</v>
      </c>
      <c r="AH6219">
        <v>50000</v>
      </c>
      <c r="AI6219">
        <v>0</v>
      </c>
      <c r="AJ6219">
        <v>36</v>
      </c>
      <c r="AK6219" t="s">
        <v>68</v>
      </c>
      <c r="AL6219">
        <v>0</v>
      </c>
      <c r="AM6219">
        <v>0</v>
      </c>
      <c r="AN6219">
        <v>0</v>
      </c>
      <c r="AO6219">
        <v>0</v>
      </c>
      <c r="AP6219">
        <v>0</v>
      </c>
      <c r="AQ6219">
        <v>0</v>
      </c>
      <c r="AR6219">
        <v>0</v>
      </c>
      <c r="AS6219">
        <v>0</v>
      </c>
      <c r="AT6219">
        <v>0</v>
      </c>
      <c r="AU6219">
        <v>0</v>
      </c>
      <c r="AV6219">
        <v>0</v>
      </c>
      <c r="AW6219">
        <v>0</v>
      </c>
      <c r="AX6219">
        <v>835</v>
      </c>
      <c r="AY6219">
        <v>48</v>
      </c>
      <c r="AZ6219">
        <v>118</v>
      </c>
      <c r="BA6219">
        <v>7931</v>
      </c>
    </row>
    <row r="6220" spans="1:53" x14ac:dyDescent="0.4">
      <c r="A6220">
        <v>6264</v>
      </c>
      <c r="B6220" s="1">
        <v>45208</v>
      </c>
      <c r="C6220">
        <v>3</v>
      </c>
      <c r="D6220" s="1">
        <v>45208.747916666667</v>
      </c>
      <c r="E6220" s="1">
        <v>45208.921527777777</v>
      </c>
      <c r="F6220">
        <v>26620</v>
      </c>
      <c r="G6220">
        <v>3388</v>
      </c>
      <c r="H6220">
        <v>0</v>
      </c>
      <c r="I6220">
        <v>0</v>
      </c>
      <c r="J6220">
        <v>100</v>
      </c>
      <c r="K6220">
        <v>0</v>
      </c>
      <c r="L6220">
        <v>0</v>
      </c>
      <c r="M6220">
        <v>2716</v>
      </c>
      <c r="N6220">
        <v>0</v>
      </c>
      <c r="O6220">
        <v>0</v>
      </c>
      <c r="P6220">
        <v>-14050</v>
      </c>
      <c r="Q6220">
        <v>0</v>
      </c>
      <c r="R6220">
        <v>15858</v>
      </c>
      <c r="S6220">
        <v>0</v>
      </c>
      <c r="T6220">
        <v>0</v>
      </c>
      <c r="U6220">
        <v>0</v>
      </c>
      <c r="V6220">
        <v>1</v>
      </c>
      <c r="W6220">
        <v>1</v>
      </c>
      <c r="X6220">
        <v>0</v>
      </c>
      <c r="Y6220">
        <v>93</v>
      </c>
      <c r="Z6220">
        <v>33</v>
      </c>
      <c r="AA6220">
        <v>134</v>
      </c>
      <c r="AB6220">
        <v>40</v>
      </c>
      <c r="AC6220">
        <v>106</v>
      </c>
      <c r="AD6220">
        <v>43</v>
      </c>
      <c r="AE6220">
        <v>81</v>
      </c>
      <c r="AF6220">
        <v>5540</v>
      </c>
      <c r="AG6220">
        <v>146796</v>
      </c>
      <c r="AH6220">
        <v>50000</v>
      </c>
      <c r="AI6220">
        <v>0</v>
      </c>
      <c r="AJ6220">
        <v>95</v>
      </c>
      <c r="AK6220" t="s">
        <v>21</v>
      </c>
      <c r="AL6220">
        <v>0</v>
      </c>
      <c r="AM6220">
        <v>0</v>
      </c>
      <c r="AN6220">
        <v>0</v>
      </c>
      <c r="AO6220">
        <v>0</v>
      </c>
      <c r="AP6220">
        <v>0</v>
      </c>
      <c r="AQ6220">
        <v>0</v>
      </c>
      <c r="AR6220">
        <v>0</v>
      </c>
      <c r="AS6220">
        <v>0</v>
      </c>
      <c r="AT6220">
        <v>0</v>
      </c>
      <c r="AU6220">
        <v>0</v>
      </c>
      <c r="AV6220">
        <v>0</v>
      </c>
      <c r="AW6220">
        <v>0</v>
      </c>
      <c r="AX6220">
        <v>4700</v>
      </c>
      <c r="AY6220">
        <v>12</v>
      </c>
      <c r="AZ6220">
        <v>19</v>
      </c>
      <c r="BA6220">
        <v>2334</v>
      </c>
    </row>
    <row r="6221" spans="1:53" x14ac:dyDescent="0.4">
      <c r="A6221">
        <v>6265</v>
      </c>
      <c r="B6221" s="1">
        <v>45209</v>
      </c>
      <c r="C6221">
        <v>1</v>
      </c>
      <c r="D6221" s="1">
        <v>45209.291666666664</v>
      </c>
      <c r="E6221" s="1">
        <v>45209.451388888891</v>
      </c>
      <c r="F6221">
        <v>0</v>
      </c>
      <c r="G6221">
        <v>0</v>
      </c>
      <c r="H6221">
        <v>0</v>
      </c>
      <c r="I6221">
        <v>0</v>
      </c>
      <c r="J6221">
        <v>0</v>
      </c>
      <c r="K6221">
        <v>0</v>
      </c>
      <c r="L6221">
        <v>0</v>
      </c>
      <c r="M6221">
        <v>0</v>
      </c>
      <c r="N6221">
        <v>0</v>
      </c>
      <c r="O6221">
        <v>0</v>
      </c>
      <c r="P6221">
        <v>0</v>
      </c>
      <c r="Q6221">
        <v>0</v>
      </c>
      <c r="R6221">
        <v>0</v>
      </c>
      <c r="S6221">
        <v>0</v>
      </c>
      <c r="T6221">
        <v>0</v>
      </c>
      <c r="U6221">
        <v>0</v>
      </c>
      <c r="V6221">
        <v>0</v>
      </c>
      <c r="W6221">
        <v>1</v>
      </c>
      <c r="X6221">
        <v>0</v>
      </c>
      <c r="Y6221">
        <v>25</v>
      </c>
      <c r="Z6221">
        <v>14</v>
      </c>
      <c r="AA6221">
        <v>97</v>
      </c>
      <c r="AB6221">
        <v>40</v>
      </c>
      <c r="AC6221">
        <v>101</v>
      </c>
      <c r="AD6221">
        <v>43</v>
      </c>
      <c r="AE6221">
        <v>75</v>
      </c>
      <c r="AF6221">
        <v>0</v>
      </c>
      <c r="AG6221">
        <v>50000</v>
      </c>
      <c r="AH6221">
        <v>50000</v>
      </c>
      <c r="AI6221">
        <v>0</v>
      </c>
      <c r="AJ6221">
        <v>0</v>
      </c>
      <c r="AK6221" t="s">
        <v>6</v>
      </c>
      <c r="AL6221">
        <v>0</v>
      </c>
      <c r="AM6221">
        <v>0</v>
      </c>
      <c r="AN6221">
        <v>0</v>
      </c>
      <c r="AO6221">
        <v>0</v>
      </c>
      <c r="AP6221">
        <v>0</v>
      </c>
      <c r="AQ6221">
        <v>0</v>
      </c>
      <c r="AR6221">
        <v>0</v>
      </c>
      <c r="AS6221">
        <v>0</v>
      </c>
      <c r="AT6221">
        <v>0</v>
      </c>
      <c r="AU6221">
        <v>0</v>
      </c>
      <c r="AV6221">
        <v>0</v>
      </c>
      <c r="AW6221">
        <v>0</v>
      </c>
      <c r="AX6221">
        <v>0</v>
      </c>
      <c r="AY6221">
        <v>0</v>
      </c>
      <c r="AZ6221">
        <v>0</v>
      </c>
      <c r="BA6221">
        <v>0</v>
      </c>
    </row>
    <row r="6222" spans="1:53" x14ac:dyDescent="0.4">
      <c r="A6222">
        <v>6266</v>
      </c>
      <c r="B6222" s="1">
        <v>45209</v>
      </c>
      <c r="C6222">
        <v>2</v>
      </c>
      <c r="D6222" s="1">
        <v>45209.451388888891</v>
      </c>
      <c r="E6222" s="1">
        <v>45209.737500000003</v>
      </c>
      <c r="F6222">
        <v>26990</v>
      </c>
      <c r="G6222">
        <v>605</v>
      </c>
      <c r="H6222">
        <v>0</v>
      </c>
      <c r="I6222">
        <v>0</v>
      </c>
      <c r="J6222">
        <v>0</v>
      </c>
      <c r="K6222">
        <v>0</v>
      </c>
      <c r="L6222">
        <v>0</v>
      </c>
      <c r="M6222">
        <v>2510</v>
      </c>
      <c r="N6222">
        <v>0</v>
      </c>
      <c r="O6222">
        <v>0</v>
      </c>
      <c r="P6222">
        <v>14840</v>
      </c>
      <c r="Q6222">
        <v>0</v>
      </c>
      <c r="R6222">
        <v>42435</v>
      </c>
      <c r="S6222">
        <v>0</v>
      </c>
      <c r="T6222">
        <v>0</v>
      </c>
      <c r="U6222">
        <v>0</v>
      </c>
      <c r="V6222">
        <v>2</v>
      </c>
      <c r="W6222">
        <v>0</v>
      </c>
      <c r="X6222">
        <v>0</v>
      </c>
      <c r="Y6222">
        <v>48</v>
      </c>
      <c r="Z6222">
        <v>18</v>
      </c>
      <c r="AA6222">
        <v>78</v>
      </c>
      <c r="AB6222">
        <v>40</v>
      </c>
      <c r="AC6222">
        <v>142</v>
      </c>
      <c r="AD6222">
        <v>43</v>
      </c>
      <c r="AE6222">
        <v>80</v>
      </c>
      <c r="AF6222">
        <v>3920</v>
      </c>
      <c r="AG6222">
        <v>92435</v>
      </c>
      <c r="AH6222">
        <v>50000</v>
      </c>
      <c r="AI6222">
        <v>0</v>
      </c>
      <c r="AJ6222">
        <v>118</v>
      </c>
      <c r="AK6222" t="s">
        <v>59</v>
      </c>
      <c r="AL6222">
        <v>0</v>
      </c>
      <c r="AM6222">
        <v>0</v>
      </c>
      <c r="AN6222">
        <v>0</v>
      </c>
      <c r="AO6222">
        <v>0</v>
      </c>
      <c r="AP6222">
        <v>0</v>
      </c>
      <c r="AQ6222">
        <v>0</v>
      </c>
      <c r="AR6222">
        <v>0</v>
      </c>
      <c r="AS6222">
        <v>0</v>
      </c>
      <c r="AT6222">
        <v>0</v>
      </c>
      <c r="AU6222">
        <v>0</v>
      </c>
      <c r="AV6222">
        <v>0</v>
      </c>
      <c r="AW6222">
        <v>0</v>
      </c>
      <c r="AX6222">
        <v>-1200</v>
      </c>
      <c r="AY6222">
        <v>43</v>
      </c>
      <c r="AZ6222">
        <v>70</v>
      </c>
      <c r="BA6222">
        <v>6078</v>
      </c>
    </row>
    <row r="6223" spans="1:53" x14ac:dyDescent="0.4">
      <c r="A6223">
        <v>6267</v>
      </c>
      <c r="B6223" s="1">
        <v>45210</v>
      </c>
      <c r="C6223">
        <v>1</v>
      </c>
      <c r="D6223" s="1">
        <v>45210.291666666664</v>
      </c>
      <c r="E6223" s="1">
        <v>45210.447916666664</v>
      </c>
      <c r="F6223">
        <v>0</v>
      </c>
      <c r="G6223">
        <v>0</v>
      </c>
      <c r="H6223">
        <v>0</v>
      </c>
      <c r="I6223">
        <v>0</v>
      </c>
      <c r="J6223">
        <v>0</v>
      </c>
      <c r="K6223">
        <v>0</v>
      </c>
      <c r="L6223">
        <v>0</v>
      </c>
      <c r="M6223">
        <v>0</v>
      </c>
      <c r="N6223">
        <v>0</v>
      </c>
      <c r="O6223">
        <v>0</v>
      </c>
      <c r="P6223">
        <v>0</v>
      </c>
      <c r="Q6223">
        <v>0</v>
      </c>
      <c r="R6223">
        <v>0</v>
      </c>
      <c r="S6223">
        <v>0</v>
      </c>
      <c r="T6223">
        <v>0</v>
      </c>
      <c r="U6223">
        <v>0</v>
      </c>
      <c r="V6223">
        <v>0</v>
      </c>
      <c r="W6223">
        <v>0</v>
      </c>
      <c r="X6223">
        <v>0</v>
      </c>
      <c r="Y6223">
        <v>35</v>
      </c>
      <c r="Z6223">
        <v>10</v>
      </c>
      <c r="AA6223">
        <v>74</v>
      </c>
      <c r="AB6223">
        <v>35</v>
      </c>
      <c r="AC6223">
        <v>56</v>
      </c>
      <c r="AD6223">
        <v>42</v>
      </c>
      <c r="AE6223">
        <v>80</v>
      </c>
      <c r="AF6223">
        <v>0</v>
      </c>
      <c r="AG6223">
        <v>50000</v>
      </c>
      <c r="AH6223">
        <v>50000</v>
      </c>
      <c r="AI6223">
        <v>0</v>
      </c>
      <c r="AJ6223">
        <v>0</v>
      </c>
      <c r="AK6223" t="s">
        <v>6</v>
      </c>
      <c r="AL6223">
        <v>0</v>
      </c>
      <c r="AM6223">
        <v>0</v>
      </c>
      <c r="AN6223">
        <v>0</v>
      </c>
      <c r="AO6223">
        <v>0</v>
      </c>
      <c r="AP6223">
        <v>0</v>
      </c>
      <c r="AQ6223">
        <v>0</v>
      </c>
      <c r="AR6223">
        <v>0</v>
      </c>
      <c r="AS6223">
        <v>0</v>
      </c>
      <c r="AT6223">
        <v>0</v>
      </c>
      <c r="AU6223">
        <v>0</v>
      </c>
      <c r="AV6223">
        <v>0</v>
      </c>
      <c r="AW6223">
        <v>0</v>
      </c>
      <c r="AX6223">
        <v>0</v>
      </c>
      <c r="AY6223">
        <v>0</v>
      </c>
      <c r="AZ6223">
        <v>0</v>
      </c>
      <c r="BA6223">
        <v>0</v>
      </c>
    </row>
    <row r="6224" spans="1:53" x14ac:dyDescent="0.4">
      <c r="A6224">
        <v>6268</v>
      </c>
      <c r="B6224" s="1">
        <v>45210</v>
      </c>
      <c r="C6224">
        <v>2</v>
      </c>
      <c r="D6224" s="1">
        <v>45210.447916666664</v>
      </c>
      <c r="E6224" s="1">
        <v>45210.731249999997</v>
      </c>
      <c r="F6224">
        <v>24620</v>
      </c>
      <c r="G6224">
        <v>1463</v>
      </c>
      <c r="H6224">
        <v>0</v>
      </c>
      <c r="I6224">
        <v>0</v>
      </c>
      <c r="J6224">
        <v>250</v>
      </c>
      <c r="K6224">
        <v>0</v>
      </c>
      <c r="L6224">
        <v>0</v>
      </c>
      <c r="M6224">
        <v>2348</v>
      </c>
      <c r="N6224">
        <v>0</v>
      </c>
      <c r="O6224">
        <v>0</v>
      </c>
      <c r="P6224">
        <v>12890</v>
      </c>
      <c r="Q6224">
        <v>0</v>
      </c>
      <c r="R6224">
        <v>38723</v>
      </c>
      <c r="S6224">
        <v>0</v>
      </c>
      <c r="T6224">
        <v>0</v>
      </c>
      <c r="U6224">
        <v>0</v>
      </c>
      <c r="V6224">
        <v>0</v>
      </c>
      <c r="W6224">
        <v>2</v>
      </c>
      <c r="X6224">
        <v>0</v>
      </c>
      <c r="Y6224">
        <v>58</v>
      </c>
      <c r="Z6224">
        <v>15</v>
      </c>
      <c r="AA6224">
        <v>74</v>
      </c>
      <c r="AB6224">
        <v>42</v>
      </c>
      <c r="AC6224">
        <v>73</v>
      </c>
      <c r="AD6224">
        <v>42</v>
      </c>
      <c r="AE6224">
        <v>83</v>
      </c>
      <c r="AF6224">
        <v>2700</v>
      </c>
      <c r="AG6224">
        <v>88723</v>
      </c>
      <c r="AH6224">
        <v>50000</v>
      </c>
      <c r="AI6224">
        <v>0</v>
      </c>
      <c r="AJ6224">
        <v>36</v>
      </c>
      <c r="AK6224" t="s">
        <v>68</v>
      </c>
      <c r="AL6224">
        <v>0</v>
      </c>
      <c r="AM6224">
        <v>0</v>
      </c>
      <c r="AN6224">
        <v>0</v>
      </c>
      <c r="AO6224">
        <v>0</v>
      </c>
      <c r="AP6224">
        <v>0</v>
      </c>
      <c r="AQ6224">
        <v>0</v>
      </c>
      <c r="AR6224">
        <v>0</v>
      </c>
      <c r="AS6224">
        <v>0</v>
      </c>
      <c r="AT6224">
        <v>0</v>
      </c>
      <c r="AU6224">
        <v>0</v>
      </c>
      <c r="AV6224">
        <v>0</v>
      </c>
      <c r="AW6224">
        <v>0</v>
      </c>
      <c r="AX6224">
        <v>-1200</v>
      </c>
      <c r="AY6224">
        <v>35</v>
      </c>
      <c r="AZ6224">
        <v>59</v>
      </c>
      <c r="BA6224">
        <v>5773</v>
      </c>
    </row>
    <row r="6225" spans="1:53" x14ac:dyDescent="0.4">
      <c r="A6225">
        <v>6269</v>
      </c>
      <c r="B6225" s="1">
        <v>45211</v>
      </c>
      <c r="C6225">
        <v>1</v>
      </c>
      <c r="D6225" s="1">
        <v>45211.291666666664</v>
      </c>
      <c r="E6225" s="1">
        <v>45211.447916666664</v>
      </c>
      <c r="F6225">
        <v>0</v>
      </c>
      <c r="G6225">
        <v>0</v>
      </c>
      <c r="H6225">
        <v>0</v>
      </c>
      <c r="I6225">
        <v>0</v>
      </c>
      <c r="J6225">
        <v>0</v>
      </c>
      <c r="K6225">
        <v>0</v>
      </c>
      <c r="L6225">
        <v>0</v>
      </c>
      <c r="M6225">
        <v>0</v>
      </c>
      <c r="N6225">
        <v>0</v>
      </c>
      <c r="O6225">
        <v>0</v>
      </c>
      <c r="P6225">
        <v>0</v>
      </c>
      <c r="Q6225">
        <v>0</v>
      </c>
      <c r="R6225">
        <v>0</v>
      </c>
      <c r="S6225">
        <v>0</v>
      </c>
      <c r="T6225">
        <v>0</v>
      </c>
      <c r="U6225">
        <v>0</v>
      </c>
      <c r="V6225">
        <v>0</v>
      </c>
      <c r="W6225">
        <v>1</v>
      </c>
      <c r="X6225">
        <v>0</v>
      </c>
      <c r="Y6225">
        <v>30</v>
      </c>
      <c r="Z6225">
        <v>10</v>
      </c>
      <c r="AA6225">
        <v>70</v>
      </c>
      <c r="AB6225">
        <v>42</v>
      </c>
      <c r="AC6225">
        <v>62</v>
      </c>
      <c r="AD6225">
        <v>40</v>
      </c>
      <c r="AE6225">
        <v>80</v>
      </c>
      <c r="AF6225">
        <v>0</v>
      </c>
      <c r="AG6225">
        <v>50000</v>
      </c>
      <c r="AH6225">
        <v>50000</v>
      </c>
      <c r="AI6225">
        <v>0</v>
      </c>
      <c r="AJ6225">
        <v>0</v>
      </c>
      <c r="AK6225" t="s">
        <v>6</v>
      </c>
      <c r="AL6225">
        <v>0</v>
      </c>
      <c r="AM6225">
        <v>0</v>
      </c>
      <c r="AN6225">
        <v>0</v>
      </c>
      <c r="AO6225">
        <v>0</v>
      </c>
      <c r="AP6225">
        <v>0</v>
      </c>
      <c r="AQ6225">
        <v>0</v>
      </c>
      <c r="AR6225">
        <v>0</v>
      </c>
      <c r="AS6225">
        <v>0</v>
      </c>
      <c r="AT6225">
        <v>0</v>
      </c>
      <c r="AU6225">
        <v>0</v>
      </c>
      <c r="AV6225">
        <v>0</v>
      </c>
      <c r="AW6225">
        <v>0</v>
      </c>
      <c r="AX6225">
        <v>0</v>
      </c>
      <c r="AY6225">
        <v>0</v>
      </c>
      <c r="AZ6225">
        <v>0</v>
      </c>
      <c r="BA6225">
        <v>0</v>
      </c>
    </row>
    <row r="6226" spans="1:53" x14ac:dyDescent="0.4">
      <c r="A6226">
        <v>6270</v>
      </c>
      <c r="B6226" s="1">
        <v>45211</v>
      </c>
      <c r="C6226">
        <v>2</v>
      </c>
      <c r="D6226" s="1">
        <v>45211.447916666664</v>
      </c>
      <c r="E6226" s="1">
        <v>45211.729861111111</v>
      </c>
      <c r="F6226">
        <v>16480</v>
      </c>
      <c r="G6226">
        <v>308</v>
      </c>
      <c r="H6226">
        <v>0</v>
      </c>
      <c r="I6226">
        <v>0</v>
      </c>
      <c r="J6226">
        <v>200</v>
      </c>
      <c r="K6226">
        <v>0</v>
      </c>
      <c r="L6226">
        <v>0</v>
      </c>
      <c r="M6226">
        <v>1508</v>
      </c>
      <c r="N6226">
        <v>0</v>
      </c>
      <c r="O6226">
        <v>0</v>
      </c>
      <c r="P6226">
        <v>5510</v>
      </c>
      <c r="Q6226">
        <v>0</v>
      </c>
      <c r="R6226">
        <v>22098</v>
      </c>
      <c r="S6226">
        <v>0</v>
      </c>
      <c r="T6226">
        <v>0</v>
      </c>
      <c r="U6226">
        <v>0</v>
      </c>
      <c r="V6226">
        <v>1</v>
      </c>
      <c r="W6226">
        <v>2</v>
      </c>
      <c r="X6226">
        <v>0</v>
      </c>
      <c r="Y6226">
        <v>34</v>
      </c>
      <c r="Z6226">
        <v>9</v>
      </c>
      <c r="AA6226">
        <v>67</v>
      </c>
      <c r="AB6226">
        <v>41</v>
      </c>
      <c r="AC6226">
        <v>81</v>
      </c>
      <c r="AD6226">
        <v>42</v>
      </c>
      <c r="AE6226">
        <v>78</v>
      </c>
      <c r="AF6226">
        <v>3750</v>
      </c>
      <c r="AG6226">
        <v>72098</v>
      </c>
      <c r="AH6226">
        <v>50000</v>
      </c>
      <c r="AI6226">
        <v>0</v>
      </c>
      <c r="AJ6226">
        <v>38</v>
      </c>
      <c r="AK6226" t="s">
        <v>75</v>
      </c>
      <c r="AL6226">
        <v>0</v>
      </c>
      <c r="AM6226">
        <v>0</v>
      </c>
      <c r="AN6226">
        <v>0</v>
      </c>
      <c r="AO6226">
        <v>0</v>
      </c>
      <c r="AP6226">
        <v>0</v>
      </c>
      <c r="AQ6226">
        <v>0</v>
      </c>
      <c r="AR6226">
        <v>0</v>
      </c>
      <c r="AS6226">
        <v>0</v>
      </c>
      <c r="AT6226">
        <v>0</v>
      </c>
      <c r="AU6226">
        <v>0</v>
      </c>
      <c r="AV6226">
        <v>0</v>
      </c>
      <c r="AW6226">
        <v>0</v>
      </c>
      <c r="AX6226">
        <v>-2120</v>
      </c>
      <c r="AY6226">
        <v>27</v>
      </c>
      <c r="AZ6226">
        <v>38</v>
      </c>
      <c r="BA6226">
        <v>3443</v>
      </c>
    </row>
    <row r="6227" spans="1:53" x14ac:dyDescent="0.4">
      <c r="A6227">
        <v>6271</v>
      </c>
      <c r="B6227" s="1">
        <v>45211</v>
      </c>
      <c r="C6227">
        <v>3</v>
      </c>
      <c r="D6227" s="1">
        <v>45211.729861111111</v>
      </c>
      <c r="E6227" s="1">
        <v>45211.947222222225</v>
      </c>
      <c r="F6227">
        <v>14210</v>
      </c>
      <c r="G6227">
        <v>440</v>
      </c>
      <c r="H6227">
        <v>0</v>
      </c>
      <c r="I6227">
        <v>0</v>
      </c>
      <c r="J6227">
        <v>0</v>
      </c>
      <c r="K6227">
        <v>0</v>
      </c>
      <c r="L6227">
        <v>0</v>
      </c>
      <c r="M6227">
        <v>1330</v>
      </c>
      <c r="N6227">
        <v>0</v>
      </c>
      <c r="O6227">
        <v>0</v>
      </c>
      <c r="P6227">
        <v>10350</v>
      </c>
      <c r="Q6227">
        <v>0</v>
      </c>
      <c r="R6227">
        <v>25000</v>
      </c>
      <c r="S6227">
        <v>0</v>
      </c>
      <c r="T6227">
        <v>0</v>
      </c>
      <c r="U6227">
        <v>0</v>
      </c>
      <c r="V6227">
        <v>3</v>
      </c>
      <c r="W6227">
        <v>1</v>
      </c>
      <c r="X6227">
        <v>0</v>
      </c>
      <c r="Y6227">
        <v>42</v>
      </c>
      <c r="Z6227">
        <v>12</v>
      </c>
      <c r="AA6227">
        <v>72</v>
      </c>
      <c r="AB6227">
        <v>41</v>
      </c>
      <c r="AC6227">
        <v>81</v>
      </c>
      <c r="AD6227">
        <v>42</v>
      </c>
      <c r="AE6227">
        <v>78</v>
      </c>
      <c r="AF6227">
        <v>3750</v>
      </c>
      <c r="AG6227">
        <v>97098</v>
      </c>
      <c r="AH6227">
        <v>50000</v>
      </c>
      <c r="AI6227">
        <v>0</v>
      </c>
      <c r="AJ6227">
        <v>110</v>
      </c>
      <c r="AK6227" t="s">
        <v>31</v>
      </c>
      <c r="AL6227">
        <v>0</v>
      </c>
      <c r="AM6227">
        <v>0</v>
      </c>
      <c r="AN6227">
        <v>0</v>
      </c>
      <c r="AO6227">
        <v>0</v>
      </c>
      <c r="AP6227">
        <v>0</v>
      </c>
      <c r="AQ6227">
        <v>0</v>
      </c>
      <c r="AR6227">
        <v>0</v>
      </c>
      <c r="AS6227">
        <v>0</v>
      </c>
      <c r="AT6227">
        <v>0</v>
      </c>
      <c r="AU6227">
        <v>0</v>
      </c>
      <c r="AV6227">
        <v>0</v>
      </c>
      <c r="AW6227">
        <v>0</v>
      </c>
      <c r="AX6227">
        <v>0</v>
      </c>
      <c r="AY6227">
        <v>10</v>
      </c>
      <c r="AZ6227">
        <v>18</v>
      </c>
      <c r="BA6227">
        <v>1509</v>
      </c>
    </row>
    <row r="6228" spans="1:53" x14ac:dyDescent="0.4">
      <c r="A6228">
        <v>6272</v>
      </c>
      <c r="B6228" s="1">
        <v>45212</v>
      </c>
      <c r="C6228">
        <v>1</v>
      </c>
      <c r="D6228" s="1">
        <v>45212.291666666664</v>
      </c>
      <c r="E6228" s="1">
        <v>45212.447222222225</v>
      </c>
      <c r="F6228">
        <v>0</v>
      </c>
      <c r="G6228">
        <v>0</v>
      </c>
      <c r="H6228">
        <v>0</v>
      </c>
      <c r="I6228">
        <v>0</v>
      </c>
      <c r="J6228">
        <v>0</v>
      </c>
      <c r="K6228">
        <v>0</v>
      </c>
      <c r="L6228">
        <v>0</v>
      </c>
      <c r="M6228">
        <v>0</v>
      </c>
      <c r="N6228">
        <v>0</v>
      </c>
      <c r="O6228">
        <v>0</v>
      </c>
      <c r="P6228">
        <v>0</v>
      </c>
      <c r="Q6228">
        <v>0</v>
      </c>
      <c r="R6228">
        <v>0</v>
      </c>
      <c r="S6228">
        <v>0</v>
      </c>
      <c r="T6228">
        <v>0</v>
      </c>
      <c r="U6228">
        <v>0</v>
      </c>
      <c r="V6228">
        <v>0</v>
      </c>
      <c r="W6228">
        <v>1</v>
      </c>
      <c r="X6228">
        <v>0</v>
      </c>
      <c r="Y6228">
        <v>30</v>
      </c>
      <c r="Z6228">
        <v>10</v>
      </c>
      <c r="AA6228">
        <v>72</v>
      </c>
      <c r="AB6228">
        <v>39</v>
      </c>
      <c r="AC6228">
        <v>58</v>
      </c>
      <c r="AD6228">
        <v>39</v>
      </c>
      <c r="AE6228">
        <v>75</v>
      </c>
      <c r="AF6228">
        <v>0</v>
      </c>
      <c r="AG6228">
        <v>50000</v>
      </c>
      <c r="AH6228">
        <v>50000</v>
      </c>
      <c r="AI6228">
        <v>0</v>
      </c>
      <c r="AJ6228">
        <v>0</v>
      </c>
      <c r="AK6228" t="s">
        <v>6</v>
      </c>
      <c r="AL6228">
        <v>0</v>
      </c>
      <c r="AM6228">
        <v>0</v>
      </c>
      <c r="AN6228">
        <v>0</v>
      </c>
      <c r="AO6228">
        <v>0</v>
      </c>
      <c r="AP6228">
        <v>0</v>
      </c>
      <c r="AQ6228">
        <v>0</v>
      </c>
      <c r="AR6228">
        <v>0</v>
      </c>
      <c r="AS6228">
        <v>0</v>
      </c>
      <c r="AT6228">
        <v>0</v>
      </c>
      <c r="AU6228">
        <v>0</v>
      </c>
      <c r="AV6228">
        <v>0</v>
      </c>
      <c r="AW6228">
        <v>0</v>
      </c>
      <c r="AX6228">
        <v>0</v>
      </c>
      <c r="AY6228">
        <v>0</v>
      </c>
      <c r="AZ6228">
        <v>0</v>
      </c>
      <c r="BA6228">
        <v>0</v>
      </c>
    </row>
    <row r="6229" spans="1:53" x14ac:dyDescent="0.4">
      <c r="A6229">
        <v>6273</v>
      </c>
      <c r="B6229" s="1">
        <v>45212</v>
      </c>
      <c r="C6229">
        <v>2</v>
      </c>
      <c r="D6229" s="1">
        <v>45212.447222222225</v>
      </c>
      <c r="E6229" s="1">
        <v>45212.73541666667</v>
      </c>
      <c r="F6229">
        <v>30940</v>
      </c>
      <c r="G6229">
        <v>0</v>
      </c>
      <c r="H6229">
        <v>220</v>
      </c>
      <c r="I6229">
        <v>0</v>
      </c>
      <c r="J6229">
        <v>100</v>
      </c>
      <c r="K6229">
        <v>0</v>
      </c>
      <c r="L6229">
        <v>0</v>
      </c>
      <c r="M6229">
        <v>2826</v>
      </c>
      <c r="N6229">
        <v>0</v>
      </c>
      <c r="O6229">
        <v>0</v>
      </c>
      <c r="P6229">
        <v>15660</v>
      </c>
      <c r="Q6229">
        <v>0</v>
      </c>
      <c r="R6229">
        <v>46720</v>
      </c>
      <c r="S6229">
        <v>0</v>
      </c>
      <c r="T6229">
        <v>0</v>
      </c>
      <c r="U6229">
        <v>0</v>
      </c>
      <c r="V6229">
        <v>1</v>
      </c>
      <c r="W6229">
        <v>2</v>
      </c>
      <c r="X6229">
        <v>0</v>
      </c>
      <c r="Y6229">
        <v>56</v>
      </c>
      <c r="Z6229">
        <v>19</v>
      </c>
      <c r="AA6229">
        <v>71</v>
      </c>
      <c r="AB6229">
        <v>42</v>
      </c>
      <c r="AC6229">
        <v>80</v>
      </c>
      <c r="AD6229">
        <v>39</v>
      </c>
      <c r="AE6229">
        <v>75</v>
      </c>
      <c r="AF6229">
        <v>950</v>
      </c>
      <c r="AG6229">
        <v>96720</v>
      </c>
      <c r="AH6229">
        <v>50000</v>
      </c>
      <c r="AI6229">
        <v>0</v>
      </c>
      <c r="AJ6229">
        <v>36</v>
      </c>
      <c r="AK6229" t="s">
        <v>68</v>
      </c>
      <c r="AL6229">
        <v>0</v>
      </c>
      <c r="AM6229">
        <v>0</v>
      </c>
      <c r="AN6229">
        <v>0</v>
      </c>
      <c r="AO6229">
        <v>0</v>
      </c>
      <c r="AP6229">
        <v>0</v>
      </c>
      <c r="AQ6229">
        <v>0</v>
      </c>
      <c r="AR6229">
        <v>0</v>
      </c>
      <c r="AS6229">
        <v>0</v>
      </c>
      <c r="AT6229">
        <v>0</v>
      </c>
      <c r="AU6229">
        <v>0</v>
      </c>
      <c r="AV6229">
        <v>0</v>
      </c>
      <c r="AW6229">
        <v>0</v>
      </c>
      <c r="AX6229">
        <v>605</v>
      </c>
      <c r="AY6229">
        <v>37</v>
      </c>
      <c r="AZ6229">
        <v>72</v>
      </c>
      <c r="BA6229">
        <v>5757</v>
      </c>
    </row>
    <row r="6230" spans="1:53" x14ac:dyDescent="0.4">
      <c r="A6230">
        <v>6274</v>
      </c>
      <c r="B6230" s="1">
        <v>45212</v>
      </c>
      <c r="C6230">
        <v>3</v>
      </c>
      <c r="D6230" s="1">
        <v>45212.73541666667</v>
      </c>
      <c r="E6230" s="1">
        <v>45212.95208333333</v>
      </c>
      <c r="F6230">
        <v>65230</v>
      </c>
      <c r="G6230">
        <v>2090</v>
      </c>
      <c r="H6230">
        <v>0</v>
      </c>
      <c r="I6230">
        <v>0</v>
      </c>
      <c r="J6230">
        <v>220</v>
      </c>
      <c r="K6230">
        <v>0</v>
      </c>
      <c r="L6230">
        <v>0</v>
      </c>
      <c r="M6230">
        <v>6100</v>
      </c>
      <c r="N6230">
        <v>0</v>
      </c>
      <c r="O6230">
        <v>0</v>
      </c>
      <c r="P6230">
        <v>-9940</v>
      </c>
      <c r="Q6230">
        <v>0</v>
      </c>
      <c r="R6230">
        <v>57160</v>
      </c>
      <c r="S6230">
        <v>0</v>
      </c>
      <c r="T6230">
        <v>0</v>
      </c>
      <c r="U6230">
        <v>0</v>
      </c>
      <c r="V6230">
        <v>2</v>
      </c>
      <c r="W6230">
        <v>4</v>
      </c>
      <c r="X6230">
        <v>0</v>
      </c>
      <c r="Y6230">
        <v>60</v>
      </c>
      <c r="Z6230">
        <v>23</v>
      </c>
      <c r="AA6230">
        <v>81</v>
      </c>
      <c r="AB6230">
        <v>43</v>
      </c>
      <c r="AC6230">
        <v>73</v>
      </c>
      <c r="AD6230">
        <v>38</v>
      </c>
      <c r="AE6230">
        <v>75</v>
      </c>
      <c r="AF6230">
        <v>31135</v>
      </c>
      <c r="AG6230">
        <v>153880</v>
      </c>
      <c r="AH6230">
        <v>50000</v>
      </c>
      <c r="AI6230">
        <v>0</v>
      </c>
      <c r="AJ6230">
        <v>104</v>
      </c>
      <c r="AK6230" t="s">
        <v>60</v>
      </c>
      <c r="AL6230">
        <v>0</v>
      </c>
      <c r="AM6230">
        <v>0</v>
      </c>
      <c r="AN6230">
        <v>0</v>
      </c>
      <c r="AO6230">
        <v>0</v>
      </c>
      <c r="AP6230">
        <v>0</v>
      </c>
      <c r="AQ6230">
        <v>0</v>
      </c>
      <c r="AR6230">
        <v>0</v>
      </c>
      <c r="AS6230">
        <v>0</v>
      </c>
      <c r="AT6230">
        <v>0</v>
      </c>
      <c r="AU6230">
        <v>0</v>
      </c>
      <c r="AV6230">
        <v>0</v>
      </c>
      <c r="AW6230">
        <v>0</v>
      </c>
      <c r="AX6230">
        <v>64026</v>
      </c>
      <c r="AY6230">
        <v>24</v>
      </c>
      <c r="AZ6230">
        <v>73</v>
      </c>
      <c r="BA6230">
        <v>3127</v>
      </c>
    </row>
    <row r="6231" spans="1:53" x14ac:dyDescent="0.4">
      <c r="A6231">
        <v>6275</v>
      </c>
      <c r="B6231" s="1">
        <v>45213</v>
      </c>
      <c r="C6231">
        <v>1</v>
      </c>
      <c r="D6231" s="1">
        <v>45213.291666666664</v>
      </c>
      <c r="E6231" s="1">
        <v>45213.411111111112</v>
      </c>
      <c r="F6231">
        <v>0</v>
      </c>
      <c r="G6231">
        <v>0</v>
      </c>
      <c r="H6231">
        <v>0</v>
      </c>
      <c r="I6231">
        <v>0</v>
      </c>
      <c r="J6231">
        <v>0</v>
      </c>
      <c r="K6231">
        <v>0</v>
      </c>
      <c r="L6231">
        <v>0</v>
      </c>
      <c r="M6231">
        <v>0</v>
      </c>
      <c r="N6231">
        <v>0</v>
      </c>
      <c r="O6231">
        <v>0</v>
      </c>
      <c r="P6231">
        <v>0</v>
      </c>
      <c r="Q6231">
        <v>0</v>
      </c>
      <c r="R6231">
        <v>0</v>
      </c>
      <c r="S6231">
        <v>0</v>
      </c>
      <c r="T6231">
        <v>0</v>
      </c>
      <c r="U6231">
        <v>0</v>
      </c>
      <c r="V6231">
        <v>0</v>
      </c>
      <c r="W6231">
        <v>1</v>
      </c>
      <c r="X6231">
        <v>0</v>
      </c>
      <c r="Y6231">
        <v>30</v>
      </c>
      <c r="Z6231">
        <v>10</v>
      </c>
      <c r="AA6231">
        <v>72</v>
      </c>
      <c r="AB6231">
        <v>38</v>
      </c>
      <c r="AC6231">
        <v>65</v>
      </c>
      <c r="AD6231">
        <v>35</v>
      </c>
      <c r="AE6231">
        <v>75</v>
      </c>
      <c r="AF6231">
        <v>0</v>
      </c>
      <c r="AG6231">
        <v>50000</v>
      </c>
      <c r="AH6231">
        <v>50000</v>
      </c>
      <c r="AI6231">
        <v>0</v>
      </c>
      <c r="AJ6231">
        <v>0</v>
      </c>
      <c r="AK6231" t="s">
        <v>6</v>
      </c>
      <c r="AL6231">
        <v>0</v>
      </c>
      <c r="AM6231">
        <v>0</v>
      </c>
      <c r="AN6231">
        <v>0</v>
      </c>
      <c r="AO6231">
        <v>0</v>
      </c>
      <c r="AP6231">
        <v>0</v>
      </c>
      <c r="AQ6231">
        <v>0</v>
      </c>
      <c r="AR6231">
        <v>0</v>
      </c>
      <c r="AS6231">
        <v>0</v>
      </c>
      <c r="AT6231">
        <v>0</v>
      </c>
      <c r="AU6231">
        <v>0</v>
      </c>
      <c r="AV6231">
        <v>0</v>
      </c>
      <c r="AW6231">
        <v>0</v>
      </c>
      <c r="AX6231">
        <v>0</v>
      </c>
      <c r="AY6231">
        <v>0</v>
      </c>
      <c r="AZ6231">
        <v>0</v>
      </c>
      <c r="BA6231">
        <v>0</v>
      </c>
    </row>
    <row r="6232" spans="1:53" x14ac:dyDescent="0.4">
      <c r="A6232">
        <v>6276</v>
      </c>
      <c r="B6232" s="1">
        <v>45213</v>
      </c>
      <c r="C6232">
        <v>2</v>
      </c>
      <c r="D6232" s="1">
        <v>45213.411111111112</v>
      </c>
      <c r="E6232" s="1">
        <v>45213.738194444442</v>
      </c>
      <c r="F6232">
        <v>49620</v>
      </c>
      <c r="G6232">
        <v>3256</v>
      </c>
      <c r="H6232">
        <v>0</v>
      </c>
      <c r="I6232">
        <v>0</v>
      </c>
      <c r="J6232">
        <v>100</v>
      </c>
      <c r="K6232">
        <v>0</v>
      </c>
      <c r="L6232">
        <v>0</v>
      </c>
      <c r="M6232">
        <v>4796</v>
      </c>
      <c r="N6232">
        <v>0</v>
      </c>
      <c r="O6232">
        <v>0</v>
      </c>
      <c r="P6232">
        <v>15570</v>
      </c>
      <c r="Q6232">
        <v>0</v>
      </c>
      <c r="R6232">
        <v>68346</v>
      </c>
      <c r="S6232">
        <v>0</v>
      </c>
      <c r="T6232">
        <v>0</v>
      </c>
      <c r="U6232">
        <v>0</v>
      </c>
      <c r="V6232">
        <v>3</v>
      </c>
      <c r="W6232">
        <v>0</v>
      </c>
      <c r="X6232">
        <v>0</v>
      </c>
      <c r="Y6232">
        <v>52</v>
      </c>
      <c r="Z6232">
        <v>33</v>
      </c>
      <c r="AA6232">
        <v>132</v>
      </c>
      <c r="AB6232">
        <v>40</v>
      </c>
      <c r="AC6232">
        <v>139</v>
      </c>
      <c r="AD6232">
        <v>35</v>
      </c>
      <c r="AE6232">
        <v>81</v>
      </c>
      <c r="AF6232">
        <v>3000</v>
      </c>
      <c r="AG6232">
        <v>118346</v>
      </c>
      <c r="AH6232">
        <v>50000</v>
      </c>
      <c r="AI6232">
        <v>0</v>
      </c>
      <c r="AJ6232">
        <v>36</v>
      </c>
      <c r="AK6232" t="s">
        <v>68</v>
      </c>
      <c r="AL6232">
        <v>0</v>
      </c>
      <c r="AM6232">
        <v>0</v>
      </c>
      <c r="AN6232">
        <v>0</v>
      </c>
      <c r="AO6232">
        <v>0</v>
      </c>
      <c r="AP6232">
        <v>0</v>
      </c>
      <c r="AQ6232">
        <v>0</v>
      </c>
      <c r="AR6232">
        <v>0</v>
      </c>
      <c r="AS6232">
        <v>0</v>
      </c>
      <c r="AT6232">
        <v>0</v>
      </c>
      <c r="AU6232">
        <v>0</v>
      </c>
      <c r="AV6232">
        <v>0</v>
      </c>
      <c r="AW6232">
        <v>0</v>
      </c>
      <c r="AX6232">
        <v>2860</v>
      </c>
      <c r="AY6232">
        <v>54</v>
      </c>
      <c r="AZ6232">
        <v>109</v>
      </c>
      <c r="BA6232">
        <v>7510</v>
      </c>
    </row>
    <row r="6233" spans="1:53" x14ac:dyDescent="0.4">
      <c r="A6233">
        <v>6277</v>
      </c>
      <c r="B6233" s="1">
        <v>45213</v>
      </c>
      <c r="C6233">
        <v>3</v>
      </c>
      <c r="D6233" s="1">
        <v>45213.738194444442</v>
      </c>
      <c r="E6233" s="1">
        <v>45213.956250000003</v>
      </c>
      <c r="F6233">
        <v>73940</v>
      </c>
      <c r="G6233">
        <v>6336</v>
      </c>
      <c r="H6233">
        <v>0</v>
      </c>
      <c r="I6233">
        <v>0</v>
      </c>
      <c r="J6233">
        <v>0</v>
      </c>
      <c r="K6233">
        <v>0</v>
      </c>
      <c r="L6233">
        <v>0</v>
      </c>
      <c r="M6233">
        <v>7296</v>
      </c>
      <c r="N6233">
        <v>0</v>
      </c>
      <c r="O6233">
        <v>0</v>
      </c>
      <c r="P6233">
        <v>-15570</v>
      </c>
      <c r="Q6233">
        <v>0</v>
      </c>
      <c r="R6233">
        <v>64706</v>
      </c>
      <c r="S6233">
        <v>0</v>
      </c>
      <c r="T6233">
        <v>0</v>
      </c>
      <c r="U6233">
        <v>0</v>
      </c>
      <c r="V6233">
        <v>4</v>
      </c>
      <c r="W6233">
        <v>3</v>
      </c>
      <c r="X6233">
        <v>0</v>
      </c>
      <c r="Y6233">
        <v>89</v>
      </c>
      <c r="Z6233">
        <v>29</v>
      </c>
      <c r="AA6233">
        <v>126</v>
      </c>
      <c r="AB6233">
        <v>38</v>
      </c>
      <c r="AC6233">
        <v>147</v>
      </c>
      <c r="AD6233">
        <v>36</v>
      </c>
      <c r="AE6233">
        <v>82</v>
      </c>
      <c r="AF6233">
        <v>8320</v>
      </c>
      <c r="AG6233">
        <v>183052</v>
      </c>
      <c r="AH6233">
        <v>50000</v>
      </c>
      <c r="AI6233">
        <v>0</v>
      </c>
      <c r="AJ6233">
        <v>43</v>
      </c>
      <c r="AK6233" t="s">
        <v>79</v>
      </c>
      <c r="AL6233">
        <v>0</v>
      </c>
      <c r="AM6233">
        <v>0</v>
      </c>
      <c r="AN6233">
        <v>0</v>
      </c>
      <c r="AO6233">
        <v>0</v>
      </c>
      <c r="AP6233">
        <v>0</v>
      </c>
      <c r="AQ6233">
        <v>0</v>
      </c>
      <c r="AR6233">
        <v>0</v>
      </c>
      <c r="AS6233">
        <v>0</v>
      </c>
      <c r="AT6233">
        <v>0</v>
      </c>
      <c r="AU6233">
        <v>0</v>
      </c>
      <c r="AV6233">
        <v>0</v>
      </c>
      <c r="AW6233">
        <v>0</v>
      </c>
      <c r="AX6233">
        <v>55051</v>
      </c>
      <c r="AY6233">
        <v>28</v>
      </c>
      <c r="AZ6233">
        <v>76</v>
      </c>
      <c r="BA6233">
        <v>4005</v>
      </c>
    </row>
    <row r="6234" spans="1:53" x14ac:dyDescent="0.4">
      <c r="A6234">
        <v>6278</v>
      </c>
      <c r="B6234" s="1">
        <v>45214</v>
      </c>
      <c r="C6234">
        <v>1</v>
      </c>
      <c r="D6234" s="1">
        <v>45214.291666666664</v>
      </c>
      <c r="E6234" s="1">
        <v>45214.40347222222</v>
      </c>
      <c r="F6234">
        <v>0</v>
      </c>
      <c r="G6234">
        <v>0</v>
      </c>
      <c r="H6234">
        <v>0</v>
      </c>
      <c r="I6234">
        <v>0</v>
      </c>
      <c r="J6234">
        <v>0</v>
      </c>
      <c r="K6234">
        <v>0</v>
      </c>
      <c r="L6234">
        <v>0</v>
      </c>
      <c r="M6234">
        <v>0</v>
      </c>
      <c r="N6234">
        <v>0</v>
      </c>
      <c r="O6234">
        <v>0</v>
      </c>
      <c r="P6234">
        <v>0</v>
      </c>
      <c r="Q6234">
        <v>0</v>
      </c>
      <c r="R6234">
        <v>0</v>
      </c>
      <c r="S6234">
        <v>0</v>
      </c>
      <c r="T6234">
        <v>0</v>
      </c>
      <c r="U6234">
        <v>0</v>
      </c>
      <c r="V6234">
        <v>0</v>
      </c>
      <c r="W6234">
        <v>1</v>
      </c>
      <c r="X6234">
        <v>0</v>
      </c>
      <c r="Y6234">
        <v>30</v>
      </c>
      <c r="Z6234">
        <v>10</v>
      </c>
      <c r="AA6234">
        <v>75</v>
      </c>
      <c r="AB6234">
        <v>33</v>
      </c>
      <c r="AC6234">
        <v>59</v>
      </c>
      <c r="AD6234">
        <v>36</v>
      </c>
      <c r="AE6234">
        <v>80</v>
      </c>
      <c r="AF6234">
        <v>0</v>
      </c>
      <c r="AG6234">
        <v>50000</v>
      </c>
      <c r="AH6234">
        <v>50000</v>
      </c>
      <c r="AI6234">
        <v>0</v>
      </c>
      <c r="AJ6234">
        <v>0</v>
      </c>
      <c r="AK6234" t="s">
        <v>6</v>
      </c>
      <c r="AL6234">
        <v>0</v>
      </c>
      <c r="AM6234">
        <v>0</v>
      </c>
      <c r="AN6234">
        <v>0</v>
      </c>
      <c r="AO6234">
        <v>0</v>
      </c>
      <c r="AP6234">
        <v>0</v>
      </c>
      <c r="AQ6234">
        <v>0</v>
      </c>
      <c r="AR6234">
        <v>0</v>
      </c>
      <c r="AS6234">
        <v>0</v>
      </c>
      <c r="AT6234">
        <v>0</v>
      </c>
      <c r="AU6234">
        <v>0</v>
      </c>
      <c r="AV6234">
        <v>0</v>
      </c>
      <c r="AW6234">
        <v>0</v>
      </c>
      <c r="AX6234">
        <v>0</v>
      </c>
      <c r="AY6234">
        <v>0</v>
      </c>
      <c r="AZ6234">
        <v>0</v>
      </c>
      <c r="BA6234">
        <v>0</v>
      </c>
    </row>
    <row r="6235" spans="1:53" x14ac:dyDescent="0.4">
      <c r="A6235">
        <v>6279</v>
      </c>
      <c r="B6235" s="1">
        <v>45214</v>
      </c>
      <c r="C6235">
        <v>2</v>
      </c>
      <c r="D6235" s="1">
        <v>45214.40347222222</v>
      </c>
      <c r="E6235" s="1">
        <v>45214.738194444442</v>
      </c>
      <c r="F6235">
        <v>44670</v>
      </c>
      <c r="G6235">
        <v>4693</v>
      </c>
      <c r="H6235">
        <v>0</v>
      </c>
      <c r="I6235">
        <v>0</v>
      </c>
      <c r="J6235">
        <v>200</v>
      </c>
      <c r="K6235">
        <v>800</v>
      </c>
      <c r="L6235">
        <v>0</v>
      </c>
      <c r="M6235">
        <v>4542</v>
      </c>
      <c r="N6235">
        <v>0</v>
      </c>
      <c r="O6235">
        <v>0</v>
      </c>
      <c r="P6235">
        <v>14950</v>
      </c>
      <c r="Q6235">
        <v>0</v>
      </c>
      <c r="R6235">
        <v>64913</v>
      </c>
      <c r="S6235">
        <v>0</v>
      </c>
      <c r="T6235">
        <v>0</v>
      </c>
      <c r="U6235">
        <v>0</v>
      </c>
      <c r="V6235">
        <v>1</v>
      </c>
      <c r="W6235">
        <v>1</v>
      </c>
      <c r="X6235">
        <v>0</v>
      </c>
      <c r="Y6235">
        <v>70</v>
      </c>
      <c r="Z6235">
        <v>17</v>
      </c>
      <c r="AA6235">
        <v>127</v>
      </c>
      <c r="AB6235">
        <v>34</v>
      </c>
      <c r="AC6235">
        <v>107</v>
      </c>
      <c r="AD6235">
        <v>36</v>
      </c>
      <c r="AE6235">
        <v>93</v>
      </c>
      <c r="AF6235">
        <v>5670</v>
      </c>
      <c r="AG6235">
        <v>114913</v>
      </c>
      <c r="AH6235">
        <v>50000</v>
      </c>
      <c r="AI6235">
        <v>0</v>
      </c>
      <c r="AJ6235">
        <v>36</v>
      </c>
      <c r="AK6235" t="s">
        <v>68</v>
      </c>
      <c r="AL6235">
        <v>0</v>
      </c>
      <c r="AM6235">
        <v>0</v>
      </c>
      <c r="AN6235">
        <v>0</v>
      </c>
      <c r="AO6235">
        <v>0</v>
      </c>
      <c r="AP6235">
        <v>0</v>
      </c>
      <c r="AQ6235">
        <v>0</v>
      </c>
      <c r="AR6235">
        <v>0</v>
      </c>
      <c r="AS6235">
        <v>0</v>
      </c>
      <c r="AT6235">
        <v>0</v>
      </c>
      <c r="AU6235">
        <v>0</v>
      </c>
      <c r="AV6235">
        <v>0</v>
      </c>
      <c r="AW6235">
        <v>0</v>
      </c>
      <c r="AX6235">
        <v>456</v>
      </c>
      <c r="AY6235">
        <v>50</v>
      </c>
      <c r="AZ6235">
        <v>96</v>
      </c>
      <c r="BA6235">
        <v>8092</v>
      </c>
    </row>
    <row r="6236" spans="1:53" x14ac:dyDescent="0.4">
      <c r="A6236">
        <v>6280</v>
      </c>
      <c r="B6236" s="1">
        <v>45214</v>
      </c>
      <c r="C6236">
        <v>3</v>
      </c>
      <c r="D6236" s="1">
        <v>45214.738194444442</v>
      </c>
      <c r="E6236" s="1">
        <v>45214.961111111108</v>
      </c>
      <c r="F6236">
        <v>55420</v>
      </c>
      <c r="G6236">
        <v>2266</v>
      </c>
      <c r="H6236">
        <v>0</v>
      </c>
      <c r="I6236">
        <v>0</v>
      </c>
      <c r="J6236">
        <v>200</v>
      </c>
      <c r="K6236">
        <v>0</v>
      </c>
      <c r="L6236">
        <v>0</v>
      </c>
      <c r="M6236">
        <v>5225</v>
      </c>
      <c r="N6236">
        <v>0</v>
      </c>
      <c r="O6236">
        <v>0</v>
      </c>
      <c r="P6236">
        <v>25470</v>
      </c>
      <c r="Q6236">
        <v>0</v>
      </c>
      <c r="R6236">
        <v>82956</v>
      </c>
      <c r="S6236">
        <v>0</v>
      </c>
      <c r="T6236">
        <v>0</v>
      </c>
      <c r="U6236">
        <v>0</v>
      </c>
      <c r="V6236">
        <v>3</v>
      </c>
      <c r="W6236">
        <v>3</v>
      </c>
      <c r="X6236">
        <v>0</v>
      </c>
      <c r="Y6236">
        <v>105</v>
      </c>
      <c r="Z6236">
        <v>14</v>
      </c>
      <c r="AA6236">
        <v>172</v>
      </c>
      <c r="AB6236">
        <v>48</v>
      </c>
      <c r="AC6236">
        <v>120</v>
      </c>
      <c r="AD6236">
        <v>42</v>
      </c>
      <c r="AE6236">
        <v>104</v>
      </c>
      <c r="AF6236">
        <v>19755</v>
      </c>
      <c r="AG6236">
        <v>197869</v>
      </c>
      <c r="AH6236">
        <v>50000</v>
      </c>
      <c r="AI6236">
        <v>0</v>
      </c>
      <c r="AJ6236">
        <v>104</v>
      </c>
      <c r="AK6236" t="s">
        <v>60</v>
      </c>
      <c r="AL6236">
        <v>0</v>
      </c>
      <c r="AM6236">
        <v>0</v>
      </c>
      <c r="AN6236">
        <v>0</v>
      </c>
      <c r="AO6236">
        <v>0</v>
      </c>
      <c r="AP6236">
        <v>0</v>
      </c>
      <c r="AQ6236">
        <v>0</v>
      </c>
      <c r="AR6236">
        <v>0</v>
      </c>
      <c r="AS6236">
        <v>0</v>
      </c>
      <c r="AT6236">
        <v>0</v>
      </c>
      <c r="AU6236">
        <v>0</v>
      </c>
      <c r="AV6236">
        <v>0</v>
      </c>
      <c r="AW6236">
        <v>0</v>
      </c>
      <c r="AX6236">
        <v>883</v>
      </c>
      <c r="AY6236">
        <v>28</v>
      </c>
      <c r="AZ6236">
        <v>64</v>
      </c>
      <c r="BA6236">
        <v>3806</v>
      </c>
    </row>
    <row r="6237" spans="1:53" x14ac:dyDescent="0.4">
      <c r="A6237">
        <v>6281</v>
      </c>
      <c r="B6237" s="1">
        <v>45215</v>
      </c>
      <c r="C6237">
        <v>1</v>
      </c>
      <c r="D6237" s="1">
        <v>45215.291666666664</v>
      </c>
      <c r="E6237" s="1">
        <v>45215.449305555558</v>
      </c>
      <c r="F6237">
        <v>0</v>
      </c>
      <c r="G6237">
        <v>0</v>
      </c>
      <c r="H6237">
        <v>0</v>
      </c>
      <c r="I6237">
        <v>0</v>
      </c>
      <c r="J6237">
        <v>0</v>
      </c>
      <c r="K6237">
        <v>0</v>
      </c>
      <c r="L6237">
        <v>0</v>
      </c>
      <c r="M6237">
        <v>0</v>
      </c>
      <c r="N6237">
        <v>0</v>
      </c>
      <c r="O6237">
        <v>0</v>
      </c>
      <c r="P6237">
        <v>0</v>
      </c>
      <c r="Q6237">
        <v>0</v>
      </c>
      <c r="R6237">
        <v>0</v>
      </c>
      <c r="S6237">
        <v>0</v>
      </c>
      <c r="T6237">
        <v>0</v>
      </c>
      <c r="U6237">
        <v>0</v>
      </c>
      <c r="V6237">
        <v>0</v>
      </c>
      <c r="W6237">
        <v>0</v>
      </c>
      <c r="X6237">
        <v>0</v>
      </c>
      <c r="Y6237">
        <v>30</v>
      </c>
      <c r="Z6237">
        <v>10</v>
      </c>
      <c r="AA6237">
        <v>112</v>
      </c>
      <c r="AB6237">
        <v>47</v>
      </c>
      <c r="AC6237">
        <v>114</v>
      </c>
      <c r="AD6237">
        <v>42</v>
      </c>
      <c r="AE6237">
        <v>100</v>
      </c>
      <c r="AF6237">
        <v>0</v>
      </c>
      <c r="AG6237">
        <v>50000</v>
      </c>
      <c r="AH6237">
        <v>50000</v>
      </c>
      <c r="AI6237">
        <v>0</v>
      </c>
      <c r="AJ6237">
        <v>0</v>
      </c>
      <c r="AK6237" t="s">
        <v>6</v>
      </c>
      <c r="AL6237">
        <v>0</v>
      </c>
      <c r="AM6237">
        <v>0</v>
      </c>
      <c r="AN6237">
        <v>0</v>
      </c>
      <c r="AO6237">
        <v>0</v>
      </c>
      <c r="AP6237">
        <v>0</v>
      </c>
      <c r="AQ6237">
        <v>0</v>
      </c>
      <c r="AR6237">
        <v>0</v>
      </c>
      <c r="AS6237">
        <v>0</v>
      </c>
      <c r="AT6237">
        <v>0</v>
      </c>
      <c r="AU6237">
        <v>0</v>
      </c>
      <c r="AV6237">
        <v>0</v>
      </c>
      <c r="AW6237">
        <v>0</v>
      </c>
      <c r="AX6237">
        <v>0</v>
      </c>
      <c r="AY6237">
        <v>0</v>
      </c>
      <c r="AZ6237">
        <v>0</v>
      </c>
      <c r="BA6237">
        <v>0</v>
      </c>
    </row>
    <row r="6238" spans="1:53" x14ac:dyDescent="0.4">
      <c r="A6238">
        <v>6282</v>
      </c>
      <c r="B6238" s="1">
        <v>45215</v>
      </c>
      <c r="C6238">
        <v>2</v>
      </c>
      <c r="D6238" s="1">
        <v>45215.449305555558</v>
      </c>
      <c r="E6238" s="1">
        <v>45215.734027777777</v>
      </c>
      <c r="F6238">
        <v>17110</v>
      </c>
      <c r="G6238">
        <v>440</v>
      </c>
      <c r="H6238">
        <v>0</v>
      </c>
      <c r="I6238">
        <v>0</v>
      </c>
      <c r="J6238">
        <v>100</v>
      </c>
      <c r="K6238">
        <v>0</v>
      </c>
      <c r="L6238">
        <v>0</v>
      </c>
      <c r="M6238">
        <v>1584</v>
      </c>
      <c r="N6238">
        <v>0</v>
      </c>
      <c r="O6238">
        <v>0</v>
      </c>
      <c r="P6238">
        <v>14580</v>
      </c>
      <c r="Q6238">
        <v>0</v>
      </c>
      <c r="R6238">
        <v>32030</v>
      </c>
      <c r="S6238">
        <v>0</v>
      </c>
      <c r="T6238">
        <v>0</v>
      </c>
      <c r="U6238">
        <v>0</v>
      </c>
      <c r="V6238">
        <v>0</v>
      </c>
      <c r="W6238">
        <v>0</v>
      </c>
      <c r="X6238">
        <v>0</v>
      </c>
      <c r="Y6238">
        <v>60</v>
      </c>
      <c r="Z6238">
        <v>11</v>
      </c>
      <c r="AA6238">
        <v>117</v>
      </c>
      <c r="AB6238">
        <v>43</v>
      </c>
      <c r="AC6238">
        <v>117</v>
      </c>
      <c r="AD6238">
        <v>42</v>
      </c>
      <c r="AE6238">
        <v>100</v>
      </c>
      <c r="AF6238">
        <v>1200</v>
      </c>
      <c r="AG6238">
        <v>82030</v>
      </c>
      <c r="AH6238">
        <v>50000</v>
      </c>
      <c r="AI6238">
        <v>0</v>
      </c>
      <c r="AJ6238">
        <v>38</v>
      </c>
      <c r="AK6238" t="s">
        <v>75</v>
      </c>
      <c r="AL6238">
        <v>0</v>
      </c>
      <c r="AM6238">
        <v>0</v>
      </c>
      <c r="AN6238">
        <v>0</v>
      </c>
      <c r="AO6238">
        <v>0</v>
      </c>
      <c r="AP6238">
        <v>0</v>
      </c>
      <c r="AQ6238">
        <v>0</v>
      </c>
      <c r="AR6238">
        <v>0</v>
      </c>
      <c r="AS6238">
        <v>0</v>
      </c>
      <c r="AT6238">
        <v>0</v>
      </c>
      <c r="AU6238">
        <v>0</v>
      </c>
      <c r="AV6238">
        <v>0</v>
      </c>
      <c r="AW6238">
        <v>0</v>
      </c>
      <c r="AX6238">
        <v>-2400</v>
      </c>
      <c r="AY6238">
        <v>33</v>
      </c>
      <c r="AZ6238">
        <v>52</v>
      </c>
      <c r="BA6238">
        <v>4844</v>
      </c>
    </row>
    <row r="6239" spans="1:53" x14ac:dyDescent="0.4">
      <c r="A6239">
        <v>6283</v>
      </c>
      <c r="B6239" s="1">
        <v>45216</v>
      </c>
      <c r="C6239">
        <v>1</v>
      </c>
      <c r="D6239" s="1">
        <v>45216.291666666664</v>
      </c>
      <c r="E6239" s="1">
        <v>45216.463888888888</v>
      </c>
      <c r="F6239">
        <v>0</v>
      </c>
      <c r="G6239">
        <v>0</v>
      </c>
      <c r="H6239">
        <v>0</v>
      </c>
      <c r="I6239">
        <v>0</v>
      </c>
      <c r="J6239">
        <v>0</v>
      </c>
      <c r="K6239">
        <v>0</v>
      </c>
      <c r="L6239">
        <v>0</v>
      </c>
      <c r="M6239">
        <v>0</v>
      </c>
      <c r="N6239">
        <v>0</v>
      </c>
      <c r="O6239">
        <v>0</v>
      </c>
      <c r="P6239">
        <v>0</v>
      </c>
      <c r="Q6239">
        <v>0</v>
      </c>
      <c r="R6239">
        <v>0</v>
      </c>
      <c r="S6239">
        <v>0</v>
      </c>
      <c r="T6239">
        <v>0</v>
      </c>
      <c r="U6239">
        <v>0</v>
      </c>
      <c r="V6239">
        <v>0</v>
      </c>
      <c r="W6239">
        <v>0</v>
      </c>
      <c r="X6239">
        <v>0</v>
      </c>
      <c r="Y6239">
        <v>31</v>
      </c>
      <c r="Z6239">
        <v>10</v>
      </c>
      <c r="AA6239">
        <v>106</v>
      </c>
      <c r="AB6239">
        <v>41</v>
      </c>
      <c r="AC6239">
        <v>104</v>
      </c>
      <c r="AD6239">
        <v>42</v>
      </c>
      <c r="AE6239">
        <v>100</v>
      </c>
      <c r="AF6239">
        <v>0</v>
      </c>
      <c r="AG6239">
        <v>50000</v>
      </c>
      <c r="AH6239">
        <v>50000</v>
      </c>
      <c r="AI6239">
        <v>0</v>
      </c>
      <c r="AJ6239">
        <v>0</v>
      </c>
      <c r="AK6239" t="s">
        <v>6</v>
      </c>
      <c r="AL6239">
        <v>0</v>
      </c>
      <c r="AM6239">
        <v>0</v>
      </c>
      <c r="AN6239">
        <v>0</v>
      </c>
      <c r="AO6239">
        <v>0</v>
      </c>
      <c r="AP6239">
        <v>0</v>
      </c>
      <c r="AQ6239">
        <v>0</v>
      </c>
      <c r="AR6239">
        <v>0</v>
      </c>
      <c r="AS6239">
        <v>0</v>
      </c>
      <c r="AT6239">
        <v>0</v>
      </c>
      <c r="AU6239">
        <v>0</v>
      </c>
      <c r="AV6239">
        <v>0</v>
      </c>
      <c r="AW6239">
        <v>0</v>
      </c>
      <c r="AX6239">
        <v>0</v>
      </c>
      <c r="AY6239">
        <v>0</v>
      </c>
      <c r="AZ6239">
        <v>0</v>
      </c>
      <c r="BA6239">
        <v>0</v>
      </c>
    </row>
    <row r="6240" spans="1:53" x14ac:dyDescent="0.4">
      <c r="A6240">
        <v>6284</v>
      </c>
      <c r="B6240" s="1">
        <v>45216</v>
      </c>
      <c r="C6240">
        <v>2</v>
      </c>
      <c r="D6240" s="1">
        <v>45216.463888888888</v>
      </c>
      <c r="E6240" s="1">
        <v>45216.729166666664</v>
      </c>
      <c r="F6240">
        <v>16240</v>
      </c>
      <c r="G6240">
        <v>0</v>
      </c>
      <c r="H6240">
        <v>0</v>
      </c>
      <c r="I6240">
        <v>0</v>
      </c>
      <c r="J6240">
        <v>100</v>
      </c>
      <c r="K6240">
        <v>0</v>
      </c>
      <c r="L6240">
        <v>0</v>
      </c>
      <c r="M6240">
        <v>1466</v>
      </c>
      <c r="N6240">
        <v>0</v>
      </c>
      <c r="O6240">
        <v>0</v>
      </c>
      <c r="P6240">
        <v>20790</v>
      </c>
      <c r="Q6240">
        <v>0</v>
      </c>
      <c r="R6240">
        <v>36930</v>
      </c>
      <c r="S6240">
        <v>0</v>
      </c>
      <c r="T6240">
        <v>0</v>
      </c>
      <c r="U6240">
        <v>0</v>
      </c>
      <c r="V6240">
        <v>1</v>
      </c>
      <c r="W6240">
        <v>1</v>
      </c>
      <c r="X6240">
        <v>0</v>
      </c>
      <c r="Y6240">
        <v>51</v>
      </c>
      <c r="Z6240">
        <v>16</v>
      </c>
      <c r="AA6240">
        <v>92</v>
      </c>
      <c r="AB6240">
        <v>44</v>
      </c>
      <c r="AC6240">
        <v>122</v>
      </c>
      <c r="AD6240">
        <v>42</v>
      </c>
      <c r="AE6240">
        <v>100</v>
      </c>
      <c r="AF6240">
        <v>0</v>
      </c>
      <c r="AG6240">
        <v>86930</v>
      </c>
      <c r="AH6240">
        <v>50000</v>
      </c>
      <c r="AI6240">
        <v>0</v>
      </c>
      <c r="AJ6240">
        <v>38</v>
      </c>
      <c r="AK6240" t="s">
        <v>75</v>
      </c>
      <c r="AL6240">
        <v>0</v>
      </c>
      <c r="AM6240">
        <v>0</v>
      </c>
      <c r="AN6240">
        <v>0</v>
      </c>
      <c r="AO6240">
        <v>0</v>
      </c>
      <c r="AP6240">
        <v>0</v>
      </c>
      <c r="AQ6240">
        <v>0</v>
      </c>
      <c r="AR6240">
        <v>0</v>
      </c>
      <c r="AS6240">
        <v>0</v>
      </c>
      <c r="AT6240">
        <v>0</v>
      </c>
      <c r="AU6240">
        <v>0</v>
      </c>
      <c r="AV6240">
        <v>0</v>
      </c>
      <c r="AW6240">
        <v>0</v>
      </c>
      <c r="AX6240">
        <v>-3230</v>
      </c>
      <c r="AY6240">
        <v>35</v>
      </c>
      <c r="AZ6240">
        <v>60</v>
      </c>
      <c r="BA6240">
        <v>4341</v>
      </c>
    </row>
    <row r="6241" spans="1:53" x14ac:dyDescent="0.4">
      <c r="A6241">
        <v>6285</v>
      </c>
      <c r="B6241" s="1">
        <v>45217</v>
      </c>
      <c r="C6241">
        <v>1</v>
      </c>
      <c r="D6241" s="1">
        <v>45217.291666666664</v>
      </c>
      <c r="E6241" s="1">
        <v>45217.443749999999</v>
      </c>
      <c r="F6241">
        <v>0</v>
      </c>
      <c r="G6241">
        <v>0</v>
      </c>
      <c r="H6241">
        <v>0</v>
      </c>
      <c r="I6241">
        <v>0</v>
      </c>
      <c r="J6241">
        <v>0</v>
      </c>
      <c r="K6241">
        <v>0</v>
      </c>
      <c r="L6241">
        <v>0</v>
      </c>
      <c r="M6241">
        <v>0</v>
      </c>
      <c r="N6241">
        <v>0</v>
      </c>
      <c r="O6241">
        <v>0</v>
      </c>
      <c r="P6241">
        <v>0</v>
      </c>
      <c r="Q6241">
        <v>0</v>
      </c>
      <c r="R6241">
        <v>0</v>
      </c>
      <c r="S6241">
        <v>0</v>
      </c>
      <c r="T6241">
        <v>0</v>
      </c>
      <c r="U6241">
        <v>0</v>
      </c>
      <c r="V6241">
        <v>0</v>
      </c>
      <c r="W6241">
        <v>1</v>
      </c>
      <c r="X6241">
        <v>0</v>
      </c>
      <c r="Y6241">
        <v>30</v>
      </c>
      <c r="Z6241">
        <v>10</v>
      </c>
      <c r="AA6241">
        <v>72</v>
      </c>
      <c r="AB6241">
        <v>40</v>
      </c>
      <c r="AC6241">
        <v>51</v>
      </c>
      <c r="AD6241">
        <v>40</v>
      </c>
      <c r="AE6241">
        <v>90</v>
      </c>
      <c r="AF6241">
        <v>0</v>
      </c>
      <c r="AG6241">
        <v>50000</v>
      </c>
      <c r="AH6241">
        <v>50000</v>
      </c>
      <c r="AI6241">
        <v>0</v>
      </c>
      <c r="AJ6241">
        <v>0</v>
      </c>
      <c r="AK6241" t="s">
        <v>6</v>
      </c>
      <c r="AL6241">
        <v>0</v>
      </c>
      <c r="AM6241">
        <v>0</v>
      </c>
      <c r="AN6241">
        <v>0</v>
      </c>
      <c r="AO6241">
        <v>0</v>
      </c>
      <c r="AP6241">
        <v>0</v>
      </c>
      <c r="AQ6241">
        <v>0</v>
      </c>
      <c r="AR6241">
        <v>0</v>
      </c>
      <c r="AS6241">
        <v>0</v>
      </c>
      <c r="AT6241">
        <v>0</v>
      </c>
      <c r="AU6241">
        <v>0</v>
      </c>
      <c r="AV6241">
        <v>0</v>
      </c>
      <c r="AW6241">
        <v>0</v>
      </c>
      <c r="AX6241">
        <v>0</v>
      </c>
      <c r="AY6241">
        <v>0</v>
      </c>
      <c r="AZ6241">
        <v>0</v>
      </c>
      <c r="BA6241">
        <v>0</v>
      </c>
    </row>
    <row r="6242" spans="1:53" x14ac:dyDescent="0.4">
      <c r="A6242">
        <v>6286</v>
      </c>
      <c r="B6242" s="1">
        <v>45217</v>
      </c>
      <c r="C6242">
        <v>2</v>
      </c>
      <c r="D6242" s="1">
        <v>45217.443749999999</v>
      </c>
      <c r="E6242" s="1">
        <v>45217.75</v>
      </c>
      <c r="F6242">
        <v>20930</v>
      </c>
      <c r="G6242">
        <v>5445</v>
      </c>
      <c r="H6242">
        <v>0</v>
      </c>
      <c r="I6242">
        <v>0</v>
      </c>
      <c r="J6242">
        <v>100</v>
      </c>
      <c r="K6242">
        <v>0</v>
      </c>
      <c r="L6242">
        <v>0</v>
      </c>
      <c r="M6242">
        <v>2389</v>
      </c>
      <c r="N6242">
        <v>0</v>
      </c>
      <c r="O6242">
        <v>0</v>
      </c>
      <c r="P6242">
        <v>19050</v>
      </c>
      <c r="Q6242">
        <v>0</v>
      </c>
      <c r="R6242">
        <v>45325</v>
      </c>
      <c r="S6242">
        <v>0</v>
      </c>
      <c r="T6242">
        <v>0</v>
      </c>
      <c r="U6242">
        <v>0</v>
      </c>
      <c r="V6242">
        <v>0</v>
      </c>
      <c r="W6242">
        <v>3</v>
      </c>
      <c r="X6242">
        <v>0</v>
      </c>
      <c r="Y6242">
        <v>49</v>
      </c>
      <c r="Z6242">
        <v>8</v>
      </c>
      <c r="AA6242">
        <v>85</v>
      </c>
      <c r="AB6242">
        <v>43</v>
      </c>
      <c r="AC6242">
        <v>50</v>
      </c>
      <c r="AD6242">
        <v>42</v>
      </c>
      <c r="AE6242">
        <v>90</v>
      </c>
      <c r="AF6242">
        <v>15875</v>
      </c>
      <c r="AG6242">
        <v>95325</v>
      </c>
      <c r="AH6242">
        <v>50000</v>
      </c>
      <c r="AI6242">
        <v>0</v>
      </c>
      <c r="AJ6242">
        <v>36</v>
      </c>
      <c r="AK6242" t="s">
        <v>68</v>
      </c>
      <c r="AL6242">
        <v>0</v>
      </c>
      <c r="AM6242">
        <v>0</v>
      </c>
      <c r="AN6242">
        <v>0</v>
      </c>
      <c r="AO6242">
        <v>0</v>
      </c>
      <c r="AP6242">
        <v>0</v>
      </c>
      <c r="AQ6242">
        <v>0</v>
      </c>
      <c r="AR6242">
        <v>0</v>
      </c>
      <c r="AS6242">
        <v>0</v>
      </c>
      <c r="AT6242">
        <v>0</v>
      </c>
      <c r="AU6242">
        <v>0</v>
      </c>
      <c r="AV6242">
        <v>0</v>
      </c>
      <c r="AW6242">
        <v>0</v>
      </c>
      <c r="AX6242">
        <v>-1020</v>
      </c>
      <c r="AY6242">
        <v>36</v>
      </c>
      <c r="AZ6242">
        <v>66</v>
      </c>
      <c r="BA6242">
        <v>5084</v>
      </c>
    </row>
    <row r="6243" spans="1:53" x14ac:dyDescent="0.4">
      <c r="A6243">
        <v>6287</v>
      </c>
      <c r="B6243" s="1">
        <v>45217</v>
      </c>
      <c r="C6243">
        <v>3</v>
      </c>
      <c r="D6243" s="1">
        <v>45217.75</v>
      </c>
      <c r="E6243" s="1">
        <v>45217.946527777778</v>
      </c>
      <c r="F6243">
        <v>30530</v>
      </c>
      <c r="G6243">
        <v>2900</v>
      </c>
      <c r="H6243">
        <v>0</v>
      </c>
      <c r="I6243">
        <v>0</v>
      </c>
      <c r="J6243">
        <v>100</v>
      </c>
      <c r="K6243">
        <v>1650</v>
      </c>
      <c r="L6243">
        <v>0</v>
      </c>
      <c r="M6243">
        <v>3177</v>
      </c>
      <c r="N6243">
        <v>0</v>
      </c>
      <c r="O6243">
        <v>0</v>
      </c>
      <c r="P6243">
        <v>-10330</v>
      </c>
      <c r="Q6243">
        <v>0</v>
      </c>
      <c r="R6243">
        <v>24650</v>
      </c>
      <c r="S6243">
        <v>0</v>
      </c>
      <c r="T6243">
        <v>0</v>
      </c>
      <c r="U6243">
        <v>0</v>
      </c>
      <c r="V6243">
        <v>1</v>
      </c>
      <c r="W6243">
        <v>3</v>
      </c>
      <c r="X6243">
        <v>0</v>
      </c>
      <c r="Y6243">
        <v>57</v>
      </c>
      <c r="Z6243">
        <v>12</v>
      </c>
      <c r="AA6243">
        <v>88</v>
      </c>
      <c r="AB6243">
        <v>43</v>
      </c>
      <c r="AC6243">
        <v>52</v>
      </c>
      <c r="AD6243">
        <v>42</v>
      </c>
      <c r="AE6243">
        <v>90</v>
      </c>
      <c r="AF6243">
        <v>20205</v>
      </c>
      <c r="AG6243">
        <v>119975</v>
      </c>
      <c r="AH6243">
        <v>50000</v>
      </c>
      <c r="AI6243">
        <v>0</v>
      </c>
      <c r="AJ6243">
        <v>39</v>
      </c>
      <c r="AK6243" t="s">
        <v>73</v>
      </c>
      <c r="AL6243">
        <v>0</v>
      </c>
      <c r="AM6243">
        <v>0</v>
      </c>
      <c r="AN6243">
        <v>0</v>
      </c>
      <c r="AO6243">
        <v>0</v>
      </c>
      <c r="AP6243">
        <v>0</v>
      </c>
      <c r="AQ6243">
        <v>0</v>
      </c>
      <c r="AR6243">
        <v>0</v>
      </c>
      <c r="AS6243">
        <v>0</v>
      </c>
      <c r="AT6243">
        <v>0</v>
      </c>
      <c r="AU6243">
        <v>0</v>
      </c>
      <c r="AV6243">
        <v>0</v>
      </c>
      <c r="AW6243">
        <v>0</v>
      </c>
      <c r="AX6243">
        <v>7200</v>
      </c>
      <c r="AY6243">
        <v>11</v>
      </c>
      <c r="AZ6243">
        <v>29</v>
      </c>
      <c r="BA6243">
        <v>2185</v>
      </c>
    </row>
    <row r="6244" spans="1:53" x14ac:dyDescent="0.4">
      <c r="A6244">
        <v>6288</v>
      </c>
      <c r="B6244" s="1">
        <v>45218</v>
      </c>
      <c r="C6244">
        <v>1</v>
      </c>
      <c r="D6244" s="1">
        <v>45218.291666666664</v>
      </c>
      <c r="E6244" s="1">
        <v>45218.450694444444</v>
      </c>
      <c r="F6244">
        <v>0</v>
      </c>
      <c r="G6244">
        <v>0</v>
      </c>
      <c r="H6244">
        <v>0</v>
      </c>
      <c r="I6244">
        <v>0</v>
      </c>
      <c r="J6244">
        <v>0</v>
      </c>
      <c r="K6244">
        <v>0</v>
      </c>
      <c r="L6244">
        <v>0</v>
      </c>
      <c r="M6244">
        <v>0</v>
      </c>
      <c r="N6244">
        <v>0</v>
      </c>
      <c r="O6244">
        <v>0</v>
      </c>
      <c r="P6244">
        <v>0</v>
      </c>
      <c r="Q6244">
        <v>0</v>
      </c>
      <c r="R6244">
        <v>0</v>
      </c>
      <c r="S6244">
        <v>0</v>
      </c>
      <c r="T6244">
        <v>0</v>
      </c>
      <c r="U6244">
        <v>0</v>
      </c>
      <c r="V6244">
        <v>0</v>
      </c>
      <c r="W6244">
        <v>1</v>
      </c>
      <c r="X6244">
        <v>0</v>
      </c>
      <c r="Y6244">
        <v>30</v>
      </c>
      <c r="Z6244">
        <v>10</v>
      </c>
      <c r="AA6244">
        <v>71</v>
      </c>
      <c r="AB6244">
        <v>41</v>
      </c>
      <c r="AC6244">
        <v>56</v>
      </c>
      <c r="AD6244">
        <v>41</v>
      </c>
      <c r="AE6244">
        <v>85</v>
      </c>
      <c r="AF6244">
        <v>0</v>
      </c>
      <c r="AG6244">
        <v>50000</v>
      </c>
      <c r="AH6244">
        <v>50000</v>
      </c>
      <c r="AI6244">
        <v>0</v>
      </c>
      <c r="AJ6244">
        <v>0</v>
      </c>
      <c r="AK6244" t="s">
        <v>6</v>
      </c>
      <c r="AL6244">
        <v>0</v>
      </c>
      <c r="AM6244">
        <v>0</v>
      </c>
      <c r="AN6244">
        <v>0</v>
      </c>
      <c r="AO6244">
        <v>0</v>
      </c>
      <c r="AP6244">
        <v>0</v>
      </c>
      <c r="AQ6244">
        <v>0</v>
      </c>
      <c r="AR6244">
        <v>0</v>
      </c>
      <c r="AS6244">
        <v>0</v>
      </c>
      <c r="AT6244">
        <v>0</v>
      </c>
      <c r="AU6244">
        <v>0</v>
      </c>
      <c r="AV6244">
        <v>0</v>
      </c>
      <c r="AW6244">
        <v>0</v>
      </c>
      <c r="AX6244">
        <v>0</v>
      </c>
      <c r="AY6244">
        <v>0</v>
      </c>
      <c r="AZ6244">
        <v>0</v>
      </c>
      <c r="BA6244">
        <v>0</v>
      </c>
    </row>
    <row r="6245" spans="1:53" x14ac:dyDescent="0.4">
      <c r="A6245">
        <v>6289</v>
      </c>
      <c r="B6245" s="1">
        <v>45218</v>
      </c>
      <c r="C6245">
        <v>2</v>
      </c>
      <c r="D6245" s="1">
        <v>45218.450694444444</v>
      </c>
      <c r="E6245" s="1">
        <v>45218.724999999999</v>
      </c>
      <c r="F6245">
        <v>18120</v>
      </c>
      <c r="G6245">
        <v>0</v>
      </c>
      <c r="H6245">
        <v>0</v>
      </c>
      <c r="I6245">
        <v>0</v>
      </c>
      <c r="J6245">
        <v>200</v>
      </c>
      <c r="K6245">
        <v>0</v>
      </c>
      <c r="L6245">
        <v>0</v>
      </c>
      <c r="M6245">
        <v>1631</v>
      </c>
      <c r="N6245">
        <v>0</v>
      </c>
      <c r="O6245">
        <v>0</v>
      </c>
      <c r="P6245">
        <v>18590</v>
      </c>
      <c r="Q6245">
        <v>0</v>
      </c>
      <c r="R6245">
        <v>36510</v>
      </c>
      <c r="S6245">
        <v>0</v>
      </c>
      <c r="T6245">
        <v>0</v>
      </c>
      <c r="U6245">
        <v>0</v>
      </c>
      <c r="V6245">
        <v>4</v>
      </c>
      <c r="W6245">
        <v>1</v>
      </c>
      <c r="X6245">
        <v>0</v>
      </c>
      <c r="Y6245">
        <v>10</v>
      </c>
      <c r="Z6245">
        <v>11</v>
      </c>
      <c r="AA6245">
        <v>51</v>
      </c>
      <c r="AB6245">
        <v>38</v>
      </c>
      <c r="AC6245">
        <v>49</v>
      </c>
      <c r="AD6245">
        <v>40</v>
      </c>
      <c r="AE6245">
        <v>84</v>
      </c>
      <c r="AF6245">
        <v>18236</v>
      </c>
      <c r="AG6245">
        <v>86510</v>
      </c>
      <c r="AH6245">
        <v>50000</v>
      </c>
      <c r="AI6245">
        <v>0</v>
      </c>
      <c r="AJ6245">
        <v>38</v>
      </c>
      <c r="AK6245" t="s">
        <v>75</v>
      </c>
      <c r="AL6245">
        <v>0</v>
      </c>
      <c r="AM6245">
        <v>0</v>
      </c>
      <c r="AN6245">
        <v>0</v>
      </c>
      <c r="AO6245">
        <v>0</v>
      </c>
      <c r="AP6245">
        <v>0</v>
      </c>
      <c r="AQ6245">
        <v>0</v>
      </c>
      <c r="AR6245">
        <v>0</v>
      </c>
      <c r="AS6245">
        <v>0</v>
      </c>
      <c r="AT6245">
        <v>0</v>
      </c>
      <c r="AU6245">
        <v>0</v>
      </c>
      <c r="AV6245">
        <v>0</v>
      </c>
      <c r="AW6245">
        <v>0</v>
      </c>
      <c r="AX6245">
        <v>-85</v>
      </c>
      <c r="AY6245">
        <v>39</v>
      </c>
      <c r="AZ6245">
        <v>62</v>
      </c>
      <c r="BA6245">
        <v>4887</v>
      </c>
    </row>
    <row r="6246" spans="1:53" x14ac:dyDescent="0.4">
      <c r="A6246">
        <v>6290</v>
      </c>
      <c r="B6246" s="1">
        <v>45218</v>
      </c>
      <c r="C6246">
        <v>3</v>
      </c>
      <c r="D6246" s="1">
        <v>45218.724999999999</v>
      </c>
      <c r="E6246" s="1">
        <v>45218.958333333336</v>
      </c>
      <c r="F6246">
        <v>36260</v>
      </c>
      <c r="G6246">
        <v>1485</v>
      </c>
      <c r="H6246">
        <v>0</v>
      </c>
      <c r="I6246">
        <v>0</v>
      </c>
      <c r="J6246">
        <v>100</v>
      </c>
      <c r="K6246">
        <v>0</v>
      </c>
      <c r="L6246">
        <v>0</v>
      </c>
      <c r="M6246">
        <v>3423</v>
      </c>
      <c r="N6246">
        <v>0</v>
      </c>
      <c r="O6246">
        <v>0</v>
      </c>
      <c r="P6246">
        <v>-18590</v>
      </c>
      <c r="Q6246">
        <v>0</v>
      </c>
      <c r="R6246">
        <v>19055</v>
      </c>
      <c r="S6246">
        <v>0</v>
      </c>
      <c r="T6246">
        <v>0</v>
      </c>
      <c r="U6246">
        <v>0</v>
      </c>
      <c r="V6246">
        <v>4</v>
      </c>
      <c r="W6246">
        <v>1</v>
      </c>
      <c r="X6246">
        <v>0</v>
      </c>
      <c r="Y6246">
        <v>21</v>
      </c>
      <c r="Z6246">
        <v>15</v>
      </c>
      <c r="AA6246">
        <v>42</v>
      </c>
      <c r="AB6246">
        <v>36</v>
      </c>
      <c r="AC6246">
        <v>60</v>
      </c>
      <c r="AD6246">
        <v>40</v>
      </c>
      <c r="AE6246">
        <v>84</v>
      </c>
      <c r="AF6246">
        <v>25181</v>
      </c>
      <c r="AG6246">
        <v>105565</v>
      </c>
      <c r="AH6246">
        <v>50000</v>
      </c>
      <c r="AI6246">
        <v>0</v>
      </c>
      <c r="AJ6246">
        <v>120</v>
      </c>
      <c r="AK6246" t="s">
        <v>2</v>
      </c>
      <c r="AL6246">
        <v>0</v>
      </c>
      <c r="AM6246">
        <v>0</v>
      </c>
      <c r="AN6246">
        <v>0</v>
      </c>
      <c r="AO6246">
        <v>0</v>
      </c>
      <c r="AP6246">
        <v>0</v>
      </c>
      <c r="AQ6246">
        <v>0</v>
      </c>
      <c r="AR6246">
        <v>0</v>
      </c>
      <c r="AS6246">
        <v>0</v>
      </c>
      <c r="AT6246">
        <v>0</v>
      </c>
      <c r="AU6246">
        <v>0</v>
      </c>
      <c r="AV6246">
        <v>0</v>
      </c>
      <c r="AW6246">
        <v>0</v>
      </c>
      <c r="AX6246">
        <v>15558</v>
      </c>
      <c r="AY6246">
        <v>14</v>
      </c>
      <c r="AZ6246">
        <v>31</v>
      </c>
      <c r="BA6246">
        <v>2517</v>
      </c>
    </row>
    <row r="6247" spans="1:53" x14ac:dyDescent="0.4">
      <c r="A6247">
        <v>6291</v>
      </c>
      <c r="B6247" s="1">
        <v>45219</v>
      </c>
      <c r="C6247">
        <v>1</v>
      </c>
      <c r="D6247" s="1">
        <v>45219.291666666664</v>
      </c>
      <c r="E6247" s="1">
        <v>45219.425694444442</v>
      </c>
      <c r="F6247">
        <v>0</v>
      </c>
      <c r="G6247">
        <v>0</v>
      </c>
      <c r="H6247">
        <v>0</v>
      </c>
      <c r="I6247">
        <v>0</v>
      </c>
      <c r="J6247">
        <v>0</v>
      </c>
      <c r="K6247">
        <v>0</v>
      </c>
      <c r="L6247">
        <v>0</v>
      </c>
      <c r="M6247">
        <v>0</v>
      </c>
      <c r="N6247">
        <v>0</v>
      </c>
      <c r="O6247">
        <v>0</v>
      </c>
      <c r="P6247">
        <v>0</v>
      </c>
      <c r="Q6247">
        <v>0</v>
      </c>
      <c r="R6247">
        <v>0</v>
      </c>
      <c r="S6247">
        <v>0</v>
      </c>
      <c r="T6247">
        <v>0</v>
      </c>
      <c r="U6247">
        <v>0</v>
      </c>
      <c r="V6247">
        <v>0</v>
      </c>
      <c r="W6247">
        <v>1</v>
      </c>
      <c r="X6247">
        <v>0</v>
      </c>
      <c r="Y6247">
        <v>27</v>
      </c>
      <c r="Z6247">
        <v>17</v>
      </c>
      <c r="AA6247">
        <v>68</v>
      </c>
      <c r="AB6247">
        <v>36</v>
      </c>
      <c r="AC6247">
        <v>62</v>
      </c>
      <c r="AD6247">
        <v>37</v>
      </c>
      <c r="AE6247">
        <v>95</v>
      </c>
      <c r="AF6247">
        <v>0</v>
      </c>
      <c r="AG6247">
        <v>50000</v>
      </c>
      <c r="AH6247">
        <v>50000</v>
      </c>
      <c r="AI6247">
        <v>0</v>
      </c>
      <c r="AJ6247">
        <v>0</v>
      </c>
      <c r="AK6247" t="s">
        <v>6</v>
      </c>
      <c r="AL6247">
        <v>0</v>
      </c>
      <c r="AM6247">
        <v>0</v>
      </c>
      <c r="AN6247">
        <v>0</v>
      </c>
      <c r="AO6247">
        <v>0</v>
      </c>
      <c r="AP6247">
        <v>0</v>
      </c>
      <c r="AQ6247">
        <v>0</v>
      </c>
      <c r="AR6247">
        <v>0</v>
      </c>
      <c r="AS6247">
        <v>0</v>
      </c>
      <c r="AT6247">
        <v>0</v>
      </c>
      <c r="AU6247">
        <v>0</v>
      </c>
      <c r="AV6247">
        <v>0</v>
      </c>
      <c r="AW6247">
        <v>0</v>
      </c>
      <c r="AX6247">
        <v>0</v>
      </c>
      <c r="AY6247">
        <v>0</v>
      </c>
      <c r="AZ6247">
        <v>0</v>
      </c>
      <c r="BA6247">
        <v>0</v>
      </c>
    </row>
    <row r="6248" spans="1:53" x14ac:dyDescent="0.4">
      <c r="A6248">
        <v>6292</v>
      </c>
      <c r="B6248" s="1">
        <v>45219</v>
      </c>
      <c r="C6248">
        <v>2</v>
      </c>
      <c r="D6248" s="1">
        <v>45219.425694444442</v>
      </c>
      <c r="E6248" s="1">
        <v>45219.745138888888</v>
      </c>
      <c r="F6248">
        <v>19790</v>
      </c>
      <c r="G6248">
        <v>440</v>
      </c>
      <c r="H6248">
        <v>0</v>
      </c>
      <c r="I6248">
        <v>0</v>
      </c>
      <c r="J6248">
        <v>100</v>
      </c>
      <c r="K6248">
        <v>0</v>
      </c>
      <c r="L6248">
        <v>0</v>
      </c>
      <c r="M6248">
        <v>1830</v>
      </c>
      <c r="N6248">
        <v>0</v>
      </c>
      <c r="O6248">
        <v>0</v>
      </c>
      <c r="P6248">
        <v>26110</v>
      </c>
      <c r="Q6248">
        <v>0</v>
      </c>
      <c r="R6248">
        <v>46240</v>
      </c>
      <c r="S6248">
        <v>0</v>
      </c>
      <c r="T6248">
        <v>0</v>
      </c>
      <c r="U6248">
        <v>0</v>
      </c>
      <c r="V6248">
        <v>0</v>
      </c>
      <c r="W6248">
        <v>2</v>
      </c>
      <c r="X6248">
        <v>0</v>
      </c>
      <c r="Y6248">
        <v>59</v>
      </c>
      <c r="Z6248">
        <v>31</v>
      </c>
      <c r="AA6248">
        <v>35</v>
      </c>
      <c r="AB6248">
        <v>34</v>
      </c>
      <c r="AC6248">
        <v>49</v>
      </c>
      <c r="AD6248">
        <v>37</v>
      </c>
      <c r="AE6248">
        <v>95</v>
      </c>
      <c r="AF6248">
        <v>5770</v>
      </c>
      <c r="AG6248">
        <v>96240</v>
      </c>
      <c r="AH6248">
        <v>50000</v>
      </c>
      <c r="AI6248">
        <v>0</v>
      </c>
      <c r="AJ6248">
        <v>115</v>
      </c>
      <c r="AK6248" t="s">
        <v>55</v>
      </c>
      <c r="AL6248">
        <v>0</v>
      </c>
      <c r="AM6248">
        <v>0</v>
      </c>
      <c r="AN6248">
        <v>0</v>
      </c>
      <c r="AO6248">
        <v>0</v>
      </c>
      <c r="AP6248">
        <v>0</v>
      </c>
      <c r="AQ6248">
        <v>0</v>
      </c>
      <c r="AR6248">
        <v>0</v>
      </c>
      <c r="AS6248">
        <v>0</v>
      </c>
      <c r="AT6248">
        <v>0</v>
      </c>
      <c r="AU6248">
        <v>0</v>
      </c>
      <c r="AV6248">
        <v>0</v>
      </c>
      <c r="AW6248">
        <v>0</v>
      </c>
      <c r="AX6248">
        <v>1210</v>
      </c>
      <c r="AY6248">
        <v>36</v>
      </c>
      <c r="AZ6248">
        <v>74</v>
      </c>
      <c r="BA6248">
        <v>4687</v>
      </c>
    </row>
    <row r="6249" spans="1:53" x14ac:dyDescent="0.4">
      <c r="A6249">
        <v>6293</v>
      </c>
      <c r="B6249" s="1">
        <v>45219</v>
      </c>
      <c r="C6249">
        <v>3</v>
      </c>
      <c r="D6249" s="1">
        <v>45219.745138888888</v>
      </c>
      <c r="E6249" s="1">
        <v>45219.965277777781</v>
      </c>
      <c r="F6249">
        <v>124230</v>
      </c>
      <c r="G6249">
        <v>4642</v>
      </c>
      <c r="H6249">
        <v>0</v>
      </c>
      <c r="I6249">
        <v>0</v>
      </c>
      <c r="J6249">
        <v>200</v>
      </c>
      <c r="K6249">
        <v>0</v>
      </c>
      <c r="L6249">
        <v>0</v>
      </c>
      <c r="M6249">
        <v>11700</v>
      </c>
      <c r="N6249">
        <v>0</v>
      </c>
      <c r="O6249">
        <v>0</v>
      </c>
      <c r="P6249">
        <v>-26110</v>
      </c>
      <c r="Q6249">
        <v>0</v>
      </c>
      <c r="R6249">
        <v>102562</v>
      </c>
      <c r="S6249">
        <v>0</v>
      </c>
      <c r="T6249">
        <v>0</v>
      </c>
      <c r="U6249">
        <v>0</v>
      </c>
      <c r="V6249">
        <v>5</v>
      </c>
      <c r="W6249">
        <v>1</v>
      </c>
      <c r="X6249">
        <v>0</v>
      </c>
      <c r="Y6249">
        <v>78</v>
      </c>
      <c r="Z6249">
        <v>29</v>
      </c>
      <c r="AA6249">
        <v>57</v>
      </c>
      <c r="AB6249">
        <v>33</v>
      </c>
      <c r="AC6249">
        <v>43</v>
      </c>
      <c r="AD6249">
        <v>35</v>
      </c>
      <c r="AE6249">
        <v>91</v>
      </c>
      <c r="AF6249">
        <v>43256</v>
      </c>
      <c r="AG6249">
        <v>198802</v>
      </c>
      <c r="AH6249">
        <v>50000</v>
      </c>
      <c r="AI6249">
        <v>0</v>
      </c>
      <c r="AJ6249">
        <v>104</v>
      </c>
      <c r="AK6249" t="s">
        <v>60</v>
      </c>
      <c r="AL6249">
        <v>0</v>
      </c>
      <c r="AM6249">
        <v>0</v>
      </c>
      <c r="AN6249">
        <v>0</v>
      </c>
      <c r="AO6249">
        <v>0</v>
      </c>
      <c r="AP6249">
        <v>0</v>
      </c>
      <c r="AQ6249">
        <v>0</v>
      </c>
      <c r="AR6249">
        <v>0</v>
      </c>
      <c r="AS6249">
        <v>0</v>
      </c>
      <c r="AT6249">
        <v>0</v>
      </c>
      <c r="AU6249">
        <v>0</v>
      </c>
      <c r="AV6249">
        <v>0</v>
      </c>
      <c r="AW6249">
        <v>0</v>
      </c>
      <c r="AX6249">
        <v>5940</v>
      </c>
      <c r="AY6249">
        <v>19</v>
      </c>
      <c r="AZ6249">
        <v>63</v>
      </c>
      <c r="BA6249">
        <v>3330</v>
      </c>
    </row>
    <row r="6250" spans="1:53" x14ac:dyDescent="0.4">
      <c r="A6250">
        <v>6294</v>
      </c>
      <c r="B6250" s="1">
        <v>45220</v>
      </c>
      <c r="C6250">
        <v>1</v>
      </c>
      <c r="D6250" s="1">
        <v>45220.291666666664</v>
      </c>
      <c r="E6250" s="1">
        <v>45220.40902777778</v>
      </c>
      <c r="F6250">
        <v>0</v>
      </c>
      <c r="G6250">
        <v>0</v>
      </c>
      <c r="H6250">
        <v>0</v>
      </c>
      <c r="I6250">
        <v>0</v>
      </c>
      <c r="J6250">
        <v>0</v>
      </c>
      <c r="K6250">
        <v>0</v>
      </c>
      <c r="L6250">
        <v>0</v>
      </c>
      <c r="M6250">
        <v>0</v>
      </c>
      <c r="N6250">
        <v>0</v>
      </c>
      <c r="O6250">
        <v>0</v>
      </c>
      <c r="P6250">
        <v>0</v>
      </c>
      <c r="Q6250">
        <v>0</v>
      </c>
      <c r="R6250">
        <v>0</v>
      </c>
      <c r="S6250">
        <v>0</v>
      </c>
      <c r="T6250">
        <v>0</v>
      </c>
      <c r="U6250">
        <v>0</v>
      </c>
      <c r="V6250">
        <v>0</v>
      </c>
      <c r="W6250">
        <v>0</v>
      </c>
      <c r="X6250">
        <v>0</v>
      </c>
      <c r="Y6250">
        <v>36</v>
      </c>
      <c r="Z6250">
        <v>10</v>
      </c>
      <c r="AA6250">
        <v>64</v>
      </c>
      <c r="AB6250">
        <v>35</v>
      </c>
      <c r="AC6250">
        <v>59</v>
      </c>
      <c r="AD6250">
        <v>34</v>
      </c>
      <c r="AE6250">
        <v>90</v>
      </c>
      <c r="AF6250">
        <v>0</v>
      </c>
      <c r="AG6250">
        <v>50000</v>
      </c>
      <c r="AH6250">
        <v>50000</v>
      </c>
      <c r="AI6250">
        <v>0</v>
      </c>
      <c r="AJ6250">
        <v>0</v>
      </c>
      <c r="AK6250" t="s">
        <v>6</v>
      </c>
      <c r="AL6250">
        <v>0</v>
      </c>
      <c r="AM6250">
        <v>0</v>
      </c>
      <c r="AN6250">
        <v>0</v>
      </c>
      <c r="AO6250">
        <v>0</v>
      </c>
      <c r="AP6250">
        <v>0</v>
      </c>
      <c r="AQ6250">
        <v>0</v>
      </c>
      <c r="AR6250">
        <v>0</v>
      </c>
      <c r="AS6250">
        <v>0</v>
      </c>
      <c r="AT6250">
        <v>0</v>
      </c>
      <c r="AU6250">
        <v>0</v>
      </c>
      <c r="AV6250">
        <v>0</v>
      </c>
      <c r="AW6250">
        <v>0</v>
      </c>
      <c r="AX6250">
        <v>0</v>
      </c>
      <c r="AY6250">
        <v>0</v>
      </c>
      <c r="AZ6250">
        <v>0</v>
      </c>
      <c r="BA6250">
        <v>0</v>
      </c>
    </row>
    <row r="6251" spans="1:53" x14ac:dyDescent="0.4">
      <c r="A6251">
        <v>6295</v>
      </c>
      <c r="B6251" s="1">
        <v>45220</v>
      </c>
      <c r="C6251">
        <v>2</v>
      </c>
      <c r="D6251" s="1">
        <v>45220.40902777778</v>
      </c>
      <c r="E6251" s="1">
        <v>45220.745138888888</v>
      </c>
      <c r="F6251">
        <v>49130</v>
      </c>
      <c r="G6251">
        <v>2563</v>
      </c>
      <c r="H6251">
        <v>0</v>
      </c>
      <c r="I6251">
        <v>0</v>
      </c>
      <c r="J6251">
        <v>300</v>
      </c>
      <c r="K6251">
        <v>0</v>
      </c>
      <c r="L6251">
        <v>0</v>
      </c>
      <c r="M6251">
        <v>4673</v>
      </c>
      <c r="N6251">
        <v>0</v>
      </c>
      <c r="O6251">
        <v>0</v>
      </c>
      <c r="P6251">
        <v>25770</v>
      </c>
      <c r="Q6251">
        <v>0</v>
      </c>
      <c r="R6251">
        <v>77163</v>
      </c>
      <c r="S6251">
        <v>0</v>
      </c>
      <c r="T6251">
        <v>0</v>
      </c>
      <c r="U6251">
        <v>0</v>
      </c>
      <c r="V6251">
        <v>3</v>
      </c>
      <c r="W6251">
        <v>3</v>
      </c>
      <c r="X6251">
        <v>0</v>
      </c>
      <c r="Y6251">
        <v>52</v>
      </c>
      <c r="Z6251">
        <v>18</v>
      </c>
      <c r="AA6251">
        <v>102</v>
      </c>
      <c r="AB6251">
        <v>31</v>
      </c>
      <c r="AC6251">
        <v>76</v>
      </c>
      <c r="AD6251">
        <v>35</v>
      </c>
      <c r="AE6251">
        <v>88</v>
      </c>
      <c r="AF6251">
        <v>8390</v>
      </c>
      <c r="AG6251">
        <v>127163</v>
      </c>
      <c r="AH6251">
        <v>50000</v>
      </c>
      <c r="AI6251">
        <v>0</v>
      </c>
      <c r="AJ6251">
        <v>45</v>
      </c>
      <c r="AK6251" t="s">
        <v>77</v>
      </c>
      <c r="AL6251">
        <v>0</v>
      </c>
      <c r="AM6251">
        <v>0</v>
      </c>
      <c r="AN6251">
        <v>0</v>
      </c>
      <c r="AO6251">
        <v>0</v>
      </c>
      <c r="AP6251">
        <v>0</v>
      </c>
      <c r="AQ6251">
        <v>0</v>
      </c>
      <c r="AR6251">
        <v>0</v>
      </c>
      <c r="AS6251">
        <v>0</v>
      </c>
      <c r="AT6251">
        <v>0</v>
      </c>
      <c r="AU6251">
        <v>0</v>
      </c>
      <c r="AV6251">
        <v>0</v>
      </c>
      <c r="AW6251">
        <v>0</v>
      </c>
      <c r="AX6251">
        <v>-3180</v>
      </c>
      <c r="AY6251">
        <v>53</v>
      </c>
      <c r="AZ6251">
        <v>118</v>
      </c>
      <c r="BA6251">
        <v>8001</v>
      </c>
    </row>
    <row r="6252" spans="1:53" x14ac:dyDescent="0.4">
      <c r="A6252">
        <v>6296</v>
      </c>
      <c r="B6252" s="1">
        <v>45220</v>
      </c>
      <c r="C6252">
        <v>3</v>
      </c>
      <c r="D6252" s="1">
        <v>45220.745138888888</v>
      </c>
      <c r="E6252" s="1">
        <v>45220.966666666667</v>
      </c>
      <c r="F6252">
        <v>86390</v>
      </c>
      <c r="G6252">
        <v>0</v>
      </c>
      <c r="H6252">
        <v>0</v>
      </c>
      <c r="I6252">
        <v>0</v>
      </c>
      <c r="J6252">
        <v>0</v>
      </c>
      <c r="K6252">
        <v>0</v>
      </c>
      <c r="L6252">
        <v>0</v>
      </c>
      <c r="M6252">
        <v>7852</v>
      </c>
      <c r="N6252">
        <v>0</v>
      </c>
      <c r="O6252">
        <v>0</v>
      </c>
      <c r="P6252">
        <v>4530</v>
      </c>
      <c r="Q6252">
        <v>0</v>
      </c>
      <c r="R6252">
        <v>90920</v>
      </c>
      <c r="S6252">
        <v>0</v>
      </c>
      <c r="T6252">
        <v>0</v>
      </c>
      <c r="U6252">
        <v>0</v>
      </c>
      <c r="V6252">
        <v>8</v>
      </c>
      <c r="W6252">
        <v>7</v>
      </c>
      <c r="X6252">
        <v>0</v>
      </c>
      <c r="Y6252">
        <v>69</v>
      </c>
      <c r="Z6252">
        <v>18</v>
      </c>
      <c r="AA6252">
        <v>96</v>
      </c>
      <c r="AB6252">
        <v>30</v>
      </c>
      <c r="AC6252">
        <v>73</v>
      </c>
      <c r="AD6252">
        <v>35</v>
      </c>
      <c r="AE6252">
        <v>88</v>
      </c>
      <c r="AF6252">
        <v>12990</v>
      </c>
      <c r="AG6252">
        <v>218083</v>
      </c>
      <c r="AH6252">
        <v>50000</v>
      </c>
      <c r="AI6252">
        <v>0</v>
      </c>
      <c r="AJ6252">
        <v>40</v>
      </c>
      <c r="AK6252" t="s">
        <v>71</v>
      </c>
      <c r="AL6252">
        <v>0</v>
      </c>
      <c r="AM6252">
        <v>0</v>
      </c>
      <c r="AN6252">
        <v>0</v>
      </c>
      <c r="AO6252">
        <v>0</v>
      </c>
      <c r="AP6252">
        <v>0</v>
      </c>
      <c r="AQ6252">
        <v>0</v>
      </c>
      <c r="AR6252">
        <v>0</v>
      </c>
      <c r="AS6252">
        <v>0</v>
      </c>
      <c r="AT6252">
        <v>0</v>
      </c>
      <c r="AU6252">
        <v>0</v>
      </c>
      <c r="AV6252">
        <v>0</v>
      </c>
      <c r="AW6252">
        <v>0</v>
      </c>
      <c r="AX6252">
        <v>34780</v>
      </c>
      <c r="AY6252">
        <v>21</v>
      </c>
      <c r="AZ6252">
        <v>72</v>
      </c>
      <c r="BA6252">
        <v>3163</v>
      </c>
    </row>
    <row r="6253" spans="1:53" x14ac:dyDescent="0.4">
      <c r="A6253">
        <v>6297</v>
      </c>
      <c r="B6253" s="1">
        <v>45220</v>
      </c>
      <c r="C6253">
        <v>4</v>
      </c>
      <c r="D6253" s="1">
        <v>45220.966666666667</v>
      </c>
      <c r="E6253" s="1">
        <v>45221.088194444441</v>
      </c>
      <c r="F6253">
        <v>59110</v>
      </c>
      <c r="G6253">
        <v>0</v>
      </c>
      <c r="H6253">
        <v>0</v>
      </c>
      <c r="I6253">
        <v>0</v>
      </c>
      <c r="J6253">
        <v>0</v>
      </c>
      <c r="K6253">
        <v>0</v>
      </c>
      <c r="L6253">
        <v>0</v>
      </c>
      <c r="M6253">
        <v>5373</v>
      </c>
      <c r="N6253">
        <v>0</v>
      </c>
      <c r="O6253">
        <v>0</v>
      </c>
      <c r="P6253">
        <v>49620</v>
      </c>
      <c r="Q6253">
        <v>0</v>
      </c>
      <c r="R6253">
        <v>108730</v>
      </c>
      <c r="S6253">
        <v>0</v>
      </c>
      <c r="T6253">
        <v>0</v>
      </c>
      <c r="U6253">
        <v>0</v>
      </c>
      <c r="V6253">
        <v>14</v>
      </c>
      <c r="W6253">
        <v>10</v>
      </c>
      <c r="X6253">
        <v>0</v>
      </c>
      <c r="Y6253">
        <v>81</v>
      </c>
      <c r="Z6253">
        <v>16</v>
      </c>
      <c r="AA6253">
        <v>85</v>
      </c>
      <c r="AB6253">
        <v>27</v>
      </c>
      <c r="AC6253">
        <v>75</v>
      </c>
      <c r="AD6253">
        <v>35</v>
      </c>
      <c r="AE6253">
        <v>88</v>
      </c>
      <c r="AF6253">
        <v>36950</v>
      </c>
      <c r="AG6253">
        <v>326813</v>
      </c>
      <c r="AH6253">
        <v>50000</v>
      </c>
      <c r="AI6253">
        <v>0</v>
      </c>
      <c r="AJ6253">
        <v>104</v>
      </c>
      <c r="AK6253" t="s">
        <v>60</v>
      </c>
      <c r="AL6253">
        <v>0</v>
      </c>
      <c r="AM6253">
        <v>0</v>
      </c>
      <c r="AN6253">
        <v>0</v>
      </c>
      <c r="AO6253">
        <v>0</v>
      </c>
      <c r="AP6253">
        <v>0</v>
      </c>
      <c r="AQ6253">
        <v>0</v>
      </c>
      <c r="AR6253">
        <v>0</v>
      </c>
      <c r="AS6253">
        <v>0</v>
      </c>
      <c r="AT6253">
        <v>0</v>
      </c>
      <c r="AU6253">
        <v>0</v>
      </c>
      <c r="AV6253">
        <v>0</v>
      </c>
      <c r="AW6253">
        <v>0</v>
      </c>
      <c r="AX6253">
        <v>-1640</v>
      </c>
      <c r="AY6253">
        <v>11</v>
      </c>
      <c r="AZ6253">
        <v>39</v>
      </c>
      <c r="BA6253">
        <v>1770</v>
      </c>
    </row>
    <row r="6254" spans="1:53" x14ac:dyDescent="0.4">
      <c r="A6254">
        <v>6298</v>
      </c>
      <c r="B6254" s="1">
        <v>45221</v>
      </c>
      <c r="C6254">
        <v>1</v>
      </c>
      <c r="D6254" s="1">
        <v>45221.291666666664</v>
      </c>
      <c r="E6254" s="1">
        <v>45221.402083333334</v>
      </c>
      <c r="F6254">
        <v>0</v>
      </c>
      <c r="G6254">
        <v>0</v>
      </c>
      <c r="H6254">
        <v>0</v>
      </c>
      <c r="I6254">
        <v>0</v>
      </c>
      <c r="J6254">
        <v>0</v>
      </c>
      <c r="K6254">
        <v>0</v>
      </c>
      <c r="L6254">
        <v>0</v>
      </c>
      <c r="M6254">
        <v>0</v>
      </c>
      <c r="N6254">
        <v>0</v>
      </c>
      <c r="O6254">
        <v>0</v>
      </c>
      <c r="P6254">
        <v>0</v>
      </c>
      <c r="Q6254">
        <v>0</v>
      </c>
      <c r="R6254">
        <v>0</v>
      </c>
      <c r="S6254">
        <v>0</v>
      </c>
      <c r="T6254">
        <v>0</v>
      </c>
      <c r="U6254">
        <v>0</v>
      </c>
      <c r="V6254">
        <v>0</v>
      </c>
      <c r="W6254">
        <v>1</v>
      </c>
      <c r="X6254">
        <v>0</v>
      </c>
      <c r="Y6254">
        <v>30</v>
      </c>
      <c r="Z6254">
        <v>10</v>
      </c>
      <c r="AA6254">
        <v>78</v>
      </c>
      <c r="AB6254">
        <v>26</v>
      </c>
      <c r="AC6254">
        <v>66</v>
      </c>
      <c r="AD6254">
        <v>30</v>
      </c>
      <c r="AE6254">
        <v>90</v>
      </c>
      <c r="AF6254">
        <v>0</v>
      </c>
      <c r="AG6254">
        <v>50000</v>
      </c>
      <c r="AH6254">
        <v>50000</v>
      </c>
      <c r="AI6254">
        <v>0</v>
      </c>
      <c r="AJ6254">
        <v>0</v>
      </c>
      <c r="AK6254" t="s">
        <v>6</v>
      </c>
      <c r="AL6254">
        <v>0</v>
      </c>
      <c r="AM6254">
        <v>0</v>
      </c>
      <c r="AN6254">
        <v>0</v>
      </c>
      <c r="AO6254">
        <v>0</v>
      </c>
      <c r="AP6254">
        <v>0</v>
      </c>
      <c r="AQ6254">
        <v>0</v>
      </c>
      <c r="AR6254">
        <v>0</v>
      </c>
      <c r="AS6254">
        <v>0</v>
      </c>
      <c r="AT6254">
        <v>0</v>
      </c>
      <c r="AU6254">
        <v>0</v>
      </c>
      <c r="AV6254">
        <v>0</v>
      </c>
      <c r="AW6254">
        <v>0</v>
      </c>
      <c r="AX6254">
        <v>0</v>
      </c>
      <c r="AY6254">
        <v>0</v>
      </c>
      <c r="AZ6254">
        <v>0</v>
      </c>
      <c r="BA6254">
        <v>0</v>
      </c>
    </row>
    <row r="6255" spans="1:53" x14ac:dyDescent="0.4">
      <c r="A6255">
        <v>6299</v>
      </c>
      <c r="B6255" s="1">
        <v>45221</v>
      </c>
      <c r="C6255">
        <v>2</v>
      </c>
      <c r="D6255" s="1">
        <v>45221.402083333334</v>
      </c>
      <c r="E6255" s="1">
        <v>45221.731944444444</v>
      </c>
      <c r="F6255">
        <v>51260</v>
      </c>
      <c r="G6255">
        <v>8850</v>
      </c>
      <c r="H6255">
        <v>0</v>
      </c>
      <c r="I6255">
        <v>0</v>
      </c>
      <c r="J6255">
        <v>300</v>
      </c>
      <c r="K6255">
        <v>900</v>
      </c>
      <c r="L6255">
        <v>0</v>
      </c>
      <c r="M6255">
        <v>5519</v>
      </c>
      <c r="N6255">
        <v>0</v>
      </c>
      <c r="O6255">
        <v>0</v>
      </c>
      <c r="P6255">
        <v>30340</v>
      </c>
      <c r="Q6255">
        <v>0</v>
      </c>
      <c r="R6255">
        <v>91050</v>
      </c>
      <c r="S6255">
        <v>0</v>
      </c>
      <c r="T6255">
        <v>0</v>
      </c>
      <c r="U6255">
        <v>0</v>
      </c>
      <c r="V6255">
        <v>6</v>
      </c>
      <c r="W6255">
        <v>1</v>
      </c>
      <c r="X6255">
        <v>0</v>
      </c>
      <c r="Y6255">
        <v>41</v>
      </c>
      <c r="Z6255">
        <v>20</v>
      </c>
      <c r="AA6255">
        <v>74</v>
      </c>
      <c r="AB6255">
        <v>28</v>
      </c>
      <c r="AC6255">
        <v>88</v>
      </c>
      <c r="AD6255">
        <v>35</v>
      </c>
      <c r="AE6255">
        <v>105</v>
      </c>
      <c r="AF6255">
        <v>15090</v>
      </c>
      <c r="AG6255">
        <v>141050</v>
      </c>
      <c r="AH6255">
        <v>50000</v>
      </c>
      <c r="AI6255">
        <v>0</v>
      </c>
      <c r="AJ6255">
        <v>112</v>
      </c>
      <c r="AK6255" t="s">
        <v>78</v>
      </c>
      <c r="AL6255">
        <v>0</v>
      </c>
      <c r="AM6255">
        <v>0</v>
      </c>
      <c r="AN6255">
        <v>0</v>
      </c>
      <c r="AO6255">
        <v>0</v>
      </c>
      <c r="AP6255">
        <v>0</v>
      </c>
      <c r="AQ6255">
        <v>0</v>
      </c>
      <c r="AR6255">
        <v>0</v>
      </c>
      <c r="AS6255">
        <v>0</v>
      </c>
      <c r="AT6255">
        <v>0</v>
      </c>
      <c r="AU6255">
        <v>0</v>
      </c>
      <c r="AV6255">
        <v>0</v>
      </c>
      <c r="AW6255">
        <v>0</v>
      </c>
      <c r="AX6255">
        <v>6358</v>
      </c>
      <c r="AY6255">
        <v>52</v>
      </c>
      <c r="AZ6255">
        <v>129</v>
      </c>
      <c r="BA6255">
        <v>7694</v>
      </c>
    </row>
    <row r="6256" spans="1:53" x14ac:dyDescent="0.4">
      <c r="A6256">
        <v>6300</v>
      </c>
      <c r="B6256" s="1">
        <v>45221</v>
      </c>
      <c r="C6256">
        <v>3</v>
      </c>
      <c r="D6256" s="1">
        <v>45221.731944444444</v>
      </c>
      <c r="E6256" s="1">
        <v>45221.955555555556</v>
      </c>
      <c r="F6256">
        <v>58800</v>
      </c>
      <c r="G6256">
        <v>11363</v>
      </c>
      <c r="H6256">
        <v>0</v>
      </c>
      <c r="I6256">
        <v>0</v>
      </c>
      <c r="J6256">
        <v>0</v>
      </c>
      <c r="K6256">
        <v>0</v>
      </c>
      <c r="L6256">
        <v>0</v>
      </c>
      <c r="M6256">
        <v>6378</v>
      </c>
      <c r="N6256">
        <v>0</v>
      </c>
      <c r="O6256">
        <v>0</v>
      </c>
      <c r="P6256">
        <v>-25060</v>
      </c>
      <c r="Q6256">
        <v>0</v>
      </c>
      <c r="R6256">
        <v>45103</v>
      </c>
      <c r="S6256">
        <v>0</v>
      </c>
      <c r="T6256">
        <v>0</v>
      </c>
      <c r="U6256">
        <v>0</v>
      </c>
      <c r="V6256">
        <v>8</v>
      </c>
      <c r="W6256">
        <v>2</v>
      </c>
      <c r="X6256">
        <v>0</v>
      </c>
      <c r="Y6256">
        <v>40</v>
      </c>
      <c r="Z6256">
        <v>20</v>
      </c>
      <c r="AA6256">
        <v>83</v>
      </c>
      <c r="AB6256">
        <v>31</v>
      </c>
      <c r="AC6256">
        <v>95</v>
      </c>
      <c r="AD6256">
        <v>37</v>
      </c>
      <c r="AE6256">
        <v>103</v>
      </c>
      <c r="AF6256">
        <v>35065</v>
      </c>
      <c r="AG6256">
        <v>186153</v>
      </c>
      <c r="AH6256">
        <v>50000</v>
      </c>
      <c r="AI6256">
        <v>0</v>
      </c>
      <c r="AJ6256">
        <v>39</v>
      </c>
      <c r="AK6256" t="s">
        <v>73</v>
      </c>
      <c r="AL6256">
        <v>0</v>
      </c>
      <c r="AM6256">
        <v>0</v>
      </c>
      <c r="AN6256">
        <v>0</v>
      </c>
      <c r="AO6256">
        <v>0</v>
      </c>
      <c r="AP6256">
        <v>0</v>
      </c>
      <c r="AQ6256">
        <v>0</v>
      </c>
      <c r="AR6256">
        <v>0</v>
      </c>
      <c r="AS6256">
        <v>0</v>
      </c>
      <c r="AT6256">
        <v>0</v>
      </c>
      <c r="AU6256">
        <v>0</v>
      </c>
      <c r="AV6256">
        <v>0</v>
      </c>
      <c r="AW6256">
        <v>0</v>
      </c>
      <c r="AX6256">
        <v>-4675</v>
      </c>
      <c r="AY6256">
        <v>16</v>
      </c>
      <c r="AZ6256">
        <v>33</v>
      </c>
      <c r="BA6256">
        <v>3425</v>
      </c>
    </row>
    <row r="6257" spans="1:53" x14ac:dyDescent="0.4">
      <c r="A6257">
        <v>6301</v>
      </c>
      <c r="B6257" s="1">
        <v>45222</v>
      </c>
      <c r="C6257">
        <v>1</v>
      </c>
      <c r="D6257" s="1">
        <v>45222.291666666664</v>
      </c>
      <c r="E6257" s="1">
        <v>45222.45</v>
      </c>
      <c r="F6257">
        <v>0</v>
      </c>
      <c r="G6257">
        <v>0</v>
      </c>
      <c r="H6257">
        <v>0</v>
      </c>
      <c r="I6257">
        <v>0</v>
      </c>
      <c r="J6257">
        <v>0</v>
      </c>
      <c r="K6257">
        <v>0</v>
      </c>
      <c r="L6257">
        <v>0</v>
      </c>
      <c r="M6257">
        <v>0</v>
      </c>
      <c r="N6257">
        <v>0</v>
      </c>
      <c r="O6257">
        <v>0</v>
      </c>
      <c r="P6257">
        <v>0</v>
      </c>
      <c r="Q6257">
        <v>0</v>
      </c>
      <c r="R6257">
        <v>0</v>
      </c>
      <c r="S6257">
        <v>0</v>
      </c>
      <c r="T6257">
        <v>0</v>
      </c>
      <c r="U6257">
        <v>0</v>
      </c>
      <c r="V6257">
        <v>0</v>
      </c>
      <c r="W6257">
        <v>0</v>
      </c>
      <c r="X6257">
        <v>0</v>
      </c>
      <c r="Y6257">
        <v>35</v>
      </c>
      <c r="Z6257">
        <v>10</v>
      </c>
      <c r="AA6257">
        <v>74</v>
      </c>
      <c r="AB6257">
        <v>29</v>
      </c>
      <c r="AC6257">
        <v>87</v>
      </c>
      <c r="AD6257">
        <v>36</v>
      </c>
      <c r="AE6257">
        <v>100</v>
      </c>
      <c r="AF6257">
        <v>0</v>
      </c>
      <c r="AG6257">
        <v>50000</v>
      </c>
      <c r="AH6257">
        <v>50000</v>
      </c>
      <c r="AI6257">
        <v>0</v>
      </c>
      <c r="AJ6257">
        <v>0</v>
      </c>
      <c r="AK6257" t="s">
        <v>6</v>
      </c>
      <c r="AL6257">
        <v>0</v>
      </c>
      <c r="AM6257">
        <v>0</v>
      </c>
      <c r="AN6257">
        <v>0</v>
      </c>
      <c r="AO6257">
        <v>0</v>
      </c>
      <c r="AP6257">
        <v>0</v>
      </c>
      <c r="AQ6257">
        <v>0</v>
      </c>
      <c r="AR6257">
        <v>0</v>
      </c>
      <c r="AS6257">
        <v>0</v>
      </c>
      <c r="AT6257">
        <v>0</v>
      </c>
      <c r="AU6257">
        <v>0</v>
      </c>
      <c r="AV6257">
        <v>0</v>
      </c>
      <c r="AW6257">
        <v>0</v>
      </c>
      <c r="AX6257">
        <v>0</v>
      </c>
      <c r="AY6257">
        <v>0</v>
      </c>
      <c r="AZ6257">
        <v>0</v>
      </c>
      <c r="BA6257">
        <v>0</v>
      </c>
    </row>
    <row r="6258" spans="1:53" x14ac:dyDescent="0.4">
      <c r="A6258">
        <v>6302</v>
      </c>
      <c r="B6258" s="1">
        <v>45222</v>
      </c>
      <c r="C6258">
        <v>2</v>
      </c>
      <c r="D6258" s="1">
        <v>45222.45</v>
      </c>
      <c r="E6258" s="1">
        <v>45222.739583333336</v>
      </c>
      <c r="F6258">
        <v>20620</v>
      </c>
      <c r="G6258">
        <v>308</v>
      </c>
      <c r="H6258">
        <v>0</v>
      </c>
      <c r="I6258">
        <v>0</v>
      </c>
      <c r="J6258">
        <v>100</v>
      </c>
      <c r="K6258">
        <v>0</v>
      </c>
      <c r="L6258">
        <v>0</v>
      </c>
      <c r="M6258">
        <v>1893</v>
      </c>
      <c r="N6258">
        <v>0</v>
      </c>
      <c r="O6258">
        <v>0</v>
      </c>
      <c r="P6258">
        <v>21070</v>
      </c>
      <c r="Q6258">
        <v>0</v>
      </c>
      <c r="R6258">
        <v>41898</v>
      </c>
      <c r="S6258">
        <v>0</v>
      </c>
      <c r="T6258">
        <v>0</v>
      </c>
      <c r="U6258">
        <v>0</v>
      </c>
      <c r="V6258">
        <v>0</v>
      </c>
      <c r="W6258">
        <v>1</v>
      </c>
      <c r="X6258">
        <v>0</v>
      </c>
      <c r="Y6258">
        <v>58</v>
      </c>
      <c r="Z6258">
        <v>23</v>
      </c>
      <c r="AA6258">
        <v>114</v>
      </c>
      <c r="AB6258">
        <v>29</v>
      </c>
      <c r="AC6258">
        <v>97</v>
      </c>
      <c r="AD6258">
        <v>36</v>
      </c>
      <c r="AE6258">
        <v>98</v>
      </c>
      <c r="AF6258">
        <v>3300</v>
      </c>
      <c r="AG6258">
        <v>91898</v>
      </c>
      <c r="AH6258">
        <v>50000</v>
      </c>
      <c r="AI6258">
        <v>0</v>
      </c>
      <c r="AJ6258">
        <v>36</v>
      </c>
      <c r="AK6258" t="s">
        <v>68</v>
      </c>
      <c r="AL6258">
        <v>0</v>
      </c>
      <c r="AM6258">
        <v>0</v>
      </c>
      <c r="AN6258">
        <v>0</v>
      </c>
      <c r="AO6258">
        <v>0</v>
      </c>
      <c r="AP6258">
        <v>0</v>
      </c>
      <c r="AQ6258">
        <v>0</v>
      </c>
      <c r="AR6258">
        <v>0</v>
      </c>
      <c r="AS6258">
        <v>0</v>
      </c>
      <c r="AT6258">
        <v>0</v>
      </c>
      <c r="AU6258">
        <v>0</v>
      </c>
      <c r="AV6258">
        <v>0</v>
      </c>
      <c r="AW6258">
        <v>0</v>
      </c>
      <c r="AX6258">
        <v>1815</v>
      </c>
      <c r="AY6258">
        <v>40</v>
      </c>
      <c r="AZ6258">
        <v>68</v>
      </c>
      <c r="BA6258">
        <v>5106</v>
      </c>
    </row>
    <row r="6259" spans="1:53" x14ac:dyDescent="0.4">
      <c r="A6259">
        <v>6303</v>
      </c>
      <c r="B6259" s="1">
        <v>45223</v>
      </c>
      <c r="C6259">
        <v>1</v>
      </c>
      <c r="D6259" s="1">
        <v>45223.291666666664</v>
      </c>
      <c r="E6259" s="1">
        <v>45223.450694444444</v>
      </c>
      <c r="F6259">
        <v>0</v>
      </c>
      <c r="G6259">
        <v>0</v>
      </c>
      <c r="H6259">
        <v>0</v>
      </c>
      <c r="I6259">
        <v>0</v>
      </c>
      <c r="J6259">
        <v>0</v>
      </c>
      <c r="K6259">
        <v>0</v>
      </c>
      <c r="L6259">
        <v>0</v>
      </c>
      <c r="M6259">
        <v>0</v>
      </c>
      <c r="N6259">
        <v>0</v>
      </c>
      <c r="O6259">
        <v>0</v>
      </c>
      <c r="P6259">
        <v>0</v>
      </c>
      <c r="Q6259">
        <v>0</v>
      </c>
      <c r="R6259">
        <v>0</v>
      </c>
      <c r="S6259">
        <v>0</v>
      </c>
      <c r="T6259">
        <v>0</v>
      </c>
      <c r="U6259">
        <v>0</v>
      </c>
      <c r="V6259">
        <v>0</v>
      </c>
      <c r="W6259">
        <v>1</v>
      </c>
      <c r="X6259">
        <v>0</v>
      </c>
      <c r="Y6259">
        <v>25</v>
      </c>
      <c r="Z6259">
        <v>13</v>
      </c>
      <c r="AA6259">
        <v>110</v>
      </c>
      <c r="AB6259">
        <v>26</v>
      </c>
      <c r="AC6259">
        <v>92</v>
      </c>
      <c r="AD6259">
        <v>37</v>
      </c>
      <c r="AE6259">
        <v>95</v>
      </c>
      <c r="AF6259">
        <v>0</v>
      </c>
      <c r="AG6259">
        <v>50000</v>
      </c>
      <c r="AH6259">
        <v>50000</v>
      </c>
      <c r="AI6259">
        <v>0</v>
      </c>
      <c r="AJ6259">
        <v>0</v>
      </c>
      <c r="AK6259" t="s">
        <v>6</v>
      </c>
      <c r="AL6259">
        <v>0</v>
      </c>
      <c r="AM6259">
        <v>0</v>
      </c>
      <c r="AN6259">
        <v>0</v>
      </c>
      <c r="AO6259">
        <v>0</v>
      </c>
      <c r="AP6259">
        <v>0</v>
      </c>
      <c r="AQ6259">
        <v>0</v>
      </c>
      <c r="AR6259">
        <v>0</v>
      </c>
      <c r="AS6259">
        <v>0</v>
      </c>
      <c r="AT6259">
        <v>0</v>
      </c>
      <c r="AU6259">
        <v>0</v>
      </c>
      <c r="AV6259">
        <v>0</v>
      </c>
      <c r="AW6259">
        <v>0</v>
      </c>
      <c r="AX6259">
        <v>0</v>
      </c>
      <c r="AY6259">
        <v>0</v>
      </c>
      <c r="AZ6259">
        <v>0</v>
      </c>
      <c r="BA6259">
        <v>0</v>
      </c>
    </row>
    <row r="6260" spans="1:53" x14ac:dyDescent="0.4">
      <c r="A6260">
        <v>6304</v>
      </c>
      <c r="B6260" s="1">
        <v>45223</v>
      </c>
      <c r="C6260">
        <v>2</v>
      </c>
      <c r="D6260" s="1">
        <v>45223.450694444444</v>
      </c>
      <c r="E6260" s="1">
        <v>45223.73541666667</v>
      </c>
      <c r="F6260">
        <v>9940</v>
      </c>
      <c r="G6260">
        <v>1400</v>
      </c>
      <c r="H6260">
        <v>0</v>
      </c>
      <c r="I6260">
        <v>0</v>
      </c>
      <c r="J6260">
        <v>0</v>
      </c>
      <c r="K6260">
        <v>0</v>
      </c>
      <c r="L6260">
        <v>0</v>
      </c>
      <c r="M6260">
        <v>1030</v>
      </c>
      <c r="N6260">
        <v>0</v>
      </c>
      <c r="O6260">
        <v>0</v>
      </c>
      <c r="P6260">
        <v>8860</v>
      </c>
      <c r="Q6260">
        <v>0</v>
      </c>
      <c r="R6260">
        <v>20200</v>
      </c>
      <c r="S6260">
        <v>0</v>
      </c>
      <c r="T6260">
        <v>0</v>
      </c>
      <c r="U6260">
        <v>0</v>
      </c>
      <c r="V6260">
        <v>1</v>
      </c>
      <c r="W6260">
        <v>1</v>
      </c>
      <c r="X6260">
        <v>0</v>
      </c>
      <c r="Y6260">
        <v>32</v>
      </c>
      <c r="Z6260">
        <v>20</v>
      </c>
      <c r="AA6260">
        <v>96</v>
      </c>
      <c r="AB6260">
        <v>21</v>
      </c>
      <c r="AC6260">
        <v>99</v>
      </c>
      <c r="AD6260">
        <v>37</v>
      </c>
      <c r="AE6260">
        <v>95</v>
      </c>
      <c r="AF6260">
        <v>1280</v>
      </c>
      <c r="AG6260">
        <v>70200</v>
      </c>
      <c r="AH6260">
        <v>50000</v>
      </c>
      <c r="AI6260">
        <v>0</v>
      </c>
      <c r="AJ6260">
        <v>38</v>
      </c>
      <c r="AK6260" t="s">
        <v>75</v>
      </c>
      <c r="AL6260">
        <v>0</v>
      </c>
      <c r="AM6260">
        <v>0</v>
      </c>
      <c r="AN6260">
        <v>0</v>
      </c>
      <c r="AO6260">
        <v>0</v>
      </c>
      <c r="AP6260">
        <v>0</v>
      </c>
      <c r="AQ6260">
        <v>0</v>
      </c>
      <c r="AR6260">
        <v>0</v>
      </c>
      <c r="AS6260">
        <v>0</v>
      </c>
      <c r="AT6260">
        <v>0</v>
      </c>
      <c r="AU6260">
        <v>0</v>
      </c>
      <c r="AV6260">
        <v>0</v>
      </c>
      <c r="AW6260">
        <v>0</v>
      </c>
      <c r="AX6260">
        <v>308</v>
      </c>
      <c r="AY6260">
        <v>23</v>
      </c>
      <c r="AZ6260">
        <v>32</v>
      </c>
      <c r="BA6260">
        <v>2993</v>
      </c>
    </row>
    <row r="6261" spans="1:53" x14ac:dyDescent="0.4">
      <c r="A6261">
        <v>6305</v>
      </c>
      <c r="B6261" s="1">
        <v>45224</v>
      </c>
      <c r="C6261">
        <v>1</v>
      </c>
      <c r="D6261" s="1">
        <v>45224.291666666664</v>
      </c>
      <c r="E6261" s="1">
        <v>45224.449305555558</v>
      </c>
      <c r="F6261">
        <v>0</v>
      </c>
      <c r="G6261">
        <v>0</v>
      </c>
      <c r="H6261">
        <v>0</v>
      </c>
      <c r="I6261">
        <v>0</v>
      </c>
      <c r="J6261">
        <v>0</v>
      </c>
      <c r="K6261">
        <v>0</v>
      </c>
      <c r="L6261">
        <v>0</v>
      </c>
      <c r="M6261">
        <v>0</v>
      </c>
      <c r="N6261">
        <v>0</v>
      </c>
      <c r="O6261">
        <v>0</v>
      </c>
      <c r="P6261">
        <v>0</v>
      </c>
      <c r="Q6261">
        <v>0</v>
      </c>
      <c r="R6261">
        <v>0</v>
      </c>
      <c r="S6261">
        <v>0</v>
      </c>
      <c r="T6261">
        <v>0</v>
      </c>
      <c r="U6261">
        <v>0</v>
      </c>
      <c r="V6261">
        <v>0</v>
      </c>
      <c r="W6261">
        <v>0</v>
      </c>
      <c r="X6261">
        <v>0</v>
      </c>
      <c r="Y6261">
        <v>35</v>
      </c>
      <c r="Z6261">
        <v>10</v>
      </c>
      <c r="AA6261">
        <v>75</v>
      </c>
      <c r="AB6261">
        <v>27</v>
      </c>
      <c r="AC6261">
        <v>85</v>
      </c>
      <c r="AD6261">
        <v>40</v>
      </c>
      <c r="AE6261">
        <v>100</v>
      </c>
      <c r="AF6261">
        <v>0</v>
      </c>
      <c r="AG6261">
        <v>50000</v>
      </c>
      <c r="AH6261">
        <v>50000</v>
      </c>
      <c r="AI6261">
        <v>0</v>
      </c>
      <c r="AJ6261">
        <v>0</v>
      </c>
      <c r="AK6261" t="s">
        <v>6</v>
      </c>
      <c r="AL6261">
        <v>0</v>
      </c>
      <c r="AM6261">
        <v>0</v>
      </c>
      <c r="AN6261">
        <v>0</v>
      </c>
      <c r="AO6261">
        <v>0</v>
      </c>
      <c r="AP6261">
        <v>0</v>
      </c>
      <c r="AQ6261">
        <v>0</v>
      </c>
      <c r="AR6261">
        <v>0</v>
      </c>
      <c r="AS6261">
        <v>0</v>
      </c>
      <c r="AT6261">
        <v>0</v>
      </c>
      <c r="AU6261">
        <v>0</v>
      </c>
      <c r="AV6261">
        <v>0</v>
      </c>
      <c r="AW6261">
        <v>0</v>
      </c>
      <c r="AX6261">
        <v>0</v>
      </c>
      <c r="AY6261">
        <v>0</v>
      </c>
      <c r="AZ6261">
        <v>0</v>
      </c>
      <c r="BA6261">
        <v>0</v>
      </c>
    </row>
    <row r="6262" spans="1:53" x14ac:dyDescent="0.4">
      <c r="A6262">
        <v>6306</v>
      </c>
      <c r="B6262" s="1">
        <v>45224</v>
      </c>
      <c r="C6262">
        <v>2</v>
      </c>
      <c r="D6262" s="1">
        <v>45224.449305555558</v>
      </c>
      <c r="E6262" s="1">
        <v>45224.740972222222</v>
      </c>
      <c r="F6262">
        <v>21180</v>
      </c>
      <c r="G6262">
        <v>308</v>
      </c>
      <c r="H6262">
        <v>0</v>
      </c>
      <c r="I6262">
        <v>0</v>
      </c>
      <c r="J6262">
        <v>253</v>
      </c>
      <c r="K6262">
        <v>0</v>
      </c>
      <c r="L6262">
        <v>0</v>
      </c>
      <c r="M6262">
        <v>1929</v>
      </c>
      <c r="N6262">
        <v>0</v>
      </c>
      <c r="O6262">
        <v>0</v>
      </c>
      <c r="P6262">
        <v>17720</v>
      </c>
      <c r="Q6262">
        <v>0</v>
      </c>
      <c r="R6262">
        <v>38955</v>
      </c>
      <c r="S6262">
        <v>0</v>
      </c>
      <c r="T6262">
        <v>0</v>
      </c>
      <c r="U6262">
        <v>0</v>
      </c>
      <c r="V6262">
        <v>3</v>
      </c>
      <c r="W6262">
        <v>1</v>
      </c>
      <c r="X6262">
        <v>0</v>
      </c>
      <c r="Y6262">
        <v>33</v>
      </c>
      <c r="Z6262">
        <v>17</v>
      </c>
      <c r="AA6262">
        <v>63</v>
      </c>
      <c r="AB6262">
        <v>31</v>
      </c>
      <c r="AC6262">
        <v>98</v>
      </c>
      <c r="AD6262">
        <v>41</v>
      </c>
      <c r="AE6262">
        <v>100</v>
      </c>
      <c r="AF6262">
        <v>3320</v>
      </c>
      <c r="AG6262">
        <v>88955</v>
      </c>
      <c r="AH6262">
        <v>50000</v>
      </c>
      <c r="AI6262">
        <v>0</v>
      </c>
      <c r="AJ6262">
        <v>36</v>
      </c>
      <c r="AK6262" t="s">
        <v>68</v>
      </c>
      <c r="AL6262">
        <v>0</v>
      </c>
      <c r="AM6262">
        <v>0</v>
      </c>
      <c r="AN6262">
        <v>0</v>
      </c>
      <c r="AO6262">
        <v>0</v>
      </c>
      <c r="AP6262">
        <v>0</v>
      </c>
      <c r="AQ6262">
        <v>0</v>
      </c>
      <c r="AR6262">
        <v>0</v>
      </c>
      <c r="AS6262">
        <v>0</v>
      </c>
      <c r="AT6262">
        <v>0</v>
      </c>
      <c r="AU6262">
        <v>0</v>
      </c>
      <c r="AV6262">
        <v>0</v>
      </c>
      <c r="AW6262">
        <v>0</v>
      </c>
      <c r="AX6262">
        <v>605</v>
      </c>
      <c r="AY6262">
        <v>43</v>
      </c>
      <c r="AZ6262">
        <v>66</v>
      </c>
      <c r="BA6262">
        <v>5275</v>
      </c>
    </row>
    <row r="6263" spans="1:53" x14ac:dyDescent="0.4">
      <c r="A6263">
        <v>6307</v>
      </c>
      <c r="B6263" s="1">
        <v>45224</v>
      </c>
      <c r="C6263">
        <v>3</v>
      </c>
      <c r="D6263" s="1">
        <v>45224.740972222222</v>
      </c>
      <c r="E6263" s="1">
        <v>45224.940972222219</v>
      </c>
      <c r="F6263">
        <v>39730</v>
      </c>
      <c r="G6263">
        <v>8250</v>
      </c>
      <c r="H6263">
        <v>0</v>
      </c>
      <c r="I6263">
        <v>0</v>
      </c>
      <c r="J6263">
        <v>400</v>
      </c>
      <c r="K6263">
        <v>105</v>
      </c>
      <c r="L6263">
        <v>0</v>
      </c>
      <c r="M6263">
        <v>4333</v>
      </c>
      <c r="N6263">
        <v>0</v>
      </c>
      <c r="O6263">
        <v>0</v>
      </c>
      <c r="P6263">
        <v>-12880</v>
      </c>
      <c r="Q6263">
        <v>0</v>
      </c>
      <c r="R6263">
        <v>34805</v>
      </c>
      <c r="S6263">
        <v>0</v>
      </c>
      <c r="T6263">
        <v>0</v>
      </c>
      <c r="U6263">
        <v>0</v>
      </c>
      <c r="V6263">
        <v>3</v>
      </c>
      <c r="W6263">
        <v>1</v>
      </c>
      <c r="X6263">
        <v>0</v>
      </c>
      <c r="Y6263">
        <v>46</v>
      </c>
      <c r="Z6263">
        <v>22</v>
      </c>
      <c r="AA6263">
        <v>70</v>
      </c>
      <c r="AB6263">
        <v>33</v>
      </c>
      <c r="AC6263">
        <v>99</v>
      </c>
      <c r="AD6263">
        <v>42</v>
      </c>
      <c r="AE6263">
        <v>100</v>
      </c>
      <c r="AF6263">
        <v>21810</v>
      </c>
      <c r="AG6263">
        <v>123760</v>
      </c>
      <c r="AH6263">
        <v>50000</v>
      </c>
      <c r="AI6263">
        <v>0</v>
      </c>
      <c r="AJ6263">
        <v>39</v>
      </c>
      <c r="AK6263" t="s">
        <v>73</v>
      </c>
      <c r="AL6263">
        <v>0</v>
      </c>
      <c r="AM6263">
        <v>0</v>
      </c>
      <c r="AN6263">
        <v>0</v>
      </c>
      <c r="AO6263">
        <v>0</v>
      </c>
      <c r="AP6263">
        <v>0</v>
      </c>
      <c r="AQ6263">
        <v>0</v>
      </c>
      <c r="AR6263">
        <v>0</v>
      </c>
      <c r="AS6263">
        <v>0</v>
      </c>
      <c r="AT6263">
        <v>0</v>
      </c>
      <c r="AU6263">
        <v>0</v>
      </c>
      <c r="AV6263">
        <v>0</v>
      </c>
      <c r="AW6263">
        <v>0</v>
      </c>
      <c r="AX6263">
        <v>528</v>
      </c>
      <c r="AY6263">
        <v>13</v>
      </c>
      <c r="AZ6263">
        <v>27</v>
      </c>
      <c r="BA6263">
        <v>2411</v>
      </c>
    </row>
    <row r="6264" spans="1:53" x14ac:dyDescent="0.4">
      <c r="A6264">
        <v>6308</v>
      </c>
      <c r="B6264" s="1">
        <v>45225</v>
      </c>
      <c r="C6264">
        <v>1</v>
      </c>
      <c r="D6264" s="1">
        <v>45225.291666666664</v>
      </c>
      <c r="E6264" s="1">
        <v>45225.45</v>
      </c>
      <c r="F6264">
        <v>0</v>
      </c>
      <c r="G6264">
        <v>0</v>
      </c>
      <c r="H6264">
        <v>0</v>
      </c>
      <c r="I6264">
        <v>0</v>
      </c>
      <c r="J6264">
        <v>0</v>
      </c>
      <c r="K6264">
        <v>0</v>
      </c>
      <c r="L6264">
        <v>0</v>
      </c>
      <c r="M6264">
        <v>0</v>
      </c>
      <c r="N6264">
        <v>0</v>
      </c>
      <c r="O6264">
        <v>0</v>
      </c>
      <c r="P6264">
        <v>0</v>
      </c>
      <c r="Q6264">
        <v>0</v>
      </c>
      <c r="R6264">
        <v>0</v>
      </c>
      <c r="S6264">
        <v>0</v>
      </c>
      <c r="T6264">
        <v>0</v>
      </c>
      <c r="U6264">
        <v>0</v>
      </c>
      <c r="V6264">
        <v>0</v>
      </c>
      <c r="W6264">
        <v>1</v>
      </c>
      <c r="X6264">
        <v>0</v>
      </c>
      <c r="Y6264">
        <v>30</v>
      </c>
      <c r="Z6264">
        <v>10</v>
      </c>
      <c r="AA6264">
        <v>75</v>
      </c>
      <c r="AB6264">
        <v>32</v>
      </c>
      <c r="AC6264">
        <v>60</v>
      </c>
      <c r="AD6264">
        <v>41</v>
      </c>
      <c r="AE6264">
        <v>95</v>
      </c>
      <c r="AF6264">
        <v>0</v>
      </c>
      <c r="AG6264">
        <v>50000</v>
      </c>
      <c r="AH6264">
        <v>50000</v>
      </c>
      <c r="AI6264">
        <v>0</v>
      </c>
      <c r="AJ6264">
        <v>0</v>
      </c>
      <c r="AK6264" t="s">
        <v>6</v>
      </c>
      <c r="AL6264">
        <v>0</v>
      </c>
      <c r="AM6264">
        <v>0</v>
      </c>
      <c r="AN6264">
        <v>0</v>
      </c>
      <c r="AO6264">
        <v>0</v>
      </c>
      <c r="AP6264">
        <v>0</v>
      </c>
      <c r="AQ6264">
        <v>0</v>
      </c>
      <c r="AR6264">
        <v>0</v>
      </c>
      <c r="AS6264">
        <v>0</v>
      </c>
      <c r="AT6264">
        <v>0</v>
      </c>
      <c r="AU6264">
        <v>0</v>
      </c>
      <c r="AV6264">
        <v>0</v>
      </c>
      <c r="AW6264">
        <v>0</v>
      </c>
      <c r="AX6264">
        <v>0</v>
      </c>
      <c r="AY6264">
        <v>0</v>
      </c>
      <c r="AZ6264">
        <v>0</v>
      </c>
      <c r="BA6264">
        <v>0</v>
      </c>
    </row>
    <row r="6265" spans="1:53" x14ac:dyDescent="0.4">
      <c r="A6265">
        <v>6309</v>
      </c>
      <c r="B6265" s="1">
        <v>45225</v>
      </c>
      <c r="C6265">
        <v>2</v>
      </c>
      <c r="D6265" s="1">
        <v>45225.45</v>
      </c>
      <c r="E6265" s="1">
        <v>45225.732638888891</v>
      </c>
      <c r="F6265">
        <v>18980</v>
      </c>
      <c r="G6265">
        <v>1408</v>
      </c>
      <c r="H6265">
        <v>0</v>
      </c>
      <c r="I6265">
        <v>0</v>
      </c>
      <c r="J6265">
        <v>100</v>
      </c>
      <c r="K6265">
        <v>0</v>
      </c>
      <c r="L6265">
        <v>0</v>
      </c>
      <c r="M6265">
        <v>1845</v>
      </c>
      <c r="N6265">
        <v>0</v>
      </c>
      <c r="O6265">
        <v>0</v>
      </c>
      <c r="P6265">
        <v>15210</v>
      </c>
      <c r="Q6265">
        <v>0</v>
      </c>
      <c r="R6265">
        <v>35498</v>
      </c>
      <c r="S6265">
        <v>0</v>
      </c>
      <c r="T6265">
        <v>0</v>
      </c>
      <c r="U6265">
        <v>0</v>
      </c>
      <c r="V6265">
        <v>2</v>
      </c>
      <c r="W6265">
        <v>4</v>
      </c>
      <c r="X6265">
        <v>0</v>
      </c>
      <c r="Y6265">
        <v>26</v>
      </c>
      <c r="Z6265">
        <v>17</v>
      </c>
      <c r="AA6265">
        <v>70</v>
      </c>
      <c r="AB6265">
        <v>36</v>
      </c>
      <c r="AC6265">
        <v>84</v>
      </c>
      <c r="AD6265">
        <v>43</v>
      </c>
      <c r="AE6265">
        <v>93</v>
      </c>
      <c r="AF6265">
        <v>2150</v>
      </c>
      <c r="AG6265">
        <v>86598</v>
      </c>
      <c r="AH6265">
        <v>50000</v>
      </c>
      <c r="AI6265">
        <v>1100</v>
      </c>
      <c r="AJ6265">
        <v>38</v>
      </c>
      <c r="AK6265" t="s">
        <v>75</v>
      </c>
      <c r="AL6265">
        <v>0</v>
      </c>
      <c r="AM6265">
        <v>0</v>
      </c>
      <c r="AN6265">
        <v>0</v>
      </c>
      <c r="AO6265">
        <v>0</v>
      </c>
      <c r="AP6265">
        <v>0</v>
      </c>
      <c r="AQ6265">
        <v>0</v>
      </c>
      <c r="AR6265">
        <v>0</v>
      </c>
      <c r="AS6265">
        <v>0</v>
      </c>
      <c r="AT6265">
        <v>0</v>
      </c>
      <c r="AU6265">
        <v>0</v>
      </c>
      <c r="AV6265">
        <v>0</v>
      </c>
      <c r="AW6265">
        <v>0</v>
      </c>
      <c r="AX6265">
        <v>208</v>
      </c>
      <c r="AY6265">
        <v>39</v>
      </c>
      <c r="AZ6265">
        <v>55</v>
      </c>
      <c r="BA6265">
        <v>5006</v>
      </c>
    </row>
    <row r="6266" spans="1:53" x14ac:dyDescent="0.4">
      <c r="A6266">
        <v>6310</v>
      </c>
      <c r="B6266" s="1">
        <v>45226</v>
      </c>
      <c r="C6266">
        <v>1</v>
      </c>
      <c r="D6266" s="1">
        <v>45226.291666666664</v>
      </c>
      <c r="E6266" s="1">
        <v>45226.445833333331</v>
      </c>
      <c r="F6266">
        <v>0</v>
      </c>
      <c r="G6266">
        <v>0</v>
      </c>
      <c r="H6266">
        <v>0</v>
      </c>
      <c r="I6266">
        <v>0</v>
      </c>
      <c r="J6266">
        <v>0</v>
      </c>
      <c r="K6266">
        <v>0</v>
      </c>
      <c r="L6266">
        <v>0</v>
      </c>
      <c r="M6266">
        <v>0</v>
      </c>
      <c r="N6266">
        <v>0</v>
      </c>
      <c r="O6266">
        <v>0</v>
      </c>
      <c r="P6266">
        <v>0</v>
      </c>
      <c r="Q6266">
        <v>0</v>
      </c>
      <c r="R6266">
        <v>0</v>
      </c>
      <c r="S6266">
        <v>0</v>
      </c>
      <c r="T6266">
        <v>0</v>
      </c>
      <c r="U6266">
        <v>0</v>
      </c>
      <c r="V6266">
        <v>0</v>
      </c>
      <c r="W6266">
        <v>1</v>
      </c>
      <c r="X6266">
        <v>0</v>
      </c>
      <c r="Y6266">
        <v>30</v>
      </c>
      <c r="Z6266">
        <v>10</v>
      </c>
      <c r="AA6266">
        <v>74</v>
      </c>
      <c r="AB6266">
        <v>34</v>
      </c>
      <c r="AC6266">
        <v>60</v>
      </c>
      <c r="AD6266">
        <v>42</v>
      </c>
      <c r="AE6266">
        <v>90</v>
      </c>
      <c r="AF6266">
        <v>0</v>
      </c>
      <c r="AG6266">
        <v>50000</v>
      </c>
      <c r="AH6266">
        <v>50000</v>
      </c>
      <c r="AI6266">
        <v>0</v>
      </c>
      <c r="AJ6266">
        <v>0</v>
      </c>
      <c r="AK6266" t="s">
        <v>6</v>
      </c>
      <c r="AL6266">
        <v>0</v>
      </c>
      <c r="AM6266">
        <v>0</v>
      </c>
      <c r="AN6266">
        <v>0</v>
      </c>
      <c r="AO6266">
        <v>0</v>
      </c>
      <c r="AP6266">
        <v>0</v>
      </c>
      <c r="AQ6266">
        <v>0</v>
      </c>
      <c r="AR6266">
        <v>0</v>
      </c>
      <c r="AS6266">
        <v>0</v>
      </c>
      <c r="AT6266">
        <v>0</v>
      </c>
      <c r="AU6266">
        <v>0</v>
      </c>
      <c r="AV6266">
        <v>0</v>
      </c>
      <c r="AW6266">
        <v>0</v>
      </c>
      <c r="AX6266">
        <v>0</v>
      </c>
      <c r="AY6266">
        <v>0</v>
      </c>
      <c r="AZ6266">
        <v>0</v>
      </c>
      <c r="BA6266">
        <v>0</v>
      </c>
    </row>
    <row r="6267" spans="1:53" x14ac:dyDescent="0.4">
      <c r="A6267">
        <v>6311</v>
      </c>
      <c r="B6267" s="1">
        <v>45226</v>
      </c>
      <c r="C6267">
        <v>2</v>
      </c>
      <c r="D6267" s="1">
        <v>45226.445833333331</v>
      </c>
      <c r="E6267" s="1">
        <v>45226.756249999999</v>
      </c>
      <c r="F6267">
        <v>29260</v>
      </c>
      <c r="G6267">
        <v>308</v>
      </c>
      <c r="H6267">
        <v>0</v>
      </c>
      <c r="I6267">
        <v>0</v>
      </c>
      <c r="J6267">
        <v>100</v>
      </c>
      <c r="K6267">
        <v>100</v>
      </c>
      <c r="L6267">
        <v>0</v>
      </c>
      <c r="M6267">
        <v>2688</v>
      </c>
      <c r="N6267">
        <v>0</v>
      </c>
      <c r="O6267">
        <v>0</v>
      </c>
      <c r="P6267">
        <v>16990</v>
      </c>
      <c r="Q6267">
        <v>0</v>
      </c>
      <c r="R6267">
        <v>46558</v>
      </c>
      <c r="S6267">
        <v>0</v>
      </c>
      <c r="T6267">
        <v>0</v>
      </c>
      <c r="U6267">
        <v>0</v>
      </c>
      <c r="V6267">
        <v>2</v>
      </c>
      <c r="W6267">
        <v>1</v>
      </c>
      <c r="X6267">
        <v>0</v>
      </c>
      <c r="Y6267">
        <v>55</v>
      </c>
      <c r="Z6267">
        <v>9</v>
      </c>
      <c r="AA6267">
        <v>78</v>
      </c>
      <c r="AB6267">
        <v>32</v>
      </c>
      <c r="AC6267">
        <v>76</v>
      </c>
      <c r="AD6267">
        <v>43</v>
      </c>
      <c r="AE6267">
        <v>93</v>
      </c>
      <c r="AF6267">
        <v>1590</v>
      </c>
      <c r="AG6267">
        <v>96558</v>
      </c>
      <c r="AH6267">
        <v>50000</v>
      </c>
      <c r="AI6267">
        <v>0</v>
      </c>
      <c r="AJ6267">
        <v>116</v>
      </c>
      <c r="AK6267" t="s">
        <v>51</v>
      </c>
      <c r="AL6267">
        <v>0</v>
      </c>
      <c r="AM6267">
        <v>0</v>
      </c>
      <c r="AN6267">
        <v>0</v>
      </c>
      <c r="AO6267">
        <v>0</v>
      </c>
      <c r="AP6267">
        <v>0</v>
      </c>
      <c r="AQ6267">
        <v>0</v>
      </c>
      <c r="AR6267">
        <v>0</v>
      </c>
      <c r="AS6267">
        <v>0</v>
      </c>
      <c r="AT6267">
        <v>0</v>
      </c>
      <c r="AU6267">
        <v>0</v>
      </c>
      <c r="AV6267">
        <v>0</v>
      </c>
      <c r="AW6267">
        <v>0</v>
      </c>
      <c r="AX6267">
        <v>86</v>
      </c>
      <c r="AY6267">
        <v>44</v>
      </c>
      <c r="AZ6267">
        <v>81</v>
      </c>
      <c r="BA6267">
        <v>5417</v>
      </c>
    </row>
    <row r="6268" spans="1:53" x14ac:dyDescent="0.4">
      <c r="A6268">
        <v>6312</v>
      </c>
      <c r="B6268" s="1">
        <v>45226</v>
      </c>
      <c r="C6268">
        <v>3</v>
      </c>
      <c r="D6268" s="1">
        <v>45226.756249999999</v>
      </c>
      <c r="E6268" s="1">
        <v>45226.966666666667</v>
      </c>
      <c r="F6268">
        <v>77380</v>
      </c>
      <c r="G6268">
        <v>2123</v>
      </c>
      <c r="H6268">
        <v>0</v>
      </c>
      <c r="I6268">
        <v>0</v>
      </c>
      <c r="J6268">
        <v>0</v>
      </c>
      <c r="K6268">
        <v>0</v>
      </c>
      <c r="L6268">
        <v>0</v>
      </c>
      <c r="M6268">
        <v>7227</v>
      </c>
      <c r="N6268">
        <v>0</v>
      </c>
      <c r="O6268">
        <v>0</v>
      </c>
      <c r="P6268">
        <v>3610</v>
      </c>
      <c r="Q6268">
        <v>0</v>
      </c>
      <c r="R6268">
        <v>83113</v>
      </c>
      <c r="S6268">
        <v>0</v>
      </c>
      <c r="T6268">
        <v>0</v>
      </c>
      <c r="U6268">
        <v>0</v>
      </c>
      <c r="V6268">
        <v>6</v>
      </c>
      <c r="W6268">
        <v>3</v>
      </c>
      <c r="X6268">
        <v>0</v>
      </c>
      <c r="Y6268">
        <v>74</v>
      </c>
      <c r="Z6268">
        <v>7</v>
      </c>
      <c r="AA6268">
        <v>88</v>
      </c>
      <c r="AB6268">
        <v>35</v>
      </c>
      <c r="AC6268">
        <v>76</v>
      </c>
      <c r="AD6268">
        <v>41</v>
      </c>
      <c r="AE6268">
        <v>93</v>
      </c>
      <c r="AF6268">
        <v>15563</v>
      </c>
      <c r="AG6268">
        <v>179671</v>
      </c>
      <c r="AH6268">
        <v>50000</v>
      </c>
      <c r="AI6268">
        <v>0</v>
      </c>
      <c r="AJ6268">
        <v>40</v>
      </c>
      <c r="AK6268" t="s">
        <v>71</v>
      </c>
      <c r="AL6268">
        <v>0</v>
      </c>
      <c r="AM6268">
        <v>0</v>
      </c>
      <c r="AN6268">
        <v>0</v>
      </c>
      <c r="AO6268">
        <v>0</v>
      </c>
      <c r="AP6268">
        <v>0</v>
      </c>
      <c r="AQ6268">
        <v>0</v>
      </c>
      <c r="AR6268">
        <v>0</v>
      </c>
      <c r="AS6268">
        <v>0</v>
      </c>
      <c r="AT6268">
        <v>0</v>
      </c>
      <c r="AU6268">
        <v>0</v>
      </c>
      <c r="AV6268">
        <v>0</v>
      </c>
      <c r="AW6268">
        <v>0</v>
      </c>
      <c r="AX6268">
        <v>37366</v>
      </c>
      <c r="AY6268">
        <v>20</v>
      </c>
      <c r="AZ6268">
        <v>64</v>
      </c>
      <c r="BA6268">
        <v>2917</v>
      </c>
    </row>
    <row r="6269" spans="1:53" x14ac:dyDescent="0.4">
      <c r="A6269">
        <v>6313</v>
      </c>
      <c r="B6269" s="1">
        <v>45227</v>
      </c>
      <c r="C6269">
        <v>1</v>
      </c>
      <c r="D6269" s="1">
        <v>45227.291666666664</v>
      </c>
      <c r="E6269" s="1">
        <v>45227.404166666667</v>
      </c>
      <c r="F6269">
        <v>0</v>
      </c>
      <c r="G6269">
        <v>0</v>
      </c>
      <c r="H6269">
        <v>0</v>
      </c>
      <c r="I6269">
        <v>0</v>
      </c>
      <c r="J6269">
        <v>0</v>
      </c>
      <c r="K6269">
        <v>0</v>
      </c>
      <c r="L6269">
        <v>0</v>
      </c>
      <c r="M6269">
        <v>0</v>
      </c>
      <c r="N6269">
        <v>0</v>
      </c>
      <c r="O6269">
        <v>0</v>
      </c>
      <c r="P6269">
        <v>0</v>
      </c>
      <c r="Q6269">
        <v>0</v>
      </c>
      <c r="R6269">
        <v>0</v>
      </c>
      <c r="S6269">
        <v>0</v>
      </c>
      <c r="T6269">
        <v>0</v>
      </c>
      <c r="U6269">
        <v>0</v>
      </c>
      <c r="V6269">
        <v>0</v>
      </c>
      <c r="W6269">
        <v>1</v>
      </c>
      <c r="X6269">
        <v>0</v>
      </c>
      <c r="Y6269">
        <v>30</v>
      </c>
      <c r="Z6269">
        <v>10</v>
      </c>
      <c r="AA6269">
        <v>74</v>
      </c>
      <c r="AB6269">
        <v>34</v>
      </c>
      <c r="AC6269">
        <v>61</v>
      </c>
      <c r="AD6269">
        <v>40</v>
      </c>
      <c r="AE6269">
        <v>90</v>
      </c>
      <c r="AF6269">
        <v>0</v>
      </c>
      <c r="AG6269">
        <v>50000</v>
      </c>
      <c r="AH6269">
        <v>50000</v>
      </c>
      <c r="AI6269">
        <v>0</v>
      </c>
      <c r="AJ6269">
        <v>0</v>
      </c>
      <c r="AK6269" t="s">
        <v>6</v>
      </c>
      <c r="AL6269">
        <v>0</v>
      </c>
      <c r="AM6269">
        <v>0</v>
      </c>
      <c r="AN6269">
        <v>0</v>
      </c>
      <c r="AO6269">
        <v>0</v>
      </c>
      <c r="AP6269">
        <v>0</v>
      </c>
      <c r="AQ6269">
        <v>0</v>
      </c>
      <c r="AR6269">
        <v>0</v>
      </c>
      <c r="AS6269">
        <v>0</v>
      </c>
      <c r="AT6269">
        <v>0</v>
      </c>
      <c r="AU6269">
        <v>0</v>
      </c>
      <c r="AV6269">
        <v>0</v>
      </c>
      <c r="AW6269">
        <v>0</v>
      </c>
      <c r="AX6269">
        <v>0</v>
      </c>
      <c r="AY6269">
        <v>0</v>
      </c>
      <c r="AZ6269">
        <v>0</v>
      </c>
      <c r="BA6269">
        <v>0</v>
      </c>
    </row>
    <row r="6270" spans="1:53" x14ac:dyDescent="0.4">
      <c r="A6270">
        <v>6314</v>
      </c>
      <c r="B6270" s="1">
        <v>45227</v>
      </c>
      <c r="C6270">
        <v>2</v>
      </c>
      <c r="D6270" s="1">
        <v>45227.404166666667</v>
      </c>
      <c r="E6270" s="1">
        <v>45227.74722222222</v>
      </c>
      <c r="F6270">
        <v>46995</v>
      </c>
      <c r="G6270">
        <v>2783</v>
      </c>
      <c r="H6270">
        <v>0</v>
      </c>
      <c r="I6270">
        <v>0</v>
      </c>
      <c r="J6270">
        <v>0</v>
      </c>
      <c r="K6270">
        <v>800</v>
      </c>
      <c r="L6270">
        <v>0</v>
      </c>
      <c r="M6270">
        <v>4595</v>
      </c>
      <c r="N6270">
        <v>0</v>
      </c>
      <c r="O6270">
        <v>0</v>
      </c>
      <c r="P6270">
        <v>18010</v>
      </c>
      <c r="Q6270">
        <v>0</v>
      </c>
      <c r="R6270">
        <v>68588</v>
      </c>
      <c r="S6270">
        <v>0</v>
      </c>
      <c r="T6270">
        <v>0</v>
      </c>
      <c r="U6270">
        <v>0</v>
      </c>
      <c r="V6270">
        <v>2</v>
      </c>
      <c r="W6270">
        <v>0</v>
      </c>
      <c r="X6270">
        <v>0</v>
      </c>
      <c r="Y6270">
        <v>62</v>
      </c>
      <c r="Z6270">
        <v>21</v>
      </c>
      <c r="AA6270">
        <v>106</v>
      </c>
      <c r="AB6270">
        <v>37</v>
      </c>
      <c r="AC6270">
        <v>102</v>
      </c>
      <c r="AD6270">
        <v>43</v>
      </c>
      <c r="AE6270">
        <v>97</v>
      </c>
      <c r="AF6270">
        <v>12306</v>
      </c>
      <c r="AG6270">
        <v>118588</v>
      </c>
      <c r="AH6270">
        <v>50000</v>
      </c>
      <c r="AI6270">
        <v>0</v>
      </c>
      <c r="AJ6270">
        <v>45</v>
      </c>
      <c r="AK6270" t="s">
        <v>77</v>
      </c>
      <c r="AL6270">
        <v>0</v>
      </c>
      <c r="AM6270">
        <v>0</v>
      </c>
      <c r="AN6270">
        <v>0</v>
      </c>
      <c r="AO6270">
        <v>0</v>
      </c>
      <c r="AP6270">
        <v>0</v>
      </c>
      <c r="AQ6270">
        <v>0</v>
      </c>
      <c r="AR6270">
        <v>0</v>
      </c>
      <c r="AS6270">
        <v>0</v>
      </c>
      <c r="AT6270">
        <v>0</v>
      </c>
      <c r="AU6270">
        <v>0</v>
      </c>
      <c r="AV6270">
        <v>0</v>
      </c>
      <c r="AW6270">
        <v>0</v>
      </c>
      <c r="AX6270">
        <v>1868</v>
      </c>
      <c r="AY6270">
        <v>56</v>
      </c>
      <c r="AZ6270">
        <v>108</v>
      </c>
      <c r="BA6270">
        <v>7861</v>
      </c>
    </row>
    <row r="6271" spans="1:53" x14ac:dyDescent="0.4">
      <c r="A6271">
        <v>6315</v>
      </c>
      <c r="B6271" s="1">
        <v>45228</v>
      </c>
      <c r="C6271">
        <v>1</v>
      </c>
      <c r="D6271" s="1">
        <v>45228.291666666664</v>
      </c>
      <c r="E6271" s="1">
        <v>45228.402083333334</v>
      </c>
      <c r="F6271">
        <v>0</v>
      </c>
      <c r="G6271">
        <v>0</v>
      </c>
      <c r="H6271">
        <v>0</v>
      </c>
      <c r="I6271">
        <v>0</v>
      </c>
      <c r="J6271">
        <v>0</v>
      </c>
      <c r="K6271">
        <v>0</v>
      </c>
      <c r="L6271">
        <v>0</v>
      </c>
      <c r="M6271">
        <v>0</v>
      </c>
      <c r="N6271">
        <v>0</v>
      </c>
      <c r="O6271">
        <v>0</v>
      </c>
      <c r="P6271">
        <v>0</v>
      </c>
      <c r="Q6271">
        <v>0</v>
      </c>
      <c r="R6271">
        <v>0</v>
      </c>
      <c r="S6271">
        <v>0</v>
      </c>
      <c r="T6271">
        <v>0</v>
      </c>
      <c r="U6271">
        <v>0</v>
      </c>
      <c r="V6271">
        <v>0</v>
      </c>
      <c r="W6271">
        <v>1</v>
      </c>
      <c r="X6271">
        <v>0</v>
      </c>
      <c r="Y6271">
        <v>30</v>
      </c>
      <c r="Z6271">
        <v>10</v>
      </c>
      <c r="AA6271">
        <v>77</v>
      </c>
      <c r="AB6271">
        <v>28</v>
      </c>
      <c r="AC6271">
        <v>60</v>
      </c>
      <c r="AD6271">
        <v>40</v>
      </c>
      <c r="AE6271">
        <v>100</v>
      </c>
      <c r="AF6271">
        <v>0</v>
      </c>
      <c r="AG6271">
        <v>50000</v>
      </c>
      <c r="AH6271">
        <v>50000</v>
      </c>
      <c r="AI6271">
        <v>0</v>
      </c>
      <c r="AJ6271">
        <v>0</v>
      </c>
      <c r="AK6271" t="s">
        <v>6</v>
      </c>
      <c r="AL6271">
        <v>0</v>
      </c>
      <c r="AM6271">
        <v>0</v>
      </c>
      <c r="AN6271">
        <v>0</v>
      </c>
      <c r="AO6271">
        <v>0</v>
      </c>
      <c r="AP6271">
        <v>0</v>
      </c>
      <c r="AQ6271">
        <v>0</v>
      </c>
      <c r="AR6271">
        <v>0</v>
      </c>
      <c r="AS6271">
        <v>0</v>
      </c>
      <c r="AT6271">
        <v>0</v>
      </c>
      <c r="AU6271">
        <v>0</v>
      </c>
      <c r="AV6271">
        <v>0</v>
      </c>
      <c r="AW6271">
        <v>0</v>
      </c>
      <c r="AX6271">
        <v>0</v>
      </c>
      <c r="AY6271">
        <v>0</v>
      </c>
      <c r="AZ6271">
        <v>0</v>
      </c>
      <c r="BA6271">
        <v>0</v>
      </c>
    </row>
    <row r="6272" spans="1:53" x14ac:dyDescent="0.4">
      <c r="A6272">
        <v>6316</v>
      </c>
      <c r="B6272" s="1">
        <v>45228</v>
      </c>
      <c r="C6272">
        <v>2</v>
      </c>
      <c r="D6272" s="1">
        <v>45228.402083333334</v>
      </c>
      <c r="E6272" s="1">
        <v>45228.736805555556</v>
      </c>
      <c r="F6272">
        <v>41435</v>
      </c>
      <c r="G6272">
        <v>3490</v>
      </c>
      <c r="H6272">
        <v>0</v>
      </c>
      <c r="I6272">
        <v>0</v>
      </c>
      <c r="J6272">
        <v>400</v>
      </c>
      <c r="K6272">
        <v>0</v>
      </c>
      <c r="L6272">
        <v>0</v>
      </c>
      <c r="M6272">
        <v>4044</v>
      </c>
      <c r="N6272">
        <v>0</v>
      </c>
      <c r="O6272">
        <v>0</v>
      </c>
      <c r="P6272">
        <v>26530</v>
      </c>
      <c r="Q6272">
        <v>0</v>
      </c>
      <c r="R6272">
        <v>71055</v>
      </c>
      <c r="S6272">
        <v>0</v>
      </c>
      <c r="T6272">
        <v>0</v>
      </c>
      <c r="U6272">
        <v>0</v>
      </c>
      <c r="V6272">
        <v>1</v>
      </c>
      <c r="W6272">
        <v>2</v>
      </c>
      <c r="X6272">
        <v>0</v>
      </c>
      <c r="Y6272">
        <v>77</v>
      </c>
      <c r="Z6272">
        <v>16</v>
      </c>
      <c r="AA6272">
        <v>73</v>
      </c>
      <c r="AB6272">
        <v>33</v>
      </c>
      <c r="AC6272">
        <v>57</v>
      </c>
      <c r="AD6272">
        <v>39</v>
      </c>
      <c r="AE6272">
        <v>100</v>
      </c>
      <c r="AF6272">
        <v>6240</v>
      </c>
      <c r="AG6272">
        <v>121055</v>
      </c>
      <c r="AH6272">
        <v>50000</v>
      </c>
      <c r="AI6272">
        <v>0</v>
      </c>
      <c r="AJ6272">
        <v>45</v>
      </c>
      <c r="AK6272" t="s">
        <v>77</v>
      </c>
      <c r="AL6272">
        <v>0</v>
      </c>
      <c r="AM6272">
        <v>0</v>
      </c>
      <c r="AN6272">
        <v>0</v>
      </c>
      <c r="AO6272">
        <v>0</v>
      </c>
      <c r="AP6272">
        <v>0</v>
      </c>
      <c r="AQ6272">
        <v>0</v>
      </c>
      <c r="AR6272">
        <v>0</v>
      </c>
      <c r="AS6272">
        <v>0</v>
      </c>
      <c r="AT6272">
        <v>0</v>
      </c>
      <c r="AU6272">
        <v>0</v>
      </c>
      <c r="AV6272">
        <v>0</v>
      </c>
      <c r="AW6272">
        <v>0</v>
      </c>
      <c r="AX6272">
        <v>2233</v>
      </c>
      <c r="AY6272">
        <v>50</v>
      </c>
      <c r="AZ6272">
        <v>107</v>
      </c>
      <c r="BA6272">
        <v>7925</v>
      </c>
    </row>
    <row r="6273" spans="1:53" x14ac:dyDescent="0.4">
      <c r="A6273">
        <v>6317</v>
      </c>
      <c r="B6273" s="1">
        <v>45228</v>
      </c>
      <c r="C6273">
        <v>3</v>
      </c>
      <c r="D6273" s="1">
        <v>45228.736805555556</v>
      </c>
      <c r="E6273" s="1">
        <v>45228.936111111114</v>
      </c>
      <c r="F6273">
        <v>44880</v>
      </c>
      <c r="G6273">
        <v>3893</v>
      </c>
      <c r="H6273">
        <v>0</v>
      </c>
      <c r="I6273">
        <v>0</v>
      </c>
      <c r="J6273">
        <v>0</v>
      </c>
      <c r="K6273">
        <v>0</v>
      </c>
      <c r="L6273">
        <v>0</v>
      </c>
      <c r="M6273">
        <v>4434</v>
      </c>
      <c r="N6273">
        <v>0</v>
      </c>
      <c r="O6273">
        <v>0</v>
      </c>
      <c r="P6273">
        <v>-20150</v>
      </c>
      <c r="Q6273">
        <v>0</v>
      </c>
      <c r="R6273">
        <v>28623</v>
      </c>
      <c r="S6273">
        <v>0</v>
      </c>
      <c r="T6273">
        <v>0</v>
      </c>
      <c r="U6273">
        <v>0</v>
      </c>
      <c r="V6273">
        <v>3</v>
      </c>
      <c r="W6273">
        <v>0</v>
      </c>
      <c r="X6273">
        <v>0</v>
      </c>
      <c r="Y6273">
        <v>90</v>
      </c>
      <c r="Z6273">
        <v>18</v>
      </c>
      <c r="AA6273">
        <v>103</v>
      </c>
      <c r="AB6273">
        <v>35</v>
      </c>
      <c r="AC6273">
        <v>75</v>
      </c>
      <c r="AD6273">
        <v>40</v>
      </c>
      <c r="AE6273">
        <v>118</v>
      </c>
      <c r="AF6273">
        <v>7560</v>
      </c>
      <c r="AG6273">
        <v>149678</v>
      </c>
      <c r="AH6273">
        <v>50000</v>
      </c>
      <c r="AI6273">
        <v>0</v>
      </c>
      <c r="AJ6273">
        <v>104</v>
      </c>
      <c r="AK6273" t="s">
        <v>60</v>
      </c>
      <c r="AL6273">
        <v>0</v>
      </c>
      <c r="AM6273">
        <v>0</v>
      </c>
      <c r="AN6273">
        <v>0</v>
      </c>
      <c r="AO6273">
        <v>0</v>
      </c>
      <c r="AP6273">
        <v>0</v>
      </c>
      <c r="AQ6273">
        <v>0</v>
      </c>
      <c r="AR6273">
        <v>0</v>
      </c>
      <c r="AS6273">
        <v>0</v>
      </c>
      <c r="AT6273">
        <v>0</v>
      </c>
      <c r="AU6273">
        <v>0</v>
      </c>
      <c r="AV6273">
        <v>0</v>
      </c>
      <c r="AW6273">
        <v>0</v>
      </c>
      <c r="AX6273">
        <v>3025</v>
      </c>
      <c r="AY6273">
        <v>15</v>
      </c>
      <c r="AZ6273">
        <v>27</v>
      </c>
      <c r="BA6273">
        <v>2806</v>
      </c>
    </row>
    <row r="6274" spans="1:53" x14ac:dyDescent="0.4">
      <c r="A6274">
        <v>6318</v>
      </c>
      <c r="B6274" s="1">
        <v>45229</v>
      </c>
      <c r="C6274">
        <v>1</v>
      </c>
      <c r="D6274" s="1">
        <v>45229.291666666664</v>
      </c>
      <c r="E6274" s="1">
        <v>45229.451388888891</v>
      </c>
      <c r="F6274">
        <v>0</v>
      </c>
      <c r="G6274">
        <v>0</v>
      </c>
      <c r="H6274">
        <v>0</v>
      </c>
      <c r="I6274">
        <v>0</v>
      </c>
      <c r="J6274">
        <v>0</v>
      </c>
      <c r="K6274">
        <v>0</v>
      </c>
      <c r="L6274">
        <v>0</v>
      </c>
      <c r="M6274">
        <v>0</v>
      </c>
      <c r="N6274">
        <v>0</v>
      </c>
      <c r="O6274">
        <v>0</v>
      </c>
      <c r="P6274">
        <v>0</v>
      </c>
      <c r="Q6274">
        <v>0</v>
      </c>
      <c r="R6274">
        <v>0</v>
      </c>
      <c r="S6274">
        <v>0</v>
      </c>
      <c r="T6274">
        <v>0</v>
      </c>
      <c r="U6274">
        <v>0</v>
      </c>
      <c r="V6274">
        <v>0</v>
      </c>
      <c r="W6274">
        <v>0</v>
      </c>
      <c r="X6274">
        <v>0</v>
      </c>
      <c r="Y6274">
        <v>33</v>
      </c>
      <c r="Z6274">
        <v>7</v>
      </c>
      <c r="AA6274">
        <v>109</v>
      </c>
      <c r="AB6274">
        <v>31</v>
      </c>
      <c r="AC6274">
        <v>73</v>
      </c>
      <c r="AD6274">
        <v>39</v>
      </c>
      <c r="AE6274">
        <v>125</v>
      </c>
      <c r="AF6274">
        <v>0</v>
      </c>
      <c r="AG6274">
        <v>50000</v>
      </c>
      <c r="AH6274">
        <v>50000</v>
      </c>
      <c r="AI6274">
        <v>0</v>
      </c>
      <c r="AJ6274">
        <v>0</v>
      </c>
      <c r="AK6274" t="s">
        <v>6</v>
      </c>
      <c r="AL6274">
        <v>0</v>
      </c>
      <c r="AM6274">
        <v>0</v>
      </c>
      <c r="AN6274">
        <v>0</v>
      </c>
      <c r="AO6274">
        <v>0</v>
      </c>
      <c r="AP6274">
        <v>0</v>
      </c>
      <c r="AQ6274">
        <v>0</v>
      </c>
      <c r="AR6274">
        <v>0</v>
      </c>
      <c r="AS6274">
        <v>0</v>
      </c>
      <c r="AT6274">
        <v>0</v>
      </c>
      <c r="AU6274">
        <v>0</v>
      </c>
      <c r="AV6274">
        <v>0</v>
      </c>
      <c r="AW6274">
        <v>0</v>
      </c>
      <c r="AX6274">
        <v>0</v>
      </c>
      <c r="AY6274">
        <v>0</v>
      </c>
      <c r="AZ6274">
        <v>0</v>
      </c>
      <c r="BA6274">
        <v>0</v>
      </c>
    </row>
    <row r="6275" spans="1:53" x14ac:dyDescent="0.4">
      <c r="A6275">
        <v>6319</v>
      </c>
      <c r="B6275" s="1">
        <v>45229</v>
      </c>
      <c r="C6275">
        <v>2</v>
      </c>
      <c r="D6275" s="1">
        <v>45229.451388888891</v>
      </c>
      <c r="E6275" s="1">
        <v>45229.730555555558</v>
      </c>
      <c r="F6275">
        <v>24130</v>
      </c>
      <c r="G6275">
        <v>1595</v>
      </c>
      <c r="H6275">
        <v>0</v>
      </c>
      <c r="I6275">
        <v>0</v>
      </c>
      <c r="J6275">
        <v>200</v>
      </c>
      <c r="K6275">
        <v>800</v>
      </c>
      <c r="L6275">
        <v>0</v>
      </c>
      <c r="M6275">
        <v>2393</v>
      </c>
      <c r="N6275">
        <v>0</v>
      </c>
      <c r="O6275">
        <v>0</v>
      </c>
      <c r="P6275">
        <v>15770</v>
      </c>
      <c r="Q6275">
        <v>0</v>
      </c>
      <c r="R6275">
        <v>42095</v>
      </c>
      <c r="S6275">
        <v>0</v>
      </c>
      <c r="T6275">
        <v>0</v>
      </c>
      <c r="U6275">
        <v>0</v>
      </c>
      <c r="V6275">
        <v>0</v>
      </c>
      <c r="W6275">
        <v>3</v>
      </c>
      <c r="X6275">
        <v>0</v>
      </c>
      <c r="Y6275">
        <v>52</v>
      </c>
      <c r="Z6275">
        <v>16</v>
      </c>
      <c r="AA6275">
        <v>123</v>
      </c>
      <c r="AB6275">
        <v>38</v>
      </c>
      <c r="AC6275">
        <v>107</v>
      </c>
      <c r="AD6275">
        <v>39</v>
      </c>
      <c r="AE6275">
        <v>130</v>
      </c>
      <c r="AF6275">
        <v>1500</v>
      </c>
      <c r="AG6275">
        <v>92095</v>
      </c>
      <c r="AH6275">
        <v>50000</v>
      </c>
      <c r="AI6275">
        <v>0</v>
      </c>
      <c r="AJ6275">
        <v>38</v>
      </c>
      <c r="AK6275" t="s">
        <v>75</v>
      </c>
      <c r="AL6275">
        <v>0</v>
      </c>
      <c r="AM6275">
        <v>0</v>
      </c>
      <c r="AN6275">
        <v>0</v>
      </c>
      <c r="AO6275">
        <v>0</v>
      </c>
      <c r="AP6275">
        <v>0</v>
      </c>
      <c r="AQ6275">
        <v>0</v>
      </c>
      <c r="AR6275">
        <v>0</v>
      </c>
      <c r="AS6275">
        <v>0</v>
      </c>
      <c r="AT6275">
        <v>0</v>
      </c>
      <c r="AU6275">
        <v>0</v>
      </c>
      <c r="AV6275">
        <v>0</v>
      </c>
      <c r="AW6275">
        <v>0</v>
      </c>
      <c r="AX6275">
        <v>-3000</v>
      </c>
      <c r="AY6275">
        <v>36</v>
      </c>
      <c r="AZ6275">
        <v>62</v>
      </c>
      <c r="BA6275">
        <v>5765</v>
      </c>
    </row>
    <row r="6276" spans="1:53" x14ac:dyDescent="0.4">
      <c r="A6276">
        <v>6320</v>
      </c>
      <c r="B6276" s="1">
        <v>45229</v>
      </c>
      <c r="C6276">
        <v>3</v>
      </c>
      <c r="D6276" s="1">
        <v>45229.730555555558</v>
      </c>
      <c r="E6276" s="1">
        <v>45229.947916666664</v>
      </c>
      <c r="F6276">
        <v>34900</v>
      </c>
      <c r="G6276">
        <v>308</v>
      </c>
      <c r="H6276">
        <v>0</v>
      </c>
      <c r="I6276">
        <v>0</v>
      </c>
      <c r="J6276">
        <v>200</v>
      </c>
      <c r="K6276">
        <v>0</v>
      </c>
      <c r="L6276">
        <v>0</v>
      </c>
      <c r="M6276">
        <v>3181</v>
      </c>
      <c r="N6276">
        <v>0</v>
      </c>
      <c r="O6276">
        <v>0</v>
      </c>
      <c r="P6276">
        <v>-10770</v>
      </c>
      <c r="Q6276">
        <v>0</v>
      </c>
      <c r="R6276">
        <v>24238</v>
      </c>
      <c r="S6276">
        <v>0</v>
      </c>
      <c r="T6276">
        <v>0</v>
      </c>
      <c r="U6276">
        <v>0</v>
      </c>
      <c r="V6276">
        <v>1</v>
      </c>
      <c r="W6276">
        <v>4</v>
      </c>
      <c r="X6276">
        <v>0</v>
      </c>
      <c r="Y6276">
        <v>60</v>
      </c>
      <c r="Z6276">
        <v>14</v>
      </c>
      <c r="AA6276">
        <v>114</v>
      </c>
      <c r="AB6276">
        <v>38</v>
      </c>
      <c r="AC6276">
        <v>105</v>
      </c>
      <c r="AD6276">
        <v>39</v>
      </c>
      <c r="AE6276">
        <v>128</v>
      </c>
      <c r="AF6276">
        <v>4660</v>
      </c>
      <c r="AG6276">
        <v>116333</v>
      </c>
      <c r="AH6276">
        <v>50000</v>
      </c>
      <c r="AI6276">
        <v>0</v>
      </c>
      <c r="AJ6276">
        <v>95</v>
      </c>
      <c r="AK6276" t="s">
        <v>21</v>
      </c>
      <c r="AL6276">
        <v>0</v>
      </c>
      <c r="AM6276">
        <v>0</v>
      </c>
      <c r="AN6276">
        <v>0</v>
      </c>
      <c r="AO6276">
        <v>0</v>
      </c>
      <c r="AP6276">
        <v>0</v>
      </c>
      <c r="AQ6276">
        <v>0</v>
      </c>
      <c r="AR6276">
        <v>0</v>
      </c>
      <c r="AS6276">
        <v>0</v>
      </c>
      <c r="AT6276">
        <v>0</v>
      </c>
      <c r="AU6276">
        <v>0</v>
      </c>
      <c r="AV6276">
        <v>0</v>
      </c>
      <c r="AW6276">
        <v>0</v>
      </c>
      <c r="AX6276">
        <v>1980</v>
      </c>
      <c r="AY6276">
        <v>13</v>
      </c>
      <c r="AZ6276">
        <v>28</v>
      </c>
      <c r="BA6276">
        <v>2681</v>
      </c>
    </row>
    <row r="6277" spans="1:53" x14ac:dyDescent="0.4">
      <c r="A6277">
        <v>6321</v>
      </c>
      <c r="B6277" s="1">
        <v>45230</v>
      </c>
      <c r="C6277">
        <v>1</v>
      </c>
      <c r="D6277" s="1">
        <v>45230.291666666664</v>
      </c>
      <c r="E6277" s="1">
        <v>45230.450694444444</v>
      </c>
      <c r="F6277">
        <v>0</v>
      </c>
      <c r="G6277">
        <v>0</v>
      </c>
      <c r="H6277">
        <v>0</v>
      </c>
      <c r="I6277">
        <v>0</v>
      </c>
      <c r="J6277">
        <v>0</v>
      </c>
      <c r="K6277">
        <v>0</v>
      </c>
      <c r="L6277">
        <v>0</v>
      </c>
      <c r="M6277">
        <v>0</v>
      </c>
      <c r="N6277">
        <v>0</v>
      </c>
      <c r="O6277">
        <v>0</v>
      </c>
      <c r="P6277">
        <v>0</v>
      </c>
      <c r="Q6277">
        <v>0</v>
      </c>
      <c r="R6277">
        <v>0</v>
      </c>
      <c r="S6277">
        <v>0</v>
      </c>
      <c r="T6277">
        <v>0</v>
      </c>
      <c r="U6277">
        <v>0</v>
      </c>
      <c r="V6277">
        <v>0</v>
      </c>
      <c r="W6277">
        <v>1</v>
      </c>
      <c r="X6277">
        <v>0</v>
      </c>
      <c r="Y6277">
        <v>25</v>
      </c>
      <c r="Z6277">
        <v>12</v>
      </c>
      <c r="AA6277">
        <v>109</v>
      </c>
      <c r="AB6277">
        <v>37</v>
      </c>
      <c r="AC6277">
        <v>95</v>
      </c>
      <c r="AD6277">
        <v>39</v>
      </c>
      <c r="AE6277">
        <v>105</v>
      </c>
      <c r="AF6277">
        <v>0</v>
      </c>
      <c r="AG6277">
        <v>50000</v>
      </c>
      <c r="AH6277">
        <v>50000</v>
      </c>
      <c r="AI6277">
        <v>0</v>
      </c>
      <c r="AJ6277">
        <v>0</v>
      </c>
      <c r="AK6277" t="s">
        <v>6</v>
      </c>
      <c r="AL6277">
        <v>0</v>
      </c>
      <c r="AM6277">
        <v>0</v>
      </c>
      <c r="AN6277">
        <v>0</v>
      </c>
      <c r="AO6277">
        <v>0</v>
      </c>
      <c r="AP6277">
        <v>0</v>
      </c>
      <c r="AQ6277">
        <v>0</v>
      </c>
      <c r="AR6277">
        <v>0</v>
      </c>
      <c r="AS6277">
        <v>0</v>
      </c>
      <c r="AT6277">
        <v>0</v>
      </c>
      <c r="AU6277">
        <v>0</v>
      </c>
      <c r="AV6277">
        <v>0</v>
      </c>
      <c r="AW6277">
        <v>0</v>
      </c>
      <c r="AX6277">
        <v>0</v>
      </c>
      <c r="AY6277">
        <v>0</v>
      </c>
      <c r="AZ6277">
        <v>0</v>
      </c>
      <c r="BA6277">
        <v>0</v>
      </c>
    </row>
    <row r="6278" spans="1:53" x14ac:dyDescent="0.4">
      <c r="A6278">
        <v>6322</v>
      </c>
      <c r="B6278" s="1">
        <v>45230</v>
      </c>
      <c r="C6278">
        <v>2</v>
      </c>
      <c r="D6278" s="1">
        <v>45230.450694444444</v>
      </c>
      <c r="E6278" s="1">
        <v>45230.722916666666</v>
      </c>
      <c r="F6278">
        <v>20160</v>
      </c>
      <c r="G6278">
        <v>0</v>
      </c>
      <c r="H6278">
        <v>0</v>
      </c>
      <c r="I6278">
        <v>0</v>
      </c>
      <c r="J6278">
        <v>0</v>
      </c>
      <c r="K6278">
        <v>0</v>
      </c>
      <c r="L6278">
        <v>0</v>
      </c>
      <c r="M6278">
        <v>1833</v>
      </c>
      <c r="N6278">
        <v>0</v>
      </c>
      <c r="O6278">
        <v>0</v>
      </c>
      <c r="P6278">
        <v>19920</v>
      </c>
      <c r="Q6278">
        <v>0</v>
      </c>
      <c r="R6278">
        <v>40080</v>
      </c>
      <c r="S6278">
        <v>0</v>
      </c>
      <c r="T6278">
        <v>0</v>
      </c>
      <c r="U6278">
        <v>0</v>
      </c>
      <c r="V6278">
        <v>1</v>
      </c>
      <c r="W6278">
        <v>0</v>
      </c>
      <c r="X6278">
        <v>0</v>
      </c>
      <c r="Y6278">
        <v>47</v>
      </c>
      <c r="Z6278">
        <v>13</v>
      </c>
      <c r="AA6278">
        <v>145</v>
      </c>
      <c r="AB6278">
        <v>47</v>
      </c>
      <c r="AC6278">
        <v>116</v>
      </c>
      <c r="AD6278">
        <v>39</v>
      </c>
      <c r="AE6278">
        <v>105</v>
      </c>
      <c r="AF6278">
        <v>8270</v>
      </c>
      <c r="AG6278">
        <v>90080</v>
      </c>
      <c r="AH6278">
        <v>50000</v>
      </c>
      <c r="AI6278">
        <v>0</v>
      </c>
      <c r="AJ6278">
        <v>38</v>
      </c>
      <c r="AK6278" t="s">
        <v>75</v>
      </c>
      <c r="AL6278">
        <v>0</v>
      </c>
      <c r="AM6278">
        <v>0</v>
      </c>
      <c r="AN6278">
        <v>0</v>
      </c>
      <c r="AO6278">
        <v>0</v>
      </c>
      <c r="AP6278">
        <v>0</v>
      </c>
      <c r="AQ6278">
        <v>0</v>
      </c>
      <c r="AR6278">
        <v>0</v>
      </c>
      <c r="AS6278">
        <v>0</v>
      </c>
      <c r="AT6278">
        <v>0</v>
      </c>
      <c r="AU6278">
        <v>0</v>
      </c>
      <c r="AV6278">
        <v>0</v>
      </c>
      <c r="AW6278">
        <v>0</v>
      </c>
      <c r="AX6278">
        <v>-90</v>
      </c>
      <c r="AY6278">
        <v>40</v>
      </c>
      <c r="AZ6278">
        <v>66</v>
      </c>
      <c r="BA6278">
        <v>5334</v>
      </c>
    </row>
    <row r="6279" spans="1:53" x14ac:dyDescent="0.4">
      <c r="A6279">
        <v>6323</v>
      </c>
      <c r="B6279" s="1">
        <v>45231</v>
      </c>
      <c r="C6279">
        <v>1</v>
      </c>
      <c r="D6279" s="1">
        <v>45231.291666666664</v>
      </c>
      <c r="E6279" s="1">
        <v>45231.451388888891</v>
      </c>
      <c r="F6279">
        <v>0</v>
      </c>
      <c r="G6279">
        <v>0</v>
      </c>
      <c r="H6279">
        <v>0</v>
      </c>
      <c r="I6279">
        <v>0</v>
      </c>
      <c r="J6279">
        <v>0</v>
      </c>
      <c r="K6279">
        <v>0</v>
      </c>
      <c r="L6279">
        <v>0</v>
      </c>
      <c r="M6279">
        <v>0</v>
      </c>
      <c r="N6279">
        <v>0</v>
      </c>
      <c r="O6279">
        <v>0</v>
      </c>
      <c r="P6279">
        <v>0</v>
      </c>
      <c r="Q6279">
        <v>0</v>
      </c>
      <c r="R6279">
        <v>0</v>
      </c>
      <c r="S6279">
        <v>0</v>
      </c>
      <c r="T6279">
        <v>0</v>
      </c>
      <c r="U6279">
        <v>0</v>
      </c>
      <c r="V6279">
        <v>0</v>
      </c>
      <c r="W6279">
        <v>1</v>
      </c>
      <c r="X6279">
        <v>0</v>
      </c>
      <c r="Y6279">
        <v>30</v>
      </c>
      <c r="Z6279">
        <v>10</v>
      </c>
      <c r="AA6279">
        <v>66</v>
      </c>
      <c r="AB6279">
        <v>50</v>
      </c>
      <c r="AC6279">
        <v>58</v>
      </c>
      <c r="AD6279">
        <v>41</v>
      </c>
      <c r="AE6279">
        <v>115</v>
      </c>
      <c r="AF6279">
        <v>0</v>
      </c>
      <c r="AG6279">
        <v>50000</v>
      </c>
      <c r="AH6279">
        <v>50000</v>
      </c>
      <c r="AI6279">
        <v>0</v>
      </c>
      <c r="AJ6279">
        <v>0</v>
      </c>
      <c r="AK6279" t="s">
        <v>6</v>
      </c>
      <c r="AL6279">
        <v>0</v>
      </c>
      <c r="AM6279">
        <v>0</v>
      </c>
      <c r="AN6279">
        <v>0</v>
      </c>
      <c r="AO6279">
        <v>0</v>
      </c>
      <c r="AP6279">
        <v>0</v>
      </c>
      <c r="AQ6279">
        <v>0</v>
      </c>
      <c r="AR6279">
        <v>0</v>
      </c>
      <c r="AS6279">
        <v>0</v>
      </c>
      <c r="AT6279">
        <v>0</v>
      </c>
      <c r="AU6279">
        <v>0</v>
      </c>
      <c r="AV6279">
        <v>0</v>
      </c>
      <c r="AW6279">
        <v>0</v>
      </c>
      <c r="AX6279">
        <v>0</v>
      </c>
      <c r="AY6279">
        <v>0</v>
      </c>
      <c r="AZ6279">
        <v>0</v>
      </c>
      <c r="BA6279">
        <v>0</v>
      </c>
    </row>
    <row r="6280" spans="1:53" x14ac:dyDescent="0.4">
      <c r="A6280">
        <v>6324</v>
      </c>
      <c r="B6280" s="1">
        <v>45231</v>
      </c>
      <c r="C6280">
        <v>2</v>
      </c>
      <c r="D6280" s="1">
        <v>45231.451388888891</v>
      </c>
      <c r="E6280" s="1">
        <v>45231.727083333331</v>
      </c>
      <c r="F6280">
        <v>17880</v>
      </c>
      <c r="G6280">
        <v>0</v>
      </c>
      <c r="H6280">
        <v>0</v>
      </c>
      <c r="I6280">
        <v>0</v>
      </c>
      <c r="J6280">
        <v>100</v>
      </c>
      <c r="K6280">
        <v>0</v>
      </c>
      <c r="L6280">
        <v>0</v>
      </c>
      <c r="M6280">
        <v>1616</v>
      </c>
      <c r="N6280">
        <v>0</v>
      </c>
      <c r="O6280">
        <v>0</v>
      </c>
      <c r="P6280">
        <v>7780</v>
      </c>
      <c r="Q6280">
        <v>0</v>
      </c>
      <c r="R6280">
        <v>25560</v>
      </c>
      <c r="S6280">
        <v>0</v>
      </c>
      <c r="T6280">
        <v>0</v>
      </c>
      <c r="U6280">
        <v>0</v>
      </c>
      <c r="V6280">
        <v>0</v>
      </c>
      <c r="W6280">
        <v>1</v>
      </c>
      <c r="X6280">
        <v>0</v>
      </c>
      <c r="Y6280">
        <v>54</v>
      </c>
      <c r="Z6280">
        <v>11</v>
      </c>
      <c r="AA6280">
        <v>41</v>
      </c>
      <c r="AB6280">
        <v>49</v>
      </c>
      <c r="AC6280">
        <v>73</v>
      </c>
      <c r="AD6280">
        <v>41</v>
      </c>
      <c r="AE6280">
        <v>115</v>
      </c>
      <c r="AF6280">
        <v>3460</v>
      </c>
      <c r="AG6280">
        <v>75560</v>
      </c>
      <c r="AH6280">
        <v>50000</v>
      </c>
      <c r="AI6280">
        <v>0</v>
      </c>
      <c r="AJ6280">
        <v>38</v>
      </c>
      <c r="AK6280" t="s">
        <v>75</v>
      </c>
      <c r="AL6280">
        <v>0</v>
      </c>
      <c r="AM6280">
        <v>0</v>
      </c>
      <c r="AN6280">
        <v>0</v>
      </c>
      <c r="AO6280">
        <v>0</v>
      </c>
      <c r="AP6280">
        <v>0</v>
      </c>
      <c r="AQ6280">
        <v>0</v>
      </c>
      <c r="AR6280">
        <v>0</v>
      </c>
      <c r="AS6280">
        <v>0</v>
      </c>
      <c r="AT6280">
        <v>0</v>
      </c>
      <c r="AU6280">
        <v>0</v>
      </c>
      <c r="AV6280">
        <v>0</v>
      </c>
      <c r="AW6280">
        <v>0</v>
      </c>
      <c r="AX6280">
        <v>0</v>
      </c>
      <c r="AY6280">
        <v>29</v>
      </c>
      <c r="AZ6280">
        <v>40</v>
      </c>
      <c r="BA6280">
        <v>4799</v>
      </c>
    </row>
    <row r="6281" spans="1:53" x14ac:dyDescent="0.4">
      <c r="A6281">
        <v>6325</v>
      </c>
      <c r="B6281" s="1">
        <v>45231</v>
      </c>
      <c r="C6281">
        <v>3</v>
      </c>
      <c r="D6281" s="1">
        <v>45231.727083333331</v>
      </c>
      <c r="E6281" s="1">
        <v>45231.913888888892</v>
      </c>
      <c r="F6281">
        <v>14880</v>
      </c>
      <c r="G6281">
        <v>0</v>
      </c>
      <c r="H6281">
        <v>0</v>
      </c>
      <c r="I6281">
        <v>0</v>
      </c>
      <c r="J6281">
        <v>0</v>
      </c>
      <c r="K6281">
        <v>0</v>
      </c>
      <c r="L6281">
        <v>0</v>
      </c>
      <c r="M6281">
        <v>1352</v>
      </c>
      <c r="N6281">
        <v>0</v>
      </c>
      <c r="O6281">
        <v>0</v>
      </c>
      <c r="P6281">
        <v>590</v>
      </c>
      <c r="Q6281">
        <v>0</v>
      </c>
      <c r="R6281">
        <v>15470</v>
      </c>
      <c r="S6281">
        <v>0</v>
      </c>
      <c r="T6281">
        <v>0</v>
      </c>
      <c r="U6281">
        <v>0</v>
      </c>
      <c r="V6281">
        <v>0</v>
      </c>
      <c r="W6281">
        <v>2</v>
      </c>
      <c r="X6281">
        <v>0</v>
      </c>
      <c r="Y6281">
        <v>61</v>
      </c>
      <c r="Z6281">
        <v>14</v>
      </c>
      <c r="AA6281">
        <v>48</v>
      </c>
      <c r="AB6281">
        <v>51</v>
      </c>
      <c r="AC6281">
        <v>70</v>
      </c>
      <c r="AD6281">
        <v>41</v>
      </c>
      <c r="AE6281">
        <v>115</v>
      </c>
      <c r="AF6281">
        <v>4660</v>
      </c>
      <c r="AG6281">
        <v>91030</v>
      </c>
      <c r="AH6281">
        <v>50000</v>
      </c>
      <c r="AI6281">
        <v>0</v>
      </c>
      <c r="AJ6281">
        <v>39</v>
      </c>
      <c r="AK6281" t="s">
        <v>73</v>
      </c>
      <c r="AL6281">
        <v>0</v>
      </c>
      <c r="AM6281">
        <v>0</v>
      </c>
      <c r="AN6281">
        <v>0</v>
      </c>
      <c r="AO6281">
        <v>0</v>
      </c>
      <c r="AP6281">
        <v>0</v>
      </c>
      <c r="AQ6281">
        <v>0</v>
      </c>
      <c r="AR6281">
        <v>0</v>
      </c>
      <c r="AS6281">
        <v>0</v>
      </c>
      <c r="AT6281">
        <v>0</v>
      </c>
      <c r="AU6281">
        <v>0</v>
      </c>
      <c r="AV6281">
        <v>0</v>
      </c>
      <c r="AW6281">
        <v>0</v>
      </c>
      <c r="AX6281">
        <v>6600</v>
      </c>
      <c r="AY6281">
        <v>8</v>
      </c>
      <c r="AZ6281">
        <v>20</v>
      </c>
      <c r="BA6281">
        <v>1514</v>
      </c>
    </row>
    <row r="6282" spans="1:53" x14ac:dyDescent="0.4">
      <c r="A6282">
        <v>6326</v>
      </c>
      <c r="B6282" s="1">
        <v>45232</v>
      </c>
      <c r="C6282">
        <v>1</v>
      </c>
      <c r="D6282" s="1">
        <v>45232.291666666664</v>
      </c>
      <c r="E6282" s="1">
        <v>45232.743750000001</v>
      </c>
      <c r="F6282">
        <v>15810</v>
      </c>
      <c r="G6282">
        <v>0</v>
      </c>
      <c r="H6282">
        <v>0</v>
      </c>
      <c r="I6282">
        <v>0</v>
      </c>
      <c r="J6282">
        <v>200</v>
      </c>
      <c r="K6282">
        <v>0</v>
      </c>
      <c r="L6282">
        <v>0</v>
      </c>
      <c r="M6282">
        <v>1418</v>
      </c>
      <c r="N6282">
        <v>0</v>
      </c>
      <c r="O6282">
        <v>0</v>
      </c>
      <c r="P6282">
        <v>19750</v>
      </c>
      <c r="Q6282">
        <v>0</v>
      </c>
      <c r="R6282">
        <v>35360</v>
      </c>
      <c r="S6282">
        <v>0</v>
      </c>
      <c r="T6282">
        <v>0</v>
      </c>
      <c r="U6282">
        <v>0</v>
      </c>
      <c r="V6282">
        <v>0</v>
      </c>
      <c r="W6282">
        <v>3</v>
      </c>
      <c r="X6282">
        <v>0</v>
      </c>
      <c r="Y6282">
        <v>51</v>
      </c>
      <c r="Z6282">
        <v>14</v>
      </c>
      <c r="AA6282">
        <v>60</v>
      </c>
      <c r="AB6282">
        <v>42</v>
      </c>
      <c r="AC6282">
        <v>85</v>
      </c>
      <c r="AD6282">
        <v>41</v>
      </c>
      <c r="AE6282">
        <v>115</v>
      </c>
      <c r="AF6282">
        <v>3090</v>
      </c>
      <c r="AG6282">
        <v>85360</v>
      </c>
      <c r="AH6282">
        <v>50000</v>
      </c>
      <c r="AI6282">
        <v>0</v>
      </c>
      <c r="AJ6282">
        <v>104</v>
      </c>
      <c r="AK6282" t="s">
        <v>60</v>
      </c>
      <c r="AL6282">
        <v>0</v>
      </c>
      <c r="AM6282">
        <v>0</v>
      </c>
      <c r="AN6282">
        <v>0</v>
      </c>
      <c r="AO6282">
        <v>0</v>
      </c>
      <c r="AP6282">
        <v>0</v>
      </c>
      <c r="AQ6282">
        <v>0</v>
      </c>
      <c r="AR6282">
        <v>0</v>
      </c>
      <c r="AS6282">
        <v>0</v>
      </c>
      <c r="AT6282">
        <v>0</v>
      </c>
      <c r="AU6282">
        <v>0</v>
      </c>
      <c r="AV6282">
        <v>0</v>
      </c>
      <c r="AW6282">
        <v>0</v>
      </c>
      <c r="AX6282">
        <v>-1772</v>
      </c>
      <c r="AY6282">
        <v>35</v>
      </c>
      <c r="AZ6282">
        <v>60</v>
      </c>
      <c r="BA6282">
        <v>4086</v>
      </c>
    </row>
    <row r="6283" spans="1:53" x14ac:dyDescent="0.4">
      <c r="A6283">
        <v>6327</v>
      </c>
      <c r="B6283" s="1">
        <v>45233</v>
      </c>
      <c r="C6283">
        <v>1</v>
      </c>
      <c r="D6283" s="1">
        <v>45233.291666666664</v>
      </c>
      <c r="E6283" s="1">
        <v>45233.40902777778</v>
      </c>
      <c r="F6283">
        <v>0</v>
      </c>
      <c r="G6283">
        <v>0</v>
      </c>
      <c r="H6283">
        <v>0</v>
      </c>
      <c r="I6283">
        <v>0</v>
      </c>
      <c r="J6283">
        <v>0</v>
      </c>
      <c r="K6283">
        <v>0</v>
      </c>
      <c r="L6283">
        <v>0</v>
      </c>
      <c r="M6283">
        <v>0</v>
      </c>
      <c r="N6283">
        <v>0</v>
      </c>
      <c r="O6283">
        <v>0</v>
      </c>
      <c r="P6283">
        <v>0</v>
      </c>
      <c r="Q6283">
        <v>0</v>
      </c>
      <c r="R6283">
        <v>0</v>
      </c>
      <c r="S6283">
        <v>0</v>
      </c>
      <c r="T6283">
        <v>0</v>
      </c>
      <c r="U6283">
        <v>0</v>
      </c>
      <c r="V6283">
        <v>0</v>
      </c>
      <c r="W6283">
        <v>1</v>
      </c>
      <c r="X6283">
        <v>0</v>
      </c>
      <c r="Y6283">
        <v>30</v>
      </c>
      <c r="Z6283">
        <v>10</v>
      </c>
      <c r="AA6283">
        <v>72</v>
      </c>
      <c r="AB6283">
        <v>38</v>
      </c>
      <c r="AC6283">
        <v>65</v>
      </c>
      <c r="AD6283">
        <v>29</v>
      </c>
      <c r="AE6283">
        <v>105</v>
      </c>
      <c r="AF6283">
        <v>0</v>
      </c>
      <c r="AG6283">
        <v>50000</v>
      </c>
      <c r="AH6283">
        <v>50000</v>
      </c>
      <c r="AI6283">
        <v>0</v>
      </c>
      <c r="AJ6283">
        <v>0</v>
      </c>
      <c r="AK6283" t="s">
        <v>6</v>
      </c>
      <c r="AL6283">
        <v>0</v>
      </c>
      <c r="AM6283">
        <v>0</v>
      </c>
      <c r="AN6283">
        <v>0</v>
      </c>
      <c r="AO6283">
        <v>0</v>
      </c>
      <c r="AP6283">
        <v>0</v>
      </c>
      <c r="AQ6283">
        <v>0</v>
      </c>
      <c r="AR6283">
        <v>0</v>
      </c>
      <c r="AS6283">
        <v>0</v>
      </c>
      <c r="AT6283">
        <v>0</v>
      </c>
      <c r="AU6283">
        <v>0</v>
      </c>
      <c r="AV6283">
        <v>0</v>
      </c>
      <c r="AW6283">
        <v>0</v>
      </c>
      <c r="AX6283">
        <v>0</v>
      </c>
      <c r="AY6283">
        <v>0</v>
      </c>
      <c r="AZ6283">
        <v>0</v>
      </c>
      <c r="BA6283">
        <v>0</v>
      </c>
    </row>
    <row r="6284" spans="1:53" x14ac:dyDescent="0.4">
      <c r="A6284">
        <v>6328</v>
      </c>
      <c r="B6284" s="1">
        <v>45233</v>
      </c>
      <c r="C6284">
        <v>2</v>
      </c>
      <c r="D6284" s="1">
        <v>45233.40902777778</v>
      </c>
      <c r="E6284" s="1">
        <v>45233.742361111108</v>
      </c>
      <c r="F6284">
        <v>54200</v>
      </c>
      <c r="G6284">
        <v>4011</v>
      </c>
      <c r="H6284">
        <v>0</v>
      </c>
      <c r="I6284">
        <v>0</v>
      </c>
      <c r="J6284">
        <v>500</v>
      </c>
      <c r="K6284">
        <v>0</v>
      </c>
      <c r="L6284">
        <v>0</v>
      </c>
      <c r="M6284">
        <v>5242</v>
      </c>
      <c r="N6284">
        <v>0</v>
      </c>
      <c r="O6284">
        <v>0</v>
      </c>
      <c r="P6284">
        <v>22355</v>
      </c>
      <c r="Q6284">
        <v>0</v>
      </c>
      <c r="R6284">
        <v>80066</v>
      </c>
      <c r="S6284">
        <v>0</v>
      </c>
      <c r="T6284">
        <v>0</v>
      </c>
      <c r="U6284">
        <v>0</v>
      </c>
      <c r="V6284">
        <v>2</v>
      </c>
      <c r="W6284">
        <v>0</v>
      </c>
      <c r="X6284">
        <v>0</v>
      </c>
      <c r="Y6284">
        <v>85</v>
      </c>
      <c r="Z6284">
        <v>26</v>
      </c>
      <c r="AA6284">
        <v>75</v>
      </c>
      <c r="AB6284">
        <v>33</v>
      </c>
      <c r="AC6284">
        <v>92</v>
      </c>
      <c r="AD6284">
        <v>32</v>
      </c>
      <c r="AE6284">
        <v>111</v>
      </c>
      <c r="AF6284">
        <v>1225</v>
      </c>
      <c r="AG6284">
        <v>129566</v>
      </c>
      <c r="AH6284">
        <v>50000</v>
      </c>
      <c r="AI6284">
        <v>-500</v>
      </c>
      <c r="AJ6284">
        <v>0</v>
      </c>
      <c r="AK6284" t="s">
        <v>6</v>
      </c>
      <c r="AL6284">
        <v>0</v>
      </c>
      <c r="AM6284">
        <v>0</v>
      </c>
      <c r="AN6284">
        <v>0</v>
      </c>
      <c r="AO6284">
        <v>0</v>
      </c>
      <c r="AP6284">
        <v>0</v>
      </c>
      <c r="AQ6284">
        <v>0</v>
      </c>
      <c r="AR6284">
        <v>0</v>
      </c>
      <c r="AS6284">
        <v>0</v>
      </c>
      <c r="AT6284">
        <v>0</v>
      </c>
      <c r="AU6284">
        <v>0</v>
      </c>
      <c r="AV6284">
        <v>0</v>
      </c>
      <c r="AW6284">
        <v>0</v>
      </c>
      <c r="AX6284">
        <v>4603</v>
      </c>
      <c r="AY6284">
        <v>59</v>
      </c>
      <c r="AZ6284">
        <v>132</v>
      </c>
      <c r="BA6284">
        <v>7604</v>
      </c>
    </row>
    <row r="6285" spans="1:53" x14ac:dyDescent="0.4">
      <c r="A6285">
        <v>6329</v>
      </c>
      <c r="B6285" s="1">
        <v>45234</v>
      </c>
      <c r="C6285">
        <v>1</v>
      </c>
      <c r="D6285" s="1">
        <v>45234.291666666664</v>
      </c>
      <c r="E6285" s="1">
        <v>45234.410416666666</v>
      </c>
      <c r="F6285">
        <v>0</v>
      </c>
      <c r="G6285">
        <v>0</v>
      </c>
      <c r="H6285">
        <v>0</v>
      </c>
      <c r="I6285">
        <v>0</v>
      </c>
      <c r="J6285">
        <v>0</v>
      </c>
      <c r="K6285">
        <v>0</v>
      </c>
      <c r="L6285">
        <v>0</v>
      </c>
      <c r="M6285">
        <v>0</v>
      </c>
      <c r="N6285">
        <v>0</v>
      </c>
      <c r="O6285">
        <v>0</v>
      </c>
      <c r="P6285">
        <v>0</v>
      </c>
      <c r="Q6285">
        <v>0</v>
      </c>
      <c r="R6285">
        <v>0</v>
      </c>
      <c r="S6285">
        <v>0</v>
      </c>
      <c r="T6285">
        <v>0</v>
      </c>
      <c r="U6285">
        <v>0</v>
      </c>
      <c r="V6285">
        <v>0</v>
      </c>
      <c r="W6285">
        <v>1</v>
      </c>
      <c r="X6285">
        <v>0</v>
      </c>
      <c r="Y6285">
        <v>30</v>
      </c>
      <c r="Z6285">
        <v>10</v>
      </c>
      <c r="AA6285">
        <v>65</v>
      </c>
      <c r="AB6285">
        <v>43</v>
      </c>
      <c r="AC6285">
        <v>107</v>
      </c>
      <c r="AD6285">
        <v>34</v>
      </c>
      <c r="AE6285">
        <v>110</v>
      </c>
      <c r="AF6285">
        <v>0</v>
      </c>
      <c r="AG6285">
        <v>50000</v>
      </c>
      <c r="AH6285">
        <v>50000</v>
      </c>
      <c r="AI6285">
        <v>0</v>
      </c>
      <c r="AJ6285">
        <v>0</v>
      </c>
      <c r="AK6285" t="s">
        <v>6</v>
      </c>
      <c r="AL6285">
        <v>0</v>
      </c>
      <c r="AM6285">
        <v>0</v>
      </c>
      <c r="AN6285">
        <v>0</v>
      </c>
      <c r="AO6285">
        <v>0</v>
      </c>
      <c r="AP6285">
        <v>0</v>
      </c>
      <c r="AQ6285">
        <v>0</v>
      </c>
      <c r="AR6285">
        <v>0</v>
      </c>
      <c r="AS6285">
        <v>0</v>
      </c>
      <c r="AT6285">
        <v>0</v>
      </c>
      <c r="AU6285">
        <v>0</v>
      </c>
      <c r="AV6285">
        <v>0</v>
      </c>
      <c r="AW6285">
        <v>0</v>
      </c>
      <c r="AX6285">
        <v>0</v>
      </c>
      <c r="AY6285">
        <v>0</v>
      </c>
      <c r="AZ6285">
        <v>0</v>
      </c>
      <c r="BA6285">
        <v>0</v>
      </c>
    </row>
    <row r="6286" spans="1:53" x14ac:dyDescent="0.4">
      <c r="A6286">
        <v>6330</v>
      </c>
      <c r="B6286" s="1">
        <v>45234</v>
      </c>
      <c r="C6286">
        <v>2</v>
      </c>
      <c r="D6286" s="1">
        <v>45234.410416666666</v>
      </c>
      <c r="E6286" s="1">
        <v>45234.731944444444</v>
      </c>
      <c r="F6286">
        <v>43180</v>
      </c>
      <c r="G6286">
        <v>605</v>
      </c>
      <c r="H6286">
        <v>0</v>
      </c>
      <c r="I6286">
        <v>0</v>
      </c>
      <c r="J6286">
        <v>500</v>
      </c>
      <c r="K6286">
        <v>400</v>
      </c>
      <c r="L6286">
        <v>0</v>
      </c>
      <c r="M6286">
        <v>3969</v>
      </c>
      <c r="N6286">
        <v>0</v>
      </c>
      <c r="O6286">
        <v>0</v>
      </c>
      <c r="P6286">
        <v>28655</v>
      </c>
      <c r="Q6286">
        <v>0</v>
      </c>
      <c r="R6286">
        <v>72340</v>
      </c>
      <c r="S6286">
        <v>0</v>
      </c>
      <c r="T6286">
        <v>0</v>
      </c>
      <c r="U6286">
        <v>0</v>
      </c>
      <c r="V6286">
        <v>3</v>
      </c>
      <c r="W6286">
        <v>1</v>
      </c>
      <c r="X6286">
        <v>0</v>
      </c>
      <c r="Y6286">
        <v>56</v>
      </c>
      <c r="Z6286">
        <v>21</v>
      </c>
      <c r="AA6286">
        <v>64</v>
      </c>
      <c r="AB6286">
        <v>48</v>
      </c>
      <c r="AC6286">
        <v>137</v>
      </c>
      <c r="AD6286">
        <v>35</v>
      </c>
      <c r="AE6286">
        <v>115</v>
      </c>
      <c r="AF6286">
        <v>10380</v>
      </c>
      <c r="AG6286">
        <v>122340</v>
      </c>
      <c r="AH6286">
        <v>50000</v>
      </c>
      <c r="AI6286">
        <v>0</v>
      </c>
      <c r="AJ6286">
        <v>115</v>
      </c>
      <c r="AK6286" t="s">
        <v>55</v>
      </c>
      <c r="AL6286">
        <v>0</v>
      </c>
      <c r="AM6286">
        <v>0</v>
      </c>
      <c r="AN6286">
        <v>0</v>
      </c>
      <c r="AO6286">
        <v>0</v>
      </c>
      <c r="AP6286">
        <v>0</v>
      </c>
      <c r="AQ6286">
        <v>0</v>
      </c>
      <c r="AR6286">
        <v>0</v>
      </c>
      <c r="AS6286">
        <v>0</v>
      </c>
      <c r="AT6286">
        <v>0</v>
      </c>
      <c r="AU6286">
        <v>0</v>
      </c>
      <c r="AV6286">
        <v>0</v>
      </c>
      <c r="AW6286">
        <v>0</v>
      </c>
      <c r="AX6286">
        <v>-4980</v>
      </c>
      <c r="AY6286">
        <v>57</v>
      </c>
      <c r="AZ6286">
        <v>122</v>
      </c>
      <c r="BA6286">
        <v>7343</v>
      </c>
    </row>
    <row r="6287" spans="1:53" x14ac:dyDescent="0.4">
      <c r="A6287">
        <v>6331</v>
      </c>
      <c r="B6287" s="1">
        <v>45234</v>
      </c>
      <c r="C6287">
        <v>3</v>
      </c>
      <c r="D6287" s="1">
        <v>45234.731944444444</v>
      </c>
      <c r="E6287" s="1">
        <v>45234.956250000003</v>
      </c>
      <c r="F6287">
        <v>94475</v>
      </c>
      <c r="G6287">
        <v>880</v>
      </c>
      <c r="H6287">
        <v>0</v>
      </c>
      <c r="I6287">
        <v>0</v>
      </c>
      <c r="J6287">
        <v>200</v>
      </c>
      <c r="K6287">
        <v>0</v>
      </c>
      <c r="L6287">
        <v>0</v>
      </c>
      <c r="M6287">
        <v>8650</v>
      </c>
      <c r="N6287">
        <v>0</v>
      </c>
      <c r="O6287">
        <v>0</v>
      </c>
      <c r="P6287">
        <v>-26955</v>
      </c>
      <c r="Q6287">
        <v>0</v>
      </c>
      <c r="R6287">
        <v>68200</v>
      </c>
      <c r="S6287">
        <v>0</v>
      </c>
      <c r="T6287">
        <v>0</v>
      </c>
      <c r="U6287">
        <v>0</v>
      </c>
      <c r="V6287">
        <v>5</v>
      </c>
      <c r="W6287">
        <v>4</v>
      </c>
      <c r="X6287">
        <v>0</v>
      </c>
      <c r="Y6287">
        <v>56</v>
      </c>
      <c r="Z6287">
        <v>21</v>
      </c>
      <c r="AA6287">
        <v>57</v>
      </c>
      <c r="AB6287">
        <v>46</v>
      </c>
      <c r="AC6287">
        <v>133</v>
      </c>
      <c r="AD6287">
        <v>35</v>
      </c>
      <c r="AE6287">
        <v>115</v>
      </c>
      <c r="AF6287">
        <v>44420</v>
      </c>
      <c r="AG6287">
        <v>190540</v>
      </c>
      <c r="AH6287">
        <v>50000</v>
      </c>
      <c r="AI6287">
        <v>0</v>
      </c>
      <c r="AJ6287">
        <v>104</v>
      </c>
      <c r="AK6287" t="s">
        <v>60</v>
      </c>
      <c r="AL6287">
        <v>0</v>
      </c>
      <c r="AM6287">
        <v>0</v>
      </c>
      <c r="AN6287">
        <v>0</v>
      </c>
      <c r="AO6287">
        <v>0</v>
      </c>
      <c r="AP6287">
        <v>0</v>
      </c>
      <c r="AQ6287">
        <v>0</v>
      </c>
      <c r="AR6287">
        <v>0</v>
      </c>
      <c r="AS6287">
        <v>0</v>
      </c>
      <c r="AT6287">
        <v>0</v>
      </c>
      <c r="AU6287">
        <v>0</v>
      </c>
      <c r="AV6287">
        <v>0</v>
      </c>
      <c r="AW6287">
        <v>0</v>
      </c>
      <c r="AX6287">
        <v>12143</v>
      </c>
      <c r="AY6287">
        <v>22</v>
      </c>
      <c r="AZ6287">
        <v>54</v>
      </c>
      <c r="BA6287">
        <v>3955</v>
      </c>
    </row>
    <row r="6288" spans="1:53" x14ac:dyDescent="0.4">
      <c r="A6288">
        <v>6332</v>
      </c>
      <c r="B6288" s="1">
        <v>45234</v>
      </c>
      <c r="C6288">
        <v>4</v>
      </c>
      <c r="D6288" s="1">
        <v>45234.956250000003</v>
      </c>
      <c r="E6288" s="1">
        <v>45235.075694444444</v>
      </c>
      <c r="F6288">
        <v>32740</v>
      </c>
      <c r="G6288">
        <v>2937</v>
      </c>
      <c r="H6288">
        <v>0</v>
      </c>
      <c r="I6288">
        <v>0</v>
      </c>
      <c r="J6288">
        <v>400</v>
      </c>
      <c r="K6288">
        <v>0</v>
      </c>
      <c r="L6288">
        <v>0</v>
      </c>
      <c r="M6288">
        <v>3207</v>
      </c>
      <c r="N6288">
        <v>0</v>
      </c>
      <c r="O6288">
        <v>0</v>
      </c>
      <c r="P6288">
        <v>59520</v>
      </c>
      <c r="Q6288">
        <v>0</v>
      </c>
      <c r="R6288">
        <v>94797</v>
      </c>
      <c r="S6288">
        <v>0</v>
      </c>
      <c r="T6288">
        <v>0</v>
      </c>
      <c r="U6288">
        <v>0</v>
      </c>
      <c r="V6288">
        <v>13</v>
      </c>
      <c r="W6288">
        <v>5</v>
      </c>
      <c r="X6288">
        <v>0</v>
      </c>
      <c r="Y6288">
        <v>56</v>
      </c>
      <c r="Z6288">
        <v>20</v>
      </c>
      <c r="AA6288">
        <v>45</v>
      </c>
      <c r="AB6288">
        <v>46</v>
      </c>
      <c r="AC6288">
        <v>134</v>
      </c>
      <c r="AD6288">
        <v>35</v>
      </c>
      <c r="AE6288">
        <v>122</v>
      </c>
      <c r="AF6288">
        <v>55900</v>
      </c>
      <c r="AG6288">
        <v>285337</v>
      </c>
      <c r="AH6288">
        <v>50000</v>
      </c>
      <c r="AI6288">
        <v>0</v>
      </c>
      <c r="AJ6288">
        <v>104</v>
      </c>
      <c r="AK6288" t="s">
        <v>60</v>
      </c>
      <c r="AL6288">
        <v>0</v>
      </c>
      <c r="AM6288">
        <v>0</v>
      </c>
      <c r="AN6288">
        <v>0</v>
      </c>
      <c r="AO6288">
        <v>0</v>
      </c>
      <c r="AP6288">
        <v>0</v>
      </c>
      <c r="AQ6288">
        <v>0</v>
      </c>
      <c r="AR6288">
        <v>0</v>
      </c>
      <c r="AS6288">
        <v>0</v>
      </c>
      <c r="AT6288">
        <v>0</v>
      </c>
      <c r="AU6288">
        <v>0</v>
      </c>
      <c r="AV6288">
        <v>0</v>
      </c>
      <c r="AW6288">
        <v>0</v>
      </c>
      <c r="AX6288">
        <v>1650</v>
      </c>
      <c r="AY6288">
        <v>12</v>
      </c>
      <c r="AZ6288">
        <v>36</v>
      </c>
      <c r="BA6288">
        <v>1597</v>
      </c>
    </row>
    <row r="6289" spans="1:53" x14ac:dyDescent="0.4">
      <c r="A6289">
        <v>6333</v>
      </c>
      <c r="B6289" s="1">
        <v>45235</v>
      </c>
      <c r="C6289">
        <v>1</v>
      </c>
      <c r="D6289" s="1">
        <v>45235.291666666664</v>
      </c>
      <c r="E6289" s="1">
        <v>45235.411111111112</v>
      </c>
      <c r="F6289">
        <v>0</v>
      </c>
      <c r="G6289">
        <v>0</v>
      </c>
      <c r="H6289">
        <v>0</v>
      </c>
      <c r="I6289">
        <v>0</v>
      </c>
      <c r="J6289">
        <v>0</v>
      </c>
      <c r="K6289">
        <v>0</v>
      </c>
      <c r="L6289">
        <v>0</v>
      </c>
      <c r="M6289">
        <v>0</v>
      </c>
      <c r="N6289">
        <v>0</v>
      </c>
      <c r="O6289">
        <v>0</v>
      </c>
      <c r="P6289">
        <v>0</v>
      </c>
      <c r="Q6289">
        <v>0</v>
      </c>
      <c r="R6289">
        <v>0</v>
      </c>
      <c r="S6289">
        <v>0</v>
      </c>
      <c r="T6289">
        <v>0</v>
      </c>
      <c r="U6289">
        <v>0</v>
      </c>
      <c r="V6289">
        <v>0</v>
      </c>
      <c r="W6289">
        <v>1</v>
      </c>
      <c r="X6289">
        <v>0</v>
      </c>
      <c r="Y6289">
        <v>30</v>
      </c>
      <c r="Z6289">
        <v>10</v>
      </c>
      <c r="AA6289">
        <v>69</v>
      </c>
      <c r="AB6289">
        <v>45</v>
      </c>
      <c r="AC6289">
        <v>65</v>
      </c>
      <c r="AD6289">
        <v>36</v>
      </c>
      <c r="AE6289">
        <v>20</v>
      </c>
      <c r="AF6289">
        <v>0</v>
      </c>
      <c r="AG6289">
        <v>50000</v>
      </c>
      <c r="AH6289">
        <v>50000</v>
      </c>
      <c r="AI6289">
        <v>0</v>
      </c>
      <c r="AJ6289">
        <v>0</v>
      </c>
      <c r="AK6289" t="s">
        <v>6</v>
      </c>
      <c r="AL6289">
        <v>0</v>
      </c>
      <c r="AM6289">
        <v>0</v>
      </c>
      <c r="AN6289">
        <v>0</v>
      </c>
      <c r="AO6289">
        <v>0</v>
      </c>
      <c r="AP6289">
        <v>0</v>
      </c>
      <c r="AQ6289">
        <v>0</v>
      </c>
      <c r="AR6289">
        <v>0</v>
      </c>
      <c r="AS6289">
        <v>0</v>
      </c>
      <c r="AT6289">
        <v>0</v>
      </c>
      <c r="AU6289">
        <v>0</v>
      </c>
      <c r="AV6289">
        <v>0</v>
      </c>
      <c r="AW6289">
        <v>0</v>
      </c>
      <c r="AX6289">
        <v>0</v>
      </c>
      <c r="AY6289">
        <v>0</v>
      </c>
      <c r="AZ6289">
        <v>0</v>
      </c>
      <c r="BA6289">
        <v>0</v>
      </c>
    </row>
    <row r="6290" spans="1:53" x14ac:dyDescent="0.4">
      <c r="A6290">
        <v>6334</v>
      </c>
      <c r="B6290" s="1">
        <v>45235</v>
      </c>
      <c r="C6290">
        <v>2</v>
      </c>
      <c r="D6290" s="1">
        <v>45235.411111111112</v>
      </c>
      <c r="E6290" s="1">
        <v>45235.736111111109</v>
      </c>
      <c r="F6290">
        <v>50110</v>
      </c>
      <c r="G6290">
        <v>1518</v>
      </c>
      <c r="H6290">
        <v>0</v>
      </c>
      <c r="I6290">
        <v>0</v>
      </c>
      <c r="J6290">
        <v>400</v>
      </c>
      <c r="K6290">
        <v>0</v>
      </c>
      <c r="L6290">
        <v>0</v>
      </c>
      <c r="M6290">
        <v>4655</v>
      </c>
      <c r="N6290">
        <v>0</v>
      </c>
      <c r="O6290">
        <v>0</v>
      </c>
      <c r="P6290">
        <v>23150</v>
      </c>
      <c r="Q6290">
        <v>0</v>
      </c>
      <c r="R6290">
        <v>74378</v>
      </c>
      <c r="S6290">
        <v>0</v>
      </c>
      <c r="T6290">
        <v>0</v>
      </c>
      <c r="U6290">
        <v>0</v>
      </c>
      <c r="V6290">
        <v>0</v>
      </c>
      <c r="W6290">
        <v>7</v>
      </c>
      <c r="X6290">
        <v>0</v>
      </c>
      <c r="Y6290">
        <v>66</v>
      </c>
      <c r="Z6290">
        <v>10</v>
      </c>
      <c r="AA6290">
        <v>94</v>
      </c>
      <c r="AB6290">
        <v>47</v>
      </c>
      <c r="AC6290">
        <v>64</v>
      </c>
      <c r="AD6290">
        <v>34</v>
      </c>
      <c r="AE6290">
        <v>118</v>
      </c>
      <c r="AF6290">
        <v>5700</v>
      </c>
      <c r="AG6290">
        <v>124378</v>
      </c>
      <c r="AH6290">
        <v>50000</v>
      </c>
      <c r="AI6290">
        <v>0</v>
      </c>
      <c r="AJ6290">
        <v>118</v>
      </c>
      <c r="AK6290" t="s">
        <v>59</v>
      </c>
      <c r="AL6290">
        <v>0</v>
      </c>
      <c r="AM6290">
        <v>0</v>
      </c>
      <c r="AN6290">
        <v>0</v>
      </c>
      <c r="AO6290">
        <v>0</v>
      </c>
      <c r="AP6290">
        <v>0</v>
      </c>
      <c r="AQ6290">
        <v>0</v>
      </c>
      <c r="AR6290">
        <v>0</v>
      </c>
      <c r="AS6290">
        <v>0</v>
      </c>
      <c r="AT6290">
        <v>0</v>
      </c>
      <c r="AU6290">
        <v>0</v>
      </c>
      <c r="AV6290">
        <v>0</v>
      </c>
      <c r="AW6290">
        <v>0</v>
      </c>
      <c r="AX6290">
        <v>2585</v>
      </c>
      <c r="AY6290">
        <v>52</v>
      </c>
      <c r="AZ6290">
        <v>116</v>
      </c>
      <c r="BA6290">
        <v>8116</v>
      </c>
    </row>
    <row r="6291" spans="1:53" x14ac:dyDescent="0.4">
      <c r="A6291">
        <v>6335</v>
      </c>
      <c r="B6291" s="1">
        <v>45235</v>
      </c>
      <c r="C6291">
        <v>3</v>
      </c>
      <c r="D6291" s="1">
        <v>45235.736111111109</v>
      </c>
      <c r="E6291" s="1">
        <v>45235.953472222223</v>
      </c>
      <c r="F6291">
        <v>41770</v>
      </c>
      <c r="G6291">
        <v>5830</v>
      </c>
      <c r="H6291">
        <v>0</v>
      </c>
      <c r="I6291">
        <v>0</v>
      </c>
      <c r="J6291">
        <v>0</v>
      </c>
      <c r="K6291">
        <v>0</v>
      </c>
      <c r="L6291">
        <v>0</v>
      </c>
      <c r="M6291">
        <v>4324</v>
      </c>
      <c r="N6291">
        <v>0</v>
      </c>
      <c r="O6291">
        <v>0</v>
      </c>
      <c r="P6291">
        <v>-10970</v>
      </c>
      <c r="Q6291">
        <v>0</v>
      </c>
      <c r="R6291">
        <v>36630</v>
      </c>
      <c r="S6291">
        <v>0</v>
      </c>
      <c r="T6291">
        <v>0</v>
      </c>
      <c r="U6291">
        <v>0</v>
      </c>
      <c r="V6291">
        <v>2</v>
      </c>
      <c r="W6291">
        <v>7</v>
      </c>
      <c r="X6291">
        <v>0</v>
      </c>
      <c r="Y6291">
        <v>78</v>
      </c>
      <c r="Z6291">
        <v>9</v>
      </c>
      <c r="AA6291">
        <v>91</v>
      </c>
      <c r="AB6291">
        <v>46</v>
      </c>
      <c r="AC6291">
        <v>80</v>
      </c>
      <c r="AD6291">
        <v>32</v>
      </c>
      <c r="AE6291">
        <v>118</v>
      </c>
      <c r="AF6291">
        <v>11030</v>
      </c>
      <c r="AG6291">
        <v>161008</v>
      </c>
      <c r="AH6291">
        <v>50000</v>
      </c>
      <c r="AI6291">
        <v>0</v>
      </c>
      <c r="AJ6291">
        <v>39</v>
      </c>
      <c r="AK6291" t="s">
        <v>73</v>
      </c>
      <c r="AL6291">
        <v>0</v>
      </c>
      <c r="AM6291">
        <v>0</v>
      </c>
      <c r="AN6291">
        <v>0</v>
      </c>
      <c r="AO6291">
        <v>0</v>
      </c>
      <c r="AP6291">
        <v>0</v>
      </c>
      <c r="AQ6291">
        <v>0</v>
      </c>
      <c r="AR6291">
        <v>0</v>
      </c>
      <c r="AS6291">
        <v>0</v>
      </c>
      <c r="AT6291">
        <v>0</v>
      </c>
      <c r="AU6291">
        <v>0</v>
      </c>
      <c r="AV6291">
        <v>0</v>
      </c>
      <c r="AW6291">
        <v>0</v>
      </c>
      <c r="AX6291">
        <v>9825</v>
      </c>
      <c r="AY6291">
        <v>16</v>
      </c>
      <c r="AZ6291">
        <v>40</v>
      </c>
      <c r="BA6291">
        <v>2881</v>
      </c>
    </row>
    <row r="6292" spans="1:53" x14ac:dyDescent="0.4">
      <c r="A6292">
        <v>6336</v>
      </c>
      <c r="B6292" s="1">
        <v>45236</v>
      </c>
      <c r="C6292">
        <v>1</v>
      </c>
      <c r="D6292" s="1">
        <v>45236.291666666664</v>
      </c>
      <c r="E6292" s="1">
        <v>45236.45</v>
      </c>
      <c r="F6292">
        <v>0</v>
      </c>
      <c r="G6292">
        <v>0</v>
      </c>
      <c r="H6292">
        <v>0</v>
      </c>
      <c r="I6292">
        <v>0</v>
      </c>
      <c r="J6292">
        <v>0</v>
      </c>
      <c r="K6292">
        <v>0</v>
      </c>
      <c r="L6292">
        <v>0</v>
      </c>
      <c r="M6292">
        <v>0</v>
      </c>
      <c r="N6292">
        <v>0</v>
      </c>
      <c r="O6292">
        <v>0</v>
      </c>
      <c r="P6292">
        <v>0</v>
      </c>
      <c r="Q6292">
        <v>0</v>
      </c>
      <c r="R6292">
        <v>0</v>
      </c>
      <c r="S6292">
        <v>0</v>
      </c>
      <c r="T6292">
        <v>0</v>
      </c>
      <c r="U6292">
        <v>0</v>
      </c>
      <c r="V6292">
        <v>0</v>
      </c>
      <c r="W6292">
        <v>1</v>
      </c>
      <c r="X6292">
        <v>0</v>
      </c>
      <c r="Y6292">
        <v>30</v>
      </c>
      <c r="Z6292">
        <v>8</v>
      </c>
      <c r="AA6292">
        <v>76</v>
      </c>
      <c r="AB6292">
        <v>46</v>
      </c>
      <c r="AC6292">
        <v>83</v>
      </c>
      <c r="AD6292">
        <v>31</v>
      </c>
      <c r="AE6292">
        <v>115</v>
      </c>
      <c r="AF6292">
        <v>0</v>
      </c>
      <c r="AG6292">
        <v>50000</v>
      </c>
      <c r="AH6292">
        <v>50000</v>
      </c>
      <c r="AI6292">
        <v>0</v>
      </c>
      <c r="AJ6292">
        <v>0</v>
      </c>
      <c r="AK6292" t="s">
        <v>6</v>
      </c>
      <c r="AL6292">
        <v>0</v>
      </c>
      <c r="AM6292">
        <v>0</v>
      </c>
      <c r="AN6292">
        <v>0</v>
      </c>
      <c r="AO6292">
        <v>0</v>
      </c>
      <c r="AP6292">
        <v>0</v>
      </c>
      <c r="AQ6292">
        <v>0</v>
      </c>
      <c r="AR6292">
        <v>0</v>
      </c>
      <c r="AS6292">
        <v>0</v>
      </c>
      <c r="AT6292">
        <v>0</v>
      </c>
      <c r="AU6292">
        <v>0</v>
      </c>
      <c r="AV6292">
        <v>0</v>
      </c>
      <c r="AW6292">
        <v>0</v>
      </c>
      <c r="AX6292">
        <v>0</v>
      </c>
      <c r="AY6292">
        <v>0</v>
      </c>
      <c r="AZ6292">
        <v>0</v>
      </c>
      <c r="BA6292">
        <v>0</v>
      </c>
    </row>
    <row r="6293" spans="1:53" x14ac:dyDescent="0.4">
      <c r="A6293">
        <v>6337</v>
      </c>
      <c r="B6293" s="1">
        <v>45236</v>
      </c>
      <c r="C6293">
        <v>2</v>
      </c>
      <c r="D6293" s="1">
        <v>45236.45</v>
      </c>
      <c r="E6293" s="1">
        <v>45236.724999999999</v>
      </c>
      <c r="F6293">
        <v>10540</v>
      </c>
      <c r="G6293">
        <v>0</v>
      </c>
      <c r="H6293">
        <v>0</v>
      </c>
      <c r="I6293">
        <v>0</v>
      </c>
      <c r="J6293">
        <v>0</v>
      </c>
      <c r="K6293">
        <v>0</v>
      </c>
      <c r="L6293">
        <v>0</v>
      </c>
      <c r="M6293">
        <v>958</v>
      </c>
      <c r="N6293">
        <v>0</v>
      </c>
      <c r="O6293">
        <v>0</v>
      </c>
      <c r="P6293">
        <v>12350</v>
      </c>
      <c r="Q6293">
        <v>0</v>
      </c>
      <c r="R6293">
        <v>22890</v>
      </c>
      <c r="S6293">
        <v>0</v>
      </c>
      <c r="T6293">
        <v>0</v>
      </c>
      <c r="U6293">
        <v>0</v>
      </c>
      <c r="V6293">
        <v>0</v>
      </c>
      <c r="W6293">
        <v>3</v>
      </c>
      <c r="X6293">
        <v>0</v>
      </c>
      <c r="Y6293">
        <v>39</v>
      </c>
      <c r="Z6293">
        <v>12</v>
      </c>
      <c r="AA6293">
        <v>79</v>
      </c>
      <c r="AB6293">
        <v>45</v>
      </c>
      <c r="AC6293">
        <v>81</v>
      </c>
      <c r="AD6293">
        <v>31</v>
      </c>
      <c r="AE6293">
        <v>115</v>
      </c>
      <c r="AF6293">
        <v>1660</v>
      </c>
      <c r="AG6293">
        <v>72890</v>
      </c>
      <c r="AH6293">
        <v>50000</v>
      </c>
      <c r="AI6293">
        <v>0</v>
      </c>
      <c r="AJ6293">
        <v>38</v>
      </c>
      <c r="AK6293" t="s">
        <v>75</v>
      </c>
      <c r="AL6293">
        <v>0</v>
      </c>
      <c r="AM6293">
        <v>0</v>
      </c>
      <c r="AN6293">
        <v>0</v>
      </c>
      <c r="AO6293">
        <v>0</v>
      </c>
      <c r="AP6293">
        <v>0</v>
      </c>
      <c r="AQ6293">
        <v>0</v>
      </c>
      <c r="AR6293">
        <v>0</v>
      </c>
      <c r="AS6293">
        <v>0</v>
      </c>
      <c r="AT6293">
        <v>0</v>
      </c>
      <c r="AU6293">
        <v>0</v>
      </c>
      <c r="AV6293">
        <v>0</v>
      </c>
      <c r="AW6293">
        <v>0</v>
      </c>
      <c r="AX6293">
        <v>0</v>
      </c>
      <c r="AY6293">
        <v>23</v>
      </c>
      <c r="AZ6293">
        <v>36</v>
      </c>
      <c r="BA6293">
        <v>2610</v>
      </c>
    </row>
    <row r="6294" spans="1:53" x14ac:dyDescent="0.4">
      <c r="A6294">
        <v>6338</v>
      </c>
      <c r="B6294" s="1">
        <v>45237</v>
      </c>
      <c r="C6294">
        <v>1</v>
      </c>
      <c r="D6294" s="1">
        <v>45237.291666666664</v>
      </c>
      <c r="E6294" s="1">
        <v>45237.45</v>
      </c>
      <c r="F6294">
        <v>0</v>
      </c>
      <c r="G6294">
        <v>0</v>
      </c>
      <c r="H6294">
        <v>0</v>
      </c>
      <c r="I6294">
        <v>0</v>
      </c>
      <c r="J6294">
        <v>0</v>
      </c>
      <c r="K6294">
        <v>0</v>
      </c>
      <c r="L6294">
        <v>0</v>
      </c>
      <c r="M6294">
        <v>0</v>
      </c>
      <c r="N6294">
        <v>0</v>
      </c>
      <c r="O6294">
        <v>0</v>
      </c>
      <c r="P6294">
        <v>0</v>
      </c>
      <c r="Q6294">
        <v>0</v>
      </c>
      <c r="R6294">
        <v>0</v>
      </c>
      <c r="S6294">
        <v>0</v>
      </c>
      <c r="T6294">
        <v>0</v>
      </c>
      <c r="U6294">
        <v>0</v>
      </c>
      <c r="V6294">
        <v>0</v>
      </c>
      <c r="W6294">
        <v>1</v>
      </c>
      <c r="X6294">
        <v>0</v>
      </c>
      <c r="Y6294">
        <v>28</v>
      </c>
      <c r="Z6294">
        <v>10</v>
      </c>
      <c r="AA6294">
        <v>90</v>
      </c>
      <c r="AB6294">
        <v>41</v>
      </c>
      <c r="AC6294">
        <v>68</v>
      </c>
      <c r="AD6294">
        <v>31</v>
      </c>
      <c r="AE6294">
        <v>115</v>
      </c>
      <c r="AF6294">
        <v>0</v>
      </c>
      <c r="AG6294">
        <v>50000</v>
      </c>
      <c r="AH6294">
        <v>50000</v>
      </c>
      <c r="AI6294">
        <v>0</v>
      </c>
      <c r="AJ6294">
        <v>0</v>
      </c>
      <c r="AK6294" t="s">
        <v>6</v>
      </c>
      <c r="AL6294">
        <v>0</v>
      </c>
      <c r="AM6294">
        <v>0</v>
      </c>
      <c r="AN6294">
        <v>0</v>
      </c>
      <c r="AO6294">
        <v>0</v>
      </c>
      <c r="AP6294">
        <v>0</v>
      </c>
      <c r="AQ6294">
        <v>0</v>
      </c>
      <c r="AR6294">
        <v>0</v>
      </c>
      <c r="AS6294">
        <v>0</v>
      </c>
      <c r="AT6294">
        <v>0</v>
      </c>
      <c r="AU6294">
        <v>0</v>
      </c>
      <c r="AV6294">
        <v>0</v>
      </c>
      <c r="AW6294">
        <v>0</v>
      </c>
      <c r="AX6294">
        <v>0</v>
      </c>
      <c r="AY6294">
        <v>0</v>
      </c>
      <c r="AZ6294">
        <v>0</v>
      </c>
      <c r="BA6294">
        <v>0</v>
      </c>
    </row>
    <row r="6295" spans="1:53" x14ac:dyDescent="0.4">
      <c r="A6295">
        <v>6339</v>
      </c>
      <c r="B6295" s="1">
        <v>45237</v>
      </c>
      <c r="C6295">
        <v>2</v>
      </c>
      <c r="D6295" s="1">
        <v>45237.45</v>
      </c>
      <c r="E6295" s="1">
        <v>45237.728472222225</v>
      </c>
      <c r="F6295">
        <v>7610</v>
      </c>
      <c r="G6295">
        <v>308</v>
      </c>
      <c r="H6295">
        <v>0</v>
      </c>
      <c r="I6295">
        <v>0</v>
      </c>
      <c r="J6295">
        <v>0</v>
      </c>
      <c r="K6295">
        <v>0</v>
      </c>
      <c r="L6295">
        <v>0</v>
      </c>
      <c r="M6295">
        <v>721</v>
      </c>
      <c r="N6295">
        <v>0</v>
      </c>
      <c r="O6295">
        <v>0</v>
      </c>
      <c r="P6295">
        <v>13010</v>
      </c>
      <c r="Q6295">
        <v>0</v>
      </c>
      <c r="R6295">
        <v>20928</v>
      </c>
      <c r="S6295">
        <v>0</v>
      </c>
      <c r="T6295">
        <v>0</v>
      </c>
      <c r="U6295">
        <v>0</v>
      </c>
      <c r="V6295">
        <v>1</v>
      </c>
      <c r="W6295">
        <v>2</v>
      </c>
      <c r="X6295">
        <v>0</v>
      </c>
      <c r="Y6295">
        <v>32</v>
      </c>
      <c r="Z6295">
        <v>12</v>
      </c>
      <c r="AA6295">
        <v>74</v>
      </c>
      <c r="AB6295">
        <v>41</v>
      </c>
      <c r="AC6295">
        <v>67</v>
      </c>
      <c r="AD6295">
        <v>33</v>
      </c>
      <c r="AE6295">
        <v>113</v>
      </c>
      <c r="AF6295">
        <v>2530</v>
      </c>
      <c r="AG6295">
        <v>70928</v>
      </c>
      <c r="AH6295">
        <v>50000</v>
      </c>
      <c r="AI6295">
        <v>0</v>
      </c>
      <c r="AJ6295">
        <v>38</v>
      </c>
      <c r="AK6295" t="s">
        <v>75</v>
      </c>
      <c r="AL6295">
        <v>0</v>
      </c>
      <c r="AM6295">
        <v>0</v>
      </c>
      <c r="AN6295">
        <v>0</v>
      </c>
      <c r="AO6295">
        <v>0</v>
      </c>
      <c r="AP6295">
        <v>0</v>
      </c>
      <c r="AQ6295">
        <v>0</v>
      </c>
      <c r="AR6295">
        <v>0</v>
      </c>
      <c r="AS6295">
        <v>0</v>
      </c>
      <c r="AT6295">
        <v>0</v>
      </c>
      <c r="AU6295">
        <v>0</v>
      </c>
      <c r="AV6295">
        <v>0</v>
      </c>
      <c r="AW6295">
        <v>0</v>
      </c>
      <c r="AX6295">
        <v>-985</v>
      </c>
      <c r="AY6295">
        <v>27</v>
      </c>
      <c r="AZ6295">
        <v>35</v>
      </c>
      <c r="BA6295">
        <v>3042</v>
      </c>
    </row>
    <row r="6296" spans="1:53" x14ac:dyDescent="0.4">
      <c r="A6296">
        <v>6340</v>
      </c>
      <c r="B6296" s="1">
        <v>45238</v>
      </c>
      <c r="C6296">
        <v>1</v>
      </c>
      <c r="D6296" s="1">
        <v>45238.291666666664</v>
      </c>
      <c r="E6296" s="1">
        <v>45238.44027777778</v>
      </c>
      <c r="F6296">
        <v>0</v>
      </c>
      <c r="G6296">
        <v>0</v>
      </c>
      <c r="H6296">
        <v>0</v>
      </c>
      <c r="I6296">
        <v>0</v>
      </c>
      <c r="J6296">
        <v>0</v>
      </c>
      <c r="K6296">
        <v>0</v>
      </c>
      <c r="L6296">
        <v>0</v>
      </c>
      <c r="M6296">
        <v>0</v>
      </c>
      <c r="N6296">
        <v>0</v>
      </c>
      <c r="O6296">
        <v>0</v>
      </c>
      <c r="P6296">
        <v>0</v>
      </c>
      <c r="Q6296">
        <v>0</v>
      </c>
      <c r="R6296">
        <v>0</v>
      </c>
      <c r="S6296">
        <v>0</v>
      </c>
      <c r="T6296">
        <v>0</v>
      </c>
      <c r="U6296">
        <v>0</v>
      </c>
      <c r="V6296">
        <v>0</v>
      </c>
      <c r="W6296">
        <v>1</v>
      </c>
      <c r="X6296">
        <v>0</v>
      </c>
      <c r="Y6296">
        <v>30</v>
      </c>
      <c r="Z6296">
        <v>11</v>
      </c>
      <c r="AA6296">
        <v>64</v>
      </c>
      <c r="AB6296">
        <v>45</v>
      </c>
      <c r="AC6296">
        <v>60</v>
      </c>
      <c r="AD6296">
        <v>30</v>
      </c>
      <c r="AE6296">
        <v>100</v>
      </c>
      <c r="AF6296">
        <v>0</v>
      </c>
      <c r="AG6296">
        <v>50000</v>
      </c>
      <c r="AH6296">
        <v>50000</v>
      </c>
      <c r="AI6296">
        <v>0</v>
      </c>
      <c r="AJ6296">
        <v>0</v>
      </c>
      <c r="AK6296" t="s">
        <v>6</v>
      </c>
      <c r="AL6296">
        <v>0</v>
      </c>
      <c r="AM6296">
        <v>0</v>
      </c>
      <c r="AN6296">
        <v>0</v>
      </c>
      <c r="AO6296">
        <v>0</v>
      </c>
      <c r="AP6296">
        <v>0</v>
      </c>
      <c r="AQ6296">
        <v>0</v>
      </c>
      <c r="AR6296">
        <v>0</v>
      </c>
      <c r="AS6296">
        <v>0</v>
      </c>
      <c r="AT6296">
        <v>0</v>
      </c>
      <c r="AU6296">
        <v>0</v>
      </c>
      <c r="AV6296">
        <v>0</v>
      </c>
      <c r="AW6296">
        <v>0</v>
      </c>
      <c r="AX6296">
        <v>0</v>
      </c>
      <c r="AY6296">
        <v>0</v>
      </c>
      <c r="AZ6296">
        <v>0</v>
      </c>
      <c r="BA6296">
        <v>0</v>
      </c>
    </row>
    <row r="6297" spans="1:53" x14ac:dyDescent="0.4">
      <c r="A6297">
        <v>6341</v>
      </c>
      <c r="B6297" s="1">
        <v>45239</v>
      </c>
      <c r="C6297">
        <v>1</v>
      </c>
      <c r="D6297" s="1">
        <v>45239.291666666664</v>
      </c>
      <c r="E6297" s="1">
        <v>45239.449305555558</v>
      </c>
      <c r="F6297">
        <v>0</v>
      </c>
      <c r="G6297">
        <v>0</v>
      </c>
      <c r="H6297">
        <v>0</v>
      </c>
      <c r="I6297">
        <v>0</v>
      </c>
      <c r="J6297">
        <v>0</v>
      </c>
      <c r="K6297">
        <v>0</v>
      </c>
      <c r="L6297">
        <v>0</v>
      </c>
      <c r="M6297">
        <v>0</v>
      </c>
      <c r="N6297">
        <v>0</v>
      </c>
      <c r="O6297">
        <v>0</v>
      </c>
      <c r="P6297">
        <v>0</v>
      </c>
      <c r="Q6297">
        <v>0</v>
      </c>
      <c r="R6297">
        <v>0</v>
      </c>
      <c r="S6297">
        <v>0</v>
      </c>
      <c r="T6297">
        <v>0</v>
      </c>
      <c r="U6297">
        <v>0</v>
      </c>
      <c r="V6297">
        <v>0</v>
      </c>
      <c r="W6297">
        <v>1</v>
      </c>
      <c r="X6297">
        <v>0</v>
      </c>
      <c r="Y6297">
        <v>30</v>
      </c>
      <c r="Z6297">
        <v>10</v>
      </c>
      <c r="AA6297">
        <v>70</v>
      </c>
      <c r="AB6297">
        <v>43</v>
      </c>
      <c r="AC6297">
        <v>60</v>
      </c>
      <c r="AD6297">
        <v>30</v>
      </c>
      <c r="AE6297">
        <v>100</v>
      </c>
      <c r="AF6297">
        <v>0</v>
      </c>
      <c r="AG6297">
        <v>50000</v>
      </c>
      <c r="AH6297">
        <v>50000</v>
      </c>
      <c r="AI6297">
        <v>0</v>
      </c>
      <c r="AJ6297">
        <v>0</v>
      </c>
      <c r="AK6297" t="s">
        <v>6</v>
      </c>
      <c r="AL6297">
        <v>0</v>
      </c>
      <c r="AM6297">
        <v>0</v>
      </c>
      <c r="AN6297">
        <v>0</v>
      </c>
      <c r="AO6297">
        <v>0</v>
      </c>
      <c r="AP6297">
        <v>0</v>
      </c>
      <c r="AQ6297">
        <v>0</v>
      </c>
      <c r="AR6297">
        <v>0</v>
      </c>
      <c r="AS6297">
        <v>0</v>
      </c>
      <c r="AT6297">
        <v>0</v>
      </c>
      <c r="AU6297">
        <v>0</v>
      </c>
      <c r="AV6297">
        <v>0</v>
      </c>
      <c r="AW6297">
        <v>0</v>
      </c>
      <c r="AX6297">
        <v>0</v>
      </c>
      <c r="AY6297">
        <v>0</v>
      </c>
      <c r="AZ6297">
        <v>0</v>
      </c>
      <c r="BA6297">
        <v>0</v>
      </c>
    </row>
    <row r="6298" spans="1:53" x14ac:dyDescent="0.4">
      <c r="A6298">
        <v>6342</v>
      </c>
      <c r="B6298" s="1">
        <v>45239</v>
      </c>
      <c r="C6298">
        <v>2</v>
      </c>
      <c r="D6298" s="1">
        <v>45239.449305555558</v>
      </c>
      <c r="E6298" s="1">
        <v>45239.734722222223</v>
      </c>
      <c r="F6298">
        <v>10840</v>
      </c>
      <c r="G6298">
        <v>308</v>
      </c>
      <c r="H6298">
        <v>0</v>
      </c>
      <c r="I6298">
        <v>0</v>
      </c>
      <c r="J6298">
        <v>100</v>
      </c>
      <c r="K6298">
        <v>0</v>
      </c>
      <c r="L6298">
        <v>0</v>
      </c>
      <c r="M6298">
        <v>1006</v>
      </c>
      <c r="N6298">
        <v>0</v>
      </c>
      <c r="O6298">
        <v>0</v>
      </c>
      <c r="P6298">
        <v>12310</v>
      </c>
      <c r="Q6298">
        <v>0</v>
      </c>
      <c r="R6298">
        <v>23358</v>
      </c>
      <c r="S6298">
        <v>0</v>
      </c>
      <c r="T6298">
        <v>0</v>
      </c>
      <c r="U6298">
        <v>0</v>
      </c>
      <c r="V6298">
        <v>0</v>
      </c>
      <c r="W6298">
        <v>1</v>
      </c>
      <c r="X6298">
        <v>0</v>
      </c>
      <c r="Y6298">
        <v>51</v>
      </c>
      <c r="Z6298">
        <v>11</v>
      </c>
      <c r="AA6298">
        <v>71</v>
      </c>
      <c r="AB6298">
        <v>41</v>
      </c>
      <c r="AC6298">
        <v>58</v>
      </c>
      <c r="AD6298">
        <v>30</v>
      </c>
      <c r="AE6298">
        <v>98</v>
      </c>
      <c r="AF6298">
        <v>1880</v>
      </c>
      <c r="AG6298">
        <v>73358</v>
      </c>
      <c r="AH6298">
        <v>50000</v>
      </c>
      <c r="AI6298">
        <v>0</v>
      </c>
      <c r="AJ6298">
        <v>38</v>
      </c>
      <c r="AK6298" t="s">
        <v>75</v>
      </c>
      <c r="AL6298">
        <v>0</v>
      </c>
      <c r="AM6298">
        <v>0</v>
      </c>
      <c r="AN6298">
        <v>0</v>
      </c>
      <c r="AO6298">
        <v>0</v>
      </c>
      <c r="AP6298">
        <v>0</v>
      </c>
      <c r="AQ6298">
        <v>0</v>
      </c>
      <c r="AR6298">
        <v>0</v>
      </c>
      <c r="AS6298">
        <v>0</v>
      </c>
      <c r="AT6298">
        <v>0</v>
      </c>
      <c r="AU6298">
        <v>0</v>
      </c>
      <c r="AV6298">
        <v>0</v>
      </c>
      <c r="AW6298">
        <v>0</v>
      </c>
      <c r="AX6298">
        <v>-1390</v>
      </c>
      <c r="AY6298">
        <v>24</v>
      </c>
      <c r="AZ6298">
        <v>38</v>
      </c>
      <c r="BA6298">
        <v>2964</v>
      </c>
    </row>
    <row r="6299" spans="1:53" x14ac:dyDescent="0.4">
      <c r="A6299">
        <v>6343</v>
      </c>
      <c r="B6299" s="1">
        <v>45240</v>
      </c>
      <c r="C6299">
        <v>1</v>
      </c>
      <c r="D6299" s="1">
        <v>45240.291666666664</v>
      </c>
      <c r="E6299" s="1">
        <v>45240.441666666666</v>
      </c>
      <c r="F6299">
        <v>0</v>
      </c>
      <c r="G6299">
        <v>0</v>
      </c>
      <c r="H6299">
        <v>0</v>
      </c>
      <c r="I6299">
        <v>0</v>
      </c>
      <c r="J6299">
        <v>0</v>
      </c>
      <c r="K6299">
        <v>0</v>
      </c>
      <c r="L6299">
        <v>0</v>
      </c>
      <c r="M6299">
        <v>0</v>
      </c>
      <c r="N6299">
        <v>0</v>
      </c>
      <c r="O6299">
        <v>0</v>
      </c>
      <c r="P6299">
        <v>0</v>
      </c>
      <c r="Q6299">
        <v>0</v>
      </c>
      <c r="R6299">
        <v>0</v>
      </c>
      <c r="S6299">
        <v>0</v>
      </c>
      <c r="T6299">
        <v>0</v>
      </c>
      <c r="U6299">
        <v>0</v>
      </c>
      <c r="V6299">
        <v>0</v>
      </c>
      <c r="W6299">
        <v>1</v>
      </c>
      <c r="X6299">
        <v>0</v>
      </c>
      <c r="Y6299">
        <v>31</v>
      </c>
      <c r="Z6299">
        <v>8</v>
      </c>
      <c r="AA6299">
        <v>73</v>
      </c>
      <c r="AB6299">
        <v>39</v>
      </c>
      <c r="AC6299">
        <v>49</v>
      </c>
      <c r="AD6299">
        <v>32</v>
      </c>
      <c r="AE6299">
        <v>100</v>
      </c>
      <c r="AF6299">
        <v>0</v>
      </c>
      <c r="AG6299">
        <v>50000</v>
      </c>
      <c r="AH6299">
        <v>50000</v>
      </c>
      <c r="AI6299">
        <v>0</v>
      </c>
      <c r="AJ6299">
        <v>0</v>
      </c>
      <c r="AK6299" t="s">
        <v>6</v>
      </c>
      <c r="AL6299">
        <v>0</v>
      </c>
      <c r="AM6299">
        <v>0</v>
      </c>
      <c r="AN6299">
        <v>0</v>
      </c>
      <c r="AO6299">
        <v>0</v>
      </c>
      <c r="AP6299">
        <v>0</v>
      </c>
      <c r="AQ6299">
        <v>0</v>
      </c>
      <c r="AR6299">
        <v>0</v>
      </c>
      <c r="AS6299">
        <v>0</v>
      </c>
      <c r="AT6299">
        <v>0</v>
      </c>
      <c r="AU6299">
        <v>0</v>
      </c>
      <c r="AV6299">
        <v>0</v>
      </c>
      <c r="AW6299">
        <v>0</v>
      </c>
      <c r="AX6299">
        <v>0</v>
      </c>
      <c r="AY6299">
        <v>0</v>
      </c>
      <c r="AZ6299">
        <v>0</v>
      </c>
      <c r="BA6299">
        <v>0</v>
      </c>
    </row>
    <row r="6300" spans="1:53" x14ac:dyDescent="0.4">
      <c r="A6300">
        <v>6344</v>
      </c>
      <c r="B6300" s="1">
        <v>45240</v>
      </c>
      <c r="C6300">
        <v>2</v>
      </c>
      <c r="D6300" s="1">
        <v>45240.441666666666</v>
      </c>
      <c r="E6300" s="1">
        <v>45240.730555555558</v>
      </c>
      <c r="F6300">
        <v>15660</v>
      </c>
      <c r="G6300">
        <v>0</v>
      </c>
      <c r="H6300">
        <v>220</v>
      </c>
      <c r="I6300">
        <v>0</v>
      </c>
      <c r="J6300">
        <v>100</v>
      </c>
      <c r="K6300">
        <v>0</v>
      </c>
      <c r="L6300">
        <v>0</v>
      </c>
      <c r="M6300">
        <v>1434</v>
      </c>
      <c r="N6300">
        <v>0</v>
      </c>
      <c r="O6300">
        <v>0</v>
      </c>
      <c r="P6300">
        <v>21230</v>
      </c>
      <c r="Q6300">
        <v>0</v>
      </c>
      <c r="R6300">
        <v>37010</v>
      </c>
      <c r="S6300">
        <v>0</v>
      </c>
      <c r="T6300">
        <v>0</v>
      </c>
      <c r="U6300">
        <v>0</v>
      </c>
      <c r="V6300">
        <v>1</v>
      </c>
      <c r="W6300">
        <v>0</v>
      </c>
      <c r="X6300">
        <v>0</v>
      </c>
      <c r="Y6300">
        <v>52</v>
      </c>
      <c r="Z6300">
        <v>19</v>
      </c>
      <c r="AA6300">
        <v>91</v>
      </c>
      <c r="AB6300">
        <v>51</v>
      </c>
      <c r="AC6300">
        <v>68</v>
      </c>
      <c r="AD6300">
        <v>36</v>
      </c>
      <c r="AE6300">
        <v>100</v>
      </c>
      <c r="AF6300">
        <v>3000</v>
      </c>
      <c r="AG6300">
        <v>87110</v>
      </c>
      <c r="AH6300">
        <v>50000</v>
      </c>
      <c r="AI6300">
        <v>100</v>
      </c>
      <c r="AJ6300">
        <v>36</v>
      </c>
      <c r="AK6300" t="s">
        <v>68</v>
      </c>
      <c r="AL6300">
        <v>0</v>
      </c>
      <c r="AM6300">
        <v>0</v>
      </c>
      <c r="AN6300">
        <v>0</v>
      </c>
      <c r="AO6300">
        <v>0</v>
      </c>
      <c r="AP6300">
        <v>0</v>
      </c>
      <c r="AQ6300">
        <v>0</v>
      </c>
      <c r="AR6300">
        <v>0</v>
      </c>
      <c r="AS6300">
        <v>0</v>
      </c>
      <c r="AT6300">
        <v>0</v>
      </c>
      <c r="AU6300">
        <v>0</v>
      </c>
      <c r="AV6300">
        <v>0</v>
      </c>
      <c r="AW6300">
        <v>0</v>
      </c>
      <c r="AX6300">
        <v>440</v>
      </c>
      <c r="AY6300">
        <v>40</v>
      </c>
      <c r="AZ6300">
        <v>59</v>
      </c>
      <c r="BA6300">
        <v>4813</v>
      </c>
    </row>
    <row r="6301" spans="1:53" x14ac:dyDescent="0.4">
      <c r="A6301">
        <v>6345</v>
      </c>
      <c r="B6301" s="1">
        <v>45240</v>
      </c>
      <c r="C6301">
        <v>3</v>
      </c>
      <c r="D6301" s="1">
        <v>45240.730555555558</v>
      </c>
      <c r="E6301" s="1">
        <v>45240.962500000001</v>
      </c>
      <c r="F6301">
        <v>157890</v>
      </c>
      <c r="G6301">
        <v>1914</v>
      </c>
      <c r="H6301">
        <v>0</v>
      </c>
      <c r="I6301">
        <v>0</v>
      </c>
      <c r="J6301">
        <v>100</v>
      </c>
      <c r="K6301">
        <v>0</v>
      </c>
      <c r="L6301">
        <v>0</v>
      </c>
      <c r="M6301">
        <v>14518</v>
      </c>
      <c r="N6301">
        <v>0</v>
      </c>
      <c r="O6301">
        <v>0</v>
      </c>
      <c r="P6301">
        <v>-15750</v>
      </c>
      <c r="Q6301">
        <v>0</v>
      </c>
      <c r="R6301">
        <v>143954</v>
      </c>
      <c r="S6301">
        <v>0</v>
      </c>
      <c r="T6301">
        <v>0</v>
      </c>
      <c r="U6301">
        <v>0</v>
      </c>
      <c r="V6301">
        <v>13</v>
      </c>
      <c r="W6301">
        <v>1</v>
      </c>
      <c r="X6301">
        <v>0</v>
      </c>
      <c r="Y6301">
        <v>63</v>
      </c>
      <c r="Z6301">
        <v>15</v>
      </c>
      <c r="AA6301">
        <v>83</v>
      </c>
      <c r="AB6301">
        <v>49</v>
      </c>
      <c r="AC6301">
        <v>59</v>
      </c>
      <c r="AD6301">
        <v>37</v>
      </c>
      <c r="AE6301">
        <v>94</v>
      </c>
      <c r="AF6301">
        <v>13845</v>
      </c>
      <c r="AG6301">
        <v>230964</v>
      </c>
      <c r="AH6301">
        <v>50000</v>
      </c>
      <c r="AI6301">
        <v>0</v>
      </c>
      <c r="AJ6301">
        <v>40</v>
      </c>
      <c r="AK6301" t="s">
        <v>71</v>
      </c>
      <c r="AL6301">
        <v>0</v>
      </c>
      <c r="AM6301">
        <v>0</v>
      </c>
      <c r="AN6301">
        <v>0</v>
      </c>
      <c r="AO6301">
        <v>0</v>
      </c>
      <c r="AP6301">
        <v>0</v>
      </c>
      <c r="AQ6301">
        <v>0</v>
      </c>
      <c r="AR6301">
        <v>0</v>
      </c>
      <c r="AS6301">
        <v>0</v>
      </c>
      <c r="AT6301">
        <v>0</v>
      </c>
      <c r="AU6301">
        <v>0</v>
      </c>
      <c r="AV6301">
        <v>0</v>
      </c>
      <c r="AW6301">
        <v>0</v>
      </c>
      <c r="AX6301">
        <v>63633</v>
      </c>
      <c r="AY6301">
        <v>31</v>
      </c>
      <c r="AZ6301">
        <v>117</v>
      </c>
      <c r="BA6301">
        <v>4083</v>
      </c>
    </row>
    <row r="6302" spans="1:53" x14ac:dyDescent="0.4">
      <c r="A6302">
        <v>6346</v>
      </c>
      <c r="B6302" s="1">
        <v>45241</v>
      </c>
      <c r="C6302">
        <v>1</v>
      </c>
      <c r="D6302" s="1">
        <v>45241.291666666664</v>
      </c>
      <c r="E6302" s="1">
        <v>45241.40347222222</v>
      </c>
      <c r="F6302">
        <v>0</v>
      </c>
      <c r="G6302">
        <v>0</v>
      </c>
      <c r="H6302">
        <v>0</v>
      </c>
      <c r="I6302">
        <v>0</v>
      </c>
      <c r="J6302">
        <v>0</v>
      </c>
      <c r="K6302">
        <v>0</v>
      </c>
      <c r="L6302">
        <v>0</v>
      </c>
      <c r="M6302">
        <v>0</v>
      </c>
      <c r="N6302">
        <v>0</v>
      </c>
      <c r="O6302">
        <v>0</v>
      </c>
      <c r="P6302">
        <v>0</v>
      </c>
      <c r="Q6302">
        <v>0</v>
      </c>
      <c r="R6302">
        <v>0</v>
      </c>
      <c r="S6302">
        <v>0</v>
      </c>
      <c r="T6302">
        <v>0</v>
      </c>
      <c r="U6302">
        <v>0</v>
      </c>
      <c r="V6302">
        <v>0</v>
      </c>
      <c r="W6302">
        <v>1</v>
      </c>
      <c r="X6302">
        <v>0</v>
      </c>
      <c r="Y6302">
        <v>30</v>
      </c>
      <c r="Z6302">
        <v>10</v>
      </c>
      <c r="AA6302">
        <v>74</v>
      </c>
      <c r="AB6302">
        <v>35</v>
      </c>
      <c r="AC6302">
        <v>59</v>
      </c>
      <c r="AD6302">
        <v>33</v>
      </c>
      <c r="AE6302">
        <v>95</v>
      </c>
      <c r="AF6302">
        <v>0</v>
      </c>
      <c r="AG6302">
        <v>50000</v>
      </c>
      <c r="AH6302">
        <v>50000</v>
      </c>
      <c r="AI6302">
        <v>0</v>
      </c>
      <c r="AJ6302">
        <v>0</v>
      </c>
      <c r="AK6302" t="s">
        <v>6</v>
      </c>
      <c r="AL6302">
        <v>0</v>
      </c>
      <c r="AM6302">
        <v>0</v>
      </c>
      <c r="AN6302">
        <v>0</v>
      </c>
      <c r="AO6302">
        <v>0</v>
      </c>
      <c r="AP6302">
        <v>0</v>
      </c>
      <c r="AQ6302">
        <v>0</v>
      </c>
      <c r="AR6302">
        <v>0</v>
      </c>
      <c r="AS6302">
        <v>0</v>
      </c>
      <c r="AT6302">
        <v>0</v>
      </c>
      <c r="AU6302">
        <v>0</v>
      </c>
      <c r="AV6302">
        <v>0</v>
      </c>
      <c r="AW6302">
        <v>0</v>
      </c>
      <c r="AX6302">
        <v>0</v>
      </c>
      <c r="AY6302">
        <v>0</v>
      </c>
      <c r="AZ6302">
        <v>0</v>
      </c>
      <c r="BA6302">
        <v>0</v>
      </c>
    </row>
    <row r="6303" spans="1:53" x14ac:dyDescent="0.4">
      <c r="A6303">
        <v>6347</v>
      </c>
      <c r="B6303" s="1">
        <v>45241</v>
      </c>
      <c r="C6303">
        <v>2</v>
      </c>
      <c r="D6303" s="1">
        <v>45241.40347222222</v>
      </c>
      <c r="E6303" s="1">
        <v>45241.72152777778</v>
      </c>
      <c r="F6303">
        <v>31260</v>
      </c>
      <c r="G6303">
        <v>3388</v>
      </c>
      <c r="H6303">
        <v>0</v>
      </c>
      <c r="I6303">
        <v>0</v>
      </c>
      <c r="J6303">
        <v>300</v>
      </c>
      <c r="K6303">
        <v>0</v>
      </c>
      <c r="L6303">
        <v>0</v>
      </c>
      <c r="M6303">
        <v>3122</v>
      </c>
      <c r="N6303">
        <v>0</v>
      </c>
      <c r="O6303">
        <v>0</v>
      </c>
      <c r="P6303">
        <v>21920</v>
      </c>
      <c r="Q6303">
        <v>0</v>
      </c>
      <c r="R6303">
        <v>56268</v>
      </c>
      <c r="S6303">
        <v>0</v>
      </c>
      <c r="T6303">
        <v>0</v>
      </c>
      <c r="U6303">
        <v>0</v>
      </c>
      <c r="V6303">
        <v>2</v>
      </c>
      <c r="W6303">
        <v>1</v>
      </c>
      <c r="X6303">
        <v>0</v>
      </c>
      <c r="Y6303">
        <v>56</v>
      </c>
      <c r="Z6303">
        <v>21</v>
      </c>
      <c r="AA6303">
        <v>78</v>
      </c>
      <c r="AB6303">
        <v>31</v>
      </c>
      <c r="AC6303">
        <v>96</v>
      </c>
      <c r="AD6303">
        <v>35</v>
      </c>
      <c r="AE6303">
        <v>103</v>
      </c>
      <c r="AF6303">
        <v>4180</v>
      </c>
      <c r="AG6303">
        <v>106268</v>
      </c>
      <c r="AH6303">
        <v>50000</v>
      </c>
      <c r="AI6303">
        <v>0</v>
      </c>
      <c r="AJ6303">
        <v>45</v>
      </c>
      <c r="AK6303" t="s">
        <v>77</v>
      </c>
      <c r="AL6303">
        <v>0</v>
      </c>
      <c r="AM6303">
        <v>0</v>
      </c>
      <c r="AN6303">
        <v>0</v>
      </c>
      <c r="AO6303">
        <v>0</v>
      </c>
      <c r="AP6303">
        <v>0</v>
      </c>
      <c r="AQ6303">
        <v>0</v>
      </c>
      <c r="AR6303">
        <v>0</v>
      </c>
      <c r="AS6303">
        <v>0</v>
      </c>
      <c r="AT6303">
        <v>0</v>
      </c>
      <c r="AU6303">
        <v>0</v>
      </c>
      <c r="AV6303">
        <v>0</v>
      </c>
      <c r="AW6303">
        <v>0</v>
      </c>
      <c r="AX6303">
        <v>-1060</v>
      </c>
      <c r="AY6303">
        <v>45</v>
      </c>
      <c r="AZ6303">
        <v>82</v>
      </c>
      <c r="BA6303">
        <v>7070</v>
      </c>
    </row>
    <row r="6304" spans="1:53" x14ac:dyDescent="0.4">
      <c r="A6304">
        <v>6348</v>
      </c>
      <c r="B6304" s="1">
        <v>45241</v>
      </c>
      <c r="C6304">
        <v>3</v>
      </c>
      <c r="D6304" s="1">
        <v>45241.72152777778</v>
      </c>
      <c r="E6304" s="1">
        <v>45241.967361111114</v>
      </c>
      <c r="F6304">
        <v>142160</v>
      </c>
      <c r="G6304">
        <v>4609</v>
      </c>
      <c r="H6304">
        <v>0</v>
      </c>
      <c r="I6304">
        <v>0</v>
      </c>
      <c r="J6304">
        <v>100</v>
      </c>
      <c r="K6304">
        <v>0</v>
      </c>
      <c r="L6304">
        <v>0</v>
      </c>
      <c r="M6304">
        <v>13334</v>
      </c>
      <c r="N6304">
        <v>0</v>
      </c>
      <c r="O6304">
        <v>0</v>
      </c>
      <c r="P6304">
        <v>10510</v>
      </c>
      <c r="Q6304">
        <v>0</v>
      </c>
      <c r="R6304">
        <v>157179</v>
      </c>
      <c r="S6304">
        <v>0</v>
      </c>
      <c r="T6304">
        <v>0</v>
      </c>
      <c r="U6304">
        <v>0</v>
      </c>
      <c r="V6304">
        <v>14</v>
      </c>
      <c r="W6304">
        <v>0</v>
      </c>
      <c r="X6304">
        <v>0</v>
      </c>
      <c r="Y6304">
        <v>75</v>
      </c>
      <c r="Z6304">
        <v>26</v>
      </c>
      <c r="AA6304">
        <v>106</v>
      </c>
      <c r="AB6304">
        <v>37</v>
      </c>
      <c r="AC6304">
        <v>128</v>
      </c>
      <c r="AD6304">
        <v>35</v>
      </c>
      <c r="AE6304">
        <v>95</v>
      </c>
      <c r="AF6304">
        <v>21447</v>
      </c>
      <c r="AG6304">
        <v>263447</v>
      </c>
      <c r="AH6304">
        <v>50000</v>
      </c>
      <c r="AI6304">
        <v>0</v>
      </c>
      <c r="AJ6304">
        <v>39</v>
      </c>
      <c r="AK6304" t="s">
        <v>73</v>
      </c>
      <c r="AL6304">
        <v>0</v>
      </c>
      <c r="AM6304">
        <v>0</v>
      </c>
      <c r="AN6304">
        <v>0</v>
      </c>
      <c r="AO6304">
        <v>0</v>
      </c>
      <c r="AP6304">
        <v>0</v>
      </c>
      <c r="AQ6304">
        <v>0</v>
      </c>
      <c r="AR6304">
        <v>0</v>
      </c>
      <c r="AS6304">
        <v>0</v>
      </c>
      <c r="AT6304">
        <v>0</v>
      </c>
      <c r="AU6304">
        <v>0</v>
      </c>
      <c r="AV6304">
        <v>0</v>
      </c>
      <c r="AW6304">
        <v>0</v>
      </c>
      <c r="AX6304">
        <v>28744</v>
      </c>
      <c r="AY6304">
        <v>33</v>
      </c>
      <c r="AZ6304">
        <v>95</v>
      </c>
      <c r="BA6304">
        <v>4770</v>
      </c>
    </row>
    <row r="6305" spans="1:53" x14ac:dyDescent="0.4">
      <c r="A6305">
        <v>6349</v>
      </c>
      <c r="B6305" s="1">
        <v>45242</v>
      </c>
      <c r="C6305">
        <v>1</v>
      </c>
      <c r="D6305" s="1">
        <v>45242.291666666664</v>
      </c>
      <c r="E6305" s="1">
        <v>45242.402777777781</v>
      </c>
      <c r="F6305">
        <v>0</v>
      </c>
      <c r="G6305">
        <v>0</v>
      </c>
      <c r="H6305">
        <v>0</v>
      </c>
      <c r="I6305">
        <v>0</v>
      </c>
      <c r="J6305">
        <v>0</v>
      </c>
      <c r="K6305">
        <v>0</v>
      </c>
      <c r="L6305">
        <v>0</v>
      </c>
      <c r="M6305">
        <v>0</v>
      </c>
      <c r="N6305">
        <v>0</v>
      </c>
      <c r="O6305">
        <v>0</v>
      </c>
      <c r="P6305">
        <v>0</v>
      </c>
      <c r="Q6305">
        <v>0</v>
      </c>
      <c r="R6305">
        <v>0</v>
      </c>
      <c r="S6305">
        <v>0</v>
      </c>
      <c r="T6305">
        <v>0</v>
      </c>
      <c r="U6305">
        <v>0</v>
      </c>
      <c r="V6305">
        <v>0</v>
      </c>
      <c r="W6305">
        <v>0</v>
      </c>
      <c r="X6305">
        <v>0</v>
      </c>
      <c r="Y6305">
        <v>34</v>
      </c>
      <c r="Z6305">
        <v>11</v>
      </c>
      <c r="AA6305">
        <v>78</v>
      </c>
      <c r="AB6305">
        <v>36</v>
      </c>
      <c r="AC6305">
        <v>62</v>
      </c>
      <c r="AD6305">
        <v>39</v>
      </c>
      <c r="AE6305">
        <v>85</v>
      </c>
      <c r="AF6305">
        <v>0</v>
      </c>
      <c r="AG6305">
        <v>50000</v>
      </c>
      <c r="AH6305">
        <v>50000</v>
      </c>
      <c r="AI6305">
        <v>0</v>
      </c>
      <c r="AJ6305">
        <v>0</v>
      </c>
      <c r="AK6305" t="s">
        <v>6</v>
      </c>
      <c r="AL6305">
        <v>0</v>
      </c>
      <c r="AM6305">
        <v>0</v>
      </c>
      <c r="AN6305">
        <v>0</v>
      </c>
      <c r="AO6305">
        <v>0</v>
      </c>
      <c r="AP6305">
        <v>0</v>
      </c>
      <c r="AQ6305">
        <v>0</v>
      </c>
      <c r="AR6305">
        <v>0</v>
      </c>
      <c r="AS6305">
        <v>0</v>
      </c>
      <c r="AT6305">
        <v>0</v>
      </c>
      <c r="AU6305">
        <v>0</v>
      </c>
      <c r="AV6305">
        <v>0</v>
      </c>
      <c r="AW6305">
        <v>0</v>
      </c>
      <c r="AX6305">
        <v>0</v>
      </c>
      <c r="AY6305">
        <v>0</v>
      </c>
      <c r="AZ6305">
        <v>0</v>
      </c>
      <c r="BA6305">
        <v>0</v>
      </c>
    </row>
    <row r="6306" spans="1:53" x14ac:dyDescent="0.4">
      <c r="A6306">
        <v>6350</v>
      </c>
      <c r="B6306" s="1">
        <v>45242</v>
      </c>
      <c r="C6306">
        <v>2</v>
      </c>
      <c r="D6306" s="1">
        <v>45242.402777777781</v>
      </c>
      <c r="E6306" s="1">
        <v>45242.738888888889</v>
      </c>
      <c r="F6306">
        <v>40790</v>
      </c>
      <c r="G6306">
        <v>583</v>
      </c>
      <c r="H6306">
        <v>220</v>
      </c>
      <c r="I6306">
        <v>0</v>
      </c>
      <c r="J6306">
        <v>600</v>
      </c>
      <c r="K6306">
        <v>400</v>
      </c>
      <c r="L6306">
        <v>0</v>
      </c>
      <c r="M6306">
        <v>3763</v>
      </c>
      <c r="N6306">
        <v>0</v>
      </c>
      <c r="O6306">
        <v>0</v>
      </c>
      <c r="P6306">
        <v>20520</v>
      </c>
      <c r="Q6306">
        <v>0</v>
      </c>
      <c r="R6306">
        <v>61913</v>
      </c>
      <c r="S6306">
        <v>0</v>
      </c>
      <c r="T6306">
        <v>0</v>
      </c>
      <c r="U6306">
        <v>0</v>
      </c>
      <c r="V6306">
        <v>1</v>
      </c>
      <c r="W6306">
        <v>1</v>
      </c>
      <c r="X6306">
        <v>0</v>
      </c>
      <c r="Y6306">
        <v>74</v>
      </c>
      <c r="Z6306">
        <v>15</v>
      </c>
      <c r="AA6306">
        <v>78</v>
      </c>
      <c r="AB6306">
        <v>28</v>
      </c>
      <c r="AC6306">
        <v>61</v>
      </c>
      <c r="AD6306">
        <v>39</v>
      </c>
      <c r="AE6306">
        <v>88</v>
      </c>
      <c r="AF6306">
        <v>5320</v>
      </c>
      <c r="AG6306">
        <v>111913</v>
      </c>
      <c r="AH6306">
        <v>50000</v>
      </c>
      <c r="AI6306">
        <v>0</v>
      </c>
      <c r="AJ6306">
        <v>112</v>
      </c>
      <c r="AK6306" t="s">
        <v>78</v>
      </c>
      <c r="AL6306">
        <v>0</v>
      </c>
      <c r="AM6306">
        <v>0</v>
      </c>
      <c r="AN6306">
        <v>0</v>
      </c>
      <c r="AO6306">
        <v>0</v>
      </c>
      <c r="AP6306">
        <v>0</v>
      </c>
      <c r="AQ6306">
        <v>0</v>
      </c>
      <c r="AR6306">
        <v>0</v>
      </c>
      <c r="AS6306">
        <v>0</v>
      </c>
      <c r="AT6306">
        <v>0</v>
      </c>
      <c r="AU6306">
        <v>0</v>
      </c>
      <c r="AV6306">
        <v>0</v>
      </c>
      <c r="AW6306">
        <v>0</v>
      </c>
      <c r="AX6306">
        <v>2040</v>
      </c>
      <c r="AY6306">
        <v>52</v>
      </c>
      <c r="AZ6306">
        <v>99</v>
      </c>
      <c r="BA6306">
        <v>7774</v>
      </c>
    </row>
    <row r="6307" spans="1:53" x14ac:dyDescent="0.4">
      <c r="A6307">
        <v>6351</v>
      </c>
      <c r="B6307" s="1">
        <v>45243</v>
      </c>
      <c r="C6307">
        <v>1</v>
      </c>
      <c r="D6307" s="1">
        <v>45243.291666666664</v>
      </c>
      <c r="E6307" s="1">
        <v>45243.45</v>
      </c>
      <c r="F6307">
        <v>0</v>
      </c>
      <c r="G6307">
        <v>0</v>
      </c>
      <c r="H6307">
        <v>0</v>
      </c>
      <c r="I6307">
        <v>0</v>
      </c>
      <c r="J6307">
        <v>0</v>
      </c>
      <c r="K6307">
        <v>0</v>
      </c>
      <c r="L6307">
        <v>0</v>
      </c>
      <c r="M6307">
        <v>0</v>
      </c>
      <c r="N6307">
        <v>0</v>
      </c>
      <c r="O6307">
        <v>0</v>
      </c>
      <c r="P6307">
        <v>0</v>
      </c>
      <c r="Q6307">
        <v>0</v>
      </c>
      <c r="R6307">
        <v>0</v>
      </c>
      <c r="S6307">
        <v>0</v>
      </c>
      <c r="T6307">
        <v>0</v>
      </c>
      <c r="U6307">
        <v>0</v>
      </c>
      <c r="V6307">
        <v>0</v>
      </c>
      <c r="W6307">
        <v>1</v>
      </c>
      <c r="X6307">
        <v>0</v>
      </c>
      <c r="Y6307">
        <v>30</v>
      </c>
      <c r="Z6307">
        <v>10</v>
      </c>
      <c r="AA6307">
        <v>76</v>
      </c>
      <c r="AB6307">
        <v>31</v>
      </c>
      <c r="AC6307">
        <v>57</v>
      </c>
      <c r="AD6307">
        <v>39</v>
      </c>
      <c r="AE6307">
        <v>85</v>
      </c>
      <c r="AF6307">
        <v>0</v>
      </c>
      <c r="AG6307">
        <v>50000</v>
      </c>
      <c r="AH6307">
        <v>50000</v>
      </c>
      <c r="AI6307">
        <v>0</v>
      </c>
      <c r="AJ6307">
        <v>0</v>
      </c>
      <c r="AK6307" t="s">
        <v>6</v>
      </c>
      <c r="AL6307">
        <v>0</v>
      </c>
      <c r="AM6307">
        <v>0</v>
      </c>
      <c r="AN6307">
        <v>0</v>
      </c>
      <c r="AO6307">
        <v>0</v>
      </c>
      <c r="AP6307">
        <v>0</v>
      </c>
      <c r="AQ6307">
        <v>0</v>
      </c>
      <c r="AR6307">
        <v>0</v>
      </c>
      <c r="AS6307">
        <v>0</v>
      </c>
      <c r="AT6307">
        <v>0</v>
      </c>
      <c r="AU6307">
        <v>0</v>
      </c>
      <c r="AV6307">
        <v>0</v>
      </c>
      <c r="AW6307">
        <v>0</v>
      </c>
      <c r="AX6307">
        <v>0</v>
      </c>
      <c r="AY6307">
        <v>0</v>
      </c>
      <c r="AZ6307">
        <v>0</v>
      </c>
      <c r="BA6307">
        <v>0</v>
      </c>
    </row>
    <row r="6308" spans="1:53" x14ac:dyDescent="0.4">
      <c r="A6308">
        <v>6352</v>
      </c>
      <c r="B6308" s="1">
        <v>45243</v>
      </c>
      <c r="C6308">
        <v>2</v>
      </c>
      <c r="D6308" s="1">
        <v>45243.45</v>
      </c>
      <c r="E6308" s="1">
        <v>45243.744444444441</v>
      </c>
      <c r="F6308">
        <v>14280</v>
      </c>
      <c r="G6308">
        <v>0</v>
      </c>
      <c r="H6308">
        <v>0</v>
      </c>
      <c r="I6308">
        <v>0</v>
      </c>
      <c r="J6308">
        <v>200</v>
      </c>
      <c r="K6308">
        <v>0</v>
      </c>
      <c r="L6308">
        <v>0</v>
      </c>
      <c r="M6308">
        <v>1281</v>
      </c>
      <c r="N6308">
        <v>0</v>
      </c>
      <c r="O6308">
        <v>0</v>
      </c>
      <c r="P6308">
        <v>17220</v>
      </c>
      <c r="Q6308">
        <v>0</v>
      </c>
      <c r="R6308">
        <v>31300</v>
      </c>
      <c r="S6308">
        <v>0</v>
      </c>
      <c r="T6308">
        <v>0</v>
      </c>
      <c r="U6308">
        <v>0</v>
      </c>
      <c r="V6308">
        <v>0</v>
      </c>
      <c r="W6308">
        <v>1</v>
      </c>
      <c r="X6308">
        <v>0</v>
      </c>
      <c r="Y6308">
        <v>58</v>
      </c>
      <c r="Z6308">
        <v>7</v>
      </c>
      <c r="AA6308">
        <v>74</v>
      </c>
      <c r="AB6308">
        <v>32</v>
      </c>
      <c r="AC6308">
        <v>47</v>
      </c>
      <c r="AD6308">
        <v>39</v>
      </c>
      <c r="AE6308">
        <v>85</v>
      </c>
      <c r="AF6308">
        <v>5050</v>
      </c>
      <c r="AG6308">
        <v>81300</v>
      </c>
      <c r="AH6308">
        <v>50000</v>
      </c>
      <c r="AI6308">
        <v>0</v>
      </c>
      <c r="AJ6308">
        <v>38</v>
      </c>
      <c r="AK6308" t="s">
        <v>75</v>
      </c>
      <c r="AL6308">
        <v>0</v>
      </c>
      <c r="AM6308">
        <v>0</v>
      </c>
      <c r="AN6308">
        <v>0</v>
      </c>
      <c r="AO6308">
        <v>0</v>
      </c>
      <c r="AP6308">
        <v>0</v>
      </c>
      <c r="AQ6308">
        <v>0</v>
      </c>
      <c r="AR6308">
        <v>0</v>
      </c>
      <c r="AS6308">
        <v>0</v>
      </c>
      <c r="AT6308">
        <v>0</v>
      </c>
      <c r="AU6308">
        <v>0</v>
      </c>
      <c r="AV6308">
        <v>0</v>
      </c>
      <c r="AW6308">
        <v>0</v>
      </c>
      <c r="AX6308">
        <v>238</v>
      </c>
      <c r="AY6308">
        <v>33</v>
      </c>
      <c r="AZ6308">
        <v>55</v>
      </c>
      <c r="BA6308">
        <v>4232</v>
      </c>
    </row>
    <row r="6309" spans="1:53" x14ac:dyDescent="0.4">
      <c r="A6309">
        <v>6353</v>
      </c>
      <c r="B6309" s="1">
        <v>45244</v>
      </c>
      <c r="C6309">
        <v>1</v>
      </c>
      <c r="D6309" s="1">
        <v>45244.291666666664</v>
      </c>
      <c r="E6309" s="1">
        <v>45244.450694444444</v>
      </c>
      <c r="F6309">
        <v>0</v>
      </c>
      <c r="G6309">
        <v>0</v>
      </c>
      <c r="H6309">
        <v>0</v>
      </c>
      <c r="I6309">
        <v>0</v>
      </c>
      <c r="J6309">
        <v>0</v>
      </c>
      <c r="K6309">
        <v>0</v>
      </c>
      <c r="L6309">
        <v>0</v>
      </c>
      <c r="M6309">
        <v>0</v>
      </c>
      <c r="N6309">
        <v>0</v>
      </c>
      <c r="O6309">
        <v>0</v>
      </c>
      <c r="P6309">
        <v>0</v>
      </c>
      <c r="Q6309">
        <v>0</v>
      </c>
      <c r="R6309">
        <v>0</v>
      </c>
      <c r="S6309">
        <v>0</v>
      </c>
      <c r="T6309">
        <v>0</v>
      </c>
      <c r="U6309">
        <v>0</v>
      </c>
      <c r="V6309">
        <v>0</v>
      </c>
      <c r="W6309">
        <v>1</v>
      </c>
      <c r="X6309">
        <v>0</v>
      </c>
      <c r="Y6309">
        <v>32</v>
      </c>
      <c r="Z6309">
        <v>6</v>
      </c>
      <c r="AA6309">
        <v>75</v>
      </c>
      <c r="AB6309">
        <v>34</v>
      </c>
      <c r="AC6309">
        <v>51</v>
      </c>
      <c r="AD6309">
        <v>38</v>
      </c>
      <c r="AE6309">
        <v>100</v>
      </c>
      <c r="AF6309">
        <v>0</v>
      </c>
      <c r="AG6309">
        <v>50000</v>
      </c>
      <c r="AH6309">
        <v>50000</v>
      </c>
      <c r="AI6309">
        <v>0</v>
      </c>
      <c r="AJ6309">
        <v>0</v>
      </c>
      <c r="AK6309" t="s">
        <v>6</v>
      </c>
      <c r="AL6309">
        <v>0</v>
      </c>
      <c r="AM6309">
        <v>0</v>
      </c>
      <c r="AN6309">
        <v>0</v>
      </c>
      <c r="AO6309">
        <v>0</v>
      </c>
      <c r="AP6309">
        <v>0</v>
      </c>
      <c r="AQ6309">
        <v>0</v>
      </c>
      <c r="AR6309">
        <v>0</v>
      </c>
      <c r="AS6309">
        <v>0</v>
      </c>
      <c r="AT6309">
        <v>0</v>
      </c>
      <c r="AU6309">
        <v>0</v>
      </c>
      <c r="AV6309">
        <v>0</v>
      </c>
      <c r="AW6309">
        <v>0</v>
      </c>
      <c r="AX6309">
        <v>0</v>
      </c>
      <c r="AY6309">
        <v>0</v>
      </c>
      <c r="AZ6309">
        <v>0</v>
      </c>
      <c r="BA6309">
        <v>0</v>
      </c>
    </row>
    <row r="6310" spans="1:53" x14ac:dyDescent="0.4">
      <c r="A6310">
        <v>6354</v>
      </c>
      <c r="B6310" s="1">
        <v>45244</v>
      </c>
      <c r="C6310">
        <v>2</v>
      </c>
      <c r="D6310" s="1">
        <v>45244.450694444444</v>
      </c>
      <c r="E6310" s="1">
        <v>45244.736111111109</v>
      </c>
      <c r="F6310">
        <v>9790</v>
      </c>
      <c r="G6310">
        <v>605</v>
      </c>
      <c r="H6310">
        <v>0</v>
      </c>
      <c r="I6310">
        <v>0</v>
      </c>
      <c r="J6310">
        <v>0</v>
      </c>
      <c r="K6310">
        <v>0</v>
      </c>
      <c r="L6310">
        <v>0</v>
      </c>
      <c r="M6310">
        <v>945</v>
      </c>
      <c r="N6310">
        <v>0</v>
      </c>
      <c r="O6310">
        <v>0</v>
      </c>
      <c r="P6310">
        <v>6890</v>
      </c>
      <c r="Q6310">
        <v>0</v>
      </c>
      <c r="R6310">
        <v>17285</v>
      </c>
      <c r="S6310">
        <v>0</v>
      </c>
      <c r="T6310">
        <v>0</v>
      </c>
      <c r="U6310">
        <v>0</v>
      </c>
      <c r="V6310">
        <v>1</v>
      </c>
      <c r="W6310">
        <v>0</v>
      </c>
      <c r="X6310">
        <v>0</v>
      </c>
      <c r="Y6310">
        <v>41</v>
      </c>
      <c r="Z6310">
        <v>8</v>
      </c>
      <c r="AA6310">
        <v>64</v>
      </c>
      <c r="AB6310">
        <v>33</v>
      </c>
      <c r="AC6310">
        <v>55</v>
      </c>
      <c r="AD6310">
        <v>38</v>
      </c>
      <c r="AE6310">
        <v>100</v>
      </c>
      <c r="AF6310">
        <v>3395</v>
      </c>
      <c r="AG6310">
        <v>67285</v>
      </c>
      <c r="AH6310">
        <v>50000</v>
      </c>
      <c r="AI6310">
        <v>0</v>
      </c>
      <c r="AJ6310">
        <v>38</v>
      </c>
      <c r="AK6310" t="s">
        <v>75</v>
      </c>
      <c r="AL6310">
        <v>0</v>
      </c>
      <c r="AM6310">
        <v>0</v>
      </c>
      <c r="AN6310">
        <v>0</v>
      </c>
      <c r="AO6310">
        <v>0</v>
      </c>
      <c r="AP6310">
        <v>0</v>
      </c>
      <c r="AQ6310">
        <v>0</v>
      </c>
      <c r="AR6310">
        <v>0</v>
      </c>
      <c r="AS6310">
        <v>0</v>
      </c>
      <c r="AT6310">
        <v>0</v>
      </c>
      <c r="AU6310">
        <v>0</v>
      </c>
      <c r="AV6310">
        <v>0</v>
      </c>
      <c r="AW6310">
        <v>0</v>
      </c>
      <c r="AX6310">
        <v>0</v>
      </c>
      <c r="AY6310">
        <v>22</v>
      </c>
      <c r="AZ6310">
        <v>31</v>
      </c>
      <c r="BA6310">
        <v>2442</v>
      </c>
    </row>
    <row r="6311" spans="1:53" x14ac:dyDescent="0.4">
      <c r="A6311">
        <v>6355</v>
      </c>
      <c r="B6311" s="1">
        <v>45245</v>
      </c>
      <c r="C6311">
        <v>1</v>
      </c>
      <c r="D6311" s="1">
        <v>45245.291666666664</v>
      </c>
      <c r="E6311" s="1">
        <v>45245.45</v>
      </c>
      <c r="F6311">
        <v>0</v>
      </c>
      <c r="G6311">
        <v>0</v>
      </c>
      <c r="H6311">
        <v>0</v>
      </c>
      <c r="I6311">
        <v>0</v>
      </c>
      <c r="J6311">
        <v>0</v>
      </c>
      <c r="K6311">
        <v>0</v>
      </c>
      <c r="L6311">
        <v>0</v>
      </c>
      <c r="M6311">
        <v>0</v>
      </c>
      <c r="N6311">
        <v>0</v>
      </c>
      <c r="O6311">
        <v>0</v>
      </c>
      <c r="P6311">
        <v>0</v>
      </c>
      <c r="Q6311">
        <v>0</v>
      </c>
      <c r="R6311">
        <v>0</v>
      </c>
      <c r="S6311">
        <v>0</v>
      </c>
      <c r="T6311">
        <v>0</v>
      </c>
      <c r="U6311">
        <v>0</v>
      </c>
      <c r="V6311">
        <v>0</v>
      </c>
      <c r="W6311">
        <v>1</v>
      </c>
      <c r="X6311">
        <v>0</v>
      </c>
      <c r="Y6311">
        <v>30</v>
      </c>
      <c r="Z6311">
        <v>9</v>
      </c>
      <c r="AA6311">
        <v>79</v>
      </c>
      <c r="AB6311">
        <v>36</v>
      </c>
      <c r="AC6311">
        <v>54</v>
      </c>
      <c r="AD6311">
        <v>32</v>
      </c>
      <c r="AE6311">
        <v>100</v>
      </c>
      <c r="AF6311">
        <v>0</v>
      </c>
      <c r="AG6311">
        <v>50000</v>
      </c>
      <c r="AH6311">
        <v>50000</v>
      </c>
      <c r="AI6311">
        <v>0</v>
      </c>
      <c r="AJ6311">
        <v>0</v>
      </c>
      <c r="AK6311" t="s">
        <v>6</v>
      </c>
      <c r="AL6311">
        <v>0</v>
      </c>
      <c r="AM6311">
        <v>0</v>
      </c>
      <c r="AN6311">
        <v>0</v>
      </c>
      <c r="AO6311">
        <v>0</v>
      </c>
      <c r="AP6311">
        <v>0</v>
      </c>
      <c r="AQ6311">
        <v>0</v>
      </c>
      <c r="AR6311">
        <v>0</v>
      </c>
      <c r="AS6311">
        <v>0</v>
      </c>
      <c r="AT6311">
        <v>0</v>
      </c>
      <c r="AU6311">
        <v>0</v>
      </c>
      <c r="AV6311">
        <v>0</v>
      </c>
      <c r="AW6311">
        <v>0</v>
      </c>
      <c r="AX6311">
        <v>0</v>
      </c>
      <c r="AY6311">
        <v>0</v>
      </c>
      <c r="AZ6311">
        <v>0</v>
      </c>
      <c r="BA6311">
        <v>0</v>
      </c>
    </row>
    <row r="6312" spans="1:53" x14ac:dyDescent="0.4">
      <c r="A6312">
        <v>6356</v>
      </c>
      <c r="B6312" s="1">
        <v>45245</v>
      </c>
      <c r="C6312">
        <v>2</v>
      </c>
      <c r="D6312" s="1">
        <v>45245.45</v>
      </c>
      <c r="E6312" s="1">
        <v>45245.745833333334</v>
      </c>
      <c r="F6312">
        <v>14640</v>
      </c>
      <c r="G6312">
        <v>440</v>
      </c>
      <c r="H6312">
        <v>0</v>
      </c>
      <c r="I6312">
        <v>0</v>
      </c>
      <c r="J6312">
        <v>0</v>
      </c>
      <c r="K6312">
        <v>0</v>
      </c>
      <c r="L6312">
        <v>0</v>
      </c>
      <c r="M6312">
        <v>1369</v>
      </c>
      <c r="N6312">
        <v>0</v>
      </c>
      <c r="O6312">
        <v>0</v>
      </c>
      <c r="P6312">
        <v>17440</v>
      </c>
      <c r="Q6312">
        <v>0</v>
      </c>
      <c r="R6312">
        <v>32520</v>
      </c>
      <c r="S6312">
        <v>0</v>
      </c>
      <c r="T6312">
        <v>0</v>
      </c>
      <c r="U6312">
        <v>0</v>
      </c>
      <c r="V6312">
        <v>1</v>
      </c>
      <c r="W6312">
        <v>1</v>
      </c>
      <c r="X6312">
        <v>0</v>
      </c>
      <c r="Y6312">
        <v>46</v>
      </c>
      <c r="Z6312">
        <v>15</v>
      </c>
      <c r="AA6312">
        <v>73</v>
      </c>
      <c r="AB6312">
        <v>35</v>
      </c>
      <c r="AC6312">
        <v>56</v>
      </c>
      <c r="AD6312">
        <v>31</v>
      </c>
      <c r="AE6312">
        <v>105</v>
      </c>
      <c r="AF6312">
        <v>4150</v>
      </c>
      <c r="AG6312">
        <v>82520</v>
      </c>
      <c r="AH6312">
        <v>50000</v>
      </c>
      <c r="AI6312">
        <v>0</v>
      </c>
      <c r="AJ6312">
        <v>118</v>
      </c>
      <c r="AK6312" t="s">
        <v>59</v>
      </c>
      <c r="AL6312">
        <v>0</v>
      </c>
      <c r="AM6312">
        <v>0</v>
      </c>
      <c r="AN6312">
        <v>0</v>
      </c>
      <c r="AO6312">
        <v>0</v>
      </c>
      <c r="AP6312">
        <v>0</v>
      </c>
      <c r="AQ6312">
        <v>0</v>
      </c>
      <c r="AR6312">
        <v>0</v>
      </c>
      <c r="AS6312">
        <v>0</v>
      </c>
      <c r="AT6312">
        <v>0</v>
      </c>
      <c r="AU6312">
        <v>0</v>
      </c>
      <c r="AV6312">
        <v>0</v>
      </c>
      <c r="AW6312">
        <v>0</v>
      </c>
      <c r="AX6312">
        <v>308</v>
      </c>
      <c r="AY6312">
        <v>29</v>
      </c>
      <c r="AZ6312">
        <v>53</v>
      </c>
      <c r="BA6312">
        <v>3595</v>
      </c>
    </row>
    <row r="6313" spans="1:53" x14ac:dyDescent="0.4">
      <c r="A6313">
        <v>6357</v>
      </c>
      <c r="B6313" s="1">
        <v>45245</v>
      </c>
      <c r="C6313">
        <v>3</v>
      </c>
      <c r="D6313" s="1">
        <v>45245.745833333334</v>
      </c>
      <c r="E6313" s="1">
        <v>45245.90625</v>
      </c>
      <c r="F6313">
        <v>28910</v>
      </c>
      <c r="G6313">
        <v>1661</v>
      </c>
      <c r="H6313">
        <v>0</v>
      </c>
      <c r="I6313">
        <v>0</v>
      </c>
      <c r="J6313">
        <v>0</v>
      </c>
      <c r="K6313">
        <v>0</v>
      </c>
      <c r="L6313">
        <v>0</v>
      </c>
      <c r="M6313">
        <v>2778</v>
      </c>
      <c r="N6313">
        <v>0</v>
      </c>
      <c r="O6313">
        <v>0</v>
      </c>
      <c r="P6313">
        <v>-17440</v>
      </c>
      <c r="Q6313">
        <v>0</v>
      </c>
      <c r="R6313">
        <v>13131</v>
      </c>
      <c r="S6313">
        <v>0</v>
      </c>
      <c r="T6313">
        <v>0</v>
      </c>
      <c r="U6313">
        <v>0</v>
      </c>
      <c r="V6313">
        <v>2</v>
      </c>
      <c r="W6313">
        <v>0</v>
      </c>
      <c r="X6313">
        <v>0</v>
      </c>
      <c r="Y6313">
        <v>52</v>
      </c>
      <c r="Z6313">
        <v>15</v>
      </c>
      <c r="AA6313">
        <v>79</v>
      </c>
      <c r="AB6313">
        <v>36</v>
      </c>
      <c r="AC6313">
        <v>44</v>
      </c>
      <c r="AD6313">
        <v>32</v>
      </c>
      <c r="AE6313">
        <v>106</v>
      </c>
      <c r="AF6313">
        <v>5745</v>
      </c>
      <c r="AG6313">
        <v>95651</v>
      </c>
      <c r="AH6313">
        <v>50000</v>
      </c>
      <c r="AI6313">
        <v>0</v>
      </c>
      <c r="AJ6313">
        <v>39</v>
      </c>
      <c r="AK6313" t="s">
        <v>73</v>
      </c>
      <c r="AL6313">
        <v>0</v>
      </c>
      <c r="AM6313">
        <v>0</v>
      </c>
      <c r="AN6313">
        <v>0</v>
      </c>
      <c r="AO6313">
        <v>0</v>
      </c>
      <c r="AP6313">
        <v>0</v>
      </c>
      <c r="AQ6313">
        <v>0</v>
      </c>
      <c r="AR6313">
        <v>0</v>
      </c>
      <c r="AS6313">
        <v>0</v>
      </c>
      <c r="AT6313">
        <v>0</v>
      </c>
      <c r="AU6313">
        <v>0</v>
      </c>
      <c r="AV6313">
        <v>0</v>
      </c>
      <c r="AW6313">
        <v>0</v>
      </c>
      <c r="AX6313">
        <v>2750</v>
      </c>
      <c r="AY6313">
        <v>9</v>
      </c>
      <c r="AZ6313">
        <v>17</v>
      </c>
      <c r="BA6313">
        <v>1972</v>
      </c>
    </row>
    <row r="6314" spans="1:53" x14ac:dyDescent="0.4">
      <c r="A6314">
        <v>6358</v>
      </c>
      <c r="B6314" s="1">
        <v>45246</v>
      </c>
      <c r="C6314">
        <v>1</v>
      </c>
      <c r="D6314" s="1">
        <v>45246.291666666664</v>
      </c>
      <c r="E6314" s="1">
        <v>45246.90625</v>
      </c>
      <c r="F6314">
        <v>34320</v>
      </c>
      <c r="G6314">
        <v>308</v>
      </c>
      <c r="H6314">
        <v>220</v>
      </c>
      <c r="I6314">
        <v>0</v>
      </c>
      <c r="J6314">
        <v>100</v>
      </c>
      <c r="K6314">
        <v>0</v>
      </c>
      <c r="L6314">
        <v>0</v>
      </c>
      <c r="M6314">
        <v>3162</v>
      </c>
      <c r="N6314">
        <v>0</v>
      </c>
      <c r="O6314">
        <v>0</v>
      </c>
      <c r="P6314">
        <v>2790</v>
      </c>
      <c r="Q6314">
        <v>0</v>
      </c>
      <c r="R6314">
        <v>37538</v>
      </c>
      <c r="S6314">
        <v>0</v>
      </c>
      <c r="T6314">
        <v>0</v>
      </c>
      <c r="U6314">
        <v>0</v>
      </c>
      <c r="V6314">
        <v>1</v>
      </c>
      <c r="W6314">
        <v>1</v>
      </c>
      <c r="X6314">
        <v>0</v>
      </c>
      <c r="Y6314">
        <v>51</v>
      </c>
      <c r="Z6314">
        <v>16</v>
      </c>
      <c r="AA6314">
        <v>37</v>
      </c>
      <c r="AB6314">
        <v>32</v>
      </c>
      <c r="AC6314">
        <v>73</v>
      </c>
      <c r="AD6314">
        <v>37</v>
      </c>
      <c r="AE6314">
        <v>113</v>
      </c>
      <c r="AF6314">
        <v>7210</v>
      </c>
      <c r="AG6314">
        <v>87538</v>
      </c>
      <c r="AH6314">
        <v>50000</v>
      </c>
      <c r="AI6314">
        <v>0</v>
      </c>
      <c r="AJ6314">
        <v>120</v>
      </c>
      <c r="AK6314" t="s">
        <v>2</v>
      </c>
      <c r="AL6314">
        <v>0</v>
      </c>
      <c r="AM6314">
        <v>0</v>
      </c>
      <c r="AN6314">
        <v>0</v>
      </c>
      <c r="AO6314">
        <v>0</v>
      </c>
      <c r="AP6314">
        <v>0</v>
      </c>
      <c r="AQ6314">
        <v>0</v>
      </c>
      <c r="AR6314">
        <v>0</v>
      </c>
      <c r="AS6314">
        <v>0</v>
      </c>
      <c r="AT6314">
        <v>0</v>
      </c>
      <c r="AU6314">
        <v>0</v>
      </c>
      <c r="AV6314">
        <v>0</v>
      </c>
      <c r="AW6314">
        <v>0</v>
      </c>
      <c r="AX6314">
        <v>6780</v>
      </c>
      <c r="AY6314">
        <v>34</v>
      </c>
      <c r="AZ6314">
        <v>63</v>
      </c>
      <c r="BA6314">
        <v>5328</v>
      </c>
    </row>
    <row r="6315" spans="1:53" x14ac:dyDescent="0.4">
      <c r="A6315">
        <v>6359</v>
      </c>
      <c r="B6315" s="1">
        <v>45247</v>
      </c>
      <c r="C6315">
        <v>1</v>
      </c>
      <c r="D6315" s="1">
        <v>45247.291666666664</v>
      </c>
      <c r="E6315" s="1">
        <v>45247.448611111111</v>
      </c>
      <c r="F6315">
        <v>0</v>
      </c>
      <c r="G6315">
        <v>0</v>
      </c>
      <c r="H6315">
        <v>0</v>
      </c>
      <c r="I6315">
        <v>0</v>
      </c>
      <c r="J6315">
        <v>0</v>
      </c>
      <c r="K6315">
        <v>0</v>
      </c>
      <c r="L6315">
        <v>0</v>
      </c>
      <c r="M6315">
        <v>0</v>
      </c>
      <c r="N6315">
        <v>0</v>
      </c>
      <c r="O6315">
        <v>0</v>
      </c>
      <c r="P6315">
        <v>0</v>
      </c>
      <c r="Q6315">
        <v>0</v>
      </c>
      <c r="R6315">
        <v>0</v>
      </c>
      <c r="S6315">
        <v>0</v>
      </c>
      <c r="T6315">
        <v>0</v>
      </c>
      <c r="U6315">
        <v>0</v>
      </c>
      <c r="V6315">
        <v>0</v>
      </c>
      <c r="W6315">
        <v>1</v>
      </c>
      <c r="X6315">
        <v>0</v>
      </c>
      <c r="Y6315">
        <v>30</v>
      </c>
      <c r="Z6315">
        <v>10</v>
      </c>
      <c r="AA6315">
        <v>76</v>
      </c>
      <c r="AB6315">
        <v>30</v>
      </c>
      <c r="AC6315">
        <v>62</v>
      </c>
      <c r="AD6315">
        <v>36</v>
      </c>
      <c r="AE6315">
        <v>100</v>
      </c>
      <c r="AF6315">
        <v>0</v>
      </c>
      <c r="AG6315">
        <v>50000</v>
      </c>
      <c r="AH6315">
        <v>50000</v>
      </c>
      <c r="AI6315">
        <v>0</v>
      </c>
      <c r="AJ6315">
        <v>0</v>
      </c>
      <c r="AK6315" t="s">
        <v>6</v>
      </c>
      <c r="AL6315">
        <v>0</v>
      </c>
      <c r="AM6315">
        <v>0</v>
      </c>
      <c r="AN6315">
        <v>0</v>
      </c>
      <c r="AO6315">
        <v>0</v>
      </c>
      <c r="AP6315">
        <v>0</v>
      </c>
      <c r="AQ6315">
        <v>0</v>
      </c>
      <c r="AR6315">
        <v>0</v>
      </c>
      <c r="AS6315">
        <v>0</v>
      </c>
      <c r="AT6315">
        <v>0</v>
      </c>
      <c r="AU6315">
        <v>0</v>
      </c>
      <c r="AV6315">
        <v>0</v>
      </c>
      <c r="AW6315">
        <v>0</v>
      </c>
      <c r="AX6315">
        <v>0</v>
      </c>
      <c r="AY6315">
        <v>0</v>
      </c>
      <c r="AZ6315">
        <v>0</v>
      </c>
      <c r="BA6315">
        <v>0</v>
      </c>
    </row>
    <row r="6316" spans="1:53" x14ac:dyDescent="0.4">
      <c r="A6316">
        <v>6360</v>
      </c>
      <c r="B6316" s="1">
        <v>45247</v>
      </c>
      <c r="C6316">
        <v>2</v>
      </c>
      <c r="D6316" s="1">
        <v>45247.448611111111</v>
      </c>
      <c r="E6316" s="1">
        <v>45247.750694444447</v>
      </c>
      <c r="F6316">
        <v>25770</v>
      </c>
      <c r="G6316">
        <v>2255</v>
      </c>
      <c r="H6316">
        <v>0</v>
      </c>
      <c r="I6316">
        <v>0</v>
      </c>
      <c r="J6316">
        <v>300</v>
      </c>
      <c r="K6316">
        <v>0</v>
      </c>
      <c r="L6316">
        <v>0</v>
      </c>
      <c r="M6316">
        <v>2520</v>
      </c>
      <c r="N6316">
        <v>0</v>
      </c>
      <c r="O6316">
        <v>0</v>
      </c>
      <c r="P6316">
        <v>22670</v>
      </c>
      <c r="Q6316">
        <v>0</v>
      </c>
      <c r="R6316">
        <v>50395</v>
      </c>
      <c r="S6316">
        <v>0</v>
      </c>
      <c r="T6316">
        <v>0</v>
      </c>
      <c r="U6316">
        <v>0</v>
      </c>
      <c r="V6316">
        <v>1</v>
      </c>
      <c r="W6316">
        <v>2</v>
      </c>
      <c r="X6316">
        <v>0</v>
      </c>
      <c r="Y6316">
        <v>54</v>
      </c>
      <c r="Z6316">
        <v>23</v>
      </c>
      <c r="AA6316">
        <v>78</v>
      </c>
      <c r="AB6316">
        <v>30</v>
      </c>
      <c r="AC6316">
        <v>100</v>
      </c>
      <c r="AD6316">
        <v>41</v>
      </c>
      <c r="AE6316">
        <v>110</v>
      </c>
      <c r="AF6316">
        <v>4280</v>
      </c>
      <c r="AG6316">
        <v>100395</v>
      </c>
      <c r="AH6316">
        <v>50000</v>
      </c>
      <c r="AI6316">
        <v>0</v>
      </c>
      <c r="AJ6316">
        <v>36</v>
      </c>
      <c r="AK6316" t="s">
        <v>68</v>
      </c>
      <c r="AL6316">
        <v>0</v>
      </c>
      <c r="AM6316">
        <v>0</v>
      </c>
      <c r="AN6316">
        <v>0</v>
      </c>
      <c r="AO6316">
        <v>0</v>
      </c>
      <c r="AP6316">
        <v>0</v>
      </c>
      <c r="AQ6316">
        <v>0</v>
      </c>
      <c r="AR6316">
        <v>0</v>
      </c>
      <c r="AS6316">
        <v>0</v>
      </c>
      <c r="AT6316">
        <v>0</v>
      </c>
      <c r="AU6316">
        <v>0</v>
      </c>
      <c r="AV6316">
        <v>0</v>
      </c>
      <c r="AW6316">
        <v>0</v>
      </c>
      <c r="AX6316">
        <v>-785</v>
      </c>
      <c r="AY6316">
        <v>44</v>
      </c>
      <c r="AZ6316">
        <v>84</v>
      </c>
      <c r="BA6316">
        <v>5812</v>
      </c>
    </row>
    <row r="6317" spans="1:53" x14ac:dyDescent="0.4">
      <c r="A6317">
        <v>6361</v>
      </c>
      <c r="B6317" s="1">
        <v>45247</v>
      </c>
      <c r="C6317">
        <v>3</v>
      </c>
      <c r="D6317" s="1">
        <v>45247.750694444447</v>
      </c>
      <c r="E6317" s="1">
        <v>45247.947222222225</v>
      </c>
      <c r="F6317">
        <v>46950</v>
      </c>
      <c r="G6317">
        <v>880</v>
      </c>
      <c r="H6317">
        <v>0</v>
      </c>
      <c r="I6317">
        <v>0</v>
      </c>
      <c r="J6317">
        <v>200</v>
      </c>
      <c r="K6317">
        <v>0</v>
      </c>
      <c r="L6317">
        <v>0</v>
      </c>
      <c r="M6317">
        <v>4332</v>
      </c>
      <c r="N6317">
        <v>0</v>
      </c>
      <c r="O6317">
        <v>0</v>
      </c>
      <c r="P6317">
        <v>-22670</v>
      </c>
      <c r="Q6317">
        <v>0</v>
      </c>
      <c r="R6317">
        <v>24960</v>
      </c>
      <c r="S6317">
        <v>0</v>
      </c>
      <c r="T6317">
        <v>0</v>
      </c>
      <c r="U6317">
        <v>0</v>
      </c>
      <c r="V6317">
        <v>2</v>
      </c>
      <c r="W6317">
        <v>2</v>
      </c>
      <c r="X6317">
        <v>0</v>
      </c>
      <c r="Y6317">
        <v>58</v>
      </c>
      <c r="Z6317">
        <v>22</v>
      </c>
      <c r="AA6317">
        <v>74</v>
      </c>
      <c r="AB6317">
        <v>29</v>
      </c>
      <c r="AC6317">
        <v>96</v>
      </c>
      <c r="AD6317">
        <v>42</v>
      </c>
      <c r="AE6317">
        <v>110</v>
      </c>
      <c r="AF6317">
        <v>16225</v>
      </c>
      <c r="AG6317">
        <v>125355</v>
      </c>
      <c r="AH6317">
        <v>50000</v>
      </c>
      <c r="AI6317">
        <v>0</v>
      </c>
      <c r="AJ6317">
        <v>104</v>
      </c>
      <c r="AK6317" t="s">
        <v>60</v>
      </c>
      <c r="AL6317">
        <v>0</v>
      </c>
      <c r="AM6317">
        <v>0</v>
      </c>
      <c r="AN6317">
        <v>0</v>
      </c>
      <c r="AO6317">
        <v>0</v>
      </c>
      <c r="AP6317">
        <v>0</v>
      </c>
      <c r="AQ6317">
        <v>0</v>
      </c>
      <c r="AR6317">
        <v>0</v>
      </c>
      <c r="AS6317">
        <v>0</v>
      </c>
      <c r="AT6317">
        <v>0</v>
      </c>
      <c r="AU6317">
        <v>0</v>
      </c>
      <c r="AV6317">
        <v>0</v>
      </c>
      <c r="AW6317">
        <v>0</v>
      </c>
      <c r="AX6317">
        <v>18480</v>
      </c>
      <c r="AY6317">
        <v>14</v>
      </c>
      <c r="AZ6317">
        <v>35</v>
      </c>
      <c r="BA6317">
        <v>2141</v>
      </c>
    </row>
    <row r="6318" spans="1:53" x14ac:dyDescent="0.4">
      <c r="A6318">
        <v>6362</v>
      </c>
      <c r="B6318" s="1">
        <v>45248</v>
      </c>
      <c r="C6318">
        <v>1</v>
      </c>
      <c r="D6318" s="1">
        <v>45248.291666666664</v>
      </c>
      <c r="E6318" s="1">
        <v>45248.406944444447</v>
      </c>
      <c r="F6318">
        <v>0</v>
      </c>
      <c r="G6318">
        <v>0</v>
      </c>
      <c r="H6318">
        <v>0</v>
      </c>
      <c r="I6318">
        <v>0</v>
      </c>
      <c r="J6318">
        <v>0</v>
      </c>
      <c r="K6318">
        <v>0</v>
      </c>
      <c r="L6318">
        <v>0</v>
      </c>
      <c r="M6318">
        <v>0</v>
      </c>
      <c r="N6318">
        <v>0</v>
      </c>
      <c r="O6318">
        <v>0</v>
      </c>
      <c r="P6318">
        <v>0</v>
      </c>
      <c r="Q6318">
        <v>0</v>
      </c>
      <c r="R6318">
        <v>0</v>
      </c>
      <c r="S6318">
        <v>0</v>
      </c>
      <c r="T6318">
        <v>0</v>
      </c>
      <c r="U6318">
        <v>0</v>
      </c>
      <c r="V6318">
        <v>0</v>
      </c>
      <c r="W6318">
        <v>1</v>
      </c>
      <c r="X6318">
        <v>0</v>
      </c>
      <c r="Y6318">
        <v>30</v>
      </c>
      <c r="Z6318">
        <v>11</v>
      </c>
      <c r="AA6318">
        <v>71</v>
      </c>
      <c r="AB6318">
        <v>29</v>
      </c>
      <c r="AC6318">
        <v>63</v>
      </c>
      <c r="AD6318">
        <v>44</v>
      </c>
      <c r="AE6318">
        <v>100</v>
      </c>
      <c r="AF6318">
        <v>0</v>
      </c>
      <c r="AG6318">
        <v>50000</v>
      </c>
      <c r="AH6318">
        <v>50000</v>
      </c>
      <c r="AI6318">
        <v>0</v>
      </c>
      <c r="AJ6318">
        <v>0</v>
      </c>
      <c r="AK6318" t="s">
        <v>6</v>
      </c>
      <c r="AL6318">
        <v>0</v>
      </c>
      <c r="AM6318">
        <v>0</v>
      </c>
      <c r="AN6318">
        <v>0</v>
      </c>
      <c r="AO6318">
        <v>0</v>
      </c>
      <c r="AP6318">
        <v>0</v>
      </c>
      <c r="AQ6318">
        <v>0</v>
      </c>
      <c r="AR6318">
        <v>0</v>
      </c>
      <c r="AS6318">
        <v>0</v>
      </c>
      <c r="AT6318">
        <v>0</v>
      </c>
      <c r="AU6318">
        <v>0</v>
      </c>
      <c r="AV6318">
        <v>0</v>
      </c>
      <c r="AW6318">
        <v>0</v>
      </c>
      <c r="AX6318">
        <v>0</v>
      </c>
      <c r="AY6318">
        <v>0</v>
      </c>
      <c r="AZ6318">
        <v>0</v>
      </c>
      <c r="BA6318">
        <v>0</v>
      </c>
    </row>
    <row r="6319" spans="1:53" x14ac:dyDescent="0.4">
      <c r="A6319">
        <v>6363</v>
      </c>
      <c r="B6319" s="1">
        <v>45248</v>
      </c>
      <c r="C6319">
        <v>2</v>
      </c>
      <c r="D6319" s="1">
        <v>45248.406944444447</v>
      </c>
      <c r="E6319" s="1">
        <v>45248.712500000001</v>
      </c>
      <c r="F6319">
        <v>33010</v>
      </c>
      <c r="G6319">
        <v>2486</v>
      </c>
      <c r="H6319">
        <v>0</v>
      </c>
      <c r="I6319">
        <v>0</v>
      </c>
      <c r="J6319">
        <v>300</v>
      </c>
      <c r="K6319">
        <v>0</v>
      </c>
      <c r="L6319">
        <v>0</v>
      </c>
      <c r="M6319">
        <v>3197</v>
      </c>
      <c r="N6319">
        <v>0</v>
      </c>
      <c r="O6319">
        <v>0</v>
      </c>
      <c r="P6319">
        <v>22020</v>
      </c>
      <c r="Q6319">
        <v>0</v>
      </c>
      <c r="R6319">
        <v>57216</v>
      </c>
      <c r="S6319">
        <v>0</v>
      </c>
      <c r="T6319">
        <v>0</v>
      </c>
      <c r="U6319">
        <v>0</v>
      </c>
      <c r="V6319">
        <v>2</v>
      </c>
      <c r="W6319">
        <v>3</v>
      </c>
      <c r="X6319">
        <v>0</v>
      </c>
      <c r="Y6319">
        <v>56</v>
      </c>
      <c r="Z6319">
        <v>6</v>
      </c>
      <c r="AA6319">
        <v>65</v>
      </c>
      <c r="AB6319">
        <v>32</v>
      </c>
      <c r="AC6319">
        <v>52</v>
      </c>
      <c r="AD6319">
        <v>44</v>
      </c>
      <c r="AE6319">
        <v>96</v>
      </c>
      <c r="AF6319">
        <v>4280</v>
      </c>
      <c r="AG6319">
        <v>107216</v>
      </c>
      <c r="AH6319">
        <v>50000</v>
      </c>
      <c r="AI6319">
        <v>0</v>
      </c>
      <c r="AJ6319">
        <v>45</v>
      </c>
      <c r="AK6319" t="s">
        <v>77</v>
      </c>
      <c r="AL6319">
        <v>0</v>
      </c>
      <c r="AM6319">
        <v>0</v>
      </c>
      <c r="AN6319">
        <v>0</v>
      </c>
      <c r="AO6319">
        <v>0</v>
      </c>
      <c r="AP6319">
        <v>0</v>
      </c>
      <c r="AQ6319">
        <v>0</v>
      </c>
      <c r="AR6319">
        <v>0</v>
      </c>
      <c r="AS6319">
        <v>0</v>
      </c>
      <c r="AT6319">
        <v>0</v>
      </c>
      <c r="AU6319">
        <v>0</v>
      </c>
      <c r="AV6319">
        <v>0</v>
      </c>
      <c r="AW6319">
        <v>0</v>
      </c>
      <c r="AX6319">
        <v>-670</v>
      </c>
      <c r="AY6319">
        <v>44</v>
      </c>
      <c r="AZ6319">
        <v>90</v>
      </c>
      <c r="BA6319">
        <v>5820</v>
      </c>
    </row>
    <row r="6320" spans="1:53" x14ac:dyDescent="0.4">
      <c r="A6320">
        <v>6364</v>
      </c>
      <c r="B6320" s="1">
        <v>45248</v>
      </c>
      <c r="C6320">
        <v>3</v>
      </c>
      <c r="D6320" s="1">
        <v>45248.712500000001</v>
      </c>
      <c r="E6320" s="1">
        <v>45248.96597222222</v>
      </c>
      <c r="F6320">
        <v>142750</v>
      </c>
      <c r="G6320">
        <v>8866</v>
      </c>
      <c r="H6320">
        <v>0</v>
      </c>
      <c r="I6320">
        <v>0</v>
      </c>
      <c r="J6320">
        <v>100</v>
      </c>
      <c r="K6320">
        <v>0</v>
      </c>
      <c r="L6320">
        <v>0</v>
      </c>
      <c r="M6320">
        <v>13774</v>
      </c>
      <c r="N6320">
        <v>0</v>
      </c>
      <c r="O6320">
        <v>0</v>
      </c>
      <c r="P6320">
        <v>-16320</v>
      </c>
      <c r="Q6320">
        <v>0</v>
      </c>
      <c r="R6320">
        <v>135196</v>
      </c>
      <c r="S6320">
        <v>0</v>
      </c>
      <c r="T6320">
        <v>0</v>
      </c>
      <c r="U6320">
        <v>0</v>
      </c>
      <c r="V6320">
        <v>11</v>
      </c>
      <c r="W6320">
        <v>3</v>
      </c>
      <c r="X6320">
        <v>0</v>
      </c>
      <c r="Y6320">
        <v>101</v>
      </c>
      <c r="Z6320">
        <v>5</v>
      </c>
      <c r="AA6320">
        <v>73</v>
      </c>
      <c r="AB6320">
        <v>24</v>
      </c>
      <c r="AC6320">
        <v>34</v>
      </c>
      <c r="AD6320">
        <v>42</v>
      </c>
      <c r="AE6320">
        <v>102</v>
      </c>
      <c r="AF6320">
        <v>4760</v>
      </c>
      <c r="AG6320">
        <v>242412</v>
      </c>
      <c r="AH6320">
        <v>50000</v>
      </c>
      <c r="AI6320">
        <v>0</v>
      </c>
      <c r="AJ6320">
        <v>104</v>
      </c>
      <c r="AK6320" t="s">
        <v>60</v>
      </c>
      <c r="AL6320">
        <v>0</v>
      </c>
      <c r="AM6320">
        <v>0</v>
      </c>
      <c r="AN6320">
        <v>0</v>
      </c>
      <c r="AO6320">
        <v>0</v>
      </c>
      <c r="AP6320">
        <v>0</v>
      </c>
      <c r="AQ6320">
        <v>0</v>
      </c>
      <c r="AR6320">
        <v>0</v>
      </c>
      <c r="AS6320">
        <v>0</v>
      </c>
      <c r="AT6320">
        <v>0</v>
      </c>
      <c r="AU6320">
        <v>0</v>
      </c>
      <c r="AV6320">
        <v>0</v>
      </c>
      <c r="AW6320">
        <v>0</v>
      </c>
      <c r="AX6320">
        <v>64123</v>
      </c>
      <c r="AY6320">
        <v>36</v>
      </c>
      <c r="AZ6320">
        <v>112</v>
      </c>
      <c r="BA6320">
        <v>4906</v>
      </c>
    </row>
    <row r="6321" spans="1:53" x14ac:dyDescent="0.4">
      <c r="A6321">
        <v>6365</v>
      </c>
      <c r="B6321" s="1">
        <v>45249</v>
      </c>
      <c r="C6321">
        <v>1</v>
      </c>
      <c r="D6321" s="1">
        <v>45249.291666666664</v>
      </c>
      <c r="E6321" s="1">
        <v>45249.40625</v>
      </c>
      <c r="F6321">
        <v>0</v>
      </c>
      <c r="G6321">
        <v>0</v>
      </c>
      <c r="H6321">
        <v>0</v>
      </c>
      <c r="I6321">
        <v>0</v>
      </c>
      <c r="J6321">
        <v>0</v>
      </c>
      <c r="K6321">
        <v>0</v>
      </c>
      <c r="L6321">
        <v>0</v>
      </c>
      <c r="M6321">
        <v>0</v>
      </c>
      <c r="N6321">
        <v>0</v>
      </c>
      <c r="O6321">
        <v>0</v>
      </c>
      <c r="P6321">
        <v>0</v>
      </c>
      <c r="Q6321">
        <v>0</v>
      </c>
      <c r="R6321">
        <v>0</v>
      </c>
      <c r="S6321">
        <v>0</v>
      </c>
      <c r="T6321">
        <v>0</v>
      </c>
      <c r="U6321">
        <v>0</v>
      </c>
      <c r="V6321">
        <v>0</v>
      </c>
      <c r="W6321">
        <v>1</v>
      </c>
      <c r="X6321">
        <v>0</v>
      </c>
      <c r="Y6321">
        <v>31</v>
      </c>
      <c r="Z6321">
        <v>9</v>
      </c>
      <c r="AA6321">
        <v>74</v>
      </c>
      <c r="AB6321">
        <v>26</v>
      </c>
      <c r="AC6321">
        <v>54</v>
      </c>
      <c r="AD6321">
        <v>33</v>
      </c>
      <c r="AE6321">
        <v>95</v>
      </c>
      <c r="AF6321">
        <v>0</v>
      </c>
      <c r="AG6321">
        <v>50000</v>
      </c>
      <c r="AH6321">
        <v>50000</v>
      </c>
      <c r="AI6321">
        <v>0</v>
      </c>
      <c r="AJ6321">
        <v>0</v>
      </c>
      <c r="AK6321" t="s">
        <v>6</v>
      </c>
      <c r="AL6321">
        <v>0</v>
      </c>
      <c r="AM6321">
        <v>0</v>
      </c>
      <c r="AN6321">
        <v>0</v>
      </c>
      <c r="AO6321">
        <v>0</v>
      </c>
      <c r="AP6321">
        <v>0</v>
      </c>
      <c r="AQ6321">
        <v>0</v>
      </c>
      <c r="AR6321">
        <v>0</v>
      </c>
      <c r="AS6321">
        <v>0</v>
      </c>
      <c r="AT6321">
        <v>0</v>
      </c>
      <c r="AU6321">
        <v>0</v>
      </c>
      <c r="AV6321">
        <v>0</v>
      </c>
      <c r="AW6321">
        <v>0</v>
      </c>
      <c r="AX6321">
        <v>0</v>
      </c>
      <c r="AY6321">
        <v>0</v>
      </c>
      <c r="AZ6321">
        <v>0</v>
      </c>
      <c r="BA6321">
        <v>0</v>
      </c>
    </row>
    <row r="6322" spans="1:53" x14ac:dyDescent="0.4">
      <c r="A6322">
        <v>6366</v>
      </c>
      <c r="B6322" s="1">
        <v>45249</v>
      </c>
      <c r="C6322">
        <v>2</v>
      </c>
      <c r="D6322" s="1">
        <v>45249.40625</v>
      </c>
      <c r="E6322" s="1">
        <v>45249.730555555558</v>
      </c>
      <c r="F6322">
        <v>46480</v>
      </c>
      <c r="G6322">
        <v>1023</v>
      </c>
      <c r="H6322">
        <v>220</v>
      </c>
      <c r="I6322">
        <v>0</v>
      </c>
      <c r="J6322">
        <v>500</v>
      </c>
      <c r="K6322">
        <v>400</v>
      </c>
      <c r="L6322">
        <v>0</v>
      </c>
      <c r="M6322">
        <v>4330</v>
      </c>
      <c r="N6322">
        <v>0</v>
      </c>
      <c r="O6322">
        <v>0</v>
      </c>
      <c r="P6322">
        <v>27770</v>
      </c>
      <c r="Q6322">
        <v>0</v>
      </c>
      <c r="R6322">
        <v>75393</v>
      </c>
      <c r="S6322">
        <v>0</v>
      </c>
      <c r="T6322">
        <v>0</v>
      </c>
      <c r="U6322">
        <v>0</v>
      </c>
      <c r="V6322">
        <v>1</v>
      </c>
      <c r="W6322">
        <v>0</v>
      </c>
      <c r="X6322">
        <v>0</v>
      </c>
      <c r="Y6322">
        <v>77</v>
      </c>
      <c r="Z6322">
        <v>31</v>
      </c>
      <c r="AA6322">
        <v>129</v>
      </c>
      <c r="AB6322">
        <v>24</v>
      </c>
      <c r="AC6322">
        <v>66</v>
      </c>
      <c r="AD6322">
        <v>33</v>
      </c>
      <c r="AE6322">
        <v>98</v>
      </c>
      <c r="AF6322">
        <v>7870</v>
      </c>
      <c r="AG6322">
        <v>125393</v>
      </c>
      <c r="AH6322">
        <v>50000</v>
      </c>
      <c r="AI6322">
        <v>0</v>
      </c>
      <c r="AJ6322">
        <v>36</v>
      </c>
      <c r="AK6322" t="s">
        <v>68</v>
      </c>
      <c r="AL6322">
        <v>0</v>
      </c>
      <c r="AM6322">
        <v>0</v>
      </c>
      <c r="AN6322">
        <v>0</v>
      </c>
      <c r="AO6322">
        <v>0</v>
      </c>
      <c r="AP6322">
        <v>0</v>
      </c>
      <c r="AQ6322">
        <v>0</v>
      </c>
      <c r="AR6322">
        <v>0</v>
      </c>
      <c r="AS6322">
        <v>0</v>
      </c>
      <c r="AT6322">
        <v>0</v>
      </c>
      <c r="AU6322">
        <v>0</v>
      </c>
      <c r="AV6322">
        <v>0</v>
      </c>
      <c r="AW6322">
        <v>0</v>
      </c>
      <c r="AX6322">
        <v>-574</v>
      </c>
      <c r="AY6322">
        <v>51</v>
      </c>
      <c r="AZ6322">
        <v>117</v>
      </c>
      <c r="BA6322">
        <v>7510</v>
      </c>
    </row>
    <row r="6323" spans="1:53" x14ac:dyDescent="0.4">
      <c r="A6323">
        <v>6367</v>
      </c>
      <c r="B6323" s="1">
        <v>45249</v>
      </c>
      <c r="C6323">
        <v>3</v>
      </c>
      <c r="D6323" s="1">
        <v>45249.730555555558</v>
      </c>
      <c r="E6323" s="1">
        <v>45249.95416666667</v>
      </c>
      <c r="F6323">
        <v>43880</v>
      </c>
      <c r="G6323">
        <v>3619</v>
      </c>
      <c r="H6323">
        <v>0</v>
      </c>
      <c r="I6323">
        <v>0</v>
      </c>
      <c r="J6323">
        <v>0</v>
      </c>
      <c r="K6323">
        <v>0</v>
      </c>
      <c r="L6323">
        <v>0</v>
      </c>
      <c r="M6323">
        <v>4315</v>
      </c>
      <c r="N6323">
        <v>0</v>
      </c>
      <c r="O6323">
        <v>0</v>
      </c>
      <c r="P6323">
        <v>-16910</v>
      </c>
      <c r="Q6323">
        <v>0</v>
      </c>
      <c r="R6323">
        <v>30589</v>
      </c>
      <c r="S6323">
        <v>0</v>
      </c>
      <c r="T6323">
        <v>0</v>
      </c>
      <c r="U6323">
        <v>0</v>
      </c>
      <c r="V6323">
        <v>3</v>
      </c>
      <c r="W6323">
        <v>1</v>
      </c>
      <c r="X6323">
        <v>0</v>
      </c>
      <c r="Y6323">
        <v>83</v>
      </c>
      <c r="Z6323">
        <v>29</v>
      </c>
      <c r="AA6323">
        <v>134</v>
      </c>
      <c r="AB6323">
        <v>27</v>
      </c>
      <c r="AC6323">
        <v>60</v>
      </c>
      <c r="AD6323">
        <v>33</v>
      </c>
      <c r="AE6323">
        <v>97</v>
      </c>
      <c r="AF6323">
        <v>7870</v>
      </c>
      <c r="AG6323">
        <v>155982</v>
      </c>
      <c r="AH6323">
        <v>50000</v>
      </c>
      <c r="AI6323">
        <v>0</v>
      </c>
      <c r="AJ6323">
        <v>113</v>
      </c>
      <c r="AK6323" t="s">
        <v>80</v>
      </c>
      <c r="AL6323">
        <v>0</v>
      </c>
      <c r="AM6323">
        <v>0</v>
      </c>
      <c r="AN6323">
        <v>0</v>
      </c>
      <c r="AO6323">
        <v>0</v>
      </c>
      <c r="AP6323">
        <v>0</v>
      </c>
      <c r="AQ6323">
        <v>0</v>
      </c>
      <c r="AR6323">
        <v>0</v>
      </c>
      <c r="AS6323">
        <v>0</v>
      </c>
      <c r="AT6323">
        <v>0</v>
      </c>
      <c r="AU6323">
        <v>0</v>
      </c>
      <c r="AV6323">
        <v>0</v>
      </c>
      <c r="AW6323">
        <v>0</v>
      </c>
      <c r="AX6323">
        <v>1320</v>
      </c>
      <c r="AY6323">
        <v>12</v>
      </c>
      <c r="AZ6323">
        <v>24</v>
      </c>
      <c r="BA6323">
        <v>2929</v>
      </c>
    </row>
    <row r="6324" spans="1:53" x14ac:dyDescent="0.4">
      <c r="A6324">
        <v>6368</v>
      </c>
      <c r="B6324" s="1">
        <v>45250</v>
      </c>
      <c r="C6324">
        <v>1</v>
      </c>
      <c r="D6324" s="1">
        <v>45250.291666666664</v>
      </c>
      <c r="E6324" s="1">
        <v>45250.445138888892</v>
      </c>
      <c r="F6324">
        <v>0</v>
      </c>
      <c r="G6324">
        <v>0</v>
      </c>
      <c r="H6324">
        <v>0</v>
      </c>
      <c r="I6324">
        <v>0</v>
      </c>
      <c r="J6324">
        <v>0</v>
      </c>
      <c r="K6324">
        <v>0</v>
      </c>
      <c r="L6324">
        <v>0</v>
      </c>
      <c r="M6324">
        <v>0</v>
      </c>
      <c r="N6324">
        <v>0</v>
      </c>
      <c r="O6324">
        <v>0</v>
      </c>
      <c r="P6324">
        <v>0</v>
      </c>
      <c r="Q6324">
        <v>0</v>
      </c>
      <c r="R6324">
        <v>0</v>
      </c>
      <c r="S6324">
        <v>0</v>
      </c>
      <c r="T6324">
        <v>0</v>
      </c>
      <c r="U6324">
        <v>0</v>
      </c>
      <c r="V6324">
        <v>0</v>
      </c>
      <c r="W6324">
        <v>1</v>
      </c>
      <c r="X6324">
        <v>0</v>
      </c>
      <c r="Y6324">
        <v>27</v>
      </c>
      <c r="Z6324">
        <v>6</v>
      </c>
      <c r="AA6324">
        <v>129</v>
      </c>
      <c r="AB6324">
        <v>26</v>
      </c>
      <c r="AC6324">
        <v>54</v>
      </c>
      <c r="AD6324">
        <v>33</v>
      </c>
      <c r="AE6324">
        <v>95</v>
      </c>
      <c r="AF6324">
        <v>0</v>
      </c>
      <c r="AG6324">
        <v>50000</v>
      </c>
      <c r="AH6324">
        <v>50000</v>
      </c>
      <c r="AI6324">
        <v>0</v>
      </c>
      <c r="AJ6324">
        <v>0</v>
      </c>
      <c r="AK6324" t="s">
        <v>6</v>
      </c>
      <c r="AL6324">
        <v>0</v>
      </c>
      <c r="AM6324">
        <v>0</v>
      </c>
      <c r="AN6324">
        <v>0</v>
      </c>
      <c r="AO6324">
        <v>0</v>
      </c>
      <c r="AP6324">
        <v>0</v>
      </c>
      <c r="AQ6324">
        <v>0</v>
      </c>
      <c r="AR6324">
        <v>0</v>
      </c>
      <c r="AS6324">
        <v>0</v>
      </c>
      <c r="AT6324">
        <v>0</v>
      </c>
      <c r="AU6324">
        <v>0</v>
      </c>
      <c r="AV6324">
        <v>0</v>
      </c>
      <c r="AW6324">
        <v>0</v>
      </c>
      <c r="AX6324">
        <v>0</v>
      </c>
      <c r="AY6324">
        <v>0</v>
      </c>
      <c r="AZ6324">
        <v>0</v>
      </c>
      <c r="BA6324">
        <v>0</v>
      </c>
    </row>
    <row r="6325" spans="1:53" x14ac:dyDescent="0.4">
      <c r="A6325">
        <v>6369</v>
      </c>
      <c r="B6325" s="1">
        <v>45250</v>
      </c>
      <c r="C6325">
        <v>2</v>
      </c>
      <c r="D6325" s="1">
        <v>45250.445138888892</v>
      </c>
      <c r="E6325" s="1">
        <v>45250.737500000003</v>
      </c>
      <c r="F6325">
        <v>18330</v>
      </c>
      <c r="G6325">
        <v>3740</v>
      </c>
      <c r="H6325">
        <v>0</v>
      </c>
      <c r="I6325">
        <v>0</v>
      </c>
      <c r="J6325">
        <v>100</v>
      </c>
      <c r="K6325">
        <v>100</v>
      </c>
      <c r="L6325">
        <v>0</v>
      </c>
      <c r="M6325">
        <v>2006</v>
      </c>
      <c r="N6325">
        <v>0</v>
      </c>
      <c r="O6325">
        <v>0</v>
      </c>
      <c r="P6325">
        <v>14760</v>
      </c>
      <c r="Q6325">
        <v>0</v>
      </c>
      <c r="R6325">
        <v>36830</v>
      </c>
      <c r="S6325">
        <v>0</v>
      </c>
      <c r="T6325">
        <v>0</v>
      </c>
      <c r="U6325">
        <v>0</v>
      </c>
      <c r="V6325">
        <v>1</v>
      </c>
      <c r="W6325">
        <v>2</v>
      </c>
      <c r="X6325">
        <v>0</v>
      </c>
      <c r="Y6325">
        <v>42</v>
      </c>
      <c r="Z6325">
        <v>13</v>
      </c>
      <c r="AA6325">
        <v>138</v>
      </c>
      <c r="AB6325">
        <v>29</v>
      </c>
      <c r="AC6325">
        <v>68</v>
      </c>
      <c r="AD6325">
        <v>36</v>
      </c>
      <c r="AE6325">
        <v>100</v>
      </c>
      <c r="AF6325">
        <v>2120</v>
      </c>
      <c r="AG6325">
        <v>86830</v>
      </c>
      <c r="AH6325">
        <v>50000</v>
      </c>
      <c r="AI6325">
        <v>0</v>
      </c>
      <c r="AJ6325">
        <v>36</v>
      </c>
      <c r="AK6325" t="s">
        <v>68</v>
      </c>
      <c r="AL6325">
        <v>0</v>
      </c>
      <c r="AM6325">
        <v>0</v>
      </c>
      <c r="AN6325">
        <v>0</v>
      </c>
      <c r="AO6325">
        <v>0</v>
      </c>
      <c r="AP6325">
        <v>0</v>
      </c>
      <c r="AQ6325">
        <v>0</v>
      </c>
      <c r="AR6325">
        <v>0</v>
      </c>
      <c r="AS6325">
        <v>0</v>
      </c>
      <c r="AT6325">
        <v>0</v>
      </c>
      <c r="AU6325">
        <v>0</v>
      </c>
      <c r="AV6325">
        <v>0</v>
      </c>
      <c r="AW6325">
        <v>0</v>
      </c>
      <c r="AX6325">
        <v>1815</v>
      </c>
      <c r="AY6325">
        <v>30</v>
      </c>
      <c r="AZ6325">
        <v>56</v>
      </c>
      <c r="BA6325">
        <v>4028</v>
      </c>
    </row>
    <row r="6326" spans="1:53" x14ac:dyDescent="0.4">
      <c r="A6326">
        <v>6370</v>
      </c>
      <c r="B6326" s="1">
        <v>45251</v>
      </c>
      <c r="C6326">
        <v>1</v>
      </c>
      <c r="D6326" s="1">
        <v>45251.291666666664</v>
      </c>
      <c r="E6326" s="1">
        <v>45251.451388888891</v>
      </c>
      <c r="F6326">
        <v>0</v>
      </c>
      <c r="G6326">
        <v>0</v>
      </c>
      <c r="H6326">
        <v>0</v>
      </c>
      <c r="I6326">
        <v>0</v>
      </c>
      <c r="J6326">
        <v>0</v>
      </c>
      <c r="K6326">
        <v>0</v>
      </c>
      <c r="L6326">
        <v>0</v>
      </c>
      <c r="M6326">
        <v>0</v>
      </c>
      <c r="N6326">
        <v>0</v>
      </c>
      <c r="O6326">
        <v>0</v>
      </c>
      <c r="P6326">
        <v>0</v>
      </c>
      <c r="Q6326">
        <v>0</v>
      </c>
      <c r="R6326">
        <v>0</v>
      </c>
      <c r="S6326">
        <v>0</v>
      </c>
      <c r="T6326">
        <v>0</v>
      </c>
      <c r="U6326">
        <v>0</v>
      </c>
      <c r="V6326">
        <v>0</v>
      </c>
      <c r="W6326">
        <v>1</v>
      </c>
      <c r="X6326">
        <v>0</v>
      </c>
      <c r="Y6326">
        <v>25</v>
      </c>
      <c r="Z6326">
        <v>14</v>
      </c>
      <c r="AA6326">
        <v>107</v>
      </c>
      <c r="AB6326">
        <v>26</v>
      </c>
      <c r="AC6326">
        <v>72</v>
      </c>
      <c r="AD6326">
        <v>36</v>
      </c>
      <c r="AE6326">
        <v>100</v>
      </c>
      <c r="AF6326">
        <v>0</v>
      </c>
      <c r="AG6326">
        <v>50000</v>
      </c>
      <c r="AH6326">
        <v>50000</v>
      </c>
      <c r="AI6326">
        <v>0</v>
      </c>
      <c r="AJ6326">
        <v>0</v>
      </c>
      <c r="AK6326" t="s">
        <v>6</v>
      </c>
      <c r="AL6326">
        <v>0</v>
      </c>
      <c r="AM6326">
        <v>0</v>
      </c>
      <c r="AN6326">
        <v>0</v>
      </c>
      <c r="AO6326">
        <v>0</v>
      </c>
      <c r="AP6326">
        <v>0</v>
      </c>
      <c r="AQ6326">
        <v>0</v>
      </c>
      <c r="AR6326">
        <v>0</v>
      </c>
      <c r="AS6326">
        <v>0</v>
      </c>
      <c r="AT6326">
        <v>0</v>
      </c>
      <c r="AU6326">
        <v>0</v>
      </c>
      <c r="AV6326">
        <v>0</v>
      </c>
      <c r="AW6326">
        <v>0</v>
      </c>
      <c r="AX6326">
        <v>0</v>
      </c>
      <c r="AY6326">
        <v>0</v>
      </c>
      <c r="AZ6326">
        <v>0</v>
      </c>
      <c r="BA6326">
        <v>0</v>
      </c>
    </row>
    <row r="6327" spans="1:53" x14ac:dyDescent="0.4">
      <c r="A6327">
        <v>6371</v>
      </c>
      <c r="B6327" s="1">
        <v>45251</v>
      </c>
      <c r="C6327">
        <v>2</v>
      </c>
      <c r="D6327" s="1">
        <v>45251.451388888891</v>
      </c>
      <c r="E6327" s="1">
        <v>45251.719444444447</v>
      </c>
      <c r="F6327">
        <v>16490</v>
      </c>
      <c r="G6327">
        <v>2156</v>
      </c>
      <c r="H6327">
        <v>0</v>
      </c>
      <c r="I6327">
        <v>0</v>
      </c>
      <c r="J6327">
        <v>200</v>
      </c>
      <c r="K6327">
        <v>0</v>
      </c>
      <c r="L6327">
        <v>0</v>
      </c>
      <c r="M6327">
        <v>1678</v>
      </c>
      <c r="N6327">
        <v>0</v>
      </c>
      <c r="O6327">
        <v>0</v>
      </c>
      <c r="P6327">
        <v>14500</v>
      </c>
      <c r="Q6327">
        <v>0</v>
      </c>
      <c r="R6327">
        <v>32946</v>
      </c>
      <c r="S6327">
        <v>0</v>
      </c>
      <c r="T6327">
        <v>0</v>
      </c>
      <c r="U6327">
        <v>0</v>
      </c>
      <c r="V6327">
        <v>0</v>
      </c>
      <c r="W6327">
        <v>2</v>
      </c>
      <c r="X6327">
        <v>0</v>
      </c>
      <c r="Y6327">
        <v>50</v>
      </c>
      <c r="Z6327">
        <v>21</v>
      </c>
      <c r="AA6327">
        <v>92</v>
      </c>
      <c r="AB6327">
        <v>21</v>
      </c>
      <c r="AC6327">
        <v>79</v>
      </c>
      <c r="AD6327">
        <v>36</v>
      </c>
      <c r="AE6327">
        <v>96</v>
      </c>
      <c r="AF6327">
        <v>1130</v>
      </c>
      <c r="AG6327">
        <v>82946</v>
      </c>
      <c r="AH6327">
        <v>50000</v>
      </c>
      <c r="AI6327">
        <v>0</v>
      </c>
      <c r="AJ6327">
        <v>38</v>
      </c>
      <c r="AK6327" t="s">
        <v>75</v>
      </c>
      <c r="AL6327">
        <v>0</v>
      </c>
      <c r="AM6327">
        <v>0</v>
      </c>
      <c r="AN6327">
        <v>0</v>
      </c>
      <c r="AO6327">
        <v>0</v>
      </c>
      <c r="AP6327">
        <v>0</v>
      </c>
      <c r="AQ6327">
        <v>0</v>
      </c>
      <c r="AR6327">
        <v>0</v>
      </c>
      <c r="AS6327">
        <v>0</v>
      </c>
      <c r="AT6327">
        <v>0</v>
      </c>
      <c r="AU6327">
        <v>0</v>
      </c>
      <c r="AV6327">
        <v>0</v>
      </c>
      <c r="AW6327">
        <v>0</v>
      </c>
      <c r="AX6327">
        <v>440</v>
      </c>
      <c r="AY6327">
        <v>26</v>
      </c>
      <c r="AZ6327">
        <v>49</v>
      </c>
      <c r="BA6327">
        <v>3729</v>
      </c>
    </row>
    <row r="6328" spans="1:53" x14ac:dyDescent="0.4">
      <c r="A6328">
        <v>6372</v>
      </c>
      <c r="B6328" s="1">
        <v>45251</v>
      </c>
      <c r="C6328">
        <v>3</v>
      </c>
      <c r="D6328" s="1">
        <v>45251.719444444447</v>
      </c>
      <c r="E6328" s="1">
        <v>45251.906944444447</v>
      </c>
      <c r="F6328">
        <v>23340</v>
      </c>
      <c r="G6328">
        <v>440</v>
      </c>
      <c r="H6328">
        <v>0</v>
      </c>
      <c r="I6328">
        <v>0</v>
      </c>
      <c r="J6328">
        <v>0</v>
      </c>
      <c r="K6328">
        <v>0</v>
      </c>
      <c r="L6328">
        <v>0</v>
      </c>
      <c r="M6328">
        <v>2161</v>
      </c>
      <c r="N6328">
        <v>0</v>
      </c>
      <c r="O6328">
        <v>0</v>
      </c>
      <c r="P6328">
        <v>-4780</v>
      </c>
      <c r="Q6328">
        <v>0</v>
      </c>
      <c r="R6328">
        <v>19000</v>
      </c>
      <c r="S6328">
        <v>0</v>
      </c>
      <c r="T6328">
        <v>0</v>
      </c>
      <c r="U6328">
        <v>0</v>
      </c>
      <c r="V6328">
        <v>1</v>
      </c>
      <c r="W6328">
        <v>2</v>
      </c>
      <c r="X6328">
        <v>0</v>
      </c>
      <c r="Y6328">
        <v>52</v>
      </c>
      <c r="Z6328">
        <v>22</v>
      </c>
      <c r="AA6328">
        <v>109</v>
      </c>
      <c r="AB6328">
        <v>23</v>
      </c>
      <c r="AC6328">
        <v>89</v>
      </c>
      <c r="AD6328">
        <v>36</v>
      </c>
      <c r="AE6328">
        <v>96</v>
      </c>
      <c r="AF6328">
        <v>5730</v>
      </c>
      <c r="AG6328">
        <v>101946</v>
      </c>
      <c r="AH6328">
        <v>50000</v>
      </c>
      <c r="AI6328">
        <v>0</v>
      </c>
      <c r="AJ6328">
        <v>120</v>
      </c>
      <c r="AK6328" t="s">
        <v>2</v>
      </c>
      <c r="AL6328">
        <v>0</v>
      </c>
      <c r="AM6328">
        <v>0</v>
      </c>
      <c r="AN6328">
        <v>0</v>
      </c>
      <c r="AO6328">
        <v>0</v>
      </c>
      <c r="AP6328">
        <v>0</v>
      </c>
      <c r="AQ6328">
        <v>0</v>
      </c>
      <c r="AR6328">
        <v>0</v>
      </c>
      <c r="AS6328">
        <v>0</v>
      </c>
      <c r="AT6328">
        <v>0</v>
      </c>
      <c r="AU6328">
        <v>0</v>
      </c>
      <c r="AV6328">
        <v>0</v>
      </c>
      <c r="AW6328">
        <v>0</v>
      </c>
      <c r="AX6328">
        <v>2618</v>
      </c>
      <c r="AY6328">
        <v>8</v>
      </c>
      <c r="AZ6328">
        <v>16</v>
      </c>
      <c r="BA6328">
        <v>1435</v>
      </c>
    </row>
    <row r="6329" spans="1:53" x14ac:dyDescent="0.4">
      <c r="A6329">
        <v>6373</v>
      </c>
      <c r="B6329" s="1">
        <v>45252</v>
      </c>
      <c r="C6329">
        <v>1</v>
      </c>
      <c r="D6329" s="1">
        <v>45252.291666666664</v>
      </c>
      <c r="E6329" s="1">
        <v>45252.447222222225</v>
      </c>
      <c r="F6329">
        <v>0</v>
      </c>
      <c r="G6329">
        <v>0</v>
      </c>
      <c r="H6329">
        <v>0</v>
      </c>
      <c r="I6329">
        <v>0</v>
      </c>
      <c r="J6329">
        <v>0</v>
      </c>
      <c r="K6329">
        <v>0</v>
      </c>
      <c r="L6329">
        <v>0</v>
      </c>
      <c r="M6329">
        <v>0</v>
      </c>
      <c r="N6329">
        <v>0</v>
      </c>
      <c r="O6329">
        <v>0</v>
      </c>
      <c r="P6329">
        <v>0</v>
      </c>
      <c r="Q6329">
        <v>0</v>
      </c>
      <c r="R6329">
        <v>0</v>
      </c>
      <c r="S6329">
        <v>0</v>
      </c>
      <c r="T6329">
        <v>0</v>
      </c>
      <c r="U6329">
        <v>0</v>
      </c>
      <c r="V6329">
        <v>0</v>
      </c>
      <c r="W6329">
        <v>1</v>
      </c>
      <c r="X6329">
        <v>0</v>
      </c>
      <c r="Y6329">
        <v>30</v>
      </c>
      <c r="Z6329">
        <v>10</v>
      </c>
      <c r="AA6329">
        <v>79</v>
      </c>
      <c r="AB6329">
        <v>24</v>
      </c>
      <c r="AC6329">
        <v>62</v>
      </c>
      <c r="AD6329">
        <v>37</v>
      </c>
      <c r="AE6329">
        <v>95</v>
      </c>
      <c r="AF6329">
        <v>0</v>
      </c>
      <c r="AG6329">
        <v>50000</v>
      </c>
      <c r="AH6329">
        <v>50000</v>
      </c>
      <c r="AI6329">
        <v>0</v>
      </c>
      <c r="AJ6329">
        <v>0</v>
      </c>
      <c r="AK6329" t="s">
        <v>6</v>
      </c>
      <c r="AL6329">
        <v>0</v>
      </c>
      <c r="AM6329">
        <v>0</v>
      </c>
      <c r="AN6329">
        <v>0</v>
      </c>
      <c r="AO6329">
        <v>0</v>
      </c>
      <c r="AP6329">
        <v>0</v>
      </c>
      <c r="AQ6329">
        <v>0</v>
      </c>
      <c r="AR6329">
        <v>0</v>
      </c>
      <c r="AS6329">
        <v>0</v>
      </c>
      <c r="AT6329">
        <v>0</v>
      </c>
      <c r="AU6329">
        <v>0</v>
      </c>
      <c r="AV6329">
        <v>0</v>
      </c>
      <c r="AW6329">
        <v>0</v>
      </c>
      <c r="AX6329">
        <v>0</v>
      </c>
      <c r="AY6329">
        <v>0</v>
      </c>
      <c r="AZ6329">
        <v>0</v>
      </c>
      <c r="BA6329">
        <v>0</v>
      </c>
    </row>
    <row r="6330" spans="1:53" x14ac:dyDescent="0.4">
      <c r="A6330">
        <v>6374</v>
      </c>
      <c r="B6330" s="1">
        <v>45252</v>
      </c>
      <c r="C6330">
        <v>2</v>
      </c>
      <c r="D6330" s="1">
        <v>45252.447222222225</v>
      </c>
      <c r="E6330" s="1">
        <v>45252.729861111111</v>
      </c>
      <c r="F6330">
        <v>25190</v>
      </c>
      <c r="G6330">
        <v>1448</v>
      </c>
      <c r="H6330">
        <v>220</v>
      </c>
      <c r="I6330">
        <v>0</v>
      </c>
      <c r="J6330">
        <v>0</v>
      </c>
      <c r="K6330">
        <v>0</v>
      </c>
      <c r="L6330">
        <v>0</v>
      </c>
      <c r="M6330">
        <v>2442</v>
      </c>
      <c r="N6330">
        <v>0</v>
      </c>
      <c r="O6330">
        <v>0</v>
      </c>
      <c r="P6330">
        <v>18460</v>
      </c>
      <c r="Q6330">
        <v>0</v>
      </c>
      <c r="R6330">
        <v>45318</v>
      </c>
      <c r="S6330">
        <v>0</v>
      </c>
      <c r="T6330">
        <v>0</v>
      </c>
      <c r="U6330">
        <v>0</v>
      </c>
      <c r="V6330">
        <v>2</v>
      </c>
      <c r="W6330">
        <v>1</v>
      </c>
      <c r="X6330">
        <v>0</v>
      </c>
      <c r="Y6330">
        <v>50</v>
      </c>
      <c r="Z6330">
        <v>18</v>
      </c>
      <c r="AA6330">
        <v>65</v>
      </c>
      <c r="AB6330">
        <v>20</v>
      </c>
      <c r="AC6330">
        <v>53</v>
      </c>
      <c r="AD6330">
        <v>37</v>
      </c>
      <c r="AE6330">
        <v>93</v>
      </c>
      <c r="AF6330">
        <v>3010</v>
      </c>
      <c r="AG6330">
        <v>95318</v>
      </c>
      <c r="AH6330">
        <v>50000</v>
      </c>
      <c r="AI6330">
        <v>0</v>
      </c>
      <c r="AJ6330">
        <v>36</v>
      </c>
      <c r="AK6330" t="s">
        <v>68</v>
      </c>
      <c r="AL6330">
        <v>0</v>
      </c>
      <c r="AM6330">
        <v>0</v>
      </c>
      <c r="AN6330">
        <v>0</v>
      </c>
      <c r="AO6330">
        <v>0</v>
      </c>
      <c r="AP6330">
        <v>0</v>
      </c>
      <c r="AQ6330">
        <v>0</v>
      </c>
      <c r="AR6330">
        <v>0</v>
      </c>
      <c r="AS6330">
        <v>0</v>
      </c>
      <c r="AT6330">
        <v>0</v>
      </c>
      <c r="AU6330">
        <v>0</v>
      </c>
      <c r="AV6330">
        <v>0</v>
      </c>
      <c r="AW6330">
        <v>0</v>
      </c>
      <c r="AX6330">
        <v>0</v>
      </c>
      <c r="AY6330">
        <v>41</v>
      </c>
      <c r="AZ6330">
        <v>70</v>
      </c>
      <c r="BA6330">
        <v>5810</v>
      </c>
    </row>
    <row r="6331" spans="1:53" x14ac:dyDescent="0.4">
      <c r="A6331">
        <v>6375</v>
      </c>
      <c r="B6331" s="1">
        <v>45252</v>
      </c>
      <c r="C6331">
        <v>3</v>
      </c>
      <c r="D6331" s="1">
        <v>45252.729861111111</v>
      </c>
      <c r="E6331" s="1">
        <v>45252.956250000003</v>
      </c>
      <c r="F6331">
        <v>76480</v>
      </c>
      <c r="G6331">
        <v>0</v>
      </c>
      <c r="H6331">
        <v>0</v>
      </c>
      <c r="I6331">
        <v>0</v>
      </c>
      <c r="J6331">
        <v>0</v>
      </c>
      <c r="K6331">
        <v>0</v>
      </c>
      <c r="L6331">
        <v>0</v>
      </c>
      <c r="M6331">
        <v>6951</v>
      </c>
      <c r="N6331">
        <v>0</v>
      </c>
      <c r="O6331">
        <v>0</v>
      </c>
      <c r="P6331">
        <v>-18460</v>
      </c>
      <c r="Q6331">
        <v>0</v>
      </c>
      <c r="R6331">
        <v>58020</v>
      </c>
      <c r="S6331">
        <v>0</v>
      </c>
      <c r="T6331">
        <v>0</v>
      </c>
      <c r="U6331">
        <v>0</v>
      </c>
      <c r="V6331">
        <v>4</v>
      </c>
      <c r="W6331">
        <v>3</v>
      </c>
      <c r="X6331">
        <v>0</v>
      </c>
      <c r="Y6331">
        <v>56</v>
      </c>
      <c r="Z6331">
        <v>17</v>
      </c>
      <c r="AA6331">
        <v>51</v>
      </c>
      <c r="AB6331">
        <v>17</v>
      </c>
      <c r="AC6331">
        <v>44</v>
      </c>
      <c r="AD6331">
        <v>37</v>
      </c>
      <c r="AE6331">
        <v>93</v>
      </c>
      <c r="AF6331">
        <v>26970</v>
      </c>
      <c r="AG6331">
        <v>153138</v>
      </c>
      <c r="AH6331">
        <v>50000</v>
      </c>
      <c r="AI6331">
        <v>-200</v>
      </c>
      <c r="AJ6331">
        <v>113</v>
      </c>
      <c r="AK6331" t="s">
        <v>80</v>
      </c>
      <c r="AL6331">
        <v>0</v>
      </c>
      <c r="AM6331">
        <v>0</v>
      </c>
      <c r="AN6331">
        <v>0</v>
      </c>
      <c r="AO6331">
        <v>0</v>
      </c>
      <c r="AP6331">
        <v>0</v>
      </c>
      <c r="AQ6331">
        <v>0</v>
      </c>
      <c r="AR6331">
        <v>0</v>
      </c>
      <c r="AS6331">
        <v>0</v>
      </c>
      <c r="AT6331">
        <v>0</v>
      </c>
      <c r="AU6331">
        <v>0</v>
      </c>
      <c r="AV6331">
        <v>0</v>
      </c>
      <c r="AW6331">
        <v>0</v>
      </c>
      <c r="AX6331">
        <v>3628</v>
      </c>
      <c r="AY6331">
        <v>14</v>
      </c>
      <c r="AZ6331">
        <v>38</v>
      </c>
      <c r="BA6331">
        <v>2224</v>
      </c>
    </row>
    <row r="6332" spans="1:53" x14ac:dyDescent="0.4">
      <c r="A6332">
        <v>6376</v>
      </c>
      <c r="B6332" s="1">
        <v>45253</v>
      </c>
      <c r="C6332">
        <v>1</v>
      </c>
      <c r="D6332" s="1">
        <v>45253.291666666664</v>
      </c>
      <c r="E6332" s="1">
        <v>45253.406944444447</v>
      </c>
      <c r="F6332">
        <v>0</v>
      </c>
      <c r="G6332">
        <v>0</v>
      </c>
      <c r="H6332">
        <v>0</v>
      </c>
      <c r="I6332">
        <v>0</v>
      </c>
      <c r="J6332">
        <v>0</v>
      </c>
      <c r="K6332">
        <v>0</v>
      </c>
      <c r="L6332">
        <v>0</v>
      </c>
      <c r="M6332">
        <v>0</v>
      </c>
      <c r="N6332">
        <v>0</v>
      </c>
      <c r="O6332">
        <v>0</v>
      </c>
      <c r="P6332">
        <v>0</v>
      </c>
      <c r="Q6332">
        <v>0</v>
      </c>
      <c r="R6332">
        <v>0</v>
      </c>
      <c r="S6332">
        <v>0</v>
      </c>
      <c r="T6332">
        <v>0</v>
      </c>
      <c r="U6332">
        <v>0</v>
      </c>
      <c r="V6332">
        <v>0</v>
      </c>
      <c r="W6332">
        <v>1</v>
      </c>
      <c r="X6332">
        <v>0</v>
      </c>
      <c r="Y6332">
        <v>31</v>
      </c>
      <c r="Z6332">
        <v>10</v>
      </c>
      <c r="AA6332">
        <v>72</v>
      </c>
      <c r="AB6332">
        <v>22</v>
      </c>
      <c r="AC6332">
        <v>44</v>
      </c>
      <c r="AD6332">
        <v>34</v>
      </c>
      <c r="AE6332">
        <v>90</v>
      </c>
      <c r="AF6332">
        <v>0</v>
      </c>
      <c r="AG6332">
        <v>50000</v>
      </c>
      <c r="AH6332">
        <v>50000</v>
      </c>
      <c r="AI6332">
        <v>0</v>
      </c>
      <c r="AJ6332">
        <v>0</v>
      </c>
      <c r="AK6332" t="s">
        <v>6</v>
      </c>
      <c r="AL6332">
        <v>0</v>
      </c>
      <c r="AM6332">
        <v>0</v>
      </c>
      <c r="AN6332">
        <v>0</v>
      </c>
      <c r="AO6332">
        <v>0</v>
      </c>
      <c r="AP6332">
        <v>0</v>
      </c>
      <c r="AQ6332">
        <v>0</v>
      </c>
      <c r="AR6332">
        <v>0</v>
      </c>
      <c r="AS6332">
        <v>0</v>
      </c>
      <c r="AT6332">
        <v>0</v>
      </c>
      <c r="AU6332">
        <v>0</v>
      </c>
      <c r="AV6332">
        <v>0</v>
      </c>
      <c r="AW6332">
        <v>0</v>
      </c>
      <c r="AX6332">
        <v>0</v>
      </c>
      <c r="AY6332">
        <v>0</v>
      </c>
      <c r="AZ6332">
        <v>0</v>
      </c>
      <c r="BA6332">
        <v>0</v>
      </c>
    </row>
    <row r="6333" spans="1:53" x14ac:dyDescent="0.4">
      <c r="A6333">
        <v>6377</v>
      </c>
      <c r="B6333" s="1">
        <v>45253</v>
      </c>
      <c r="C6333">
        <v>2</v>
      </c>
      <c r="D6333" s="1">
        <v>45253.406944444447</v>
      </c>
      <c r="E6333" s="1">
        <v>45253.744444444441</v>
      </c>
      <c r="F6333">
        <v>63770</v>
      </c>
      <c r="G6333">
        <v>5401</v>
      </c>
      <c r="H6333">
        <v>0</v>
      </c>
      <c r="I6333">
        <v>0</v>
      </c>
      <c r="J6333">
        <v>0</v>
      </c>
      <c r="K6333">
        <v>0</v>
      </c>
      <c r="L6333">
        <v>0</v>
      </c>
      <c r="M6333">
        <v>6287</v>
      </c>
      <c r="N6333">
        <v>0</v>
      </c>
      <c r="O6333">
        <v>0</v>
      </c>
      <c r="P6333">
        <v>17600</v>
      </c>
      <c r="Q6333">
        <v>0</v>
      </c>
      <c r="R6333">
        <v>86771</v>
      </c>
      <c r="S6333">
        <v>0</v>
      </c>
      <c r="T6333">
        <v>0</v>
      </c>
      <c r="U6333">
        <v>0</v>
      </c>
      <c r="V6333">
        <v>1</v>
      </c>
      <c r="W6333">
        <v>4</v>
      </c>
      <c r="X6333">
        <v>0</v>
      </c>
      <c r="Y6333">
        <v>80</v>
      </c>
      <c r="Z6333">
        <v>24</v>
      </c>
      <c r="AA6333">
        <v>67</v>
      </c>
      <c r="AB6333">
        <v>20</v>
      </c>
      <c r="AC6333">
        <v>37</v>
      </c>
      <c r="AD6333">
        <v>42</v>
      </c>
      <c r="AE6333">
        <v>96</v>
      </c>
      <c r="AF6333">
        <v>5790</v>
      </c>
      <c r="AG6333">
        <v>136166</v>
      </c>
      <c r="AH6333">
        <v>50000</v>
      </c>
      <c r="AI6333">
        <v>-605</v>
      </c>
      <c r="AJ6333">
        <v>110</v>
      </c>
      <c r="AK6333" t="s">
        <v>31</v>
      </c>
      <c r="AL6333">
        <v>0</v>
      </c>
      <c r="AM6333">
        <v>0</v>
      </c>
      <c r="AN6333">
        <v>0</v>
      </c>
      <c r="AO6333">
        <v>0</v>
      </c>
      <c r="AP6333">
        <v>0</v>
      </c>
      <c r="AQ6333">
        <v>0</v>
      </c>
      <c r="AR6333">
        <v>0</v>
      </c>
      <c r="AS6333">
        <v>0</v>
      </c>
      <c r="AT6333">
        <v>0</v>
      </c>
      <c r="AU6333">
        <v>0</v>
      </c>
      <c r="AV6333">
        <v>0</v>
      </c>
      <c r="AW6333">
        <v>0</v>
      </c>
      <c r="AX6333">
        <v>-444</v>
      </c>
      <c r="AY6333">
        <v>50</v>
      </c>
      <c r="AZ6333">
        <v>130</v>
      </c>
      <c r="BA6333">
        <v>7617</v>
      </c>
    </row>
    <row r="6334" spans="1:53" x14ac:dyDescent="0.4">
      <c r="A6334">
        <v>6378</v>
      </c>
      <c r="B6334" s="1">
        <v>45254</v>
      </c>
      <c r="C6334">
        <v>1</v>
      </c>
      <c r="D6334" s="1">
        <v>45254.291666666664</v>
      </c>
      <c r="E6334" s="1">
        <v>45254.450694444444</v>
      </c>
      <c r="F6334">
        <v>0</v>
      </c>
      <c r="G6334">
        <v>0</v>
      </c>
      <c r="H6334">
        <v>0</v>
      </c>
      <c r="I6334">
        <v>0</v>
      </c>
      <c r="J6334">
        <v>0</v>
      </c>
      <c r="K6334">
        <v>0</v>
      </c>
      <c r="L6334">
        <v>0</v>
      </c>
      <c r="M6334">
        <v>0</v>
      </c>
      <c r="N6334">
        <v>0</v>
      </c>
      <c r="O6334">
        <v>0</v>
      </c>
      <c r="P6334">
        <v>0</v>
      </c>
      <c r="Q6334">
        <v>0</v>
      </c>
      <c r="R6334">
        <v>0</v>
      </c>
      <c r="S6334">
        <v>0</v>
      </c>
      <c r="T6334">
        <v>0</v>
      </c>
      <c r="U6334">
        <v>0</v>
      </c>
      <c r="V6334">
        <v>0</v>
      </c>
      <c r="W6334">
        <v>1</v>
      </c>
      <c r="X6334">
        <v>0</v>
      </c>
      <c r="Y6334">
        <v>30</v>
      </c>
      <c r="Z6334">
        <v>11</v>
      </c>
      <c r="AA6334">
        <v>73</v>
      </c>
      <c r="AB6334">
        <v>28</v>
      </c>
      <c r="AC6334">
        <v>50</v>
      </c>
      <c r="AD6334">
        <v>39</v>
      </c>
      <c r="AE6334">
        <v>105</v>
      </c>
      <c r="AF6334">
        <v>0</v>
      </c>
      <c r="AG6334">
        <v>50000</v>
      </c>
      <c r="AH6334">
        <v>50000</v>
      </c>
      <c r="AI6334">
        <v>0</v>
      </c>
      <c r="AJ6334">
        <v>0</v>
      </c>
      <c r="AK6334" t="s">
        <v>6</v>
      </c>
      <c r="AL6334">
        <v>0</v>
      </c>
      <c r="AM6334">
        <v>0</v>
      </c>
      <c r="AN6334">
        <v>0</v>
      </c>
      <c r="AO6334">
        <v>0</v>
      </c>
      <c r="AP6334">
        <v>0</v>
      </c>
      <c r="AQ6334">
        <v>0</v>
      </c>
      <c r="AR6334">
        <v>0</v>
      </c>
      <c r="AS6334">
        <v>0</v>
      </c>
      <c r="AT6334">
        <v>0</v>
      </c>
      <c r="AU6334">
        <v>0</v>
      </c>
      <c r="AV6334">
        <v>0</v>
      </c>
      <c r="AW6334">
        <v>0</v>
      </c>
      <c r="AX6334">
        <v>0</v>
      </c>
      <c r="AY6334">
        <v>0</v>
      </c>
      <c r="AZ6334">
        <v>0</v>
      </c>
      <c r="BA6334">
        <v>0</v>
      </c>
    </row>
    <row r="6335" spans="1:53" x14ac:dyDescent="0.4">
      <c r="A6335">
        <v>6379</v>
      </c>
      <c r="B6335" s="1">
        <v>45254</v>
      </c>
      <c r="C6335">
        <v>2</v>
      </c>
      <c r="D6335" s="1">
        <v>45254.450694444444</v>
      </c>
      <c r="E6335" s="1">
        <v>45254.726388888892</v>
      </c>
      <c r="F6335">
        <v>37100</v>
      </c>
      <c r="G6335">
        <v>440</v>
      </c>
      <c r="H6335">
        <v>0</v>
      </c>
      <c r="I6335">
        <v>0</v>
      </c>
      <c r="J6335">
        <v>300</v>
      </c>
      <c r="K6335">
        <v>100</v>
      </c>
      <c r="L6335">
        <v>0</v>
      </c>
      <c r="M6335">
        <v>3393</v>
      </c>
      <c r="N6335">
        <v>0</v>
      </c>
      <c r="O6335">
        <v>0</v>
      </c>
      <c r="P6335">
        <v>26840</v>
      </c>
      <c r="Q6335">
        <v>0</v>
      </c>
      <c r="R6335">
        <v>64180</v>
      </c>
      <c r="S6335">
        <v>0</v>
      </c>
      <c r="T6335">
        <v>0</v>
      </c>
      <c r="U6335">
        <v>0</v>
      </c>
      <c r="V6335">
        <v>1</v>
      </c>
      <c r="W6335">
        <v>0</v>
      </c>
      <c r="X6335">
        <v>0</v>
      </c>
      <c r="Y6335">
        <v>80</v>
      </c>
      <c r="Z6335">
        <v>24</v>
      </c>
      <c r="AA6335">
        <v>72</v>
      </c>
      <c r="AB6335">
        <v>31</v>
      </c>
      <c r="AC6335">
        <v>44</v>
      </c>
      <c r="AD6335">
        <v>39</v>
      </c>
      <c r="AE6335">
        <v>105</v>
      </c>
      <c r="AF6335">
        <v>2690</v>
      </c>
      <c r="AG6335">
        <v>114180</v>
      </c>
      <c r="AH6335">
        <v>50000</v>
      </c>
      <c r="AI6335">
        <v>0</v>
      </c>
      <c r="AJ6335">
        <v>36</v>
      </c>
      <c r="AK6335" t="s">
        <v>68</v>
      </c>
      <c r="AL6335">
        <v>0</v>
      </c>
      <c r="AM6335">
        <v>0</v>
      </c>
      <c r="AN6335">
        <v>0</v>
      </c>
      <c r="AO6335">
        <v>0</v>
      </c>
      <c r="AP6335">
        <v>0</v>
      </c>
      <c r="AQ6335">
        <v>0</v>
      </c>
      <c r="AR6335">
        <v>0</v>
      </c>
      <c r="AS6335">
        <v>0</v>
      </c>
      <c r="AT6335">
        <v>0</v>
      </c>
      <c r="AU6335">
        <v>0</v>
      </c>
      <c r="AV6335">
        <v>0</v>
      </c>
      <c r="AW6335">
        <v>0</v>
      </c>
      <c r="AX6335">
        <v>469</v>
      </c>
      <c r="AY6335">
        <v>45</v>
      </c>
      <c r="AZ6335">
        <v>96</v>
      </c>
      <c r="BA6335">
        <v>7043</v>
      </c>
    </row>
    <row r="6336" spans="1:53" x14ac:dyDescent="0.4">
      <c r="A6336">
        <v>6380</v>
      </c>
      <c r="B6336" s="1">
        <v>45254</v>
      </c>
      <c r="C6336">
        <v>3</v>
      </c>
      <c r="D6336" s="1">
        <v>45254.726388888892</v>
      </c>
      <c r="E6336" s="1">
        <v>45254.982638888891</v>
      </c>
      <c r="F6336">
        <v>136780</v>
      </c>
      <c r="G6336">
        <v>4026</v>
      </c>
      <c r="H6336">
        <v>0</v>
      </c>
      <c r="I6336">
        <v>0</v>
      </c>
      <c r="J6336">
        <v>200</v>
      </c>
      <c r="K6336">
        <v>0</v>
      </c>
      <c r="L6336">
        <v>0</v>
      </c>
      <c r="M6336">
        <v>12782</v>
      </c>
      <c r="N6336">
        <v>0</v>
      </c>
      <c r="O6336">
        <v>0</v>
      </c>
      <c r="P6336">
        <v>40340</v>
      </c>
      <c r="Q6336">
        <v>0</v>
      </c>
      <c r="R6336">
        <v>180946</v>
      </c>
      <c r="S6336">
        <v>0</v>
      </c>
      <c r="T6336">
        <v>0</v>
      </c>
      <c r="U6336">
        <v>0</v>
      </c>
      <c r="V6336">
        <v>6</v>
      </c>
      <c r="W6336">
        <v>3</v>
      </c>
      <c r="X6336">
        <v>0</v>
      </c>
      <c r="Y6336">
        <v>125</v>
      </c>
      <c r="Z6336">
        <v>27</v>
      </c>
      <c r="AA6336">
        <v>77</v>
      </c>
      <c r="AB6336">
        <v>33</v>
      </c>
      <c r="AC6336">
        <v>53</v>
      </c>
      <c r="AD6336">
        <v>41</v>
      </c>
      <c r="AE6336">
        <v>99</v>
      </c>
      <c r="AF6336">
        <v>71442</v>
      </c>
      <c r="AG6336">
        <v>295126</v>
      </c>
      <c r="AH6336">
        <v>50000</v>
      </c>
      <c r="AI6336">
        <v>0</v>
      </c>
      <c r="AJ6336">
        <v>120</v>
      </c>
      <c r="AK6336" t="s">
        <v>2</v>
      </c>
      <c r="AL6336">
        <v>0</v>
      </c>
      <c r="AM6336">
        <v>0</v>
      </c>
      <c r="AN6336">
        <v>0</v>
      </c>
      <c r="AO6336">
        <v>0</v>
      </c>
      <c r="AP6336">
        <v>0</v>
      </c>
      <c r="AQ6336">
        <v>0</v>
      </c>
      <c r="AR6336">
        <v>0</v>
      </c>
      <c r="AS6336">
        <v>0</v>
      </c>
      <c r="AT6336">
        <v>0</v>
      </c>
      <c r="AU6336">
        <v>0</v>
      </c>
      <c r="AV6336">
        <v>0</v>
      </c>
      <c r="AW6336">
        <v>0</v>
      </c>
      <c r="AX6336">
        <v>-1474</v>
      </c>
      <c r="AY6336">
        <v>24</v>
      </c>
      <c r="AZ6336">
        <v>87</v>
      </c>
      <c r="BA6336">
        <v>3763</v>
      </c>
    </row>
    <row r="6337" spans="1:53" x14ac:dyDescent="0.4">
      <c r="A6337">
        <v>6381</v>
      </c>
      <c r="B6337" s="1">
        <v>45255</v>
      </c>
      <c r="C6337">
        <v>1</v>
      </c>
      <c r="D6337" s="1">
        <v>45255.291666666664</v>
      </c>
      <c r="E6337" s="1">
        <v>45255.409722222219</v>
      </c>
      <c r="F6337">
        <v>0</v>
      </c>
      <c r="G6337">
        <v>0</v>
      </c>
      <c r="H6337">
        <v>0</v>
      </c>
      <c r="I6337">
        <v>0</v>
      </c>
      <c r="J6337">
        <v>0</v>
      </c>
      <c r="K6337">
        <v>0</v>
      </c>
      <c r="L6337">
        <v>0</v>
      </c>
      <c r="M6337">
        <v>0</v>
      </c>
      <c r="N6337">
        <v>0</v>
      </c>
      <c r="O6337">
        <v>0</v>
      </c>
      <c r="P6337">
        <v>0</v>
      </c>
      <c r="Q6337">
        <v>0</v>
      </c>
      <c r="R6337">
        <v>0</v>
      </c>
      <c r="S6337">
        <v>0</v>
      </c>
      <c r="T6337">
        <v>0</v>
      </c>
      <c r="U6337">
        <v>0</v>
      </c>
      <c r="V6337">
        <v>0</v>
      </c>
      <c r="W6337">
        <v>1</v>
      </c>
      <c r="X6337">
        <v>0</v>
      </c>
      <c r="Y6337">
        <v>30</v>
      </c>
      <c r="Z6337">
        <v>10</v>
      </c>
      <c r="AA6337">
        <v>79</v>
      </c>
      <c r="AB6337">
        <v>28</v>
      </c>
      <c r="AC6337">
        <v>44</v>
      </c>
      <c r="AD6337">
        <v>31</v>
      </c>
      <c r="AE6337">
        <v>105</v>
      </c>
      <c r="AF6337">
        <v>0</v>
      </c>
      <c r="AG6337">
        <v>50000</v>
      </c>
      <c r="AH6337">
        <v>50000</v>
      </c>
      <c r="AI6337">
        <v>0</v>
      </c>
      <c r="AJ6337">
        <v>0</v>
      </c>
      <c r="AK6337" t="s">
        <v>6</v>
      </c>
      <c r="AL6337">
        <v>0</v>
      </c>
      <c r="AM6337">
        <v>0</v>
      </c>
      <c r="AN6337">
        <v>0</v>
      </c>
      <c r="AO6337">
        <v>0</v>
      </c>
      <c r="AP6337">
        <v>0</v>
      </c>
      <c r="AQ6337">
        <v>0</v>
      </c>
      <c r="AR6337">
        <v>0</v>
      </c>
      <c r="AS6337">
        <v>0</v>
      </c>
      <c r="AT6337">
        <v>0</v>
      </c>
      <c r="AU6337">
        <v>0</v>
      </c>
      <c r="AV6337">
        <v>0</v>
      </c>
      <c r="AW6337">
        <v>0</v>
      </c>
      <c r="AX6337">
        <v>0</v>
      </c>
      <c r="AY6337">
        <v>0</v>
      </c>
      <c r="AZ6337">
        <v>0</v>
      </c>
      <c r="BA6337">
        <v>0</v>
      </c>
    </row>
    <row r="6338" spans="1:53" x14ac:dyDescent="0.4">
      <c r="A6338">
        <v>6382</v>
      </c>
      <c r="B6338" s="1">
        <v>45255</v>
      </c>
      <c r="C6338">
        <v>2</v>
      </c>
      <c r="D6338" s="1">
        <v>45255.409722222219</v>
      </c>
      <c r="E6338" s="1">
        <v>45255.740972222222</v>
      </c>
      <c r="F6338">
        <v>42610</v>
      </c>
      <c r="G6338">
        <v>1210</v>
      </c>
      <c r="H6338">
        <v>0</v>
      </c>
      <c r="I6338">
        <v>0</v>
      </c>
      <c r="J6338">
        <v>0</v>
      </c>
      <c r="K6338">
        <v>0</v>
      </c>
      <c r="L6338">
        <v>0</v>
      </c>
      <c r="M6338">
        <v>3978</v>
      </c>
      <c r="N6338">
        <v>0</v>
      </c>
      <c r="O6338">
        <v>0</v>
      </c>
      <c r="P6338">
        <v>17080</v>
      </c>
      <c r="Q6338">
        <v>0</v>
      </c>
      <c r="R6338">
        <v>60900</v>
      </c>
      <c r="S6338">
        <v>0</v>
      </c>
      <c r="T6338">
        <v>0</v>
      </c>
      <c r="U6338">
        <v>0</v>
      </c>
      <c r="V6338">
        <v>1</v>
      </c>
      <c r="W6338">
        <v>3</v>
      </c>
      <c r="X6338">
        <v>0</v>
      </c>
      <c r="Y6338">
        <v>58</v>
      </c>
      <c r="Z6338">
        <v>11</v>
      </c>
      <c r="AA6338">
        <v>132</v>
      </c>
      <c r="AB6338">
        <v>28</v>
      </c>
      <c r="AC6338">
        <v>65</v>
      </c>
      <c r="AD6338">
        <v>29</v>
      </c>
      <c r="AE6338">
        <v>105</v>
      </c>
      <c r="AF6338">
        <v>6910</v>
      </c>
      <c r="AG6338">
        <v>110908</v>
      </c>
      <c r="AH6338">
        <v>50000</v>
      </c>
      <c r="AI6338">
        <v>8</v>
      </c>
      <c r="AJ6338">
        <v>112</v>
      </c>
      <c r="AK6338" t="s">
        <v>78</v>
      </c>
      <c r="AL6338">
        <v>0</v>
      </c>
      <c r="AM6338">
        <v>0</v>
      </c>
      <c r="AN6338">
        <v>0</v>
      </c>
      <c r="AO6338">
        <v>0</v>
      </c>
      <c r="AP6338">
        <v>0</v>
      </c>
      <c r="AQ6338">
        <v>0</v>
      </c>
      <c r="AR6338">
        <v>0</v>
      </c>
      <c r="AS6338">
        <v>0</v>
      </c>
      <c r="AT6338">
        <v>0</v>
      </c>
      <c r="AU6338">
        <v>0</v>
      </c>
      <c r="AV6338">
        <v>0</v>
      </c>
      <c r="AW6338">
        <v>0</v>
      </c>
      <c r="AX6338">
        <v>-1055</v>
      </c>
      <c r="AY6338">
        <v>51</v>
      </c>
      <c r="AZ6338">
        <v>97</v>
      </c>
      <c r="BA6338">
        <v>7732</v>
      </c>
    </row>
    <row r="6339" spans="1:53" x14ac:dyDescent="0.4">
      <c r="A6339">
        <v>6383</v>
      </c>
      <c r="B6339" s="1">
        <v>45256</v>
      </c>
      <c r="C6339">
        <v>1</v>
      </c>
      <c r="D6339" s="1">
        <v>45256.291666666664</v>
      </c>
      <c r="E6339" s="1">
        <v>45256.409722222219</v>
      </c>
      <c r="F6339">
        <v>0</v>
      </c>
      <c r="G6339">
        <v>0</v>
      </c>
      <c r="H6339">
        <v>0</v>
      </c>
      <c r="I6339">
        <v>0</v>
      </c>
      <c r="J6339">
        <v>0</v>
      </c>
      <c r="K6339">
        <v>0</v>
      </c>
      <c r="L6339">
        <v>0</v>
      </c>
      <c r="M6339">
        <v>0</v>
      </c>
      <c r="N6339">
        <v>0</v>
      </c>
      <c r="O6339">
        <v>0</v>
      </c>
      <c r="P6339">
        <v>0</v>
      </c>
      <c r="Q6339">
        <v>0</v>
      </c>
      <c r="R6339">
        <v>0</v>
      </c>
      <c r="S6339">
        <v>0</v>
      </c>
      <c r="T6339">
        <v>0</v>
      </c>
      <c r="U6339">
        <v>0</v>
      </c>
      <c r="V6339">
        <v>0</v>
      </c>
      <c r="W6339">
        <v>1</v>
      </c>
      <c r="X6339">
        <v>0</v>
      </c>
      <c r="Y6339">
        <v>30</v>
      </c>
      <c r="Z6339">
        <v>10</v>
      </c>
      <c r="AA6339">
        <v>80</v>
      </c>
      <c r="AB6339">
        <v>25</v>
      </c>
      <c r="AC6339">
        <v>50</v>
      </c>
      <c r="AD6339">
        <v>29</v>
      </c>
      <c r="AE6339">
        <v>105</v>
      </c>
      <c r="AF6339">
        <v>0</v>
      </c>
      <c r="AG6339">
        <v>50000</v>
      </c>
      <c r="AH6339">
        <v>50000</v>
      </c>
      <c r="AI6339">
        <v>0</v>
      </c>
      <c r="AJ6339">
        <v>0</v>
      </c>
      <c r="AK6339" t="s">
        <v>6</v>
      </c>
      <c r="AL6339">
        <v>0</v>
      </c>
      <c r="AM6339">
        <v>0</v>
      </c>
      <c r="AN6339">
        <v>0</v>
      </c>
      <c r="AO6339">
        <v>0</v>
      </c>
      <c r="AP6339">
        <v>0</v>
      </c>
      <c r="AQ6339">
        <v>0</v>
      </c>
      <c r="AR6339">
        <v>0</v>
      </c>
      <c r="AS6339">
        <v>0</v>
      </c>
      <c r="AT6339">
        <v>0</v>
      </c>
      <c r="AU6339">
        <v>0</v>
      </c>
      <c r="AV6339">
        <v>0</v>
      </c>
      <c r="AW6339">
        <v>0</v>
      </c>
      <c r="AX6339">
        <v>0</v>
      </c>
      <c r="AY6339">
        <v>0</v>
      </c>
      <c r="AZ6339">
        <v>0</v>
      </c>
      <c r="BA6339">
        <v>0</v>
      </c>
    </row>
    <row r="6340" spans="1:53" x14ac:dyDescent="0.4">
      <c r="A6340">
        <v>6384</v>
      </c>
      <c r="B6340" s="1">
        <v>45256</v>
      </c>
      <c r="C6340">
        <v>2</v>
      </c>
      <c r="D6340" s="1">
        <v>45256.409722222219</v>
      </c>
      <c r="E6340" s="1">
        <v>45256.722916666666</v>
      </c>
      <c r="F6340">
        <v>50730</v>
      </c>
      <c r="G6340">
        <v>6259</v>
      </c>
      <c r="H6340">
        <v>0</v>
      </c>
      <c r="I6340">
        <v>0</v>
      </c>
      <c r="J6340">
        <v>100</v>
      </c>
      <c r="K6340">
        <v>0</v>
      </c>
      <c r="L6340">
        <v>0</v>
      </c>
      <c r="M6340">
        <v>5168</v>
      </c>
      <c r="N6340">
        <v>0</v>
      </c>
      <c r="O6340">
        <v>0</v>
      </c>
      <c r="P6340">
        <v>18930</v>
      </c>
      <c r="Q6340">
        <v>0</v>
      </c>
      <c r="R6340">
        <v>75819</v>
      </c>
      <c r="S6340">
        <v>0</v>
      </c>
      <c r="T6340">
        <v>0</v>
      </c>
      <c r="U6340">
        <v>0</v>
      </c>
      <c r="V6340">
        <v>0</v>
      </c>
      <c r="W6340">
        <v>1</v>
      </c>
      <c r="X6340">
        <v>0</v>
      </c>
      <c r="Y6340">
        <v>80</v>
      </c>
      <c r="Z6340">
        <v>27</v>
      </c>
      <c r="AA6340">
        <v>164</v>
      </c>
      <c r="AB6340">
        <v>37</v>
      </c>
      <c r="AC6340">
        <v>104</v>
      </c>
      <c r="AD6340">
        <v>34</v>
      </c>
      <c r="AE6340">
        <v>109</v>
      </c>
      <c r="AF6340">
        <v>7740</v>
      </c>
      <c r="AG6340">
        <v>125809</v>
      </c>
      <c r="AH6340">
        <v>50000</v>
      </c>
      <c r="AI6340">
        <v>-10</v>
      </c>
      <c r="AJ6340">
        <v>118</v>
      </c>
      <c r="AK6340" t="s">
        <v>59</v>
      </c>
      <c r="AL6340">
        <v>0</v>
      </c>
      <c r="AM6340">
        <v>0</v>
      </c>
      <c r="AN6340">
        <v>0</v>
      </c>
      <c r="AO6340">
        <v>0</v>
      </c>
      <c r="AP6340">
        <v>0</v>
      </c>
      <c r="AQ6340">
        <v>0</v>
      </c>
      <c r="AR6340">
        <v>0</v>
      </c>
      <c r="AS6340">
        <v>0</v>
      </c>
      <c r="AT6340">
        <v>0</v>
      </c>
      <c r="AU6340">
        <v>0</v>
      </c>
      <c r="AV6340">
        <v>0</v>
      </c>
      <c r="AW6340">
        <v>0</v>
      </c>
      <c r="AX6340">
        <v>1736</v>
      </c>
      <c r="AY6340">
        <v>54</v>
      </c>
      <c r="AZ6340">
        <v>112</v>
      </c>
      <c r="BA6340">
        <v>7484</v>
      </c>
    </row>
    <row r="6341" spans="1:53" x14ac:dyDescent="0.4">
      <c r="A6341">
        <v>6385</v>
      </c>
      <c r="B6341" s="1">
        <v>45257</v>
      </c>
      <c r="C6341">
        <v>1</v>
      </c>
      <c r="D6341" s="1">
        <v>45257.291666666664</v>
      </c>
      <c r="E6341" s="1">
        <v>45257.448611111111</v>
      </c>
      <c r="F6341">
        <v>0</v>
      </c>
      <c r="G6341">
        <v>0</v>
      </c>
      <c r="H6341">
        <v>0</v>
      </c>
      <c r="I6341">
        <v>0</v>
      </c>
      <c r="J6341">
        <v>0</v>
      </c>
      <c r="K6341">
        <v>0</v>
      </c>
      <c r="L6341">
        <v>0</v>
      </c>
      <c r="M6341">
        <v>0</v>
      </c>
      <c r="N6341">
        <v>0</v>
      </c>
      <c r="O6341">
        <v>0</v>
      </c>
      <c r="P6341">
        <v>0</v>
      </c>
      <c r="Q6341">
        <v>0</v>
      </c>
      <c r="R6341">
        <v>0</v>
      </c>
      <c r="S6341">
        <v>0</v>
      </c>
      <c r="T6341">
        <v>0</v>
      </c>
      <c r="U6341">
        <v>0</v>
      </c>
      <c r="V6341">
        <v>0</v>
      </c>
      <c r="W6341">
        <v>1</v>
      </c>
      <c r="X6341">
        <v>0</v>
      </c>
      <c r="Y6341">
        <v>29</v>
      </c>
      <c r="Z6341">
        <v>8</v>
      </c>
      <c r="AA6341">
        <v>90</v>
      </c>
      <c r="AB6341">
        <v>33</v>
      </c>
      <c r="AC6341">
        <v>106</v>
      </c>
      <c r="AD6341">
        <v>35</v>
      </c>
      <c r="AE6341">
        <v>115</v>
      </c>
      <c r="AF6341">
        <v>0</v>
      </c>
      <c r="AG6341">
        <v>50000</v>
      </c>
      <c r="AH6341">
        <v>50000</v>
      </c>
      <c r="AI6341">
        <v>0</v>
      </c>
      <c r="AJ6341">
        <v>0</v>
      </c>
      <c r="AK6341" t="s">
        <v>6</v>
      </c>
      <c r="AL6341">
        <v>0</v>
      </c>
      <c r="AM6341">
        <v>0</v>
      </c>
      <c r="AN6341">
        <v>0</v>
      </c>
      <c r="AO6341">
        <v>0</v>
      </c>
      <c r="AP6341">
        <v>0</v>
      </c>
      <c r="AQ6341">
        <v>0</v>
      </c>
      <c r="AR6341">
        <v>0</v>
      </c>
      <c r="AS6341">
        <v>0</v>
      </c>
      <c r="AT6341">
        <v>0</v>
      </c>
      <c r="AU6341">
        <v>0</v>
      </c>
      <c r="AV6341">
        <v>0</v>
      </c>
      <c r="AW6341">
        <v>0</v>
      </c>
      <c r="AX6341">
        <v>0</v>
      </c>
      <c r="AY6341">
        <v>0</v>
      </c>
      <c r="AZ6341">
        <v>0</v>
      </c>
      <c r="BA6341">
        <v>0</v>
      </c>
    </row>
    <row r="6342" spans="1:53" x14ac:dyDescent="0.4">
      <c r="A6342">
        <v>6386</v>
      </c>
      <c r="B6342" s="1">
        <v>45257</v>
      </c>
      <c r="C6342">
        <v>2</v>
      </c>
      <c r="D6342" s="1">
        <v>45257.448611111111</v>
      </c>
      <c r="E6342" s="1">
        <v>45257.741666666669</v>
      </c>
      <c r="F6342">
        <v>20070</v>
      </c>
      <c r="G6342">
        <v>0</v>
      </c>
      <c r="H6342">
        <v>220</v>
      </c>
      <c r="I6342">
        <v>0</v>
      </c>
      <c r="J6342">
        <v>300</v>
      </c>
      <c r="K6342">
        <v>0</v>
      </c>
      <c r="L6342">
        <v>0</v>
      </c>
      <c r="M6342">
        <v>1816</v>
      </c>
      <c r="N6342">
        <v>0</v>
      </c>
      <c r="O6342">
        <v>0</v>
      </c>
      <c r="P6342">
        <v>8960</v>
      </c>
      <c r="Q6342">
        <v>0</v>
      </c>
      <c r="R6342">
        <v>28950</v>
      </c>
      <c r="S6342">
        <v>0</v>
      </c>
      <c r="T6342">
        <v>0</v>
      </c>
      <c r="U6342">
        <v>0</v>
      </c>
      <c r="V6342">
        <v>0</v>
      </c>
      <c r="W6342">
        <v>1</v>
      </c>
      <c r="X6342">
        <v>0</v>
      </c>
      <c r="Y6342">
        <v>57</v>
      </c>
      <c r="Z6342">
        <v>10</v>
      </c>
      <c r="AA6342">
        <v>60</v>
      </c>
      <c r="AB6342">
        <v>36</v>
      </c>
      <c r="AC6342">
        <v>135</v>
      </c>
      <c r="AD6342">
        <v>41</v>
      </c>
      <c r="AE6342">
        <v>115</v>
      </c>
      <c r="AF6342">
        <v>2480</v>
      </c>
      <c r="AG6342">
        <v>78950</v>
      </c>
      <c r="AH6342">
        <v>50000</v>
      </c>
      <c r="AI6342">
        <v>0</v>
      </c>
      <c r="AJ6342">
        <v>36</v>
      </c>
      <c r="AK6342" t="s">
        <v>68</v>
      </c>
      <c r="AL6342">
        <v>0</v>
      </c>
      <c r="AM6342">
        <v>0</v>
      </c>
      <c r="AN6342">
        <v>0</v>
      </c>
      <c r="AO6342">
        <v>0</v>
      </c>
      <c r="AP6342">
        <v>0</v>
      </c>
      <c r="AQ6342">
        <v>0</v>
      </c>
      <c r="AR6342">
        <v>0</v>
      </c>
      <c r="AS6342">
        <v>0</v>
      </c>
      <c r="AT6342">
        <v>0</v>
      </c>
      <c r="AU6342">
        <v>0</v>
      </c>
      <c r="AV6342">
        <v>0</v>
      </c>
      <c r="AW6342">
        <v>0</v>
      </c>
      <c r="AX6342">
        <v>1558</v>
      </c>
      <c r="AY6342">
        <v>33</v>
      </c>
      <c r="AZ6342">
        <v>46</v>
      </c>
      <c r="BA6342">
        <v>5399</v>
      </c>
    </row>
    <row r="6343" spans="1:53" x14ac:dyDescent="0.4">
      <c r="A6343">
        <v>6387</v>
      </c>
      <c r="B6343" s="1">
        <v>45258</v>
      </c>
      <c r="C6343">
        <v>1</v>
      </c>
      <c r="D6343" s="1">
        <v>45258.291666666664</v>
      </c>
      <c r="E6343" s="1">
        <v>45258.45</v>
      </c>
      <c r="F6343">
        <v>0</v>
      </c>
      <c r="G6343">
        <v>0</v>
      </c>
      <c r="H6343">
        <v>0</v>
      </c>
      <c r="I6343">
        <v>0</v>
      </c>
      <c r="J6343">
        <v>0</v>
      </c>
      <c r="K6343">
        <v>0</v>
      </c>
      <c r="L6343">
        <v>0</v>
      </c>
      <c r="M6343">
        <v>0</v>
      </c>
      <c r="N6343">
        <v>0</v>
      </c>
      <c r="O6343">
        <v>0</v>
      </c>
      <c r="P6343">
        <v>0</v>
      </c>
      <c r="Q6343">
        <v>0</v>
      </c>
      <c r="R6343">
        <v>0</v>
      </c>
      <c r="S6343">
        <v>0</v>
      </c>
      <c r="T6343">
        <v>0</v>
      </c>
      <c r="U6343">
        <v>0</v>
      </c>
      <c r="V6343">
        <v>1</v>
      </c>
      <c r="W6343">
        <v>0</v>
      </c>
      <c r="X6343">
        <v>0</v>
      </c>
      <c r="Y6343">
        <v>28</v>
      </c>
      <c r="Z6343">
        <v>7</v>
      </c>
      <c r="AA6343">
        <v>54</v>
      </c>
      <c r="AB6343">
        <v>33</v>
      </c>
      <c r="AC6343">
        <v>114</v>
      </c>
      <c r="AD6343">
        <v>40</v>
      </c>
      <c r="AE6343">
        <v>110</v>
      </c>
      <c r="AF6343">
        <v>0</v>
      </c>
      <c r="AG6343">
        <v>50000</v>
      </c>
      <c r="AH6343">
        <v>50000</v>
      </c>
      <c r="AI6343">
        <v>0</v>
      </c>
      <c r="AJ6343">
        <v>0</v>
      </c>
      <c r="AK6343" t="s">
        <v>6</v>
      </c>
      <c r="AL6343">
        <v>0</v>
      </c>
      <c r="AM6343">
        <v>0</v>
      </c>
      <c r="AN6343">
        <v>0</v>
      </c>
      <c r="AO6343">
        <v>0</v>
      </c>
      <c r="AP6343">
        <v>0</v>
      </c>
      <c r="AQ6343">
        <v>0</v>
      </c>
      <c r="AR6343">
        <v>0</v>
      </c>
      <c r="AS6343">
        <v>0</v>
      </c>
      <c r="AT6343">
        <v>0</v>
      </c>
      <c r="AU6343">
        <v>0</v>
      </c>
      <c r="AV6343">
        <v>0</v>
      </c>
      <c r="AW6343">
        <v>0</v>
      </c>
      <c r="AX6343">
        <v>0</v>
      </c>
      <c r="AY6343">
        <v>0</v>
      </c>
      <c r="AZ6343">
        <v>0</v>
      </c>
      <c r="BA6343">
        <v>0</v>
      </c>
    </row>
    <row r="6344" spans="1:53" x14ac:dyDescent="0.4">
      <c r="A6344">
        <v>6388</v>
      </c>
      <c r="B6344" s="1">
        <v>45258</v>
      </c>
      <c r="C6344">
        <v>2</v>
      </c>
      <c r="D6344" s="1">
        <v>45258.45</v>
      </c>
      <c r="E6344" s="1">
        <v>45258.722916666666</v>
      </c>
      <c r="F6344">
        <v>21110</v>
      </c>
      <c r="G6344">
        <v>0</v>
      </c>
      <c r="H6344">
        <v>0</v>
      </c>
      <c r="I6344">
        <v>0</v>
      </c>
      <c r="J6344">
        <v>300</v>
      </c>
      <c r="K6344">
        <v>1000</v>
      </c>
      <c r="L6344">
        <v>0</v>
      </c>
      <c r="M6344">
        <v>1984</v>
      </c>
      <c r="N6344">
        <v>0</v>
      </c>
      <c r="O6344">
        <v>0</v>
      </c>
      <c r="P6344">
        <v>13470</v>
      </c>
      <c r="Q6344">
        <v>0</v>
      </c>
      <c r="R6344">
        <v>35280</v>
      </c>
      <c r="S6344">
        <v>0</v>
      </c>
      <c r="T6344">
        <v>0</v>
      </c>
      <c r="U6344">
        <v>0</v>
      </c>
      <c r="V6344">
        <v>0</v>
      </c>
      <c r="W6344">
        <v>1</v>
      </c>
      <c r="X6344">
        <v>0</v>
      </c>
      <c r="Y6344">
        <v>43</v>
      </c>
      <c r="Z6344">
        <v>14</v>
      </c>
      <c r="AA6344">
        <v>69</v>
      </c>
      <c r="AB6344">
        <v>34</v>
      </c>
      <c r="AC6344">
        <v>128</v>
      </c>
      <c r="AD6344">
        <v>40</v>
      </c>
      <c r="AE6344">
        <v>110</v>
      </c>
      <c r="AF6344">
        <v>20090</v>
      </c>
      <c r="AG6344">
        <v>85280</v>
      </c>
      <c r="AH6344">
        <v>50000</v>
      </c>
      <c r="AI6344">
        <v>0</v>
      </c>
      <c r="AJ6344">
        <v>38</v>
      </c>
      <c r="AK6344" t="s">
        <v>75</v>
      </c>
      <c r="AL6344">
        <v>0</v>
      </c>
      <c r="AM6344">
        <v>0</v>
      </c>
      <c r="AN6344">
        <v>0</v>
      </c>
      <c r="AO6344">
        <v>0</v>
      </c>
      <c r="AP6344">
        <v>0</v>
      </c>
      <c r="AQ6344">
        <v>0</v>
      </c>
      <c r="AR6344">
        <v>0</v>
      </c>
      <c r="AS6344">
        <v>0</v>
      </c>
      <c r="AT6344">
        <v>0</v>
      </c>
      <c r="AU6344">
        <v>0</v>
      </c>
      <c r="AV6344">
        <v>0</v>
      </c>
      <c r="AW6344">
        <v>0</v>
      </c>
      <c r="AX6344">
        <v>-1644</v>
      </c>
      <c r="AY6344">
        <v>32</v>
      </c>
      <c r="AZ6344">
        <v>57</v>
      </c>
      <c r="BA6344">
        <v>4271</v>
      </c>
    </row>
    <row r="6345" spans="1:53" x14ac:dyDescent="0.4">
      <c r="A6345">
        <v>6389</v>
      </c>
      <c r="B6345" s="1">
        <v>45259</v>
      </c>
      <c r="C6345">
        <v>1</v>
      </c>
      <c r="D6345" s="1">
        <v>45259.291666666664</v>
      </c>
      <c r="E6345" s="1">
        <v>45259.447222222225</v>
      </c>
      <c r="F6345">
        <v>0</v>
      </c>
      <c r="G6345">
        <v>0</v>
      </c>
      <c r="H6345">
        <v>0</v>
      </c>
      <c r="I6345">
        <v>0</v>
      </c>
      <c r="J6345">
        <v>0</v>
      </c>
      <c r="K6345">
        <v>0</v>
      </c>
      <c r="L6345">
        <v>0</v>
      </c>
      <c r="M6345">
        <v>0</v>
      </c>
      <c r="N6345">
        <v>0</v>
      </c>
      <c r="O6345">
        <v>0</v>
      </c>
      <c r="P6345">
        <v>0</v>
      </c>
      <c r="Q6345">
        <v>0</v>
      </c>
      <c r="R6345">
        <v>0</v>
      </c>
      <c r="S6345">
        <v>0</v>
      </c>
      <c r="T6345">
        <v>0</v>
      </c>
      <c r="U6345">
        <v>0</v>
      </c>
      <c r="V6345">
        <v>0</v>
      </c>
      <c r="W6345">
        <v>1</v>
      </c>
      <c r="X6345">
        <v>0</v>
      </c>
      <c r="Y6345">
        <v>30</v>
      </c>
      <c r="Z6345">
        <v>10</v>
      </c>
      <c r="AA6345">
        <v>74</v>
      </c>
      <c r="AB6345">
        <v>32</v>
      </c>
      <c r="AC6345">
        <v>67</v>
      </c>
      <c r="AD6345">
        <v>44</v>
      </c>
      <c r="AE6345">
        <v>110</v>
      </c>
      <c r="AF6345">
        <v>0</v>
      </c>
      <c r="AG6345">
        <v>50000</v>
      </c>
      <c r="AH6345">
        <v>50000</v>
      </c>
      <c r="AI6345">
        <v>0</v>
      </c>
      <c r="AJ6345">
        <v>0</v>
      </c>
      <c r="AK6345" t="s">
        <v>6</v>
      </c>
      <c r="AL6345">
        <v>0</v>
      </c>
      <c r="AM6345">
        <v>0</v>
      </c>
      <c r="AN6345">
        <v>0</v>
      </c>
      <c r="AO6345">
        <v>0</v>
      </c>
      <c r="AP6345">
        <v>0</v>
      </c>
      <c r="AQ6345">
        <v>0</v>
      </c>
      <c r="AR6345">
        <v>0</v>
      </c>
      <c r="AS6345">
        <v>0</v>
      </c>
      <c r="AT6345">
        <v>0</v>
      </c>
      <c r="AU6345">
        <v>0</v>
      </c>
      <c r="AV6345">
        <v>0</v>
      </c>
      <c r="AW6345">
        <v>0</v>
      </c>
      <c r="AX6345">
        <v>0</v>
      </c>
      <c r="AY6345">
        <v>0</v>
      </c>
      <c r="AZ6345">
        <v>0</v>
      </c>
      <c r="BA6345">
        <v>0</v>
      </c>
    </row>
    <row r="6346" spans="1:53" x14ac:dyDescent="0.4">
      <c r="A6346">
        <v>6390</v>
      </c>
      <c r="B6346" s="1">
        <v>45259</v>
      </c>
      <c r="C6346">
        <v>2</v>
      </c>
      <c r="D6346" s="1">
        <v>45259.447222222225</v>
      </c>
      <c r="E6346" s="1">
        <v>45259.738194444442</v>
      </c>
      <c r="F6346">
        <v>22400</v>
      </c>
      <c r="G6346">
        <v>0</v>
      </c>
      <c r="H6346">
        <v>0</v>
      </c>
      <c r="I6346">
        <v>0</v>
      </c>
      <c r="J6346">
        <v>0</v>
      </c>
      <c r="K6346">
        <v>0</v>
      </c>
      <c r="L6346">
        <v>0</v>
      </c>
      <c r="M6346">
        <v>2037</v>
      </c>
      <c r="N6346">
        <v>0</v>
      </c>
      <c r="O6346">
        <v>0</v>
      </c>
      <c r="P6346">
        <v>16720</v>
      </c>
      <c r="Q6346">
        <v>0</v>
      </c>
      <c r="R6346">
        <v>39120</v>
      </c>
      <c r="S6346">
        <v>0</v>
      </c>
      <c r="T6346">
        <v>0</v>
      </c>
      <c r="U6346">
        <v>0</v>
      </c>
      <c r="V6346">
        <v>1</v>
      </c>
      <c r="W6346">
        <v>0</v>
      </c>
      <c r="X6346">
        <v>0</v>
      </c>
      <c r="Y6346">
        <v>57</v>
      </c>
      <c r="Z6346">
        <v>12</v>
      </c>
      <c r="AA6346">
        <v>51</v>
      </c>
      <c r="AB6346">
        <v>27</v>
      </c>
      <c r="AC6346">
        <v>62</v>
      </c>
      <c r="AD6346">
        <v>44</v>
      </c>
      <c r="AE6346">
        <v>110</v>
      </c>
      <c r="AF6346">
        <v>8720</v>
      </c>
      <c r="AG6346">
        <v>89120</v>
      </c>
      <c r="AH6346">
        <v>50000</v>
      </c>
      <c r="AI6346">
        <v>0</v>
      </c>
      <c r="AJ6346">
        <v>36</v>
      </c>
      <c r="AK6346" t="s">
        <v>68</v>
      </c>
      <c r="AL6346">
        <v>0</v>
      </c>
      <c r="AM6346">
        <v>0</v>
      </c>
      <c r="AN6346">
        <v>0</v>
      </c>
      <c r="AO6346">
        <v>0</v>
      </c>
      <c r="AP6346">
        <v>0</v>
      </c>
      <c r="AQ6346">
        <v>0</v>
      </c>
      <c r="AR6346">
        <v>0</v>
      </c>
      <c r="AS6346">
        <v>0</v>
      </c>
      <c r="AT6346">
        <v>0</v>
      </c>
      <c r="AU6346">
        <v>0</v>
      </c>
      <c r="AV6346">
        <v>0</v>
      </c>
      <c r="AW6346">
        <v>0</v>
      </c>
      <c r="AX6346">
        <v>3863</v>
      </c>
      <c r="AY6346">
        <v>37</v>
      </c>
      <c r="AZ6346">
        <v>62</v>
      </c>
      <c r="BA6346">
        <v>5718</v>
      </c>
    </row>
    <row r="6347" spans="1:53" x14ac:dyDescent="0.4">
      <c r="A6347">
        <v>6391</v>
      </c>
      <c r="B6347" s="1">
        <v>45260</v>
      </c>
      <c r="C6347">
        <v>1</v>
      </c>
      <c r="D6347" s="1">
        <v>45260.291666666664</v>
      </c>
      <c r="E6347" s="1">
        <v>45260.449305555558</v>
      </c>
      <c r="F6347">
        <v>0</v>
      </c>
      <c r="G6347">
        <v>0</v>
      </c>
      <c r="H6347">
        <v>0</v>
      </c>
      <c r="I6347">
        <v>0</v>
      </c>
      <c r="J6347">
        <v>0</v>
      </c>
      <c r="K6347">
        <v>0</v>
      </c>
      <c r="L6347">
        <v>0</v>
      </c>
      <c r="M6347">
        <v>0</v>
      </c>
      <c r="N6347">
        <v>0</v>
      </c>
      <c r="O6347">
        <v>0</v>
      </c>
      <c r="P6347">
        <v>0</v>
      </c>
      <c r="Q6347">
        <v>0</v>
      </c>
      <c r="R6347">
        <v>0</v>
      </c>
      <c r="S6347">
        <v>0</v>
      </c>
      <c r="T6347">
        <v>0</v>
      </c>
      <c r="U6347">
        <v>0</v>
      </c>
      <c r="V6347">
        <v>0</v>
      </c>
      <c r="W6347">
        <v>0</v>
      </c>
      <c r="X6347">
        <v>0</v>
      </c>
      <c r="Y6347">
        <v>36</v>
      </c>
      <c r="Z6347">
        <v>10</v>
      </c>
      <c r="AA6347">
        <v>68</v>
      </c>
      <c r="AB6347">
        <v>28</v>
      </c>
      <c r="AC6347">
        <v>55</v>
      </c>
      <c r="AD6347">
        <v>30</v>
      </c>
      <c r="AE6347">
        <v>100</v>
      </c>
      <c r="AF6347">
        <v>0</v>
      </c>
      <c r="AG6347">
        <v>50000</v>
      </c>
      <c r="AH6347">
        <v>50000</v>
      </c>
      <c r="AI6347">
        <v>0</v>
      </c>
      <c r="AJ6347">
        <v>0</v>
      </c>
      <c r="AK6347" t="s">
        <v>6</v>
      </c>
      <c r="AL6347">
        <v>0</v>
      </c>
      <c r="AM6347">
        <v>0</v>
      </c>
      <c r="AN6347">
        <v>0</v>
      </c>
      <c r="AO6347">
        <v>0</v>
      </c>
      <c r="AP6347">
        <v>0</v>
      </c>
      <c r="AQ6347">
        <v>0</v>
      </c>
      <c r="AR6347">
        <v>0</v>
      </c>
      <c r="AS6347">
        <v>0</v>
      </c>
      <c r="AT6347">
        <v>0</v>
      </c>
      <c r="AU6347">
        <v>0</v>
      </c>
      <c r="AV6347">
        <v>0</v>
      </c>
      <c r="AW6347">
        <v>0</v>
      </c>
      <c r="AX6347">
        <v>0</v>
      </c>
      <c r="AY6347">
        <v>0</v>
      </c>
      <c r="AZ6347">
        <v>0</v>
      </c>
      <c r="BA6347">
        <v>0</v>
      </c>
    </row>
    <row r="6348" spans="1:53" x14ac:dyDescent="0.4">
      <c r="A6348">
        <v>6392</v>
      </c>
      <c r="B6348" s="1">
        <v>45260</v>
      </c>
      <c r="C6348">
        <v>2</v>
      </c>
      <c r="D6348" s="1">
        <v>45260.449305555558</v>
      </c>
      <c r="E6348" s="1">
        <v>45260.731944444444</v>
      </c>
      <c r="F6348">
        <v>31830</v>
      </c>
      <c r="G6348">
        <v>858</v>
      </c>
      <c r="H6348">
        <v>0</v>
      </c>
      <c r="I6348">
        <v>0</v>
      </c>
      <c r="J6348">
        <v>400</v>
      </c>
      <c r="K6348">
        <v>0</v>
      </c>
      <c r="L6348">
        <v>0</v>
      </c>
      <c r="M6348">
        <v>2935</v>
      </c>
      <c r="N6348">
        <v>0</v>
      </c>
      <c r="O6348">
        <v>0</v>
      </c>
      <c r="P6348">
        <v>23760</v>
      </c>
      <c r="Q6348">
        <v>0</v>
      </c>
      <c r="R6348">
        <v>56048</v>
      </c>
      <c r="S6348">
        <v>0</v>
      </c>
      <c r="T6348">
        <v>0</v>
      </c>
      <c r="U6348">
        <v>0</v>
      </c>
      <c r="V6348">
        <v>1</v>
      </c>
      <c r="W6348">
        <v>3</v>
      </c>
      <c r="X6348">
        <v>0</v>
      </c>
      <c r="Y6348">
        <v>61</v>
      </c>
      <c r="Z6348">
        <v>16</v>
      </c>
      <c r="AA6348">
        <v>83</v>
      </c>
      <c r="AB6348">
        <v>26</v>
      </c>
      <c r="AC6348">
        <v>58</v>
      </c>
      <c r="AD6348">
        <v>32</v>
      </c>
      <c r="AE6348">
        <v>98</v>
      </c>
      <c r="AF6348">
        <v>1610</v>
      </c>
      <c r="AG6348">
        <v>106048</v>
      </c>
      <c r="AH6348">
        <v>50000</v>
      </c>
      <c r="AI6348">
        <v>0</v>
      </c>
      <c r="AJ6348">
        <v>38</v>
      </c>
      <c r="AK6348" t="s">
        <v>75</v>
      </c>
      <c r="AL6348">
        <v>0</v>
      </c>
      <c r="AM6348">
        <v>0</v>
      </c>
      <c r="AN6348">
        <v>0</v>
      </c>
      <c r="AO6348">
        <v>0</v>
      </c>
      <c r="AP6348">
        <v>0</v>
      </c>
      <c r="AQ6348">
        <v>0</v>
      </c>
      <c r="AR6348">
        <v>0</v>
      </c>
      <c r="AS6348">
        <v>0</v>
      </c>
      <c r="AT6348">
        <v>0</v>
      </c>
      <c r="AU6348">
        <v>0</v>
      </c>
      <c r="AV6348">
        <v>0</v>
      </c>
      <c r="AW6348">
        <v>0</v>
      </c>
      <c r="AX6348">
        <v>0</v>
      </c>
      <c r="AY6348">
        <v>41</v>
      </c>
      <c r="AZ6348">
        <v>86</v>
      </c>
      <c r="BA6348">
        <v>5639</v>
      </c>
    </row>
    <row r="6349" spans="1:53" x14ac:dyDescent="0.4">
      <c r="A6349">
        <v>6393</v>
      </c>
      <c r="B6349" s="1">
        <v>45261</v>
      </c>
      <c r="C6349">
        <v>1</v>
      </c>
      <c r="D6349" s="1">
        <v>45261.291666666664</v>
      </c>
      <c r="E6349" s="1">
        <v>45261.45208333333</v>
      </c>
      <c r="F6349">
        <v>0</v>
      </c>
      <c r="G6349">
        <v>0</v>
      </c>
      <c r="H6349">
        <v>0</v>
      </c>
      <c r="I6349">
        <v>0</v>
      </c>
      <c r="J6349">
        <v>0</v>
      </c>
      <c r="K6349">
        <v>0</v>
      </c>
      <c r="L6349">
        <v>0</v>
      </c>
      <c r="M6349">
        <v>0</v>
      </c>
      <c r="N6349">
        <v>0</v>
      </c>
      <c r="O6349">
        <v>0</v>
      </c>
      <c r="P6349">
        <v>0</v>
      </c>
      <c r="Q6349">
        <v>0</v>
      </c>
      <c r="R6349">
        <v>0</v>
      </c>
      <c r="S6349">
        <v>0</v>
      </c>
      <c r="T6349">
        <v>0</v>
      </c>
      <c r="U6349">
        <v>0</v>
      </c>
      <c r="V6349">
        <v>0</v>
      </c>
      <c r="W6349">
        <v>1</v>
      </c>
      <c r="X6349">
        <v>0</v>
      </c>
      <c r="Y6349">
        <v>30</v>
      </c>
      <c r="Z6349">
        <v>10</v>
      </c>
      <c r="AA6349">
        <v>74</v>
      </c>
      <c r="AB6349">
        <v>31</v>
      </c>
      <c r="AC6349">
        <v>62</v>
      </c>
      <c r="AD6349">
        <v>31</v>
      </c>
      <c r="AE6349">
        <v>95</v>
      </c>
      <c r="AF6349">
        <v>0</v>
      </c>
      <c r="AG6349">
        <v>49820</v>
      </c>
      <c r="AH6349">
        <v>50000</v>
      </c>
      <c r="AI6349">
        <v>-180</v>
      </c>
      <c r="AJ6349">
        <v>0</v>
      </c>
      <c r="AK6349" t="s">
        <v>6</v>
      </c>
      <c r="AL6349">
        <v>0</v>
      </c>
      <c r="AM6349">
        <v>0</v>
      </c>
      <c r="AN6349">
        <v>0</v>
      </c>
      <c r="AO6349">
        <v>0</v>
      </c>
      <c r="AP6349">
        <v>0</v>
      </c>
      <c r="AQ6349">
        <v>0</v>
      </c>
      <c r="AR6349">
        <v>0</v>
      </c>
      <c r="AS6349">
        <v>0</v>
      </c>
      <c r="AT6349">
        <v>0</v>
      </c>
      <c r="AU6349">
        <v>0</v>
      </c>
      <c r="AV6349">
        <v>0</v>
      </c>
      <c r="AW6349">
        <v>0</v>
      </c>
      <c r="AX6349">
        <v>0</v>
      </c>
      <c r="AY6349">
        <v>0</v>
      </c>
      <c r="AZ6349">
        <v>0</v>
      </c>
      <c r="BA6349">
        <v>0</v>
      </c>
    </row>
    <row r="6350" spans="1:53" x14ac:dyDescent="0.4">
      <c r="A6350">
        <v>6394</v>
      </c>
      <c r="B6350" s="1">
        <v>45261</v>
      </c>
      <c r="C6350">
        <v>2</v>
      </c>
      <c r="D6350" s="1">
        <v>45261.45208333333</v>
      </c>
      <c r="E6350" s="1">
        <v>45261.73541666667</v>
      </c>
      <c r="F6350">
        <v>27650</v>
      </c>
      <c r="G6350">
        <v>913</v>
      </c>
      <c r="H6350">
        <v>0</v>
      </c>
      <c r="I6350">
        <v>0</v>
      </c>
      <c r="J6350">
        <v>100</v>
      </c>
      <c r="K6350">
        <v>0</v>
      </c>
      <c r="L6350">
        <v>0</v>
      </c>
      <c r="M6350">
        <v>2588</v>
      </c>
      <c r="N6350">
        <v>0</v>
      </c>
      <c r="O6350">
        <v>0</v>
      </c>
      <c r="P6350">
        <v>24060</v>
      </c>
      <c r="Q6350">
        <v>0</v>
      </c>
      <c r="R6350">
        <v>52523</v>
      </c>
      <c r="S6350">
        <v>0</v>
      </c>
      <c r="T6350">
        <v>0</v>
      </c>
      <c r="U6350">
        <v>0</v>
      </c>
      <c r="V6350">
        <v>1</v>
      </c>
      <c r="W6350">
        <v>4</v>
      </c>
      <c r="X6350">
        <v>0</v>
      </c>
      <c r="Y6350">
        <v>52</v>
      </c>
      <c r="Z6350">
        <v>14</v>
      </c>
      <c r="AA6350">
        <v>71</v>
      </c>
      <c r="AB6350">
        <v>42</v>
      </c>
      <c r="AC6350">
        <v>60</v>
      </c>
      <c r="AD6350">
        <v>33</v>
      </c>
      <c r="AE6350">
        <v>98</v>
      </c>
      <c r="AF6350">
        <v>3380</v>
      </c>
      <c r="AG6350">
        <v>102443</v>
      </c>
      <c r="AH6350">
        <v>50000</v>
      </c>
      <c r="AI6350">
        <v>-80</v>
      </c>
      <c r="AJ6350">
        <v>38</v>
      </c>
      <c r="AK6350" t="s">
        <v>75</v>
      </c>
      <c r="AL6350">
        <v>0</v>
      </c>
      <c r="AM6350">
        <v>0</v>
      </c>
      <c r="AN6350">
        <v>0</v>
      </c>
      <c r="AO6350">
        <v>0</v>
      </c>
      <c r="AP6350">
        <v>0</v>
      </c>
      <c r="AQ6350">
        <v>0</v>
      </c>
      <c r="AR6350">
        <v>0</v>
      </c>
      <c r="AS6350">
        <v>0</v>
      </c>
      <c r="AT6350">
        <v>0</v>
      </c>
      <c r="AU6350">
        <v>0</v>
      </c>
      <c r="AV6350">
        <v>0</v>
      </c>
      <c r="AW6350">
        <v>0</v>
      </c>
      <c r="AX6350">
        <v>0</v>
      </c>
      <c r="AY6350">
        <v>39</v>
      </c>
      <c r="AZ6350">
        <v>81</v>
      </c>
      <c r="BA6350">
        <v>5639</v>
      </c>
    </row>
    <row r="6351" spans="1:53" x14ac:dyDescent="0.4">
      <c r="A6351">
        <v>6395</v>
      </c>
      <c r="B6351" s="1">
        <v>45262</v>
      </c>
      <c r="C6351">
        <v>1</v>
      </c>
      <c r="D6351" s="1">
        <v>45262.291666666664</v>
      </c>
      <c r="E6351" s="1">
        <v>45262.406944444447</v>
      </c>
      <c r="F6351">
        <v>0</v>
      </c>
      <c r="G6351">
        <v>0</v>
      </c>
      <c r="H6351">
        <v>0</v>
      </c>
      <c r="I6351">
        <v>0</v>
      </c>
      <c r="J6351">
        <v>0</v>
      </c>
      <c r="K6351">
        <v>0</v>
      </c>
      <c r="L6351">
        <v>0</v>
      </c>
      <c r="M6351">
        <v>0</v>
      </c>
      <c r="N6351">
        <v>0</v>
      </c>
      <c r="O6351">
        <v>0</v>
      </c>
      <c r="P6351">
        <v>0</v>
      </c>
      <c r="Q6351">
        <v>0</v>
      </c>
      <c r="R6351">
        <v>0</v>
      </c>
      <c r="S6351">
        <v>0</v>
      </c>
      <c r="T6351">
        <v>0</v>
      </c>
      <c r="U6351">
        <v>0</v>
      </c>
      <c r="V6351">
        <v>0</v>
      </c>
      <c r="W6351">
        <v>1</v>
      </c>
      <c r="X6351">
        <v>0</v>
      </c>
      <c r="Y6351">
        <v>30</v>
      </c>
      <c r="Z6351">
        <v>10</v>
      </c>
      <c r="AA6351">
        <v>71</v>
      </c>
      <c r="AB6351">
        <v>44</v>
      </c>
      <c r="AC6351">
        <v>50</v>
      </c>
      <c r="AD6351">
        <v>22</v>
      </c>
      <c r="AE6351">
        <v>90</v>
      </c>
      <c r="AF6351">
        <v>0</v>
      </c>
      <c r="AG6351">
        <v>50000</v>
      </c>
      <c r="AH6351">
        <v>50000</v>
      </c>
      <c r="AI6351">
        <v>0</v>
      </c>
      <c r="AJ6351">
        <v>0</v>
      </c>
      <c r="AK6351" t="s">
        <v>6</v>
      </c>
      <c r="AL6351">
        <v>0</v>
      </c>
      <c r="AM6351">
        <v>0</v>
      </c>
      <c r="AN6351">
        <v>0</v>
      </c>
      <c r="AO6351">
        <v>0</v>
      </c>
      <c r="AP6351">
        <v>0</v>
      </c>
      <c r="AQ6351">
        <v>0</v>
      </c>
      <c r="AR6351">
        <v>0</v>
      </c>
      <c r="AS6351">
        <v>0</v>
      </c>
      <c r="AT6351">
        <v>0</v>
      </c>
      <c r="AU6351">
        <v>0</v>
      </c>
      <c r="AV6351">
        <v>0</v>
      </c>
      <c r="AW6351">
        <v>0</v>
      </c>
      <c r="AX6351">
        <v>0</v>
      </c>
      <c r="AY6351">
        <v>0</v>
      </c>
      <c r="AZ6351">
        <v>0</v>
      </c>
      <c r="BA6351">
        <v>0</v>
      </c>
    </row>
    <row r="6352" spans="1:53" x14ac:dyDescent="0.4">
      <c r="A6352">
        <v>6396</v>
      </c>
      <c r="B6352" s="1">
        <v>45262</v>
      </c>
      <c r="C6352">
        <v>2</v>
      </c>
      <c r="D6352" s="1">
        <v>45262.406944444447</v>
      </c>
      <c r="E6352" s="1">
        <v>45262.730555555558</v>
      </c>
      <c r="F6352">
        <v>37870</v>
      </c>
      <c r="G6352">
        <v>3113</v>
      </c>
      <c r="H6352">
        <v>0</v>
      </c>
      <c r="I6352">
        <v>0</v>
      </c>
      <c r="J6352">
        <v>500</v>
      </c>
      <c r="K6352">
        <v>0</v>
      </c>
      <c r="L6352">
        <v>0</v>
      </c>
      <c r="M6352">
        <v>3679</v>
      </c>
      <c r="N6352">
        <v>0</v>
      </c>
      <c r="O6352">
        <v>0</v>
      </c>
      <c r="P6352">
        <v>24500</v>
      </c>
      <c r="Q6352">
        <v>0</v>
      </c>
      <c r="R6352">
        <v>64983</v>
      </c>
      <c r="S6352">
        <v>0</v>
      </c>
      <c r="T6352">
        <v>0</v>
      </c>
      <c r="U6352">
        <v>0</v>
      </c>
      <c r="V6352">
        <v>2</v>
      </c>
      <c r="W6352">
        <v>0</v>
      </c>
      <c r="X6352">
        <v>0</v>
      </c>
      <c r="Y6352">
        <v>69</v>
      </c>
      <c r="Z6352">
        <v>15</v>
      </c>
      <c r="AA6352">
        <v>83</v>
      </c>
      <c r="AB6352">
        <v>45</v>
      </c>
      <c r="AC6352">
        <v>51</v>
      </c>
      <c r="AD6352">
        <v>24</v>
      </c>
      <c r="AE6352">
        <v>93</v>
      </c>
      <c r="AF6352">
        <v>7210</v>
      </c>
      <c r="AG6352">
        <v>114983</v>
      </c>
      <c r="AH6352">
        <v>50000</v>
      </c>
      <c r="AI6352">
        <v>0</v>
      </c>
      <c r="AJ6352">
        <v>36</v>
      </c>
      <c r="AK6352" t="s">
        <v>68</v>
      </c>
      <c r="AL6352">
        <v>0</v>
      </c>
      <c r="AM6352">
        <v>0</v>
      </c>
      <c r="AN6352">
        <v>0</v>
      </c>
      <c r="AO6352">
        <v>0</v>
      </c>
      <c r="AP6352">
        <v>0</v>
      </c>
      <c r="AQ6352">
        <v>0</v>
      </c>
      <c r="AR6352">
        <v>0</v>
      </c>
      <c r="AS6352">
        <v>0</v>
      </c>
      <c r="AT6352">
        <v>0</v>
      </c>
      <c r="AU6352">
        <v>0</v>
      </c>
      <c r="AV6352">
        <v>0</v>
      </c>
      <c r="AW6352">
        <v>0</v>
      </c>
      <c r="AX6352">
        <v>193</v>
      </c>
      <c r="AY6352">
        <v>48</v>
      </c>
      <c r="AZ6352">
        <v>99</v>
      </c>
      <c r="BA6352">
        <v>6949</v>
      </c>
    </row>
    <row r="6353" spans="1:53" x14ac:dyDescent="0.4">
      <c r="A6353">
        <v>6397</v>
      </c>
      <c r="B6353" s="1">
        <v>45262</v>
      </c>
      <c r="C6353">
        <v>3</v>
      </c>
      <c r="D6353" s="1">
        <v>45262.730555555558</v>
      </c>
      <c r="E6353" s="1">
        <v>45262.998611111114</v>
      </c>
      <c r="F6353">
        <v>184350</v>
      </c>
      <c r="G6353">
        <v>5049</v>
      </c>
      <c r="H6353">
        <v>0</v>
      </c>
      <c r="I6353">
        <v>0</v>
      </c>
      <c r="J6353">
        <v>900</v>
      </c>
      <c r="K6353">
        <v>0</v>
      </c>
      <c r="L6353">
        <v>0</v>
      </c>
      <c r="M6353">
        <v>17137</v>
      </c>
      <c r="N6353">
        <v>0</v>
      </c>
      <c r="O6353">
        <v>0</v>
      </c>
      <c r="P6353">
        <v>-24500</v>
      </c>
      <c r="Q6353">
        <v>0</v>
      </c>
      <c r="R6353">
        <v>163999</v>
      </c>
      <c r="S6353">
        <v>0</v>
      </c>
      <c r="T6353">
        <v>0</v>
      </c>
      <c r="U6353">
        <v>0</v>
      </c>
      <c r="V6353">
        <v>13</v>
      </c>
      <c r="W6353">
        <v>0</v>
      </c>
      <c r="X6353">
        <v>0</v>
      </c>
      <c r="Y6353">
        <v>87</v>
      </c>
      <c r="Z6353">
        <v>15</v>
      </c>
      <c r="AA6353">
        <v>73</v>
      </c>
      <c r="AB6353">
        <v>45</v>
      </c>
      <c r="AC6353">
        <v>41</v>
      </c>
      <c r="AD6353">
        <v>20</v>
      </c>
      <c r="AE6353">
        <v>92</v>
      </c>
      <c r="AF6353">
        <v>44330</v>
      </c>
      <c r="AG6353">
        <v>278982</v>
      </c>
      <c r="AH6353">
        <v>50000</v>
      </c>
      <c r="AI6353">
        <v>0</v>
      </c>
      <c r="AJ6353">
        <v>104</v>
      </c>
      <c r="AK6353" t="s">
        <v>60</v>
      </c>
      <c r="AL6353">
        <v>0</v>
      </c>
      <c r="AM6353">
        <v>0</v>
      </c>
      <c r="AN6353">
        <v>0</v>
      </c>
      <c r="AO6353">
        <v>0</v>
      </c>
      <c r="AP6353">
        <v>0</v>
      </c>
      <c r="AQ6353">
        <v>0</v>
      </c>
      <c r="AR6353">
        <v>0</v>
      </c>
      <c r="AS6353">
        <v>0</v>
      </c>
      <c r="AT6353">
        <v>0</v>
      </c>
      <c r="AU6353">
        <v>0</v>
      </c>
      <c r="AV6353">
        <v>0</v>
      </c>
      <c r="AW6353">
        <v>0</v>
      </c>
      <c r="AX6353">
        <v>82993</v>
      </c>
      <c r="AY6353">
        <v>29</v>
      </c>
      <c r="AZ6353">
        <v>116</v>
      </c>
      <c r="BA6353">
        <v>5166</v>
      </c>
    </row>
    <row r="6354" spans="1:53" x14ac:dyDescent="0.4">
      <c r="A6354">
        <v>6398</v>
      </c>
      <c r="B6354" s="1">
        <v>45263</v>
      </c>
      <c r="C6354">
        <v>1</v>
      </c>
      <c r="D6354" s="1">
        <v>45263.291666666664</v>
      </c>
      <c r="E6354" s="1">
        <v>45263.40347222222</v>
      </c>
      <c r="F6354">
        <v>0</v>
      </c>
      <c r="G6354">
        <v>0</v>
      </c>
      <c r="H6354">
        <v>0</v>
      </c>
      <c r="I6354">
        <v>0</v>
      </c>
      <c r="J6354">
        <v>0</v>
      </c>
      <c r="K6354">
        <v>0</v>
      </c>
      <c r="L6354">
        <v>0</v>
      </c>
      <c r="M6354">
        <v>0</v>
      </c>
      <c r="N6354">
        <v>0</v>
      </c>
      <c r="O6354">
        <v>0</v>
      </c>
      <c r="P6354">
        <v>0</v>
      </c>
      <c r="Q6354">
        <v>0</v>
      </c>
      <c r="R6354">
        <v>0</v>
      </c>
      <c r="S6354">
        <v>0</v>
      </c>
      <c r="T6354">
        <v>0</v>
      </c>
      <c r="U6354">
        <v>0</v>
      </c>
      <c r="V6354">
        <v>0</v>
      </c>
      <c r="W6354">
        <v>1</v>
      </c>
      <c r="X6354">
        <v>0</v>
      </c>
      <c r="Y6354">
        <v>30</v>
      </c>
      <c r="Z6354">
        <v>10</v>
      </c>
      <c r="AA6354">
        <v>71</v>
      </c>
      <c r="AB6354">
        <v>43</v>
      </c>
      <c r="AC6354">
        <v>56</v>
      </c>
      <c r="AD6354">
        <v>20</v>
      </c>
      <c r="AE6354">
        <v>90</v>
      </c>
      <c r="AF6354">
        <v>0</v>
      </c>
      <c r="AG6354">
        <v>50000</v>
      </c>
      <c r="AH6354">
        <v>50000</v>
      </c>
      <c r="AI6354">
        <v>0</v>
      </c>
      <c r="AJ6354">
        <v>0</v>
      </c>
      <c r="AK6354" t="s">
        <v>6</v>
      </c>
      <c r="AL6354">
        <v>0</v>
      </c>
      <c r="AM6354">
        <v>0</v>
      </c>
      <c r="AN6354">
        <v>0</v>
      </c>
      <c r="AO6354">
        <v>0</v>
      </c>
      <c r="AP6354">
        <v>0</v>
      </c>
      <c r="AQ6354">
        <v>0</v>
      </c>
      <c r="AR6354">
        <v>0</v>
      </c>
      <c r="AS6354">
        <v>0</v>
      </c>
      <c r="AT6354">
        <v>0</v>
      </c>
      <c r="AU6354">
        <v>0</v>
      </c>
      <c r="AV6354">
        <v>0</v>
      </c>
      <c r="AW6354">
        <v>0</v>
      </c>
      <c r="AX6354">
        <v>0</v>
      </c>
      <c r="AY6354">
        <v>0</v>
      </c>
      <c r="AZ6354">
        <v>0</v>
      </c>
      <c r="BA6354">
        <v>0</v>
      </c>
    </row>
    <row r="6355" spans="1:53" x14ac:dyDescent="0.4">
      <c r="A6355">
        <v>6399</v>
      </c>
      <c r="B6355" s="1">
        <v>45263</v>
      </c>
      <c r="C6355">
        <v>2</v>
      </c>
      <c r="D6355" s="1">
        <v>45263.40347222222</v>
      </c>
      <c r="E6355" s="1">
        <v>45263.728472222225</v>
      </c>
      <c r="F6355">
        <v>38160</v>
      </c>
      <c r="G6355">
        <v>583</v>
      </c>
      <c r="H6355">
        <v>0</v>
      </c>
      <c r="I6355">
        <v>0</v>
      </c>
      <c r="J6355">
        <v>200</v>
      </c>
      <c r="K6355">
        <v>0</v>
      </c>
      <c r="L6355">
        <v>0</v>
      </c>
      <c r="M6355">
        <v>3500</v>
      </c>
      <c r="N6355">
        <v>0</v>
      </c>
      <c r="O6355">
        <v>0</v>
      </c>
      <c r="P6355">
        <v>24710</v>
      </c>
      <c r="Q6355">
        <v>0</v>
      </c>
      <c r="R6355">
        <v>63253</v>
      </c>
      <c r="S6355">
        <v>0</v>
      </c>
      <c r="T6355">
        <v>0</v>
      </c>
      <c r="U6355">
        <v>0</v>
      </c>
      <c r="V6355">
        <v>1</v>
      </c>
      <c r="W6355">
        <v>1</v>
      </c>
      <c r="X6355">
        <v>0</v>
      </c>
      <c r="Y6355">
        <v>73</v>
      </c>
      <c r="Z6355">
        <v>17</v>
      </c>
      <c r="AA6355">
        <v>90</v>
      </c>
      <c r="AB6355">
        <v>48</v>
      </c>
      <c r="AC6355">
        <v>58</v>
      </c>
      <c r="AD6355">
        <v>21</v>
      </c>
      <c r="AE6355">
        <v>88</v>
      </c>
      <c r="AF6355">
        <v>4580</v>
      </c>
      <c r="AG6355">
        <v>113253</v>
      </c>
      <c r="AH6355">
        <v>50000</v>
      </c>
      <c r="AI6355">
        <v>0</v>
      </c>
      <c r="AJ6355">
        <v>45</v>
      </c>
      <c r="AK6355" t="s">
        <v>77</v>
      </c>
      <c r="AL6355">
        <v>0</v>
      </c>
      <c r="AM6355">
        <v>0</v>
      </c>
      <c r="AN6355">
        <v>0</v>
      </c>
      <c r="AO6355">
        <v>0</v>
      </c>
      <c r="AP6355">
        <v>0</v>
      </c>
      <c r="AQ6355">
        <v>0</v>
      </c>
      <c r="AR6355">
        <v>0</v>
      </c>
      <c r="AS6355">
        <v>0</v>
      </c>
      <c r="AT6355">
        <v>0</v>
      </c>
      <c r="AU6355">
        <v>0</v>
      </c>
      <c r="AV6355">
        <v>0</v>
      </c>
      <c r="AW6355">
        <v>0</v>
      </c>
      <c r="AX6355">
        <v>-155</v>
      </c>
      <c r="AY6355">
        <v>49</v>
      </c>
      <c r="AZ6355">
        <v>98</v>
      </c>
      <c r="BA6355">
        <v>7523</v>
      </c>
    </row>
    <row r="6356" spans="1:53" x14ac:dyDescent="0.4">
      <c r="A6356">
        <v>6400</v>
      </c>
      <c r="B6356" s="1">
        <v>45263</v>
      </c>
      <c r="C6356">
        <v>3</v>
      </c>
      <c r="D6356" s="1">
        <v>45263.728472222225</v>
      </c>
      <c r="E6356" s="1">
        <v>45263.958333333336</v>
      </c>
      <c r="F6356">
        <v>67090</v>
      </c>
      <c r="G6356">
        <v>4807</v>
      </c>
      <c r="H6356">
        <v>0</v>
      </c>
      <c r="I6356">
        <v>0</v>
      </c>
      <c r="J6356">
        <v>300</v>
      </c>
      <c r="K6356">
        <v>0</v>
      </c>
      <c r="L6356">
        <v>0</v>
      </c>
      <c r="M6356">
        <v>6506</v>
      </c>
      <c r="N6356">
        <v>0</v>
      </c>
      <c r="O6356">
        <v>0</v>
      </c>
      <c r="P6356">
        <v>-7770</v>
      </c>
      <c r="Q6356">
        <v>0</v>
      </c>
      <c r="R6356">
        <v>63827</v>
      </c>
      <c r="S6356">
        <v>0</v>
      </c>
      <c r="T6356">
        <v>0</v>
      </c>
      <c r="U6356">
        <v>0</v>
      </c>
      <c r="V6356">
        <v>5</v>
      </c>
      <c r="W6356">
        <v>0</v>
      </c>
      <c r="X6356">
        <v>0</v>
      </c>
      <c r="Y6356">
        <v>74</v>
      </c>
      <c r="Z6356">
        <v>18</v>
      </c>
      <c r="AA6356">
        <v>80</v>
      </c>
      <c r="AB6356">
        <v>46</v>
      </c>
      <c r="AC6356">
        <v>43</v>
      </c>
      <c r="AD6356">
        <v>19</v>
      </c>
      <c r="AE6356">
        <v>84</v>
      </c>
      <c r="AF6356">
        <v>33171</v>
      </c>
      <c r="AG6356">
        <v>177080</v>
      </c>
      <c r="AH6356">
        <v>50000</v>
      </c>
      <c r="AI6356">
        <v>0</v>
      </c>
      <c r="AJ6356">
        <v>110</v>
      </c>
      <c r="AK6356" t="s">
        <v>31</v>
      </c>
      <c r="AL6356">
        <v>0</v>
      </c>
      <c r="AM6356">
        <v>0</v>
      </c>
      <c r="AN6356">
        <v>0</v>
      </c>
      <c r="AO6356">
        <v>0</v>
      </c>
      <c r="AP6356">
        <v>0</v>
      </c>
      <c r="AQ6356">
        <v>0</v>
      </c>
      <c r="AR6356">
        <v>0</v>
      </c>
      <c r="AS6356">
        <v>0</v>
      </c>
      <c r="AT6356">
        <v>0</v>
      </c>
      <c r="AU6356">
        <v>0</v>
      </c>
      <c r="AV6356">
        <v>0</v>
      </c>
      <c r="AW6356">
        <v>0</v>
      </c>
      <c r="AX6356">
        <v>16180</v>
      </c>
      <c r="AY6356">
        <v>15</v>
      </c>
      <c r="AZ6356">
        <v>51</v>
      </c>
      <c r="BA6356">
        <v>2933</v>
      </c>
    </row>
    <row r="6357" spans="1:53" x14ac:dyDescent="0.4">
      <c r="A6357">
        <v>6401</v>
      </c>
      <c r="B6357" s="1">
        <v>45264</v>
      </c>
      <c r="C6357">
        <v>1</v>
      </c>
      <c r="D6357" s="1">
        <v>45264.291666666664</v>
      </c>
      <c r="E6357" s="1">
        <v>45264.450694444444</v>
      </c>
      <c r="F6357">
        <v>0</v>
      </c>
      <c r="G6357">
        <v>0</v>
      </c>
      <c r="H6357">
        <v>0</v>
      </c>
      <c r="I6357">
        <v>0</v>
      </c>
      <c r="J6357">
        <v>0</v>
      </c>
      <c r="K6357">
        <v>0</v>
      </c>
      <c r="L6357">
        <v>0</v>
      </c>
      <c r="M6357">
        <v>0</v>
      </c>
      <c r="N6357">
        <v>0</v>
      </c>
      <c r="O6357">
        <v>0</v>
      </c>
      <c r="P6357">
        <v>0</v>
      </c>
      <c r="Q6357">
        <v>0</v>
      </c>
      <c r="R6357">
        <v>0</v>
      </c>
      <c r="S6357">
        <v>0</v>
      </c>
      <c r="T6357">
        <v>0</v>
      </c>
      <c r="U6357">
        <v>0</v>
      </c>
      <c r="V6357">
        <v>0</v>
      </c>
      <c r="W6357">
        <v>1</v>
      </c>
      <c r="X6357">
        <v>0</v>
      </c>
      <c r="Y6357">
        <v>31</v>
      </c>
      <c r="Z6357">
        <v>8</v>
      </c>
      <c r="AA6357">
        <v>74</v>
      </c>
      <c r="AB6357">
        <v>41</v>
      </c>
      <c r="AC6357">
        <v>38</v>
      </c>
      <c r="AD6357">
        <v>18</v>
      </c>
      <c r="AE6357">
        <v>80</v>
      </c>
      <c r="AF6357">
        <v>0</v>
      </c>
      <c r="AG6357">
        <v>50000</v>
      </c>
      <c r="AH6357">
        <v>50000</v>
      </c>
      <c r="AI6357">
        <v>0</v>
      </c>
      <c r="AJ6357">
        <v>0</v>
      </c>
      <c r="AK6357" t="s">
        <v>6</v>
      </c>
      <c r="AL6357">
        <v>0</v>
      </c>
      <c r="AM6357">
        <v>0</v>
      </c>
      <c r="AN6357">
        <v>0</v>
      </c>
      <c r="AO6357">
        <v>0</v>
      </c>
      <c r="AP6357">
        <v>0</v>
      </c>
      <c r="AQ6357">
        <v>0</v>
      </c>
      <c r="AR6357">
        <v>0</v>
      </c>
      <c r="AS6357">
        <v>0</v>
      </c>
      <c r="AT6357">
        <v>0</v>
      </c>
      <c r="AU6357">
        <v>0</v>
      </c>
      <c r="AV6357">
        <v>0</v>
      </c>
      <c r="AW6357">
        <v>0</v>
      </c>
      <c r="AX6357">
        <v>0</v>
      </c>
      <c r="AY6357">
        <v>0</v>
      </c>
      <c r="AZ6357">
        <v>0</v>
      </c>
      <c r="BA6357">
        <v>0</v>
      </c>
    </row>
    <row r="6358" spans="1:53" x14ac:dyDescent="0.4">
      <c r="A6358">
        <v>6402</v>
      </c>
      <c r="B6358" s="1">
        <v>45264</v>
      </c>
      <c r="C6358">
        <v>2</v>
      </c>
      <c r="D6358" s="1">
        <v>45264.450694444444</v>
      </c>
      <c r="E6358" s="1">
        <v>45264.743750000001</v>
      </c>
      <c r="F6358">
        <v>25770</v>
      </c>
      <c r="G6358">
        <v>605</v>
      </c>
      <c r="H6358">
        <v>0</v>
      </c>
      <c r="I6358">
        <v>0</v>
      </c>
      <c r="J6358">
        <v>100</v>
      </c>
      <c r="K6358">
        <v>0</v>
      </c>
      <c r="L6358">
        <v>0</v>
      </c>
      <c r="M6358">
        <v>2389</v>
      </c>
      <c r="N6358">
        <v>0</v>
      </c>
      <c r="O6358">
        <v>0</v>
      </c>
      <c r="P6358">
        <v>24800</v>
      </c>
      <c r="Q6358">
        <v>0</v>
      </c>
      <c r="R6358">
        <v>51075</v>
      </c>
      <c r="S6358">
        <v>0</v>
      </c>
      <c r="T6358">
        <v>0</v>
      </c>
      <c r="U6358">
        <v>0</v>
      </c>
      <c r="V6358">
        <v>0</v>
      </c>
      <c r="W6358">
        <v>2</v>
      </c>
      <c r="X6358">
        <v>0</v>
      </c>
      <c r="Y6358">
        <v>70</v>
      </c>
      <c r="Z6358">
        <v>16</v>
      </c>
      <c r="AA6358">
        <v>98</v>
      </c>
      <c r="AB6358">
        <v>43</v>
      </c>
      <c r="AC6358">
        <v>36</v>
      </c>
      <c r="AD6358">
        <v>17</v>
      </c>
      <c r="AE6358">
        <v>80</v>
      </c>
      <c r="AF6358">
        <v>600</v>
      </c>
      <c r="AG6358">
        <v>101075</v>
      </c>
      <c r="AH6358">
        <v>50000</v>
      </c>
      <c r="AI6358">
        <v>0</v>
      </c>
      <c r="AJ6358">
        <v>38</v>
      </c>
      <c r="AK6358" t="s">
        <v>75</v>
      </c>
      <c r="AL6358">
        <v>0</v>
      </c>
      <c r="AM6358">
        <v>0</v>
      </c>
      <c r="AN6358">
        <v>0</v>
      </c>
      <c r="AO6358">
        <v>0</v>
      </c>
      <c r="AP6358">
        <v>0</v>
      </c>
      <c r="AQ6358">
        <v>0</v>
      </c>
      <c r="AR6358">
        <v>0</v>
      </c>
      <c r="AS6358">
        <v>0</v>
      </c>
      <c r="AT6358">
        <v>0</v>
      </c>
      <c r="AU6358">
        <v>0</v>
      </c>
      <c r="AV6358">
        <v>0</v>
      </c>
      <c r="AW6358">
        <v>0</v>
      </c>
      <c r="AX6358">
        <v>-4660</v>
      </c>
      <c r="AY6358">
        <v>44</v>
      </c>
      <c r="AZ6358">
        <v>83</v>
      </c>
      <c r="BA6358">
        <v>5218</v>
      </c>
    </row>
    <row r="6359" spans="1:53" x14ac:dyDescent="0.4">
      <c r="A6359">
        <v>6403</v>
      </c>
      <c r="B6359" s="1">
        <v>45265</v>
      </c>
      <c r="C6359">
        <v>1</v>
      </c>
      <c r="D6359" s="1">
        <v>45265.291666666664</v>
      </c>
      <c r="E6359" s="1">
        <v>45265.45</v>
      </c>
      <c r="F6359">
        <v>0</v>
      </c>
      <c r="G6359">
        <v>0</v>
      </c>
      <c r="H6359">
        <v>0</v>
      </c>
      <c r="I6359">
        <v>0</v>
      </c>
      <c r="J6359">
        <v>0</v>
      </c>
      <c r="K6359">
        <v>0</v>
      </c>
      <c r="L6359">
        <v>0</v>
      </c>
      <c r="M6359">
        <v>0</v>
      </c>
      <c r="N6359">
        <v>0</v>
      </c>
      <c r="O6359">
        <v>0</v>
      </c>
      <c r="P6359">
        <v>0</v>
      </c>
      <c r="Q6359">
        <v>0</v>
      </c>
      <c r="R6359">
        <v>0</v>
      </c>
      <c r="S6359">
        <v>0</v>
      </c>
      <c r="T6359">
        <v>0</v>
      </c>
      <c r="U6359">
        <v>0</v>
      </c>
      <c r="V6359">
        <v>0</v>
      </c>
      <c r="W6359">
        <v>1</v>
      </c>
      <c r="X6359">
        <v>0</v>
      </c>
      <c r="Y6359">
        <v>29</v>
      </c>
      <c r="Z6359">
        <v>12</v>
      </c>
      <c r="AA6359">
        <v>77</v>
      </c>
      <c r="AB6359">
        <v>38</v>
      </c>
      <c r="AC6359">
        <v>24</v>
      </c>
      <c r="AD6359">
        <v>17</v>
      </c>
      <c r="AE6359">
        <v>75</v>
      </c>
      <c r="AF6359">
        <v>0</v>
      </c>
      <c r="AG6359">
        <v>50000</v>
      </c>
      <c r="AH6359">
        <v>50000</v>
      </c>
      <c r="AI6359">
        <v>0</v>
      </c>
      <c r="AJ6359">
        <v>0</v>
      </c>
      <c r="AK6359" t="s">
        <v>6</v>
      </c>
      <c r="AL6359">
        <v>0</v>
      </c>
      <c r="AM6359">
        <v>0</v>
      </c>
      <c r="AN6359">
        <v>0</v>
      </c>
      <c r="AO6359">
        <v>0</v>
      </c>
      <c r="AP6359">
        <v>0</v>
      </c>
      <c r="AQ6359">
        <v>0</v>
      </c>
      <c r="AR6359">
        <v>0</v>
      </c>
      <c r="AS6359">
        <v>0</v>
      </c>
      <c r="AT6359">
        <v>0</v>
      </c>
      <c r="AU6359">
        <v>0</v>
      </c>
      <c r="AV6359">
        <v>0</v>
      </c>
      <c r="AW6359">
        <v>0</v>
      </c>
      <c r="AX6359">
        <v>0</v>
      </c>
      <c r="AY6359">
        <v>0</v>
      </c>
      <c r="AZ6359">
        <v>0</v>
      </c>
      <c r="BA6359">
        <v>0</v>
      </c>
    </row>
    <row r="6360" spans="1:53" x14ac:dyDescent="0.4">
      <c r="A6360">
        <v>6404</v>
      </c>
      <c r="B6360" s="1">
        <v>45265</v>
      </c>
      <c r="C6360">
        <v>2</v>
      </c>
      <c r="D6360" s="1">
        <v>45265.45</v>
      </c>
      <c r="E6360" s="1">
        <v>45265.739583333336</v>
      </c>
      <c r="F6360">
        <v>16570</v>
      </c>
      <c r="G6360">
        <v>605</v>
      </c>
      <c r="H6360">
        <v>0</v>
      </c>
      <c r="I6360">
        <v>0</v>
      </c>
      <c r="J6360">
        <v>100</v>
      </c>
      <c r="K6360">
        <v>0</v>
      </c>
      <c r="L6360">
        <v>0</v>
      </c>
      <c r="M6360">
        <v>1551</v>
      </c>
      <c r="N6360">
        <v>0</v>
      </c>
      <c r="O6360">
        <v>0</v>
      </c>
      <c r="P6360">
        <v>7635</v>
      </c>
      <c r="Q6360">
        <v>0</v>
      </c>
      <c r="R6360">
        <v>24710</v>
      </c>
      <c r="S6360">
        <v>0</v>
      </c>
      <c r="T6360">
        <v>0</v>
      </c>
      <c r="U6360">
        <v>0</v>
      </c>
      <c r="V6360">
        <v>0</v>
      </c>
      <c r="W6360">
        <v>0</v>
      </c>
      <c r="X6360">
        <v>0</v>
      </c>
      <c r="Y6360">
        <v>48</v>
      </c>
      <c r="Z6360">
        <v>12</v>
      </c>
      <c r="AA6360">
        <v>44</v>
      </c>
      <c r="AB6360">
        <v>34</v>
      </c>
      <c r="AC6360">
        <v>34</v>
      </c>
      <c r="AD6360">
        <v>20</v>
      </c>
      <c r="AE6360">
        <v>80</v>
      </c>
      <c r="AF6360">
        <v>14090</v>
      </c>
      <c r="AG6360">
        <v>74710</v>
      </c>
      <c r="AH6360">
        <v>50000</v>
      </c>
      <c r="AI6360">
        <v>0</v>
      </c>
      <c r="AJ6360">
        <v>38</v>
      </c>
      <c r="AK6360" t="s">
        <v>75</v>
      </c>
      <c r="AL6360">
        <v>0</v>
      </c>
      <c r="AM6360">
        <v>0</v>
      </c>
      <c r="AN6360">
        <v>0</v>
      </c>
      <c r="AO6360">
        <v>0</v>
      </c>
      <c r="AP6360">
        <v>0</v>
      </c>
      <c r="AQ6360">
        <v>0</v>
      </c>
      <c r="AR6360">
        <v>0</v>
      </c>
      <c r="AS6360">
        <v>0</v>
      </c>
      <c r="AT6360">
        <v>0</v>
      </c>
      <c r="AU6360">
        <v>0</v>
      </c>
      <c r="AV6360">
        <v>0</v>
      </c>
      <c r="AW6360">
        <v>0</v>
      </c>
      <c r="AX6360">
        <v>605</v>
      </c>
      <c r="AY6360">
        <v>28</v>
      </c>
      <c r="AZ6360">
        <v>42</v>
      </c>
      <c r="BA6360">
        <v>3578</v>
      </c>
    </row>
    <row r="6361" spans="1:53" x14ac:dyDescent="0.4">
      <c r="A6361">
        <v>6405</v>
      </c>
      <c r="B6361" s="1">
        <v>45266</v>
      </c>
      <c r="C6361">
        <v>1</v>
      </c>
      <c r="D6361" s="1">
        <v>45266.291666666664</v>
      </c>
      <c r="E6361" s="1">
        <v>45266.444444444445</v>
      </c>
      <c r="F6361">
        <v>0</v>
      </c>
      <c r="G6361">
        <v>0</v>
      </c>
      <c r="H6361">
        <v>0</v>
      </c>
      <c r="I6361">
        <v>0</v>
      </c>
      <c r="J6361">
        <v>0</v>
      </c>
      <c r="K6361">
        <v>0</v>
      </c>
      <c r="L6361">
        <v>0</v>
      </c>
      <c r="M6361">
        <v>0</v>
      </c>
      <c r="N6361">
        <v>0</v>
      </c>
      <c r="O6361">
        <v>0</v>
      </c>
      <c r="P6361">
        <v>0</v>
      </c>
      <c r="Q6361">
        <v>0</v>
      </c>
      <c r="R6361">
        <v>0</v>
      </c>
      <c r="S6361">
        <v>0</v>
      </c>
      <c r="T6361">
        <v>0</v>
      </c>
      <c r="U6361">
        <v>0</v>
      </c>
      <c r="V6361">
        <v>0</v>
      </c>
      <c r="W6361">
        <v>1</v>
      </c>
      <c r="X6361">
        <v>0</v>
      </c>
      <c r="Y6361">
        <v>30</v>
      </c>
      <c r="Z6361">
        <v>10</v>
      </c>
      <c r="AA6361">
        <v>76</v>
      </c>
      <c r="AB6361">
        <v>34</v>
      </c>
      <c r="AC6361">
        <v>55</v>
      </c>
      <c r="AD6361">
        <v>13</v>
      </c>
      <c r="AE6361">
        <v>85</v>
      </c>
      <c r="AF6361">
        <v>0</v>
      </c>
      <c r="AG6361">
        <v>50000</v>
      </c>
      <c r="AH6361">
        <v>50000</v>
      </c>
      <c r="AI6361">
        <v>0</v>
      </c>
      <c r="AJ6361">
        <v>0</v>
      </c>
      <c r="AK6361" t="s">
        <v>6</v>
      </c>
      <c r="AL6361">
        <v>0</v>
      </c>
      <c r="AM6361">
        <v>0</v>
      </c>
      <c r="AN6361">
        <v>0</v>
      </c>
      <c r="AO6361">
        <v>0</v>
      </c>
      <c r="AP6361">
        <v>0</v>
      </c>
      <c r="AQ6361">
        <v>0</v>
      </c>
      <c r="AR6361">
        <v>0</v>
      </c>
      <c r="AS6361">
        <v>0</v>
      </c>
      <c r="AT6361">
        <v>0</v>
      </c>
      <c r="AU6361">
        <v>0</v>
      </c>
      <c r="AV6361">
        <v>0</v>
      </c>
      <c r="AW6361">
        <v>0</v>
      </c>
      <c r="AX6361">
        <v>0</v>
      </c>
      <c r="AY6361">
        <v>0</v>
      </c>
      <c r="AZ6361">
        <v>0</v>
      </c>
      <c r="BA6361">
        <v>0</v>
      </c>
    </row>
    <row r="6362" spans="1:53" x14ac:dyDescent="0.4">
      <c r="A6362">
        <v>6406</v>
      </c>
      <c r="B6362" s="1">
        <v>45266</v>
      </c>
      <c r="C6362">
        <v>2</v>
      </c>
      <c r="D6362" s="1">
        <v>45266.444444444445</v>
      </c>
      <c r="E6362" s="1">
        <v>45266.738888888889</v>
      </c>
      <c r="F6362">
        <v>21590</v>
      </c>
      <c r="G6362">
        <v>1496</v>
      </c>
      <c r="H6362">
        <v>0</v>
      </c>
      <c r="I6362">
        <v>0</v>
      </c>
      <c r="J6362">
        <v>300</v>
      </c>
      <c r="K6362">
        <v>0</v>
      </c>
      <c r="L6362">
        <v>0</v>
      </c>
      <c r="M6362">
        <v>2069</v>
      </c>
      <c r="N6362">
        <v>0</v>
      </c>
      <c r="O6362">
        <v>0</v>
      </c>
      <c r="P6362">
        <v>14900</v>
      </c>
      <c r="Q6362">
        <v>0</v>
      </c>
      <c r="R6362">
        <v>37686</v>
      </c>
      <c r="S6362">
        <v>0</v>
      </c>
      <c r="T6362">
        <v>0</v>
      </c>
      <c r="U6362">
        <v>0</v>
      </c>
      <c r="V6362">
        <v>1</v>
      </c>
      <c r="W6362">
        <v>2</v>
      </c>
      <c r="X6362">
        <v>0</v>
      </c>
      <c r="Y6362">
        <v>44</v>
      </c>
      <c r="Z6362">
        <v>21</v>
      </c>
      <c r="AA6362">
        <v>68</v>
      </c>
      <c r="AB6362">
        <v>32</v>
      </c>
      <c r="AC6362">
        <v>46</v>
      </c>
      <c r="AD6362">
        <v>14</v>
      </c>
      <c r="AE6362">
        <v>83</v>
      </c>
      <c r="AF6362">
        <v>4273</v>
      </c>
      <c r="AG6362">
        <v>87786</v>
      </c>
      <c r="AH6362">
        <v>50000</v>
      </c>
      <c r="AI6362">
        <v>100</v>
      </c>
      <c r="AJ6362">
        <v>36</v>
      </c>
      <c r="AK6362" t="s">
        <v>68</v>
      </c>
      <c r="AL6362">
        <v>0</v>
      </c>
      <c r="AM6362">
        <v>0</v>
      </c>
      <c r="AN6362">
        <v>0</v>
      </c>
      <c r="AO6362">
        <v>0</v>
      </c>
      <c r="AP6362">
        <v>0</v>
      </c>
      <c r="AQ6362">
        <v>0</v>
      </c>
      <c r="AR6362">
        <v>0</v>
      </c>
      <c r="AS6362">
        <v>0</v>
      </c>
      <c r="AT6362">
        <v>0</v>
      </c>
      <c r="AU6362">
        <v>0</v>
      </c>
      <c r="AV6362">
        <v>0</v>
      </c>
      <c r="AW6362">
        <v>0</v>
      </c>
      <c r="AX6362">
        <v>605</v>
      </c>
      <c r="AY6362">
        <v>41</v>
      </c>
      <c r="AZ6362">
        <v>62</v>
      </c>
      <c r="BA6362">
        <v>5701</v>
      </c>
    </row>
    <row r="6363" spans="1:53" x14ac:dyDescent="0.4">
      <c r="A6363">
        <v>6407</v>
      </c>
      <c r="B6363" s="1">
        <v>45266</v>
      </c>
      <c r="C6363">
        <v>3</v>
      </c>
      <c r="D6363" s="1">
        <v>45266.738888888889</v>
      </c>
      <c r="E6363" s="1">
        <v>45266.946527777778</v>
      </c>
      <c r="F6363">
        <v>46040</v>
      </c>
      <c r="G6363">
        <v>4598</v>
      </c>
      <c r="H6363">
        <v>0</v>
      </c>
      <c r="I6363">
        <v>0</v>
      </c>
      <c r="J6363">
        <v>0</v>
      </c>
      <c r="K6363">
        <v>0</v>
      </c>
      <c r="L6363">
        <v>0</v>
      </c>
      <c r="M6363">
        <v>4603</v>
      </c>
      <c r="N6363">
        <v>0</v>
      </c>
      <c r="O6363">
        <v>0</v>
      </c>
      <c r="P6363">
        <v>-14900</v>
      </c>
      <c r="Q6363">
        <v>0</v>
      </c>
      <c r="R6363">
        <v>35738</v>
      </c>
      <c r="S6363">
        <v>0</v>
      </c>
      <c r="T6363">
        <v>0</v>
      </c>
      <c r="U6363">
        <v>0</v>
      </c>
      <c r="V6363">
        <v>4</v>
      </c>
      <c r="W6363">
        <v>1</v>
      </c>
      <c r="X6363">
        <v>0</v>
      </c>
      <c r="Y6363">
        <v>43</v>
      </c>
      <c r="Z6363">
        <v>22</v>
      </c>
      <c r="AA6363">
        <v>74</v>
      </c>
      <c r="AB6363">
        <v>35</v>
      </c>
      <c r="AC6363">
        <v>56</v>
      </c>
      <c r="AD6363">
        <v>14</v>
      </c>
      <c r="AE6363">
        <v>79</v>
      </c>
      <c r="AF6363">
        <v>14565</v>
      </c>
      <c r="AG6363">
        <v>123424</v>
      </c>
      <c r="AH6363">
        <v>50000</v>
      </c>
      <c r="AI6363">
        <v>0</v>
      </c>
      <c r="AJ6363">
        <v>104</v>
      </c>
      <c r="AK6363" t="s">
        <v>60</v>
      </c>
      <c r="AL6363">
        <v>0</v>
      </c>
      <c r="AM6363">
        <v>0</v>
      </c>
      <c r="AN6363">
        <v>0</v>
      </c>
      <c r="AO6363">
        <v>0</v>
      </c>
      <c r="AP6363">
        <v>0</v>
      </c>
      <c r="AQ6363">
        <v>0</v>
      </c>
      <c r="AR6363">
        <v>0</v>
      </c>
      <c r="AS6363">
        <v>0</v>
      </c>
      <c r="AT6363">
        <v>0</v>
      </c>
      <c r="AU6363">
        <v>0</v>
      </c>
      <c r="AV6363">
        <v>0</v>
      </c>
      <c r="AW6363">
        <v>0</v>
      </c>
      <c r="AX6363">
        <v>30338</v>
      </c>
      <c r="AY6363">
        <v>18</v>
      </c>
      <c r="AZ6363">
        <v>44</v>
      </c>
      <c r="BA6363">
        <v>2676</v>
      </c>
    </row>
    <row r="6364" spans="1:53" x14ac:dyDescent="0.4">
      <c r="A6364">
        <v>6408</v>
      </c>
      <c r="B6364" s="1">
        <v>45267</v>
      </c>
      <c r="C6364">
        <v>1</v>
      </c>
      <c r="D6364" s="1">
        <v>45267.291666666664</v>
      </c>
      <c r="E6364" s="1">
        <v>45267.447222222225</v>
      </c>
      <c r="F6364">
        <v>0</v>
      </c>
      <c r="G6364">
        <v>0</v>
      </c>
      <c r="H6364">
        <v>0</v>
      </c>
      <c r="I6364">
        <v>0</v>
      </c>
      <c r="J6364">
        <v>0</v>
      </c>
      <c r="K6364">
        <v>0</v>
      </c>
      <c r="L6364">
        <v>0</v>
      </c>
      <c r="M6364">
        <v>0</v>
      </c>
      <c r="N6364">
        <v>0</v>
      </c>
      <c r="O6364">
        <v>0</v>
      </c>
      <c r="P6364">
        <v>0</v>
      </c>
      <c r="Q6364">
        <v>0</v>
      </c>
      <c r="R6364">
        <v>0</v>
      </c>
      <c r="S6364">
        <v>0</v>
      </c>
      <c r="T6364">
        <v>0</v>
      </c>
      <c r="U6364">
        <v>0</v>
      </c>
      <c r="V6364">
        <v>0</v>
      </c>
      <c r="W6364">
        <v>1</v>
      </c>
      <c r="X6364">
        <v>0</v>
      </c>
      <c r="Y6364">
        <v>30</v>
      </c>
      <c r="Z6364">
        <v>10</v>
      </c>
      <c r="AA6364">
        <v>76</v>
      </c>
      <c r="AB6364">
        <v>34</v>
      </c>
      <c r="AC6364">
        <v>55</v>
      </c>
      <c r="AD6364">
        <v>13</v>
      </c>
      <c r="AE6364">
        <v>85</v>
      </c>
      <c r="AF6364">
        <v>0</v>
      </c>
      <c r="AG6364">
        <v>50000</v>
      </c>
      <c r="AH6364">
        <v>50000</v>
      </c>
      <c r="AI6364">
        <v>0</v>
      </c>
      <c r="AJ6364">
        <v>0</v>
      </c>
      <c r="AK6364" t="s">
        <v>6</v>
      </c>
      <c r="AL6364">
        <v>0</v>
      </c>
      <c r="AM6364">
        <v>0</v>
      </c>
      <c r="AN6364">
        <v>0</v>
      </c>
      <c r="AO6364">
        <v>0</v>
      </c>
      <c r="AP6364">
        <v>0</v>
      </c>
      <c r="AQ6364">
        <v>0</v>
      </c>
      <c r="AR6364">
        <v>0</v>
      </c>
      <c r="AS6364">
        <v>0</v>
      </c>
      <c r="AT6364">
        <v>0</v>
      </c>
      <c r="AU6364">
        <v>0</v>
      </c>
      <c r="AV6364">
        <v>0</v>
      </c>
      <c r="AW6364">
        <v>0</v>
      </c>
      <c r="AX6364">
        <v>0</v>
      </c>
      <c r="AY6364">
        <v>0</v>
      </c>
      <c r="AZ6364">
        <v>0</v>
      </c>
      <c r="BA6364">
        <v>0</v>
      </c>
    </row>
    <row r="6365" spans="1:53" x14ac:dyDescent="0.4">
      <c r="A6365">
        <v>6409</v>
      </c>
      <c r="B6365" s="1">
        <v>45267</v>
      </c>
      <c r="C6365">
        <v>2</v>
      </c>
      <c r="D6365" s="1">
        <v>45267.447222222225</v>
      </c>
      <c r="E6365" s="1">
        <v>45267.718055555553</v>
      </c>
      <c r="F6365">
        <v>22360</v>
      </c>
      <c r="G6365">
        <v>0</v>
      </c>
      <c r="H6365">
        <v>0</v>
      </c>
      <c r="I6365">
        <v>0</v>
      </c>
      <c r="J6365">
        <v>100</v>
      </c>
      <c r="K6365">
        <v>0</v>
      </c>
      <c r="L6365">
        <v>0</v>
      </c>
      <c r="M6365">
        <v>2023</v>
      </c>
      <c r="N6365">
        <v>0</v>
      </c>
      <c r="O6365">
        <v>0</v>
      </c>
      <c r="P6365">
        <v>16370</v>
      </c>
      <c r="Q6365">
        <v>0</v>
      </c>
      <c r="R6365">
        <v>38630</v>
      </c>
      <c r="S6365">
        <v>0</v>
      </c>
      <c r="T6365">
        <v>0</v>
      </c>
      <c r="U6365">
        <v>0</v>
      </c>
      <c r="V6365">
        <v>1</v>
      </c>
      <c r="W6365">
        <v>3</v>
      </c>
      <c r="X6365">
        <v>0</v>
      </c>
      <c r="Y6365">
        <v>41</v>
      </c>
      <c r="Z6365">
        <v>15</v>
      </c>
      <c r="AA6365">
        <v>97</v>
      </c>
      <c r="AB6365">
        <v>32</v>
      </c>
      <c r="AC6365">
        <v>60</v>
      </c>
      <c r="AD6365">
        <v>13</v>
      </c>
      <c r="AE6365">
        <v>85</v>
      </c>
      <c r="AF6365">
        <v>3080</v>
      </c>
      <c r="AG6365">
        <v>88630</v>
      </c>
      <c r="AH6365">
        <v>50000</v>
      </c>
      <c r="AI6365">
        <v>0</v>
      </c>
      <c r="AJ6365">
        <v>38</v>
      </c>
      <c r="AK6365" t="s">
        <v>75</v>
      </c>
      <c r="AL6365">
        <v>0</v>
      </c>
      <c r="AM6365">
        <v>0</v>
      </c>
      <c r="AN6365">
        <v>0</v>
      </c>
      <c r="AO6365">
        <v>0</v>
      </c>
      <c r="AP6365">
        <v>0</v>
      </c>
      <c r="AQ6365">
        <v>0</v>
      </c>
      <c r="AR6365">
        <v>0</v>
      </c>
      <c r="AS6365">
        <v>0</v>
      </c>
      <c r="AT6365">
        <v>0</v>
      </c>
      <c r="AU6365">
        <v>0</v>
      </c>
      <c r="AV6365">
        <v>0</v>
      </c>
      <c r="AW6365">
        <v>0</v>
      </c>
      <c r="AX6365">
        <v>295</v>
      </c>
      <c r="AY6365">
        <v>40</v>
      </c>
      <c r="AZ6365">
        <v>67</v>
      </c>
      <c r="BA6365">
        <v>4785</v>
      </c>
    </row>
    <row r="6366" spans="1:53" x14ac:dyDescent="0.4">
      <c r="A6366">
        <v>6410</v>
      </c>
      <c r="B6366" s="1">
        <v>45267</v>
      </c>
      <c r="C6366">
        <v>3</v>
      </c>
      <c r="D6366" s="1">
        <v>45267.718055555553</v>
      </c>
      <c r="E6366" s="1">
        <v>45267.943749999999</v>
      </c>
      <c r="F6366">
        <v>36060</v>
      </c>
      <c r="G6366">
        <v>605</v>
      </c>
      <c r="H6366">
        <v>0</v>
      </c>
      <c r="I6366">
        <v>0</v>
      </c>
      <c r="J6366">
        <v>200</v>
      </c>
      <c r="K6366">
        <v>0</v>
      </c>
      <c r="L6366">
        <v>0</v>
      </c>
      <c r="M6366">
        <v>3314</v>
      </c>
      <c r="N6366">
        <v>0</v>
      </c>
      <c r="O6366">
        <v>0</v>
      </c>
      <c r="P6366">
        <v>-16370</v>
      </c>
      <c r="Q6366">
        <v>0</v>
      </c>
      <c r="R6366">
        <v>20095</v>
      </c>
      <c r="S6366">
        <v>0</v>
      </c>
      <c r="T6366">
        <v>0</v>
      </c>
      <c r="U6366">
        <v>0</v>
      </c>
      <c r="V6366">
        <v>1</v>
      </c>
      <c r="W6366">
        <v>3</v>
      </c>
      <c r="X6366">
        <v>0</v>
      </c>
      <c r="Y6366">
        <v>59</v>
      </c>
      <c r="Z6366">
        <v>15</v>
      </c>
      <c r="AA6366">
        <v>90</v>
      </c>
      <c r="AB6366">
        <v>31</v>
      </c>
      <c r="AC6366">
        <v>56</v>
      </c>
      <c r="AD6366">
        <v>14</v>
      </c>
      <c r="AE6366">
        <v>85</v>
      </c>
      <c r="AF6366">
        <v>5960</v>
      </c>
      <c r="AG6366">
        <v>108725</v>
      </c>
      <c r="AH6366">
        <v>50000</v>
      </c>
      <c r="AI6366">
        <v>0</v>
      </c>
      <c r="AJ6366">
        <v>104</v>
      </c>
      <c r="AK6366" t="s">
        <v>60</v>
      </c>
      <c r="AL6366">
        <v>0</v>
      </c>
      <c r="AM6366">
        <v>0</v>
      </c>
      <c r="AN6366">
        <v>0</v>
      </c>
      <c r="AO6366">
        <v>0</v>
      </c>
      <c r="AP6366">
        <v>0</v>
      </c>
      <c r="AQ6366">
        <v>0</v>
      </c>
      <c r="AR6366">
        <v>0</v>
      </c>
      <c r="AS6366">
        <v>0</v>
      </c>
      <c r="AT6366">
        <v>0</v>
      </c>
      <c r="AU6366">
        <v>0</v>
      </c>
      <c r="AV6366">
        <v>0</v>
      </c>
      <c r="AW6366">
        <v>0</v>
      </c>
      <c r="AX6366">
        <v>29420</v>
      </c>
      <c r="AY6366">
        <v>12</v>
      </c>
      <c r="AZ6366">
        <v>39</v>
      </c>
      <c r="BA6366">
        <v>2315</v>
      </c>
    </row>
    <row r="6367" spans="1:53" x14ac:dyDescent="0.4">
      <c r="A6367">
        <v>6411</v>
      </c>
      <c r="B6367" s="1">
        <v>45268</v>
      </c>
      <c r="C6367">
        <v>1</v>
      </c>
      <c r="D6367" s="1">
        <v>45268.291666666664</v>
      </c>
      <c r="E6367" s="1">
        <v>45268.441666666666</v>
      </c>
      <c r="F6367">
        <v>0</v>
      </c>
      <c r="G6367">
        <v>0</v>
      </c>
      <c r="H6367">
        <v>0</v>
      </c>
      <c r="I6367">
        <v>0</v>
      </c>
      <c r="J6367">
        <v>0</v>
      </c>
      <c r="K6367">
        <v>0</v>
      </c>
      <c r="L6367">
        <v>0</v>
      </c>
      <c r="M6367">
        <v>0</v>
      </c>
      <c r="N6367">
        <v>0</v>
      </c>
      <c r="O6367">
        <v>0</v>
      </c>
      <c r="P6367">
        <v>0</v>
      </c>
      <c r="Q6367">
        <v>0</v>
      </c>
      <c r="R6367">
        <v>0</v>
      </c>
      <c r="S6367">
        <v>0</v>
      </c>
      <c r="T6367">
        <v>0</v>
      </c>
      <c r="U6367">
        <v>0</v>
      </c>
      <c r="V6367">
        <v>0</v>
      </c>
      <c r="W6367">
        <v>1</v>
      </c>
      <c r="X6367">
        <v>0</v>
      </c>
      <c r="Y6367">
        <v>30</v>
      </c>
      <c r="Z6367">
        <v>10</v>
      </c>
      <c r="AA6367">
        <v>77</v>
      </c>
      <c r="AB6367">
        <v>32</v>
      </c>
      <c r="AC6367">
        <v>55</v>
      </c>
      <c r="AD6367">
        <v>13</v>
      </c>
      <c r="AE6367">
        <v>85</v>
      </c>
      <c r="AF6367">
        <v>0</v>
      </c>
      <c r="AG6367">
        <v>50000</v>
      </c>
      <c r="AH6367">
        <v>50000</v>
      </c>
      <c r="AI6367">
        <v>0</v>
      </c>
      <c r="AJ6367">
        <v>0</v>
      </c>
      <c r="AK6367" t="s">
        <v>6</v>
      </c>
      <c r="AL6367">
        <v>0</v>
      </c>
      <c r="AM6367">
        <v>0</v>
      </c>
      <c r="AN6367">
        <v>0</v>
      </c>
      <c r="AO6367">
        <v>0</v>
      </c>
      <c r="AP6367">
        <v>0</v>
      </c>
      <c r="AQ6367">
        <v>0</v>
      </c>
      <c r="AR6367">
        <v>0</v>
      </c>
      <c r="AS6367">
        <v>0</v>
      </c>
      <c r="AT6367">
        <v>0</v>
      </c>
      <c r="AU6367">
        <v>0</v>
      </c>
      <c r="AV6367">
        <v>0</v>
      </c>
      <c r="AW6367">
        <v>0</v>
      </c>
      <c r="AX6367">
        <v>0</v>
      </c>
      <c r="AY6367">
        <v>0</v>
      </c>
      <c r="AZ6367">
        <v>0</v>
      </c>
      <c r="BA6367">
        <v>0</v>
      </c>
    </row>
    <row r="6368" spans="1:53" x14ac:dyDescent="0.4">
      <c r="A6368">
        <v>6412</v>
      </c>
      <c r="B6368" s="1">
        <v>45268</v>
      </c>
      <c r="C6368">
        <v>2</v>
      </c>
      <c r="D6368" s="1">
        <v>45268.441666666666</v>
      </c>
      <c r="E6368" s="1">
        <v>45268.772222222222</v>
      </c>
      <c r="F6368">
        <v>17810</v>
      </c>
      <c r="G6368">
        <v>1008</v>
      </c>
      <c r="H6368">
        <v>220</v>
      </c>
      <c r="I6368">
        <v>0</v>
      </c>
      <c r="J6368">
        <v>100</v>
      </c>
      <c r="K6368">
        <v>0</v>
      </c>
      <c r="L6368">
        <v>0</v>
      </c>
      <c r="M6368">
        <v>1718</v>
      </c>
      <c r="N6368">
        <v>0</v>
      </c>
      <c r="O6368">
        <v>0</v>
      </c>
      <c r="P6368">
        <v>11090</v>
      </c>
      <c r="Q6368">
        <v>0</v>
      </c>
      <c r="R6368">
        <v>30028</v>
      </c>
      <c r="S6368">
        <v>0</v>
      </c>
      <c r="T6368">
        <v>0</v>
      </c>
      <c r="U6368">
        <v>0</v>
      </c>
      <c r="V6368">
        <v>1</v>
      </c>
      <c r="W6368">
        <v>2</v>
      </c>
      <c r="X6368">
        <v>0</v>
      </c>
      <c r="Y6368">
        <v>43</v>
      </c>
      <c r="Z6368">
        <v>10</v>
      </c>
      <c r="AA6368">
        <v>65</v>
      </c>
      <c r="AB6368">
        <v>36</v>
      </c>
      <c r="AC6368">
        <v>79</v>
      </c>
      <c r="AD6368">
        <v>13</v>
      </c>
      <c r="AE6368">
        <v>83</v>
      </c>
      <c r="AF6368">
        <v>2790</v>
      </c>
      <c r="AG6368">
        <v>80028</v>
      </c>
      <c r="AH6368">
        <v>50000</v>
      </c>
      <c r="AI6368">
        <v>0</v>
      </c>
      <c r="AJ6368">
        <v>104</v>
      </c>
      <c r="AK6368" t="s">
        <v>60</v>
      </c>
      <c r="AL6368">
        <v>0</v>
      </c>
      <c r="AM6368">
        <v>0</v>
      </c>
      <c r="AN6368">
        <v>0</v>
      </c>
      <c r="AO6368">
        <v>0</v>
      </c>
      <c r="AP6368">
        <v>0</v>
      </c>
      <c r="AQ6368">
        <v>0</v>
      </c>
      <c r="AR6368">
        <v>0</v>
      </c>
      <c r="AS6368">
        <v>0</v>
      </c>
      <c r="AT6368">
        <v>0</v>
      </c>
      <c r="AU6368">
        <v>0</v>
      </c>
      <c r="AV6368">
        <v>0</v>
      </c>
      <c r="AW6368">
        <v>0</v>
      </c>
      <c r="AX6368">
        <v>880</v>
      </c>
      <c r="AY6368">
        <v>38</v>
      </c>
      <c r="AZ6368">
        <v>51</v>
      </c>
      <c r="BA6368">
        <v>4613</v>
      </c>
    </row>
    <row r="6369" spans="1:53" x14ac:dyDescent="0.4">
      <c r="A6369">
        <v>6413</v>
      </c>
      <c r="B6369" s="1">
        <v>45268</v>
      </c>
      <c r="C6369">
        <v>3</v>
      </c>
      <c r="D6369" s="1">
        <v>45268.772222222222</v>
      </c>
      <c r="E6369" s="1">
        <v>45268.948611111111</v>
      </c>
      <c r="F6369">
        <v>109430</v>
      </c>
      <c r="G6369">
        <v>7238</v>
      </c>
      <c r="H6369">
        <v>0</v>
      </c>
      <c r="I6369">
        <v>0</v>
      </c>
      <c r="J6369">
        <v>100</v>
      </c>
      <c r="K6369">
        <v>0</v>
      </c>
      <c r="L6369">
        <v>0</v>
      </c>
      <c r="M6369">
        <v>10596</v>
      </c>
      <c r="N6369">
        <v>0</v>
      </c>
      <c r="O6369">
        <v>0</v>
      </c>
      <c r="P6369">
        <v>-11090</v>
      </c>
      <c r="Q6369">
        <v>0</v>
      </c>
      <c r="R6369">
        <v>105478</v>
      </c>
      <c r="S6369">
        <v>0</v>
      </c>
      <c r="T6369">
        <v>0</v>
      </c>
      <c r="U6369">
        <v>0</v>
      </c>
      <c r="V6369">
        <v>6</v>
      </c>
      <c r="W6369">
        <v>6</v>
      </c>
      <c r="X6369">
        <v>0</v>
      </c>
      <c r="Y6369">
        <v>64</v>
      </c>
      <c r="Z6369">
        <v>5</v>
      </c>
      <c r="AA6369">
        <v>56</v>
      </c>
      <c r="AB6369">
        <v>38</v>
      </c>
      <c r="AC6369">
        <v>76</v>
      </c>
      <c r="AD6369">
        <v>14</v>
      </c>
      <c r="AE6369">
        <v>86</v>
      </c>
      <c r="AF6369">
        <v>20590</v>
      </c>
      <c r="AG6369">
        <v>185506</v>
      </c>
      <c r="AH6369">
        <v>50000</v>
      </c>
      <c r="AI6369">
        <v>0</v>
      </c>
      <c r="AJ6369">
        <v>104</v>
      </c>
      <c r="AK6369" t="s">
        <v>60</v>
      </c>
      <c r="AL6369">
        <v>0</v>
      </c>
      <c r="AM6369">
        <v>0</v>
      </c>
      <c r="AN6369">
        <v>0</v>
      </c>
      <c r="AO6369">
        <v>0</v>
      </c>
      <c r="AP6369">
        <v>0</v>
      </c>
      <c r="AQ6369">
        <v>0</v>
      </c>
      <c r="AR6369">
        <v>0</v>
      </c>
      <c r="AS6369">
        <v>0</v>
      </c>
      <c r="AT6369">
        <v>0</v>
      </c>
      <c r="AU6369">
        <v>0</v>
      </c>
      <c r="AV6369">
        <v>0</v>
      </c>
      <c r="AW6369">
        <v>0</v>
      </c>
      <c r="AX6369">
        <v>111541</v>
      </c>
      <c r="AY6369">
        <v>25</v>
      </c>
      <c r="AZ6369">
        <v>110</v>
      </c>
      <c r="BA6369">
        <v>3050</v>
      </c>
    </row>
    <row r="6370" spans="1:53" x14ac:dyDescent="0.4">
      <c r="A6370">
        <v>6414</v>
      </c>
      <c r="B6370" s="1">
        <v>45269</v>
      </c>
      <c r="C6370">
        <v>1</v>
      </c>
      <c r="D6370" s="1">
        <v>45269.291666666664</v>
      </c>
      <c r="E6370" s="1">
        <v>45269.409722222219</v>
      </c>
      <c r="F6370">
        <v>0</v>
      </c>
      <c r="G6370">
        <v>0</v>
      </c>
      <c r="H6370">
        <v>0</v>
      </c>
      <c r="I6370">
        <v>0</v>
      </c>
      <c r="J6370">
        <v>0</v>
      </c>
      <c r="K6370">
        <v>0</v>
      </c>
      <c r="L6370">
        <v>0</v>
      </c>
      <c r="M6370">
        <v>0</v>
      </c>
      <c r="N6370">
        <v>0</v>
      </c>
      <c r="O6370">
        <v>0</v>
      </c>
      <c r="P6370">
        <v>0</v>
      </c>
      <c r="Q6370">
        <v>0</v>
      </c>
      <c r="R6370">
        <v>0</v>
      </c>
      <c r="S6370">
        <v>0</v>
      </c>
      <c r="T6370">
        <v>0</v>
      </c>
      <c r="U6370">
        <v>0</v>
      </c>
      <c r="V6370">
        <v>0</v>
      </c>
      <c r="W6370">
        <v>1</v>
      </c>
      <c r="X6370">
        <v>0</v>
      </c>
      <c r="Y6370">
        <v>34</v>
      </c>
      <c r="Z6370">
        <v>3</v>
      </c>
      <c r="AA6370">
        <v>73</v>
      </c>
      <c r="AB6370">
        <v>30</v>
      </c>
      <c r="AC6370">
        <v>54</v>
      </c>
      <c r="AD6370">
        <v>14</v>
      </c>
      <c r="AE6370">
        <v>90</v>
      </c>
      <c r="AF6370">
        <v>0</v>
      </c>
      <c r="AG6370">
        <v>50000</v>
      </c>
      <c r="AH6370">
        <v>50000</v>
      </c>
      <c r="AI6370">
        <v>0</v>
      </c>
      <c r="AJ6370">
        <v>0</v>
      </c>
      <c r="AK6370" t="s">
        <v>6</v>
      </c>
      <c r="AL6370">
        <v>0</v>
      </c>
      <c r="AM6370">
        <v>0</v>
      </c>
      <c r="AN6370">
        <v>0</v>
      </c>
      <c r="AO6370">
        <v>0</v>
      </c>
      <c r="AP6370">
        <v>0</v>
      </c>
      <c r="AQ6370">
        <v>0</v>
      </c>
      <c r="AR6370">
        <v>0</v>
      </c>
      <c r="AS6370">
        <v>0</v>
      </c>
      <c r="AT6370">
        <v>0</v>
      </c>
      <c r="AU6370">
        <v>0</v>
      </c>
      <c r="AV6370">
        <v>0</v>
      </c>
      <c r="AW6370">
        <v>0</v>
      </c>
      <c r="AX6370">
        <v>0</v>
      </c>
      <c r="AY6370">
        <v>0</v>
      </c>
      <c r="AZ6370">
        <v>0</v>
      </c>
      <c r="BA6370">
        <v>0</v>
      </c>
    </row>
    <row r="6371" spans="1:53" x14ac:dyDescent="0.4">
      <c r="A6371">
        <v>6415</v>
      </c>
      <c r="B6371" s="1">
        <v>45269</v>
      </c>
      <c r="C6371">
        <v>2</v>
      </c>
      <c r="D6371" s="1">
        <v>45269.409722222219</v>
      </c>
      <c r="E6371" s="1">
        <v>45269.741666666669</v>
      </c>
      <c r="F6371">
        <v>33410</v>
      </c>
      <c r="G6371">
        <v>913</v>
      </c>
      <c r="H6371">
        <v>0</v>
      </c>
      <c r="I6371">
        <v>0</v>
      </c>
      <c r="J6371">
        <v>200</v>
      </c>
      <c r="K6371">
        <v>0</v>
      </c>
      <c r="L6371">
        <v>0</v>
      </c>
      <c r="M6371">
        <v>3101</v>
      </c>
      <c r="N6371">
        <v>0</v>
      </c>
      <c r="O6371">
        <v>0</v>
      </c>
      <c r="P6371">
        <v>27190</v>
      </c>
      <c r="Q6371">
        <v>0</v>
      </c>
      <c r="R6371">
        <v>61313</v>
      </c>
      <c r="S6371">
        <v>0</v>
      </c>
      <c r="T6371">
        <v>0</v>
      </c>
      <c r="U6371">
        <v>0</v>
      </c>
      <c r="V6371">
        <v>2</v>
      </c>
      <c r="W6371">
        <v>3</v>
      </c>
      <c r="X6371">
        <v>0</v>
      </c>
      <c r="Y6371">
        <v>56</v>
      </c>
      <c r="Z6371">
        <v>9</v>
      </c>
      <c r="AA6371">
        <v>81</v>
      </c>
      <c r="AB6371">
        <v>32</v>
      </c>
      <c r="AC6371">
        <v>40</v>
      </c>
      <c r="AD6371">
        <v>14</v>
      </c>
      <c r="AE6371">
        <v>93</v>
      </c>
      <c r="AF6371">
        <v>5550</v>
      </c>
      <c r="AG6371">
        <v>111313</v>
      </c>
      <c r="AH6371">
        <v>50000</v>
      </c>
      <c r="AI6371">
        <v>0</v>
      </c>
      <c r="AJ6371">
        <v>112</v>
      </c>
      <c r="AK6371" t="s">
        <v>78</v>
      </c>
      <c r="AL6371">
        <v>0</v>
      </c>
      <c r="AM6371">
        <v>0</v>
      </c>
      <c r="AN6371">
        <v>0</v>
      </c>
      <c r="AO6371">
        <v>0</v>
      </c>
      <c r="AP6371">
        <v>0</v>
      </c>
      <c r="AQ6371">
        <v>0</v>
      </c>
      <c r="AR6371">
        <v>0</v>
      </c>
      <c r="AS6371">
        <v>0</v>
      </c>
      <c r="AT6371">
        <v>0</v>
      </c>
      <c r="AU6371">
        <v>0</v>
      </c>
      <c r="AV6371">
        <v>0</v>
      </c>
      <c r="AW6371">
        <v>0</v>
      </c>
      <c r="AX6371">
        <v>-2120</v>
      </c>
      <c r="AY6371">
        <v>49</v>
      </c>
      <c r="AZ6371">
        <v>103</v>
      </c>
      <c r="BA6371">
        <v>6880</v>
      </c>
    </row>
    <row r="6372" spans="1:53" x14ac:dyDescent="0.4">
      <c r="A6372">
        <v>6416</v>
      </c>
      <c r="B6372" s="1">
        <v>45270</v>
      </c>
      <c r="C6372">
        <v>1</v>
      </c>
      <c r="D6372" s="1">
        <v>45270.291666666664</v>
      </c>
      <c r="E6372" s="1">
        <v>45270.409722222219</v>
      </c>
      <c r="F6372">
        <v>0</v>
      </c>
      <c r="G6372">
        <v>0</v>
      </c>
      <c r="H6372">
        <v>0</v>
      </c>
      <c r="I6372">
        <v>0</v>
      </c>
      <c r="J6372">
        <v>0</v>
      </c>
      <c r="K6372">
        <v>0</v>
      </c>
      <c r="L6372">
        <v>0</v>
      </c>
      <c r="M6372">
        <v>0</v>
      </c>
      <c r="N6372">
        <v>0</v>
      </c>
      <c r="O6372">
        <v>0</v>
      </c>
      <c r="P6372">
        <v>0</v>
      </c>
      <c r="Q6372">
        <v>0</v>
      </c>
      <c r="R6372">
        <v>0</v>
      </c>
      <c r="S6372">
        <v>0</v>
      </c>
      <c r="T6372">
        <v>0</v>
      </c>
      <c r="U6372">
        <v>0</v>
      </c>
      <c r="V6372">
        <v>0</v>
      </c>
      <c r="W6372">
        <v>1</v>
      </c>
      <c r="X6372">
        <v>0</v>
      </c>
      <c r="Y6372">
        <v>35</v>
      </c>
      <c r="Z6372">
        <v>2</v>
      </c>
      <c r="AA6372">
        <v>70</v>
      </c>
      <c r="AB6372">
        <v>28</v>
      </c>
      <c r="AC6372">
        <v>29</v>
      </c>
      <c r="AD6372">
        <v>43</v>
      </c>
      <c r="AE6372">
        <v>95</v>
      </c>
      <c r="AF6372">
        <v>0</v>
      </c>
      <c r="AG6372">
        <v>50000</v>
      </c>
      <c r="AH6372">
        <v>50000</v>
      </c>
      <c r="AI6372">
        <v>0</v>
      </c>
      <c r="AJ6372">
        <v>0</v>
      </c>
      <c r="AK6372" t="s">
        <v>6</v>
      </c>
      <c r="AL6372">
        <v>0</v>
      </c>
      <c r="AM6372">
        <v>0</v>
      </c>
      <c r="AN6372">
        <v>0</v>
      </c>
      <c r="AO6372">
        <v>0</v>
      </c>
      <c r="AP6372">
        <v>0</v>
      </c>
      <c r="AQ6372">
        <v>0</v>
      </c>
      <c r="AR6372">
        <v>0</v>
      </c>
      <c r="AS6372">
        <v>0</v>
      </c>
      <c r="AT6372">
        <v>0</v>
      </c>
      <c r="AU6372">
        <v>0</v>
      </c>
      <c r="AV6372">
        <v>0</v>
      </c>
      <c r="AW6372">
        <v>0</v>
      </c>
      <c r="AX6372">
        <v>0</v>
      </c>
      <c r="AY6372">
        <v>0</v>
      </c>
      <c r="AZ6372">
        <v>0</v>
      </c>
      <c r="BA6372">
        <v>0</v>
      </c>
    </row>
    <row r="6373" spans="1:53" x14ac:dyDescent="0.4">
      <c r="A6373">
        <v>6417</v>
      </c>
      <c r="B6373" s="1">
        <v>45270</v>
      </c>
      <c r="C6373">
        <v>2</v>
      </c>
      <c r="D6373" s="1">
        <v>45270.409722222219</v>
      </c>
      <c r="E6373" s="1">
        <v>45270.740277777775</v>
      </c>
      <c r="F6373">
        <v>48370</v>
      </c>
      <c r="G6373">
        <v>2970</v>
      </c>
      <c r="H6373">
        <v>0</v>
      </c>
      <c r="I6373">
        <v>0</v>
      </c>
      <c r="J6373">
        <v>100</v>
      </c>
      <c r="K6373">
        <v>1200</v>
      </c>
      <c r="L6373">
        <v>0</v>
      </c>
      <c r="M6373">
        <v>4766</v>
      </c>
      <c r="N6373">
        <v>0</v>
      </c>
      <c r="O6373">
        <v>0</v>
      </c>
      <c r="P6373">
        <v>23950</v>
      </c>
      <c r="Q6373">
        <v>0</v>
      </c>
      <c r="R6373">
        <v>76390</v>
      </c>
      <c r="S6373">
        <v>0</v>
      </c>
      <c r="T6373">
        <v>0</v>
      </c>
      <c r="U6373">
        <v>0</v>
      </c>
      <c r="V6373">
        <v>1</v>
      </c>
      <c r="W6373">
        <v>2</v>
      </c>
      <c r="X6373">
        <v>0</v>
      </c>
      <c r="Y6373">
        <v>80</v>
      </c>
      <c r="Z6373">
        <v>17</v>
      </c>
      <c r="AA6373">
        <v>61</v>
      </c>
      <c r="AB6373">
        <v>27</v>
      </c>
      <c r="AC6373">
        <v>38</v>
      </c>
      <c r="AD6373">
        <v>45</v>
      </c>
      <c r="AE6373">
        <v>95</v>
      </c>
      <c r="AF6373">
        <v>9640</v>
      </c>
      <c r="AG6373">
        <v>126290</v>
      </c>
      <c r="AH6373">
        <v>50000</v>
      </c>
      <c r="AI6373">
        <v>-100</v>
      </c>
      <c r="AJ6373">
        <v>38</v>
      </c>
      <c r="AK6373" t="s">
        <v>75</v>
      </c>
      <c r="AL6373">
        <v>0</v>
      </c>
      <c r="AM6373">
        <v>0</v>
      </c>
      <c r="AN6373">
        <v>0</v>
      </c>
      <c r="AO6373">
        <v>0</v>
      </c>
      <c r="AP6373">
        <v>0</v>
      </c>
      <c r="AQ6373">
        <v>0</v>
      </c>
      <c r="AR6373">
        <v>0</v>
      </c>
      <c r="AS6373">
        <v>0</v>
      </c>
      <c r="AT6373">
        <v>0</v>
      </c>
      <c r="AU6373">
        <v>0</v>
      </c>
      <c r="AV6373">
        <v>0</v>
      </c>
      <c r="AW6373">
        <v>0</v>
      </c>
      <c r="AX6373">
        <v>726</v>
      </c>
      <c r="AY6373">
        <v>54</v>
      </c>
      <c r="AZ6373">
        <v>113</v>
      </c>
      <c r="BA6373">
        <v>8170</v>
      </c>
    </row>
    <row r="6374" spans="1:53" x14ac:dyDescent="0.4">
      <c r="A6374">
        <v>6418</v>
      </c>
      <c r="B6374" s="1">
        <v>45271</v>
      </c>
      <c r="C6374">
        <v>1</v>
      </c>
      <c r="D6374" s="1">
        <v>45271.291666666664</v>
      </c>
      <c r="E6374" s="1">
        <v>45271.443749999999</v>
      </c>
      <c r="F6374">
        <v>0</v>
      </c>
      <c r="G6374">
        <v>0</v>
      </c>
      <c r="H6374">
        <v>0</v>
      </c>
      <c r="I6374">
        <v>0</v>
      </c>
      <c r="J6374">
        <v>0</v>
      </c>
      <c r="K6374">
        <v>0</v>
      </c>
      <c r="L6374">
        <v>0</v>
      </c>
      <c r="M6374">
        <v>0</v>
      </c>
      <c r="N6374">
        <v>0</v>
      </c>
      <c r="O6374">
        <v>0</v>
      </c>
      <c r="P6374">
        <v>0</v>
      </c>
      <c r="Q6374">
        <v>0</v>
      </c>
      <c r="R6374">
        <v>0</v>
      </c>
      <c r="S6374">
        <v>0</v>
      </c>
      <c r="T6374">
        <v>0</v>
      </c>
      <c r="U6374">
        <v>0</v>
      </c>
      <c r="V6374">
        <v>0</v>
      </c>
      <c r="W6374">
        <v>0</v>
      </c>
      <c r="X6374">
        <v>0</v>
      </c>
      <c r="Y6374">
        <v>30</v>
      </c>
      <c r="Z6374">
        <v>16</v>
      </c>
      <c r="AA6374">
        <v>89</v>
      </c>
      <c r="AB6374">
        <v>32</v>
      </c>
      <c r="AC6374">
        <v>118</v>
      </c>
      <c r="AD6374">
        <v>44</v>
      </c>
      <c r="AE6374">
        <v>100</v>
      </c>
      <c r="AF6374">
        <v>0</v>
      </c>
      <c r="AG6374">
        <v>50000</v>
      </c>
      <c r="AH6374">
        <v>50000</v>
      </c>
      <c r="AI6374">
        <v>0</v>
      </c>
      <c r="AJ6374">
        <v>0</v>
      </c>
      <c r="AK6374" t="s">
        <v>6</v>
      </c>
      <c r="AL6374">
        <v>0</v>
      </c>
      <c r="AM6374">
        <v>0</v>
      </c>
      <c r="AN6374">
        <v>0</v>
      </c>
      <c r="AO6374">
        <v>0</v>
      </c>
      <c r="AP6374">
        <v>0</v>
      </c>
      <c r="AQ6374">
        <v>0</v>
      </c>
      <c r="AR6374">
        <v>0</v>
      </c>
      <c r="AS6374">
        <v>0</v>
      </c>
      <c r="AT6374">
        <v>0</v>
      </c>
      <c r="AU6374">
        <v>0</v>
      </c>
      <c r="AV6374">
        <v>0</v>
      </c>
      <c r="AW6374">
        <v>0</v>
      </c>
      <c r="AX6374">
        <v>0</v>
      </c>
      <c r="AY6374">
        <v>0</v>
      </c>
      <c r="AZ6374">
        <v>0</v>
      </c>
      <c r="BA6374">
        <v>0</v>
      </c>
    </row>
    <row r="6375" spans="1:53" x14ac:dyDescent="0.4">
      <c r="A6375">
        <v>6419</v>
      </c>
      <c r="B6375" s="1">
        <v>45271</v>
      </c>
      <c r="C6375">
        <v>2</v>
      </c>
      <c r="D6375" s="1">
        <v>45271.443749999999</v>
      </c>
      <c r="E6375" s="1">
        <v>45271.731944444444</v>
      </c>
      <c r="F6375">
        <v>10080</v>
      </c>
      <c r="G6375">
        <v>440</v>
      </c>
      <c r="H6375">
        <v>0</v>
      </c>
      <c r="I6375">
        <v>0</v>
      </c>
      <c r="J6375">
        <v>0</v>
      </c>
      <c r="K6375">
        <v>100</v>
      </c>
      <c r="L6375">
        <v>0</v>
      </c>
      <c r="M6375">
        <v>967</v>
      </c>
      <c r="N6375">
        <v>0</v>
      </c>
      <c r="O6375">
        <v>0</v>
      </c>
      <c r="P6375">
        <v>14360</v>
      </c>
      <c r="Q6375">
        <v>0</v>
      </c>
      <c r="R6375">
        <v>24980</v>
      </c>
      <c r="S6375">
        <v>0</v>
      </c>
      <c r="T6375">
        <v>0</v>
      </c>
      <c r="U6375">
        <v>0</v>
      </c>
      <c r="V6375">
        <v>1</v>
      </c>
      <c r="W6375">
        <v>0</v>
      </c>
      <c r="X6375">
        <v>0</v>
      </c>
      <c r="Y6375">
        <v>42</v>
      </c>
      <c r="Z6375">
        <v>17</v>
      </c>
      <c r="AA6375">
        <v>94</v>
      </c>
      <c r="AB6375">
        <v>32</v>
      </c>
      <c r="AC6375">
        <v>141</v>
      </c>
      <c r="AD6375">
        <v>48</v>
      </c>
      <c r="AE6375">
        <v>100</v>
      </c>
      <c r="AF6375">
        <v>1730</v>
      </c>
      <c r="AG6375">
        <v>74980</v>
      </c>
      <c r="AH6375">
        <v>50000</v>
      </c>
      <c r="AI6375">
        <v>0</v>
      </c>
      <c r="AJ6375">
        <v>36</v>
      </c>
      <c r="AK6375" t="s">
        <v>68</v>
      </c>
      <c r="AL6375">
        <v>0</v>
      </c>
      <c r="AM6375">
        <v>0</v>
      </c>
      <c r="AN6375">
        <v>0</v>
      </c>
      <c r="AO6375">
        <v>0</v>
      </c>
      <c r="AP6375">
        <v>0</v>
      </c>
      <c r="AQ6375">
        <v>0</v>
      </c>
      <c r="AR6375">
        <v>0</v>
      </c>
      <c r="AS6375">
        <v>0</v>
      </c>
      <c r="AT6375">
        <v>0</v>
      </c>
      <c r="AU6375">
        <v>0</v>
      </c>
      <c r="AV6375">
        <v>0</v>
      </c>
      <c r="AW6375">
        <v>0</v>
      </c>
      <c r="AX6375">
        <v>-160</v>
      </c>
      <c r="AY6375">
        <v>28</v>
      </c>
      <c r="AZ6375">
        <v>41</v>
      </c>
      <c r="BA6375">
        <v>3573</v>
      </c>
    </row>
    <row r="6376" spans="1:53" x14ac:dyDescent="0.4">
      <c r="A6376">
        <v>6420</v>
      </c>
      <c r="B6376" s="1">
        <v>45272</v>
      </c>
      <c r="C6376">
        <v>1</v>
      </c>
      <c r="D6376" s="1">
        <v>45272.291666666664</v>
      </c>
      <c r="E6376" s="1">
        <v>45272.45</v>
      </c>
      <c r="F6376">
        <v>0</v>
      </c>
      <c r="G6376">
        <v>0</v>
      </c>
      <c r="H6376">
        <v>0</v>
      </c>
      <c r="I6376">
        <v>0</v>
      </c>
      <c r="J6376">
        <v>0</v>
      </c>
      <c r="K6376">
        <v>0</v>
      </c>
      <c r="L6376">
        <v>0</v>
      </c>
      <c r="M6376">
        <v>0</v>
      </c>
      <c r="N6376">
        <v>0</v>
      </c>
      <c r="O6376">
        <v>0</v>
      </c>
      <c r="P6376">
        <v>0</v>
      </c>
      <c r="Q6376">
        <v>0</v>
      </c>
      <c r="R6376">
        <v>0</v>
      </c>
      <c r="S6376">
        <v>0</v>
      </c>
      <c r="T6376">
        <v>0</v>
      </c>
      <c r="U6376">
        <v>0</v>
      </c>
      <c r="V6376">
        <v>0</v>
      </c>
      <c r="W6376">
        <v>1</v>
      </c>
      <c r="X6376">
        <v>0</v>
      </c>
      <c r="Y6376">
        <v>25</v>
      </c>
      <c r="Z6376">
        <v>15</v>
      </c>
      <c r="AA6376">
        <v>93</v>
      </c>
      <c r="AB6376">
        <v>30</v>
      </c>
      <c r="AC6376">
        <v>137</v>
      </c>
      <c r="AD6376">
        <v>47</v>
      </c>
      <c r="AE6376">
        <v>95</v>
      </c>
      <c r="AF6376">
        <v>0</v>
      </c>
      <c r="AG6376">
        <v>50000</v>
      </c>
      <c r="AH6376">
        <v>50000</v>
      </c>
      <c r="AI6376">
        <v>0</v>
      </c>
      <c r="AJ6376">
        <v>0</v>
      </c>
      <c r="AK6376" t="s">
        <v>6</v>
      </c>
      <c r="AL6376">
        <v>0</v>
      </c>
      <c r="AM6376">
        <v>0</v>
      </c>
      <c r="AN6376">
        <v>0</v>
      </c>
      <c r="AO6376">
        <v>0</v>
      </c>
      <c r="AP6376">
        <v>0</v>
      </c>
      <c r="AQ6376">
        <v>0</v>
      </c>
      <c r="AR6376">
        <v>0</v>
      </c>
      <c r="AS6376">
        <v>0</v>
      </c>
      <c r="AT6376">
        <v>0</v>
      </c>
      <c r="AU6376">
        <v>0</v>
      </c>
      <c r="AV6376">
        <v>0</v>
      </c>
      <c r="AW6376">
        <v>0</v>
      </c>
      <c r="AX6376">
        <v>0</v>
      </c>
      <c r="AY6376">
        <v>0</v>
      </c>
      <c r="AZ6376">
        <v>0</v>
      </c>
      <c r="BA6376">
        <v>0</v>
      </c>
    </row>
    <row r="6377" spans="1:53" x14ac:dyDescent="0.4">
      <c r="A6377">
        <v>6421</v>
      </c>
      <c r="B6377" s="1">
        <v>45272</v>
      </c>
      <c r="C6377">
        <v>2</v>
      </c>
      <c r="D6377" s="1">
        <v>45272.45</v>
      </c>
      <c r="E6377" s="1">
        <v>45272.732638888891</v>
      </c>
      <c r="F6377">
        <v>18970</v>
      </c>
      <c r="G6377">
        <v>1430</v>
      </c>
      <c r="H6377">
        <v>0</v>
      </c>
      <c r="I6377">
        <v>0</v>
      </c>
      <c r="J6377">
        <v>100</v>
      </c>
      <c r="K6377">
        <v>0</v>
      </c>
      <c r="L6377">
        <v>0</v>
      </c>
      <c r="M6377">
        <v>1843</v>
      </c>
      <c r="N6377">
        <v>0</v>
      </c>
      <c r="O6377">
        <v>0</v>
      </c>
      <c r="P6377">
        <v>10380</v>
      </c>
      <c r="Q6377">
        <v>0</v>
      </c>
      <c r="R6377">
        <v>30680</v>
      </c>
      <c r="S6377">
        <v>0</v>
      </c>
      <c r="T6377">
        <v>0</v>
      </c>
      <c r="U6377">
        <v>0</v>
      </c>
      <c r="V6377">
        <v>2</v>
      </c>
      <c r="W6377">
        <v>0</v>
      </c>
      <c r="X6377">
        <v>0</v>
      </c>
      <c r="Y6377">
        <v>34</v>
      </c>
      <c r="Z6377">
        <v>21</v>
      </c>
      <c r="AA6377">
        <v>80</v>
      </c>
      <c r="AB6377">
        <v>30</v>
      </c>
      <c r="AC6377">
        <v>124</v>
      </c>
      <c r="AD6377">
        <v>47</v>
      </c>
      <c r="AE6377">
        <v>95</v>
      </c>
      <c r="AF6377">
        <v>5110</v>
      </c>
      <c r="AG6377">
        <v>80680</v>
      </c>
      <c r="AH6377">
        <v>50000</v>
      </c>
      <c r="AI6377">
        <v>0</v>
      </c>
      <c r="AJ6377">
        <v>38</v>
      </c>
      <c r="AK6377" t="s">
        <v>75</v>
      </c>
      <c r="AL6377">
        <v>0</v>
      </c>
      <c r="AM6377">
        <v>0</v>
      </c>
      <c r="AN6377">
        <v>0</v>
      </c>
      <c r="AO6377">
        <v>0</v>
      </c>
      <c r="AP6377">
        <v>0</v>
      </c>
      <c r="AQ6377">
        <v>0</v>
      </c>
      <c r="AR6377">
        <v>0</v>
      </c>
      <c r="AS6377">
        <v>0</v>
      </c>
      <c r="AT6377">
        <v>0</v>
      </c>
      <c r="AU6377">
        <v>0</v>
      </c>
      <c r="AV6377">
        <v>0</v>
      </c>
      <c r="AW6377">
        <v>0</v>
      </c>
      <c r="AX6377">
        <v>605</v>
      </c>
      <c r="AY6377">
        <v>32</v>
      </c>
      <c r="AZ6377">
        <v>49</v>
      </c>
      <c r="BA6377">
        <v>4016</v>
      </c>
    </row>
    <row r="6378" spans="1:53" x14ac:dyDescent="0.4">
      <c r="A6378">
        <v>6422</v>
      </c>
      <c r="B6378" s="1">
        <v>45273</v>
      </c>
      <c r="C6378">
        <v>1</v>
      </c>
      <c r="D6378" s="1">
        <v>45273.291666666664</v>
      </c>
      <c r="E6378" s="1">
        <v>45273.444444444445</v>
      </c>
      <c r="F6378">
        <v>0</v>
      </c>
      <c r="G6378">
        <v>0</v>
      </c>
      <c r="H6378">
        <v>0</v>
      </c>
      <c r="I6378">
        <v>0</v>
      </c>
      <c r="J6378">
        <v>0</v>
      </c>
      <c r="K6378">
        <v>0</v>
      </c>
      <c r="L6378">
        <v>0</v>
      </c>
      <c r="M6378">
        <v>0</v>
      </c>
      <c r="N6378">
        <v>0</v>
      </c>
      <c r="O6378">
        <v>0</v>
      </c>
      <c r="P6378">
        <v>0</v>
      </c>
      <c r="Q6378">
        <v>0</v>
      </c>
      <c r="R6378">
        <v>0</v>
      </c>
      <c r="S6378">
        <v>0</v>
      </c>
      <c r="T6378">
        <v>0</v>
      </c>
      <c r="U6378">
        <v>0</v>
      </c>
      <c r="V6378">
        <v>0</v>
      </c>
      <c r="W6378">
        <v>1</v>
      </c>
      <c r="X6378">
        <v>0</v>
      </c>
      <c r="Y6378">
        <v>30</v>
      </c>
      <c r="Z6378">
        <v>10</v>
      </c>
      <c r="AA6378">
        <v>75</v>
      </c>
      <c r="AB6378">
        <v>28</v>
      </c>
      <c r="AC6378">
        <v>77</v>
      </c>
      <c r="AD6378">
        <v>47</v>
      </c>
      <c r="AE6378">
        <v>95</v>
      </c>
      <c r="AF6378">
        <v>0</v>
      </c>
      <c r="AG6378">
        <v>50000</v>
      </c>
      <c r="AH6378">
        <v>50000</v>
      </c>
      <c r="AI6378">
        <v>0</v>
      </c>
      <c r="AJ6378">
        <v>0</v>
      </c>
      <c r="AK6378" t="s">
        <v>6</v>
      </c>
      <c r="AL6378">
        <v>0</v>
      </c>
      <c r="AM6378">
        <v>0</v>
      </c>
      <c r="AN6378">
        <v>0</v>
      </c>
      <c r="AO6378">
        <v>0</v>
      </c>
      <c r="AP6378">
        <v>0</v>
      </c>
      <c r="AQ6378">
        <v>0</v>
      </c>
      <c r="AR6378">
        <v>0</v>
      </c>
      <c r="AS6378">
        <v>0</v>
      </c>
      <c r="AT6378">
        <v>0</v>
      </c>
      <c r="AU6378">
        <v>0</v>
      </c>
      <c r="AV6378">
        <v>0</v>
      </c>
      <c r="AW6378">
        <v>0</v>
      </c>
      <c r="AX6378">
        <v>0</v>
      </c>
      <c r="AY6378">
        <v>0</v>
      </c>
      <c r="AZ6378">
        <v>0</v>
      </c>
      <c r="BA6378">
        <v>0</v>
      </c>
    </row>
    <row r="6379" spans="1:53" x14ac:dyDescent="0.4">
      <c r="A6379">
        <v>6423</v>
      </c>
      <c r="B6379" s="1">
        <v>45273</v>
      </c>
      <c r="C6379">
        <v>2</v>
      </c>
      <c r="D6379" s="1">
        <v>45273.444444444445</v>
      </c>
      <c r="E6379" s="1">
        <v>45273.727777777778</v>
      </c>
      <c r="F6379">
        <v>21180</v>
      </c>
      <c r="G6379">
        <v>440</v>
      </c>
      <c r="H6379">
        <v>220</v>
      </c>
      <c r="I6379">
        <v>0</v>
      </c>
      <c r="J6379">
        <v>300</v>
      </c>
      <c r="K6379">
        <v>0</v>
      </c>
      <c r="L6379">
        <v>0</v>
      </c>
      <c r="M6379">
        <v>1960</v>
      </c>
      <c r="N6379">
        <v>0</v>
      </c>
      <c r="O6379">
        <v>0</v>
      </c>
      <c r="P6379">
        <v>8770</v>
      </c>
      <c r="Q6379">
        <v>0</v>
      </c>
      <c r="R6379">
        <v>30310</v>
      </c>
      <c r="S6379">
        <v>0</v>
      </c>
      <c r="T6379">
        <v>0</v>
      </c>
      <c r="U6379">
        <v>0</v>
      </c>
      <c r="V6379">
        <v>0</v>
      </c>
      <c r="W6379">
        <v>2</v>
      </c>
      <c r="X6379">
        <v>0</v>
      </c>
      <c r="Y6379">
        <v>51</v>
      </c>
      <c r="Z6379">
        <v>20</v>
      </c>
      <c r="AA6379">
        <v>38</v>
      </c>
      <c r="AB6379">
        <v>26</v>
      </c>
      <c r="AC6379">
        <v>90</v>
      </c>
      <c r="AD6379">
        <v>47</v>
      </c>
      <c r="AE6379">
        <v>95</v>
      </c>
      <c r="AF6379">
        <v>2980</v>
      </c>
      <c r="AG6379">
        <v>80310</v>
      </c>
      <c r="AH6379">
        <v>50000</v>
      </c>
      <c r="AI6379">
        <v>0</v>
      </c>
      <c r="AJ6379">
        <v>36</v>
      </c>
      <c r="AK6379" t="s">
        <v>68</v>
      </c>
      <c r="AL6379">
        <v>0</v>
      </c>
      <c r="AM6379">
        <v>0</v>
      </c>
      <c r="AN6379">
        <v>0</v>
      </c>
      <c r="AO6379">
        <v>0</v>
      </c>
      <c r="AP6379">
        <v>0</v>
      </c>
      <c r="AQ6379">
        <v>0</v>
      </c>
      <c r="AR6379">
        <v>0</v>
      </c>
      <c r="AS6379">
        <v>0</v>
      </c>
      <c r="AT6379">
        <v>0</v>
      </c>
      <c r="AU6379">
        <v>0</v>
      </c>
      <c r="AV6379">
        <v>0</v>
      </c>
      <c r="AW6379">
        <v>0</v>
      </c>
      <c r="AX6379">
        <v>-455</v>
      </c>
      <c r="AY6379">
        <v>34</v>
      </c>
      <c r="AZ6379">
        <v>50</v>
      </c>
      <c r="BA6379">
        <v>5157</v>
      </c>
    </row>
    <row r="6380" spans="1:53" x14ac:dyDescent="0.4">
      <c r="A6380">
        <v>6424</v>
      </c>
      <c r="B6380" s="1">
        <v>45273</v>
      </c>
      <c r="C6380">
        <v>3</v>
      </c>
      <c r="D6380" s="1">
        <v>45273.727777777778</v>
      </c>
      <c r="E6380" s="1">
        <v>45273.956944444442</v>
      </c>
      <c r="F6380">
        <v>58380</v>
      </c>
      <c r="G6380">
        <v>4620</v>
      </c>
      <c r="H6380">
        <v>0</v>
      </c>
      <c r="I6380">
        <v>0</v>
      </c>
      <c r="J6380">
        <v>100</v>
      </c>
      <c r="K6380">
        <v>0</v>
      </c>
      <c r="L6380">
        <v>0</v>
      </c>
      <c r="M6380">
        <v>5716</v>
      </c>
      <c r="N6380">
        <v>0</v>
      </c>
      <c r="O6380">
        <v>0</v>
      </c>
      <c r="P6380">
        <v>-8770</v>
      </c>
      <c r="Q6380">
        <v>0</v>
      </c>
      <c r="R6380">
        <v>54130</v>
      </c>
      <c r="S6380">
        <v>0</v>
      </c>
      <c r="T6380">
        <v>0</v>
      </c>
      <c r="U6380">
        <v>0</v>
      </c>
      <c r="V6380">
        <v>5</v>
      </c>
      <c r="W6380">
        <v>2</v>
      </c>
      <c r="X6380">
        <v>0</v>
      </c>
      <c r="Y6380">
        <v>56</v>
      </c>
      <c r="Z6380">
        <v>20</v>
      </c>
      <c r="AA6380">
        <v>31</v>
      </c>
      <c r="AB6380">
        <v>23</v>
      </c>
      <c r="AC6380">
        <v>88</v>
      </c>
      <c r="AD6380">
        <v>47</v>
      </c>
      <c r="AE6380">
        <v>95</v>
      </c>
      <c r="AF6380">
        <v>2980</v>
      </c>
      <c r="AG6380">
        <v>134440</v>
      </c>
      <c r="AH6380">
        <v>50000</v>
      </c>
      <c r="AI6380">
        <v>0</v>
      </c>
      <c r="AJ6380">
        <v>113</v>
      </c>
      <c r="AK6380" t="s">
        <v>80</v>
      </c>
      <c r="AL6380">
        <v>0</v>
      </c>
      <c r="AM6380">
        <v>0</v>
      </c>
      <c r="AN6380">
        <v>0</v>
      </c>
      <c r="AO6380">
        <v>0</v>
      </c>
      <c r="AP6380">
        <v>0</v>
      </c>
      <c r="AQ6380">
        <v>0</v>
      </c>
      <c r="AR6380">
        <v>0</v>
      </c>
      <c r="AS6380">
        <v>0</v>
      </c>
      <c r="AT6380">
        <v>0</v>
      </c>
      <c r="AU6380">
        <v>0</v>
      </c>
      <c r="AV6380">
        <v>0</v>
      </c>
      <c r="AW6380">
        <v>0</v>
      </c>
      <c r="AX6380">
        <v>30104</v>
      </c>
      <c r="AY6380">
        <v>15</v>
      </c>
      <c r="AZ6380">
        <v>53</v>
      </c>
      <c r="BA6380">
        <v>2091</v>
      </c>
    </row>
    <row r="6381" spans="1:53" x14ac:dyDescent="0.4">
      <c r="A6381">
        <v>6425</v>
      </c>
      <c r="B6381" s="1">
        <v>45274</v>
      </c>
      <c r="C6381">
        <v>1</v>
      </c>
      <c r="D6381" s="1">
        <v>45274.291666666664</v>
      </c>
      <c r="E6381" s="1">
        <v>45274.449305555558</v>
      </c>
      <c r="F6381">
        <v>0</v>
      </c>
      <c r="G6381">
        <v>0</v>
      </c>
      <c r="H6381">
        <v>0</v>
      </c>
      <c r="I6381">
        <v>0</v>
      </c>
      <c r="J6381">
        <v>0</v>
      </c>
      <c r="K6381">
        <v>0</v>
      </c>
      <c r="L6381">
        <v>0</v>
      </c>
      <c r="M6381">
        <v>0</v>
      </c>
      <c r="N6381">
        <v>0</v>
      </c>
      <c r="O6381">
        <v>0</v>
      </c>
      <c r="P6381">
        <v>0</v>
      </c>
      <c r="Q6381">
        <v>0</v>
      </c>
      <c r="R6381">
        <v>0</v>
      </c>
      <c r="S6381">
        <v>0</v>
      </c>
      <c r="T6381">
        <v>0</v>
      </c>
      <c r="U6381">
        <v>0</v>
      </c>
      <c r="V6381">
        <v>0</v>
      </c>
      <c r="W6381">
        <v>1</v>
      </c>
      <c r="X6381">
        <v>0</v>
      </c>
      <c r="Y6381">
        <v>30</v>
      </c>
      <c r="Z6381">
        <v>11</v>
      </c>
      <c r="AA6381">
        <v>72</v>
      </c>
      <c r="AB6381">
        <v>23</v>
      </c>
      <c r="AC6381">
        <v>82</v>
      </c>
      <c r="AD6381">
        <v>47</v>
      </c>
      <c r="AE6381">
        <v>95</v>
      </c>
      <c r="AF6381">
        <v>0</v>
      </c>
      <c r="AG6381">
        <v>50000</v>
      </c>
      <c r="AH6381">
        <v>50000</v>
      </c>
      <c r="AI6381">
        <v>0</v>
      </c>
      <c r="AJ6381">
        <v>0</v>
      </c>
      <c r="AK6381" t="s">
        <v>6</v>
      </c>
      <c r="AL6381">
        <v>0</v>
      </c>
      <c r="AM6381">
        <v>0</v>
      </c>
      <c r="AN6381">
        <v>0</v>
      </c>
      <c r="AO6381">
        <v>0</v>
      </c>
      <c r="AP6381">
        <v>0</v>
      </c>
      <c r="AQ6381">
        <v>0</v>
      </c>
      <c r="AR6381">
        <v>0</v>
      </c>
      <c r="AS6381">
        <v>0</v>
      </c>
      <c r="AT6381">
        <v>0</v>
      </c>
      <c r="AU6381">
        <v>0</v>
      </c>
      <c r="AV6381">
        <v>0</v>
      </c>
      <c r="AW6381">
        <v>0</v>
      </c>
      <c r="AX6381">
        <v>0</v>
      </c>
      <c r="AY6381">
        <v>0</v>
      </c>
      <c r="AZ6381">
        <v>0</v>
      </c>
      <c r="BA6381">
        <v>0</v>
      </c>
    </row>
    <row r="6382" spans="1:53" x14ac:dyDescent="0.4">
      <c r="A6382">
        <v>6426</v>
      </c>
      <c r="B6382" s="1">
        <v>45274</v>
      </c>
      <c r="C6382">
        <v>2</v>
      </c>
      <c r="D6382" s="1">
        <v>45274.449305555558</v>
      </c>
      <c r="E6382" s="1">
        <v>45274.737500000003</v>
      </c>
      <c r="F6382">
        <v>15380</v>
      </c>
      <c r="G6382">
        <v>0</v>
      </c>
      <c r="H6382">
        <v>0</v>
      </c>
      <c r="I6382">
        <v>0</v>
      </c>
      <c r="J6382">
        <v>0</v>
      </c>
      <c r="K6382">
        <v>0</v>
      </c>
      <c r="L6382">
        <v>0</v>
      </c>
      <c r="M6382">
        <v>1396</v>
      </c>
      <c r="N6382">
        <v>0</v>
      </c>
      <c r="O6382">
        <v>0</v>
      </c>
      <c r="P6382">
        <v>6550</v>
      </c>
      <c r="Q6382">
        <v>0</v>
      </c>
      <c r="R6382">
        <v>21930</v>
      </c>
      <c r="S6382">
        <v>0</v>
      </c>
      <c r="T6382">
        <v>0</v>
      </c>
      <c r="U6382">
        <v>0</v>
      </c>
      <c r="V6382">
        <v>1</v>
      </c>
      <c r="W6382">
        <v>0</v>
      </c>
      <c r="X6382">
        <v>0</v>
      </c>
      <c r="Y6382">
        <v>45</v>
      </c>
      <c r="Z6382">
        <v>13</v>
      </c>
      <c r="AA6382">
        <v>78</v>
      </c>
      <c r="AB6382">
        <v>21</v>
      </c>
      <c r="AC6382">
        <v>65</v>
      </c>
      <c r="AD6382">
        <v>47</v>
      </c>
      <c r="AE6382">
        <v>95</v>
      </c>
      <c r="AF6382">
        <v>600</v>
      </c>
      <c r="AG6382">
        <v>71930</v>
      </c>
      <c r="AH6382">
        <v>50000</v>
      </c>
      <c r="AI6382">
        <v>0</v>
      </c>
      <c r="AJ6382">
        <v>38</v>
      </c>
      <c r="AK6382" t="s">
        <v>75</v>
      </c>
      <c r="AL6382">
        <v>0</v>
      </c>
      <c r="AM6382">
        <v>0</v>
      </c>
      <c r="AN6382">
        <v>0</v>
      </c>
      <c r="AO6382">
        <v>0</v>
      </c>
      <c r="AP6382">
        <v>0</v>
      </c>
      <c r="AQ6382">
        <v>0</v>
      </c>
      <c r="AR6382">
        <v>0</v>
      </c>
      <c r="AS6382">
        <v>0</v>
      </c>
      <c r="AT6382">
        <v>0</v>
      </c>
      <c r="AU6382">
        <v>0</v>
      </c>
      <c r="AV6382">
        <v>0</v>
      </c>
      <c r="AW6382">
        <v>0</v>
      </c>
      <c r="AX6382">
        <v>308</v>
      </c>
      <c r="AY6382">
        <v>28</v>
      </c>
      <c r="AZ6382">
        <v>38</v>
      </c>
      <c r="BA6382">
        <v>3363</v>
      </c>
    </row>
    <row r="6383" spans="1:53" x14ac:dyDescent="0.4">
      <c r="A6383">
        <v>6427</v>
      </c>
      <c r="B6383" s="1">
        <v>45274</v>
      </c>
      <c r="C6383">
        <v>3</v>
      </c>
      <c r="D6383" s="1">
        <v>45274.737500000003</v>
      </c>
      <c r="E6383" s="1">
        <v>45274.941666666666</v>
      </c>
      <c r="F6383">
        <v>24690</v>
      </c>
      <c r="G6383">
        <v>1463</v>
      </c>
      <c r="H6383">
        <v>0</v>
      </c>
      <c r="I6383">
        <v>0</v>
      </c>
      <c r="J6383">
        <v>100</v>
      </c>
      <c r="K6383">
        <v>0</v>
      </c>
      <c r="L6383">
        <v>0</v>
      </c>
      <c r="M6383">
        <v>2368</v>
      </c>
      <c r="N6383">
        <v>0</v>
      </c>
      <c r="O6383">
        <v>0</v>
      </c>
      <c r="P6383">
        <v>-6550</v>
      </c>
      <c r="Q6383">
        <v>0</v>
      </c>
      <c r="R6383">
        <v>19503</v>
      </c>
      <c r="S6383">
        <v>0</v>
      </c>
      <c r="T6383">
        <v>0</v>
      </c>
      <c r="U6383">
        <v>0</v>
      </c>
      <c r="V6383">
        <v>1</v>
      </c>
      <c r="W6383">
        <v>0</v>
      </c>
      <c r="X6383">
        <v>0</v>
      </c>
      <c r="Y6383">
        <v>52</v>
      </c>
      <c r="Z6383">
        <v>13</v>
      </c>
      <c r="AA6383">
        <v>79</v>
      </c>
      <c r="AB6383">
        <v>19</v>
      </c>
      <c r="AC6383">
        <v>65</v>
      </c>
      <c r="AD6383">
        <v>47</v>
      </c>
      <c r="AE6383">
        <v>93</v>
      </c>
      <c r="AF6383">
        <v>13105</v>
      </c>
      <c r="AG6383">
        <v>91433</v>
      </c>
      <c r="AH6383">
        <v>50000</v>
      </c>
      <c r="AI6383">
        <v>0</v>
      </c>
      <c r="AJ6383">
        <v>45</v>
      </c>
      <c r="AK6383" t="s">
        <v>77</v>
      </c>
      <c r="AL6383">
        <v>0</v>
      </c>
      <c r="AM6383">
        <v>0</v>
      </c>
      <c r="AN6383">
        <v>0</v>
      </c>
      <c r="AO6383">
        <v>0</v>
      </c>
      <c r="AP6383">
        <v>0</v>
      </c>
      <c r="AQ6383">
        <v>0</v>
      </c>
      <c r="AR6383">
        <v>0</v>
      </c>
      <c r="AS6383">
        <v>0</v>
      </c>
      <c r="AT6383">
        <v>0</v>
      </c>
      <c r="AU6383">
        <v>0</v>
      </c>
      <c r="AV6383">
        <v>0</v>
      </c>
      <c r="AW6383">
        <v>0</v>
      </c>
      <c r="AX6383">
        <v>21903</v>
      </c>
      <c r="AY6383">
        <v>11</v>
      </c>
      <c r="AZ6383">
        <v>25</v>
      </c>
      <c r="BA6383">
        <v>1963</v>
      </c>
    </row>
    <row r="6384" spans="1:53" x14ac:dyDescent="0.4">
      <c r="A6384">
        <v>6428</v>
      </c>
      <c r="B6384" s="1">
        <v>45275</v>
      </c>
      <c r="C6384">
        <v>1</v>
      </c>
      <c r="D6384" s="1">
        <v>45275.291666666664</v>
      </c>
      <c r="E6384" s="1">
        <v>45275.448611111111</v>
      </c>
      <c r="F6384">
        <v>0</v>
      </c>
      <c r="G6384">
        <v>0</v>
      </c>
      <c r="H6384">
        <v>0</v>
      </c>
      <c r="I6384">
        <v>0</v>
      </c>
      <c r="J6384">
        <v>0</v>
      </c>
      <c r="K6384">
        <v>0</v>
      </c>
      <c r="L6384">
        <v>0</v>
      </c>
      <c r="M6384">
        <v>0</v>
      </c>
      <c r="N6384">
        <v>0</v>
      </c>
      <c r="O6384">
        <v>0</v>
      </c>
      <c r="P6384">
        <v>0</v>
      </c>
      <c r="Q6384">
        <v>0</v>
      </c>
      <c r="R6384">
        <v>0</v>
      </c>
      <c r="S6384">
        <v>0</v>
      </c>
      <c r="T6384">
        <v>0</v>
      </c>
      <c r="U6384">
        <v>0</v>
      </c>
      <c r="V6384">
        <v>0</v>
      </c>
      <c r="W6384">
        <v>1</v>
      </c>
      <c r="X6384">
        <v>0</v>
      </c>
      <c r="Y6384">
        <v>30</v>
      </c>
      <c r="Z6384">
        <v>11</v>
      </c>
      <c r="AA6384">
        <v>77</v>
      </c>
      <c r="AB6384">
        <v>16</v>
      </c>
      <c r="AC6384">
        <v>67</v>
      </c>
      <c r="AD6384">
        <v>47</v>
      </c>
      <c r="AE6384">
        <v>95</v>
      </c>
      <c r="AF6384">
        <v>0</v>
      </c>
      <c r="AG6384">
        <v>50000</v>
      </c>
      <c r="AH6384">
        <v>50000</v>
      </c>
      <c r="AI6384">
        <v>0</v>
      </c>
      <c r="AJ6384">
        <v>0</v>
      </c>
      <c r="AK6384" t="s">
        <v>6</v>
      </c>
      <c r="AL6384">
        <v>0</v>
      </c>
      <c r="AM6384">
        <v>0</v>
      </c>
      <c r="AN6384">
        <v>0</v>
      </c>
      <c r="AO6384">
        <v>0</v>
      </c>
      <c r="AP6384">
        <v>0</v>
      </c>
      <c r="AQ6384">
        <v>0</v>
      </c>
      <c r="AR6384">
        <v>0</v>
      </c>
      <c r="AS6384">
        <v>0</v>
      </c>
      <c r="AT6384">
        <v>0</v>
      </c>
      <c r="AU6384">
        <v>0</v>
      </c>
      <c r="AV6384">
        <v>0</v>
      </c>
      <c r="AW6384">
        <v>0</v>
      </c>
      <c r="AX6384">
        <v>0</v>
      </c>
      <c r="AY6384">
        <v>0</v>
      </c>
      <c r="AZ6384">
        <v>0</v>
      </c>
      <c r="BA6384">
        <v>0</v>
      </c>
    </row>
    <row r="6385" spans="1:53" x14ac:dyDescent="0.4">
      <c r="A6385">
        <v>6429</v>
      </c>
      <c r="B6385" s="1">
        <v>45275</v>
      </c>
      <c r="C6385">
        <v>2</v>
      </c>
      <c r="D6385" s="1">
        <v>45275.448611111111</v>
      </c>
      <c r="E6385" s="1">
        <v>45275.734027777777</v>
      </c>
      <c r="F6385">
        <v>13850</v>
      </c>
      <c r="G6385">
        <v>1815</v>
      </c>
      <c r="H6385">
        <v>0</v>
      </c>
      <c r="I6385">
        <v>0</v>
      </c>
      <c r="J6385">
        <v>200</v>
      </c>
      <c r="K6385">
        <v>0</v>
      </c>
      <c r="L6385">
        <v>0</v>
      </c>
      <c r="M6385">
        <v>1404</v>
      </c>
      <c r="N6385">
        <v>0</v>
      </c>
      <c r="O6385">
        <v>0</v>
      </c>
      <c r="P6385">
        <v>12420</v>
      </c>
      <c r="Q6385">
        <v>0</v>
      </c>
      <c r="R6385">
        <v>27885</v>
      </c>
      <c r="S6385">
        <v>0</v>
      </c>
      <c r="T6385">
        <v>0</v>
      </c>
      <c r="U6385">
        <v>0</v>
      </c>
      <c r="V6385">
        <v>1</v>
      </c>
      <c r="W6385">
        <v>1</v>
      </c>
      <c r="X6385">
        <v>0</v>
      </c>
      <c r="Y6385">
        <v>39</v>
      </c>
      <c r="Z6385">
        <v>22</v>
      </c>
      <c r="AA6385">
        <v>86</v>
      </c>
      <c r="AB6385">
        <v>20</v>
      </c>
      <c r="AC6385">
        <v>60</v>
      </c>
      <c r="AD6385">
        <v>46</v>
      </c>
      <c r="AE6385">
        <v>95</v>
      </c>
      <c r="AF6385">
        <v>2330</v>
      </c>
      <c r="AG6385">
        <v>77855</v>
      </c>
      <c r="AH6385">
        <v>50000</v>
      </c>
      <c r="AI6385">
        <v>-30</v>
      </c>
      <c r="AJ6385">
        <v>38</v>
      </c>
      <c r="AK6385" t="s">
        <v>75</v>
      </c>
      <c r="AL6385">
        <v>0</v>
      </c>
      <c r="AM6385">
        <v>0</v>
      </c>
      <c r="AN6385">
        <v>0</v>
      </c>
      <c r="AO6385">
        <v>0</v>
      </c>
      <c r="AP6385">
        <v>0</v>
      </c>
      <c r="AQ6385">
        <v>0</v>
      </c>
      <c r="AR6385">
        <v>0</v>
      </c>
      <c r="AS6385">
        <v>0</v>
      </c>
      <c r="AT6385">
        <v>0</v>
      </c>
      <c r="AU6385">
        <v>0</v>
      </c>
      <c r="AV6385">
        <v>0</v>
      </c>
      <c r="AW6385">
        <v>0</v>
      </c>
      <c r="AX6385">
        <v>0</v>
      </c>
      <c r="AY6385">
        <v>25</v>
      </c>
      <c r="AZ6385">
        <v>43</v>
      </c>
      <c r="BA6385">
        <v>2971</v>
      </c>
    </row>
    <row r="6386" spans="1:53" x14ac:dyDescent="0.4">
      <c r="A6386">
        <v>6430</v>
      </c>
      <c r="B6386" s="1">
        <v>45275</v>
      </c>
      <c r="C6386">
        <v>3</v>
      </c>
      <c r="D6386" s="1">
        <v>45275.734027777777</v>
      </c>
      <c r="E6386" s="1">
        <v>45276.021527777775</v>
      </c>
      <c r="F6386">
        <v>300110</v>
      </c>
      <c r="G6386">
        <v>25663</v>
      </c>
      <c r="H6386">
        <v>0</v>
      </c>
      <c r="I6386">
        <v>0</v>
      </c>
      <c r="J6386">
        <v>1250</v>
      </c>
      <c r="K6386">
        <v>0</v>
      </c>
      <c r="L6386">
        <v>0</v>
      </c>
      <c r="M6386">
        <v>29503</v>
      </c>
      <c r="N6386">
        <v>0</v>
      </c>
      <c r="O6386">
        <v>0</v>
      </c>
      <c r="P6386">
        <v>21160</v>
      </c>
      <c r="Q6386">
        <v>0</v>
      </c>
      <c r="R6386">
        <v>345683</v>
      </c>
      <c r="S6386">
        <v>0</v>
      </c>
      <c r="T6386">
        <v>0</v>
      </c>
      <c r="U6386">
        <v>0</v>
      </c>
      <c r="V6386">
        <v>18</v>
      </c>
      <c r="W6386">
        <v>3</v>
      </c>
      <c r="X6386">
        <v>0</v>
      </c>
      <c r="Y6386">
        <v>70</v>
      </c>
      <c r="Z6386">
        <v>24</v>
      </c>
      <c r="AA6386">
        <v>77</v>
      </c>
      <c r="AB6386">
        <v>18</v>
      </c>
      <c r="AC6386">
        <v>55</v>
      </c>
      <c r="AD6386">
        <v>44</v>
      </c>
      <c r="AE6386">
        <v>102</v>
      </c>
      <c r="AF6386">
        <v>137096</v>
      </c>
      <c r="AG6386">
        <v>423568</v>
      </c>
      <c r="AH6386">
        <v>50000</v>
      </c>
      <c r="AI6386">
        <v>0</v>
      </c>
      <c r="AJ6386">
        <v>104</v>
      </c>
      <c r="AK6386" t="s">
        <v>60</v>
      </c>
      <c r="AL6386">
        <v>0</v>
      </c>
      <c r="AM6386">
        <v>0</v>
      </c>
      <c r="AN6386">
        <v>0</v>
      </c>
      <c r="AO6386">
        <v>0</v>
      </c>
      <c r="AP6386">
        <v>0</v>
      </c>
      <c r="AQ6386">
        <v>0</v>
      </c>
      <c r="AR6386">
        <v>0</v>
      </c>
      <c r="AS6386">
        <v>0</v>
      </c>
      <c r="AT6386">
        <v>0</v>
      </c>
      <c r="AU6386">
        <v>0</v>
      </c>
      <c r="AV6386">
        <v>0</v>
      </c>
      <c r="AW6386">
        <v>0</v>
      </c>
      <c r="AX6386">
        <v>31435</v>
      </c>
      <c r="AY6386">
        <v>38</v>
      </c>
      <c r="AZ6386">
        <v>159</v>
      </c>
      <c r="BA6386">
        <v>4989</v>
      </c>
    </row>
    <row r="6387" spans="1:53" x14ac:dyDescent="0.4">
      <c r="A6387">
        <v>6431</v>
      </c>
      <c r="B6387" s="1">
        <v>45276</v>
      </c>
      <c r="C6387">
        <v>1</v>
      </c>
      <c r="D6387" s="1">
        <v>45276.291666666664</v>
      </c>
      <c r="E6387" s="1">
        <v>45276.406944444447</v>
      </c>
      <c r="F6387">
        <v>0</v>
      </c>
      <c r="G6387">
        <v>0</v>
      </c>
      <c r="H6387">
        <v>0</v>
      </c>
      <c r="I6387">
        <v>0</v>
      </c>
      <c r="J6387">
        <v>0</v>
      </c>
      <c r="K6387">
        <v>0</v>
      </c>
      <c r="L6387">
        <v>0</v>
      </c>
      <c r="M6387">
        <v>0</v>
      </c>
      <c r="N6387">
        <v>0</v>
      </c>
      <c r="O6387">
        <v>0</v>
      </c>
      <c r="P6387">
        <v>0</v>
      </c>
      <c r="Q6387">
        <v>0</v>
      </c>
      <c r="R6387">
        <v>0</v>
      </c>
      <c r="S6387">
        <v>0</v>
      </c>
      <c r="T6387">
        <v>0</v>
      </c>
      <c r="U6387">
        <v>0</v>
      </c>
      <c r="V6387">
        <v>0</v>
      </c>
      <c r="W6387">
        <v>1</v>
      </c>
      <c r="X6387">
        <v>0</v>
      </c>
      <c r="Y6387">
        <v>30</v>
      </c>
      <c r="Z6387">
        <v>11</v>
      </c>
      <c r="AA6387">
        <v>76</v>
      </c>
      <c r="AB6387">
        <v>21</v>
      </c>
      <c r="AC6387">
        <v>54</v>
      </c>
      <c r="AD6387">
        <v>42</v>
      </c>
      <c r="AE6387">
        <v>100</v>
      </c>
      <c r="AF6387">
        <v>0</v>
      </c>
      <c r="AG6387">
        <v>50000</v>
      </c>
      <c r="AH6387">
        <v>50000</v>
      </c>
      <c r="AI6387">
        <v>0</v>
      </c>
      <c r="AJ6387">
        <v>0</v>
      </c>
      <c r="AK6387" t="s">
        <v>6</v>
      </c>
      <c r="AL6387">
        <v>0</v>
      </c>
      <c r="AM6387">
        <v>0</v>
      </c>
      <c r="AN6387">
        <v>0</v>
      </c>
      <c r="AO6387">
        <v>0</v>
      </c>
      <c r="AP6387">
        <v>0</v>
      </c>
      <c r="AQ6387">
        <v>0</v>
      </c>
      <c r="AR6387">
        <v>0</v>
      </c>
      <c r="AS6387">
        <v>0</v>
      </c>
      <c r="AT6387">
        <v>0</v>
      </c>
      <c r="AU6387">
        <v>0</v>
      </c>
      <c r="AV6387">
        <v>0</v>
      </c>
      <c r="AW6387">
        <v>0</v>
      </c>
      <c r="AX6387">
        <v>0</v>
      </c>
      <c r="AY6387">
        <v>0</v>
      </c>
      <c r="AZ6387">
        <v>0</v>
      </c>
      <c r="BA6387">
        <v>0</v>
      </c>
    </row>
    <row r="6388" spans="1:53" x14ac:dyDescent="0.4">
      <c r="A6388">
        <v>6432</v>
      </c>
      <c r="B6388" s="1">
        <v>45276</v>
      </c>
      <c r="C6388">
        <v>2</v>
      </c>
      <c r="D6388" s="1">
        <v>45276.406944444447</v>
      </c>
      <c r="E6388" s="1">
        <v>45276.727083333331</v>
      </c>
      <c r="F6388">
        <v>35970</v>
      </c>
      <c r="G6388">
        <v>1826</v>
      </c>
      <c r="H6388">
        <v>0</v>
      </c>
      <c r="I6388">
        <v>0</v>
      </c>
      <c r="J6388">
        <v>100</v>
      </c>
      <c r="K6388">
        <v>0</v>
      </c>
      <c r="L6388">
        <v>0</v>
      </c>
      <c r="M6388">
        <v>3424</v>
      </c>
      <c r="N6388">
        <v>0</v>
      </c>
      <c r="O6388">
        <v>0</v>
      </c>
      <c r="P6388">
        <v>24480</v>
      </c>
      <c r="Q6388">
        <v>0</v>
      </c>
      <c r="R6388">
        <v>62176</v>
      </c>
      <c r="S6388">
        <v>0</v>
      </c>
      <c r="T6388">
        <v>0</v>
      </c>
      <c r="U6388">
        <v>0</v>
      </c>
      <c r="V6388">
        <v>3</v>
      </c>
      <c r="W6388">
        <v>0</v>
      </c>
      <c r="X6388">
        <v>0</v>
      </c>
      <c r="Y6388">
        <v>59</v>
      </c>
      <c r="Z6388">
        <v>15</v>
      </c>
      <c r="AA6388">
        <v>91</v>
      </c>
      <c r="AB6388">
        <v>31</v>
      </c>
      <c r="AC6388">
        <v>67</v>
      </c>
      <c r="AD6388">
        <v>41</v>
      </c>
      <c r="AE6388">
        <v>101</v>
      </c>
      <c r="AF6388">
        <v>4050</v>
      </c>
      <c r="AG6388">
        <v>112176</v>
      </c>
      <c r="AH6388">
        <v>50000</v>
      </c>
      <c r="AI6388">
        <v>0</v>
      </c>
      <c r="AJ6388">
        <v>36</v>
      </c>
      <c r="AK6388" t="s">
        <v>68</v>
      </c>
      <c r="AL6388">
        <v>0</v>
      </c>
      <c r="AM6388">
        <v>0</v>
      </c>
      <c r="AN6388">
        <v>0</v>
      </c>
      <c r="AO6388">
        <v>0</v>
      </c>
      <c r="AP6388">
        <v>0</v>
      </c>
      <c r="AQ6388">
        <v>0</v>
      </c>
      <c r="AR6388">
        <v>0</v>
      </c>
      <c r="AS6388">
        <v>0</v>
      </c>
      <c r="AT6388">
        <v>0</v>
      </c>
      <c r="AU6388">
        <v>0</v>
      </c>
      <c r="AV6388">
        <v>0</v>
      </c>
      <c r="AW6388">
        <v>0</v>
      </c>
      <c r="AX6388">
        <v>1485</v>
      </c>
      <c r="AY6388">
        <v>47</v>
      </c>
      <c r="AZ6388">
        <v>93</v>
      </c>
      <c r="BA6388">
        <v>7022</v>
      </c>
    </row>
    <row r="6389" spans="1:53" x14ac:dyDescent="0.4">
      <c r="A6389">
        <v>6433</v>
      </c>
      <c r="B6389" s="1">
        <v>45277</v>
      </c>
      <c r="C6389">
        <v>1</v>
      </c>
      <c r="D6389" s="1">
        <v>45277.291666666664</v>
      </c>
      <c r="E6389" s="1">
        <v>45277.404861111114</v>
      </c>
      <c r="F6389">
        <v>0</v>
      </c>
      <c r="G6389">
        <v>0</v>
      </c>
      <c r="H6389">
        <v>0</v>
      </c>
      <c r="I6389">
        <v>0</v>
      </c>
      <c r="J6389">
        <v>0</v>
      </c>
      <c r="K6389">
        <v>0</v>
      </c>
      <c r="L6389">
        <v>0</v>
      </c>
      <c r="M6389">
        <v>0</v>
      </c>
      <c r="N6389">
        <v>0</v>
      </c>
      <c r="O6389">
        <v>0</v>
      </c>
      <c r="P6389">
        <v>0</v>
      </c>
      <c r="Q6389">
        <v>0</v>
      </c>
      <c r="R6389">
        <v>0</v>
      </c>
      <c r="S6389">
        <v>0</v>
      </c>
      <c r="T6389">
        <v>0</v>
      </c>
      <c r="U6389">
        <v>0</v>
      </c>
      <c r="V6389">
        <v>0</v>
      </c>
      <c r="W6389">
        <v>1</v>
      </c>
      <c r="X6389">
        <v>0</v>
      </c>
      <c r="Y6389">
        <v>31</v>
      </c>
      <c r="Z6389">
        <v>7</v>
      </c>
      <c r="AA6389">
        <v>86</v>
      </c>
      <c r="AB6389">
        <v>21</v>
      </c>
      <c r="AC6389">
        <v>56</v>
      </c>
      <c r="AD6389">
        <v>37</v>
      </c>
      <c r="AE6389">
        <v>105</v>
      </c>
      <c r="AF6389">
        <v>0</v>
      </c>
      <c r="AG6389">
        <v>50000</v>
      </c>
      <c r="AH6389">
        <v>50000</v>
      </c>
      <c r="AI6389">
        <v>0</v>
      </c>
      <c r="AJ6389">
        <v>0</v>
      </c>
      <c r="AK6389" t="s">
        <v>6</v>
      </c>
      <c r="AL6389">
        <v>0</v>
      </c>
      <c r="AM6389">
        <v>0</v>
      </c>
      <c r="AN6389">
        <v>0</v>
      </c>
      <c r="AO6389">
        <v>0</v>
      </c>
      <c r="AP6389">
        <v>0</v>
      </c>
      <c r="AQ6389">
        <v>0</v>
      </c>
      <c r="AR6389">
        <v>0</v>
      </c>
      <c r="AS6389">
        <v>0</v>
      </c>
      <c r="AT6389">
        <v>0</v>
      </c>
      <c r="AU6389">
        <v>0</v>
      </c>
      <c r="AV6389">
        <v>0</v>
      </c>
      <c r="AW6389">
        <v>0</v>
      </c>
      <c r="AX6389">
        <v>0</v>
      </c>
      <c r="AY6389">
        <v>0</v>
      </c>
      <c r="AZ6389">
        <v>0</v>
      </c>
      <c r="BA6389">
        <v>0</v>
      </c>
    </row>
    <row r="6390" spans="1:53" x14ac:dyDescent="0.4">
      <c r="A6390">
        <v>6434</v>
      </c>
      <c r="B6390" s="1">
        <v>45277</v>
      </c>
      <c r="C6390">
        <v>2</v>
      </c>
      <c r="D6390" s="1">
        <v>45277.404861111114</v>
      </c>
      <c r="E6390" s="1">
        <v>45277.741666666669</v>
      </c>
      <c r="F6390">
        <v>49220</v>
      </c>
      <c r="G6390">
        <v>4191</v>
      </c>
      <c r="H6390">
        <v>0</v>
      </c>
      <c r="I6390">
        <v>0</v>
      </c>
      <c r="J6390">
        <v>300</v>
      </c>
      <c r="K6390">
        <v>800</v>
      </c>
      <c r="L6390">
        <v>0</v>
      </c>
      <c r="M6390">
        <v>4900</v>
      </c>
      <c r="N6390">
        <v>0</v>
      </c>
      <c r="O6390">
        <v>0</v>
      </c>
      <c r="P6390">
        <v>25210</v>
      </c>
      <c r="Q6390">
        <v>0</v>
      </c>
      <c r="R6390">
        <v>79121</v>
      </c>
      <c r="S6390">
        <v>0</v>
      </c>
      <c r="T6390">
        <v>0</v>
      </c>
      <c r="U6390">
        <v>0</v>
      </c>
      <c r="V6390">
        <v>1</v>
      </c>
      <c r="W6390">
        <v>2</v>
      </c>
      <c r="X6390">
        <v>0</v>
      </c>
      <c r="Y6390">
        <v>85</v>
      </c>
      <c r="Z6390">
        <v>16</v>
      </c>
      <c r="AA6390">
        <v>80</v>
      </c>
      <c r="AB6390">
        <v>17</v>
      </c>
      <c r="AC6390">
        <v>45</v>
      </c>
      <c r="AD6390">
        <v>38</v>
      </c>
      <c r="AE6390">
        <v>111</v>
      </c>
      <c r="AF6390">
        <v>6520</v>
      </c>
      <c r="AG6390">
        <v>129121</v>
      </c>
      <c r="AH6390">
        <v>50000</v>
      </c>
      <c r="AI6390">
        <v>0</v>
      </c>
      <c r="AJ6390">
        <v>36</v>
      </c>
      <c r="AK6390" t="s">
        <v>68</v>
      </c>
      <c r="AL6390">
        <v>0</v>
      </c>
      <c r="AM6390">
        <v>0</v>
      </c>
      <c r="AN6390">
        <v>0</v>
      </c>
      <c r="AO6390">
        <v>0</v>
      </c>
      <c r="AP6390">
        <v>0</v>
      </c>
      <c r="AQ6390">
        <v>0</v>
      </c>
      <c r="AR6390">
        <v>0</v>
      </c>
      <c r="AS6390">
        <v>0</v>
      </c>
      <c r="AT6390">
        <v>0</v>
      </c>
      <c r="AU6390">
        <v>0</v>
      </c>
      <c r="AV6390">
        <v>0</v>
      </c>
      <c r="AW6390">
        <v>0</v>
      </c>
      <c r="AX6390">
        <v>-312</v>
      </c>
      <c r="AY6390">
        <v>52</v>
      </c>
      <c r="AZ6390">
        <v>116</v>
      </c>
      <c r="BA6390">
        <v>8219</v>
      </c>
    </row>
    <row r="6391" spans="1:53" x14ac:dyDescent="0.4">
      <c r="A6391">
        <v>6435</v>
      </c>
      <c r="B6391" s="1">
        <v>45277</v>
      </c>
      <c r="C6391">
        <v>3</v>
      </c>
      <c r="D6391" s="1">
        <v>45277.741666666669</v>
      </c>
      <c r="E6391" s="1">
        <v>45277.958333333336</v>
      </c>
      <c r="F6391">
        <v>65260</v>
      </c>
      <c r="G6391">
        <v>4521</v>
      </c>
      <c r="H6391">
        <v>220</v>
      </c>
      <c r="I6391">
        <v>0</v>
      </c>
      <c r="J6391">
        <v>0</v>
      </c>
      <c r="K6391">
        <v>0</v>
      </c>
      <c r="L6391">
        <v>0</v>
      </c>
      <c r="M6391">
        <v>6362</v>
      </c>
      <c r="N6391">
        <v>0</v>
      </c>
      <c r="O6391">
        <v>0</v>
      </c>
      <c r="P6391">
        <v>-25210</v>
      </c>
      <c r="Q6391">
        <v>0</v>
      </c>
      <c r="R6391">
        <v>44791</v>
      </c>
      <c r="S6391">
        <v>0</v>
      </c>
      <c r="T6391">
        <v>0</v>
      </c>
      <c r="U6391">
        <v>0</v>
      </c>
      <c r="V6391">
        <v>6</v>
      </c>
      <c r="W6391">
        <v>0</v>
      </c>
      <c r="X6391">
        <v>0</v>
      </c>
      <c r="Y6391">
        <v>68</v>
      </c>
      <c r="Z6391">
        <v>14</v>
      </c>
      <c r="AA6391">
        <v>72</v>
      </c>
      <c r="AB6391">
        <v>17</v>
      </c>
      <c r="AC6391">
        <v>45</v>
      </c>
      <c r="AD6391">
        <v>39</v>
      </c>
      <c r="AE6391">
        <v>114</v>
      </c>
      <c r="AF6391">
        <v>30103</v>
      </c>
      <c r="AG6391">
        <v>173912</v>
      </c>
      <c r="AH6391">
        <v>50000</v>
      </c>
      <c r="AI6391">
        <v>0</v>
      </c>
      <c r="AJ6391">
        <v>113</v>
      </c>
      <c r="AK6391" t="s">
        <v>80</v>
      </c>
      <c r="AL6391">
        <v>0</v>
      </c>
      <c r="AM6391">
        <v>0</v>
      </c>
      <c r="AN6391">
        <v>0</v>
      </c>
      <c r="AO6391">
        <v>0</v>
      </c>
      <c r="AP6391">
        <v>0</v>
      </c>
      <c r="AQ6391">
        <v>0</v>
      </c>
      <c r="AR6391">
        <v>0</v>
      </c>
      <c r="AS6391">
        <v>0</v>
      </c>
      <c r="AT6391">
        <v>0</v>
      </c>
      <c r="AU6391">
        <v>0</v>
      </c>
      <c r="AV6391">
        <v>0</v>
      </c>
      <c r="AW6391">
        <v>0</v>
      </c>
      <c r="AX6391">
        <v>7920</v>
      </c>
      <c r="AY6391">
        <v>10</v>
      </c>
      <c r="AZ6391">
        <v>35</v>
      </c>
      <c r="BA6391">
        <v>2232</v>
      </c>
    </row>
    <row r="6392" spans="1:53" x14ac:dyDescent="0.4">
      <c r="A6392">
        <v>6436</v>
      </c>
      <c r="B6392" s="1">
        <v>45278</v>
      </c>
      <c r="C6392">
        <v>1</v>
      </c>
      <c r="D6392" s="1">
        <v>45278.291666666664</v>
      </c>
      <c r="E6392" s="1">
        <v>45278.45</v>
      </c>
      <c r="F6392">
        <v>0</v>
      </c>
      <c r="G6392">
        <v>0</v>
      </c>
      <c r="H6392">
        <v>0</v>
      </c>
      <c r="I6392">
        <v>0</v>
      </c>
      <c r="J6392">
        <v>0</v>
      </c>
      <c r="K6392">
        <v>0</v>
      </c>
      <c r="L6392">
        <v>0</v>
      </c>
      <c r="M6392">
        <v>0</v>
      </c>
      <c r="N6392">
        <v>0</v>
      </c>
      <c r="O6392">
        <v>0</v>
      </c>
      <c r="P6392">
        <v>0</v>
      </c>
      <c r="Q6392">
        <v>0</v>
      </c>
      <c r="R6392">
        <v>0</v>
      </c>
      <c r="S6392">
        <v>0</v>
      </c>
      <c r="T6392">
        <v>0</v>
      </c>
      <c r="U6392">
        <v>0</v>
      </c>
      <c r="V6392">
        <v>0</v>
      </c>
      <c r="W6392">
        <v>0</v>
      </c>
      <c r="X6392">
        <v>0</v>
      </c>
      <c r="Y6392">
        <v>35</v>
      </c>
      <c r="Z6392">
        <v>13</v>
      </c>
      <c r="AA6392">
        <v>70</v>
      </c>
      <c r="AB6392">
        <v>16</v>
      </c>
      <c r="AC6392">
        <v>40</v>
      </c>
      <c r="AD6392">
        <v>38</v>
      </c>
      <c r="AE6392">
        <v>110</v>
      </c>
      <c r="AF6392">
        <v>0</v>
      </c>
      <c r="AG6392">
        <v>50000</v>
      </c>
      <c r="AH6392">
        <v>50000</v>
      </c>
      <c r="AI6392">
        <v>0</v>
      </c>
      <c r="AJ6392">
        <v>0</v>
      </c>
      <c r="AK6392" t="s">
        <v>6</v>
      </c>
      <c r="AL6392">
        <v>0</v>
      </c>
      <c r="AM6392">
        <v>0</v>
      </c>
      <c r="AN6392">
        <v>0</v>
      </c>
      <c r="AO6392">
        <v>0</v>
      </c>
      <c r="AP6392">
        <v>0</v>
      </c>
      <c r="AQ6392">
        <v>0</v>
      </c>
      <c r="AR6392">
        <v>0</v>
      </c>
      <c r="AS6392">
        <v>0</v>
      </c>
      <c r="AT6392">
        <v>0</v>
      </c>
      <c r="AU6392">
        <v>0</v>
      </c>
      <c r="AV6392">
        <v>0</v>
      </c>
      <c r="AW6392">
        <v>0</v>
      </c>
      <c r="AX6392">
        <v>0</v>
      </c>
      <c r="AY6392">
        <v>0</v>
      </c>
      <c r="AZ6392">
        <v>0</v>
      </c>
      <c r="BA6392">
        <v>0</v>
      </c>
    </row>
    <row r="6393" spans="1:53" x14ac:dyDescent="0.4">
      <c r="A6393">
        <v>6437</v>
      </c>
      <c r="B6393" s="1">
        <v>45278</v>
      </c>
      <c r="C6393">
        <v>2</v>
      </c>
      <c r="D6393" s="1">
        <v>45278.45</v>
      </c>
      <c r="E6393" s="1">
        <v>45278.727777777778</v>
      </c>
      <c r="F6393">
        <v>14060</v>
      </c>
      <c r="G6393">
        <v>2508</v>
      </c>
      <c r="H6393">
        <v>0</v>
      </c>
      <c r="I6393">
        <v>0</v>
      </c>
      <c r="J6393">
        <v>100</v>
      </c>
      <c r="K6393">
        <v>0</v>
      </c>
      <c r="L6393">
        <v>0</v>
      </c>
      <c r="M6393">
        <v>1496</v>
      </c>
      <c r="N6393">
        <v>0</v>
      </c>
      <c r="O6393">
        <v>0</v>
      </c>
      <c r="P6393">
        <v>21470</v>
      </c>
      <c r="Q6393">
        <v>0</v>
      </c>
      <c r="R6393">
        <v>37938</v>
      </c>
      <c r="S6393">
        <v>0</v>
      </c>
      <c r="T6393">
        <v>0</v>
      </c>
      <c r="U6393">
        <v>0</v>
      </c>
      <c r="V6393">
        <v>0</v>
      </c>
      <c r="W6393">
        <v>3</v>
      </c>
      <c r="X6393">
        <v>0</v>
      </c>
      <c r="Y6393">
        <v>58</v>
      </c>
      <c r="Z6393">
        <v>9</v>
      </c>
      <c r="AA6393">
        <v>63</v>
      </c>
      <c r="AB6393">
        <v>15</v>
      </c>
      <c r="AC6393">
        <v>39</v>
      </c>
      <c r="AD6393">
        <v>37</v>
      </c>
      <c r="AE6393">
        <v>113</v>
      </c>
      <c r="AF6393">
        <v>2700</v>
      </c>
      <c r="AG6393">
        <v>87938</v>
      </c>
      <c r="AH6393">
        <v>50000</v>
      </c>
      <c r="AI6393">
        <v>0</v>
      </c>
      <c r="AJ6393">
        <v>36</v>
      </c>
      <c r="AK6393" t="s">
        <v>68</v>
      </c>
      <c r="AL6393">
        <v>0</v>
      </c>
      <c r="AM6393">
        <v>0</v>
      </c>
      <c r="AN6393">
        <v>0</v>
      </c>
      <c r="AO6393">
        <v>0</v>
      </c>
      <c r="AP6393">
        <v>0</v>
      </c>
      <c r="AQ6393">
        <v>0</v>
      </c>
      <c r="AR6393">
        <v>0</v>
      </c>
      <c r="AS6393">
        <v>0</v>
      </c>
      <c r="AT6393">
        <v>0</v>
      </c>
      <c r="AU6393">
        <v>0</v>
      </c>
      <c r="AV6393">
        <v>0</v>
      </c>
      <c r="AW6393">
        <v>0</v>
      </c>
      <c r="AX6393">
        <v>-90</v>
      </c>
      <c r="AY6393">
        <v>33</v>
      </c>
      <c r="AZ6393">
        <v>57</v>
      </c>
      <c r="BA6393">
        <v>4242</v>
      </c>
    </row>
    <row r="6394" spans="1:53" x14ac:dyDescent="0.4">
      <c r="A6394">
        <v>6438</v>
      </c>
      <c r="B6394" s="1">
        <v>45280</v>
      </c>
      <c r="C6394">
        <v>1</v>
      </c>
      <c r="D6394" s="1">
        <v>45280.291666666664</v>
      </c>
      <c r="E6394" s="1">
        <v>45280.446527777778</v>
      </c>
      <c r="F6394">
        <v>0</v>
      </c>
      <c r="G6394">
        <v>0</v>
      </c>
      <c r="H6394">
        <v>0</v>
      </c>
      <c r="I6394">
        <v>0</v>
      </c>
      <c r="J6394">
        <v>0</v>
      </c>
      <c r="K6394">
        <v>0</v>
      </c>
      <c r="L6394">
        <v>0</v>
      </c>
      <c r="M6394">
        <v>0</v>
      </c>
      <c r="N6394">
        <v>0</v>
      </c>
      <c r="O6394">
        <v>0</v>
      </c>
      <c r="P6394">
        <v>0</v>
      </c>
      <c r="Q6394">
        <v>0</v>
      </c>
      <c r="R6394">
        <v>0</v>
      </c>
      <c r="S6394">
        <v>0</v>
      </c>
      <c r="T6394">
        <v>0</v>
      </c>
      <c r="U6394">
        <v>0</v>
      </c>
      <c r="V6394">
        <v>0</v>
      </c>
      <c r="W6394">
        <v>1</v>
      </c>
      <c r="X6394">
        <v>0</v>
      </c>
      <c r="Y6394">
        <v>31</v>
      </c>
      <c r="Z6394">
        <v>10</v>
      </c>
      <c r="AA6394">
        <v>71</v>
      </c>
      <c r="AB6394">
        <v>22</v>
      </c>
      <c r="AC6394">
        <v>53</v>
      </c>
      <c r="AD6394">
        <v>35</v>
      </c>
      <c r="AE6394">
        <v>95</v>
      </c>
      <c r="AF6394">
        <v>0</v>
      </c>
      <c r="AG6394">
        <v>50000</v>
      </c>
      <c r="AH6394">
        <v>50000</v>
      </c>
      <c r="AI6394">
        <v>0</v>
      </c>
      <c r="AJ6394">
        <v>0</v>
      </c>
      <c r="AK6394" t="s">
        <v>6</v>
      </c>
      <c r="AL6394">
        <v>0</v>
      </c>
      <c r="AM6394">
        <v>0</v>
      </c>
      <c r="AN6394">
        <v>0</v>
      </c>
      <c r="AO6394">
        <v>0</v>
      </c>
      <c r="AP6394">
        <v>0</v>
      </c>
      <c r="AQ6394">
        <v>0</v>
      </c>
      <c r="AR6394">
        <v>0</v>
      </c>
      <c r="AS6394">
        <v>0</v>
      </c>
      <c r="AT6394">
        <v>0</v>
      </c>
      <c r="AU6394">
        <v>0</v>
      </c>
      <c r="AV6394">
        <v>0</v>
      </c>
      <c r="AW6394">
        <v>0</v>
      </c>
      <c r="AX6394">
        <v>0</v>
      </c>
      <c r="AY6394">
        <v>0</v>
      </c>
      <c r="AZ6394">
        <v>0</v>
      </c>
      <c r="BA6394">
        <v>0</v>
      </c>
    </row>
    <row r="6395" spans="1:53" x14ac:dyDescent="0.4">
      <c r="A6395">
        <v>6439</v>
      </c>
      <c r="B6395" s="1">
        <v>45280</v>
      </c>
      <c r="C6395">
        <v>2</v>
      </c>
      <c r="D6395" s="1">
        <v>45280.446527777778</v>
      </c>
      <c r="E6395" s="1">
        <v>45280.743055555555</v>
      </c>
      <c r="F6395">
        <v>16170</v>
      </c>
      <c r="G6395">
        <v>308</v>
      </c>
      <c r="H6395">
        <v>220</v>
      </c>
      <c r="I6395">
        <v>0</v>
      </c>
      <c r="J6395">
        <v>520</v>
      </c>
      <c r="K6395">
        <v>0</v>
      </c>
      <c r="L6395">
        <v>0</v>
      </c>
      <c r="M6395">
        <v>1497</v>
      </c>
      <c r="N6395">
        <v>0</v>
      </c>
      <c r="O6395">
        <v>0</v>
      </c>
      <c r="P6395">
        <v>22870</v>
      </c>
      <c r="Q6395">
        <v>0</v>
      </c>
      <c r="R6395">
        <v>39048</v>
      </c>
      <c r="S6395">
        <v>0</v>
      </c>
      <c r="T6395">
        <v>0</v>
      </c>
      <c r="U6395">
        <v>0</v>
      </c>
      <c r="V6395">
        <v>2</v>
      </c>
      <c r="W6395">
        <v>2</v>
      </c>
      <c r="X6395">
        <v>0</v>
      </c>
      <c r="Y6395">
        <v>41</v>
      </c>
      <c r="Z6395">
        <v>17</v>
      </c>
      <c r="AA6395">
        <v>65</v>
      </c>
      <c r="AB6395">
        <v>22</v>
      </c>
      <c r="AC6395">
        <v>85</v>
      </c>
      <c r="AD6395">
        <v>35</v>
      </c>
      <c r="AE6395">
        <v>93</v>
      </c>
      <c r="AF6395">
        <v>1130</v>
      </c>
      <c r="AG6395">
        <v>89348</v>
      </c>
      <c r="AH6395">
        <v>50000</v>
      </c>
      <c r="AI6395">
        <v>300</v>
      </c>
      <c r="AJ6395">
        <v>36</v>
      </c>
      <c r="AK6395" t="s">
        <v>68</v>
      </c>
      <c r="AL6395">
        <v>0</v>
      </c>
      <c r="AM6395">
        <v>0</v>
      </c>
      <c r="AN6395">
        <v>0</v>
      </c>
      <c r="AO6395">
        <v>0</v>
      </c>
      <c r="AP6395">
        <v>0</v>
      </c>
      <c r="AQ6395">
        <v>0</v>
      </c>
      <c r="AR6395">
        <v>0</v>
      </c>
      <c r="AS6395">
        <v>0</v>
      </c>
      <c r="AT6395">
        <v>0</v>
      </c>
      <c r="AU6395">
        <v>0</v>
      </c>
      <c r="AV6395">
        <v>0</v>
      </c>
      <c r="AW6395">
        <v>0</v>
      </c>
      <c r="AX6395">
        <v>2403</v>
      </c>
      <c r="AY6395">
        <v>33</v>
      </c>
      <c r="AZ6395">
        <v>68</v>
      </c>
      <c r="BA6395">
        <v>4078</v>
      </c>
    </row>
    <row r="6396" spans="1:53" x14ac:dyDescent="0.4">
      <c r="A6396">
        <v>6440</v>
      </c>
      <c r="B6396" s="1">
        <v>45280</v>
      </c>
      <c r="C6396">
        <v>3</v>
      </c>
      <c r="D6396" s="1">
        <v>45280.743055555555</v>
      </c>
      <c r="E6396" s="1">
        <v>45280.904861111114</v>
      </c>
      <c r="F6396">
        <v>33650</v>
      </c>
      <c r="G6396">
        <v>2123</v>
      </c>
      <c r="H6396">
        <v>0</v>
      </c>
      <c r="I6396">
        <v>0</v>
      </c>
      <c r="J6396">
        <v>500</v>
      </c>
      <c r="K6396">
        <v>0</v>
      </c>
      <c r="L6396">
        <v>0</v>
      </c>
      <c r="M6396">
        <v>3206</v>
      </c>
      <c r="N6396">
        <v>0</v>
      </c>
      <c r="O6396">
        <v>0</v>
      </c>
      <c r="P6396">
        <v>-22870</v>
      </c>
      <c r="Q6396">
        <v>0</v>
      </c>
      <c r="R6396">
        <v>12403</v>
      </c>
      <c r="S6396">
        <v>0</v>
      </c>
      <c r="T6396">
        <v>0</v>
      </c>
      <c r="U6396">
        <v>0</v>
      </c>
      <c r="V6396">
        <v>3</v>
      </c>
      <c r="W6396">
        <v>2</v>
      </c>
      <c r="X6396">
        <v>0</v>
      </c>
      <c r="Y6396">
        <v>41</v>
      </c>
      <c r="Z6396">
        <v>14</v>
      </c>
      <c r="AA6396">
        <v>59</v>
      </c>
      <c r="AB6396">
        <v>21</v>
      </c>
      <c r="AC6396">
        <v>80</v>
      </c>
      <c r="AD6396">
        <v>33</v>
      </c>
      <c r="AE6396">
        <v>87</v>
      </c>
      <c r="AF6396">
        <v>5449</v>
      </c>
      <c r="AG6396">
        <v>101451</v>
      </c>
      <c r="AH6396">
        <v>50000</v>
      </c>
      <c r="AI6396">
        <v>0</v>
      </c>
      <c r="AJ6396">
        <v>39</v>
      </c>
      <c r="AK6396" t="s">
        <v>73</v>
      </c>
      <c r="AL6396">
        <v>0</v>
      </c>
      <c r="AM6396">
        <v>0</v>
      </c>
      <c r="AN6396">
        <v>0</v>
      </c>
      <c r="AO6396">
        <v>0</v>
      </c>
      <c r="AP6396">
        <v>0</v>
      </c>
      <c r="AQ6396">
        <v>0</v>
      </c>
      <c r="AR6396">
        <v>0</v>
      </c>
      <c r="AS6396">
        <v>0</v>
      </c>
      <c r="AT6396">
        <v>0</v>
      </c>
      <c r="AU6396">
        <v>0</v>
      </c>
      <c r="AV6396">
        <v>0</v>
      </c>
      <c r="AW6396">
        <v>0</v>
      </c>
      <c r="AX6396">
        <v>3600</v>
      </c>
      <c r="AY6396">
        <v>6</v>
      </c>
      <c r="AZ6396">
        <v>21</v>
      </c>
      <c r="BA6396">
        <v>1548</v>
      </c>
    </row>
    <row r="6397" spans="1:53" x14ac:dyDescent="0.4">
      <c r="A6397">
        <v>6441</v>
      </c>
      <c r="B6397" s="1">
        <v>45282</v>
      </c>
      <c r="C6397">
        <v>1</v>
      </c>
      <c r="D6397" s="1">
        <v>45282.291666666664</v>
      </c>
      <c r="E6397" s="1">
        <v>45282.447916666664</v>
      </c>
      <c r="F6397">
        <v>0</v>
      </c>
      <c r="G6397">
        <v>0</v>
      </c>
      <c r="H6397">
        <v>0</v>
      </c>
      <c r="I6397">
        <v>0</v>
      </c>
      <c r="J6397">
        <v>0</v>
      </c>
      <c r="K6397">
        <v>0</v>
      </c>
      <c r="L6397">
        <v>0</v>
      </c>
      <c r="M6397">
        <v>0</v>
      </c>
      <c r="N6397">
        <v>0</v>
      </c>
      <c r="O6397">
        <v>0</v>
      </c>
      <c r="P6397">
        <v>0</v>
      </c>
      <c r="Q6397">
        <v>0</v>
      </c>
      <c r="R6397">
        <v>0</v>
      </c>
      <c r="S6397">
        <v>0</v>
      </c>
      <c r="T6397">
        <v>0</v>
      </c>
      <c r="U6397">
        <v>0</v>
      </c>
      <c r="V6397">
        <v>0</v>
      </c>
      <c r="W6397">
        <v>1</v>
      </c>
      <c r="X6397">
        <v>0</v>
      </c>
      <c r="Y6397">
        <v>30</v>
      </c>
      <c r="Z6397">
        <v>10</v>
      </c>
      <c r="AA6397">
        <v>77</v>
      </c>
      <c r="AB6397">
        <v>27</v>
      </c>
      <c r="AC6397">
        <v>68</v>
      </c>
      <c r="AD6397">
        <v>37</v>
      </c>
      <c r="AE6397">
        <v>85</v>
      </c>
      <c r="AF6397">
        <v>0</v>
      </c>
      <c r="AG6397">
        <v>50000</v>
      </c>
      <c r="AH6397">
        <v>50000</v>
      </c>
      <c r="AI6397">
        <v>0</v>
      </c>
      <c r="AJ6397">
        <v>0</v>
      </c>
      <c r="AK6397" t="s">
        <v>6</v>
      </c>
      <c r="AL6397">
        <v>0</v>
      </c>
      <c r="AM6397">
        <v>0</v>
      </c>
      <c r="AN6397">
        <v>0</v>
      </c>
      <c r="AO6397">
        <v>0</v>
      </c>
      <c r="AP6397">
        <v>0</v>
      </c>
      <c r="AQ6397">
        <v>0</v>
      </c>
      <c r="AR6397">
        <v>0</v>
      </c>
      <c r="AS6397">
        <v>0</v>
      </c>
      <c r="AT6397">
        <v>0</v>
      </c>
      <c r="AU6397">
        <v>0</v>
      </c>
      <c r="AV6397">
        <v>0</v>
      </c>
      <c r="AW6397">
        <v>0</v>
      </c>
      <c r="AX6397">
        <v>0</v>
      </c>
      <c r="AY6397">
        <v>0</v>
      </c>
      <c r="AZ6397">
        <v>0</v>
      </c>
      <c r="BA6397">
        <v>0</v>
      </c>
    </row>
    <row r="6398" spans="1:53" x14ac:dyDescent="0.4">
      <c r="A6398">
        <v>6442</v>
      </c>
      <c r="B6398" s="1">
        <v>45282</v>
      </c>
      <c r="C6398">
        <v>2</v>
      </c>
      <c r="D6398" s="1">
        <v>45282.447916666664</v>
      </c>
      <c r="E6398" s="1">
        <v>45282.743750000001</v>
      </c>
      <c r="F6398">
        <v>25990</v>
      </c>
      <c r="G6398">
        <v>440</v>
      </c>
      <c r="H6398">
        <v>0</v>
      </c>
      <c r="I6398">
        <v>0</v>
      </c>
      <c r="J6398">
        <v>300</v>
      </c>
      <c r="K6398">
        <v>0</v>
      </c>
      <c r="L6398">
        <v>0</v>
      </c>
      <c r="M6398">
        <v>2376</v>
      </c>
      <c r="N6398">
        <v>0</v>
      </c>
      <c r="O6398">
        <v>0</v>
      </c>
      <c r="P6398">
        <v>21950</v>
      </c>
      <c r="Q6398">
        <v>0</v>
      </c>
      <c r="R6398">
        <v>48080</v>
      </c>
      <c r="S6398">
        <v>0</v>
      </c>
      <c r="T6398">
        <v>0</v>
      </c>
      <c r="U6398">
        <v>0</v>
      </c>
      <c r="V6398">
        <v>1</v>
      </c>
      <c r="W6398">
        <v>2</v>
      </c>
      <c r="X6398">
        <v>0</v>
      </c>
      <c r="Y6398">
        <v>59</v>
      </c>
      <c r="Z6398">
        <v>17</v>
      </c>
      <c r="AA6398">
        <v>55</v>
      </c>
      <c r="AB6398">
        <v>23</v>
      </c>
      <c r="AC6398">
        <v>79</v>
      </c>
      <c r="AD6398">
        <v>41</v>
      </c>
      <c r="AE6398">
        <v>85</v>
      </c>
      <c r="AF6398">
        <v>2350</v>
      </c>
      <c r="AG6398">
        <v>97580</v>
      </c>
      <c r="AH6398">
        <v>50000</v>
      </c>
      <c r="AI6398">
        <v>-500</v>
      </c>
      <c r="AJ6398">
        <v>36</v>
      </c>
      <c r="AK6398" t="s">
        <v>68</v>
      </c>
      <c r="AL6398">
        <v>0</v>
      </c>
      <c r="AM6398">
        <v>0</v>
      </c>
      <c r="AN6398">
        <v>0</v>
      </c>
      <c r="AO6398">
        <v>0</v>
      </c>
      <c r="AP6398">
        <v>0</v>
      </c>
      <c r="AQ6398">
        <v>0</v>
      </c>
      <c r="AR6398">
        <v>0</v>
      </c>
      <c r="AS6398">
        <v>0</v>
      </c>
      <c r="AT6398">
        <v>0</v>
      </c>
      <c r="AU6398">
        <v>0</v>
      </c>
      <c r="AV6398">
        <v>0</v>
      </c>
      <c r="AW6398">
        <v>0</v>
      </c>
      <c r="AX6398">
        <v>0</v>
      </c>
      <c r="AY6398">
        <v>39</v>
      </c>
      <c r="AZ6398">
        <v>74</v>
      </c>
      <c r="BA6398">
        <v>5927</v>
      </c>
    </row>
    <row r="6399" spans="1:53" x14ac:dyDescent="0.4">
      <c r="A6399">
        <v>6443</v>
      </c>
      <c r="B6399" s="1">
        <v>45282</v>
      </c>
      <c r="C6399">
        <v>3</v>
      </c>
      <c r="D6399" s="1">
        <v>45282.743750000001</v>
      </c>
      <c r="E6399" s="1">
        <v>45282.952777777777</v>
      </c>
      <c r="F6399">
        <v>218930</v>
      </c>
      <c r="G6399">
        <v>4092</v>
      </c>
      <c r="H6399">
        <v>0</v>
      </c>
      <c r="I6399">
        <v>0</v>
      </c>
      <c r="J6399">
        <v>200</v>
      </c>
      <c r="K6399">
        <v>0</v>
      </c>
      <c r="L6399">
        <v>0</v>
      </c>
      <c r="M6399">
        <v>20254</v>
      </c>
      <c r="N6399">
        <v>0</v>
      </c>
      <c r="O6399">
        <v>0</v>
      </c>
      <c r="P6399">
        <v>-16850</v>
      </c>
      <c r="Q6399">
        <v>0</v>
      </c>
      <c r="R6399">
        <v>205972</v>
      </c>
      <c r="S6399">
        <v>0</v>
      </c>
      <c r="T6399">
        <v>0</v>
      </c>
      <c r="U6399">
        <v>0</v>
      </c>
      <c r="V6399">
        <v>11</v>
      </c>
      <c r="W6399">
        <v>5</v>
      </c>
      <c r="X6399">
        <v>0</v>
      </c>
      <c r="Y6399">
        <v>71</v>
      </c>
      <c r="Z6399">
        <v>17</v>
      </c>
      <c r="AA6399">
        <v>66</v>
      </c>
      <c r="AB6399">
        <v>21</v>
      </c>
      <c r="AC6399">
        <v>85</v>
      </c>
      <c r="AD6399">
        <v>42</v>
      </c>
      <c r="AE6399">
        <v>79</v>
      </c>
      <c r="AF6399">
        <v>80763</v>
      </c>
      <c r="AG6399">
        <v>304052</v>
      </c>
      <c r="AH6399">
        <v>50000</v>
      </c>
      <c r="AI6399">
        <v>0</v>
      </c>
      <c r="AJ6399">
        <v>104</v>
      </c>
      <c r="AK6399" t="s">
        <v>60</v>
      </c>
      <c r="AL6399">
        <v>0</v>
      </c>
      <c r="AM6399">
        <v>0</v>
      </c>
      <c r="AN6399">
        <v>0</v>
      </c>
      <c r="AO6399">
        <v>0</v>
      </c>
      <c r="AP6399">
        <v>0</v>
      </c>
      <c r="AQ6399">
        <v>0</v>
      </c>
      <c r="AR6399">
        <v>0</v>
      </c>
      <c r="AS6399">
        <v>0</v>
      </c>
      <c r="AT6399">
        <v>0</v>
      </c>
      <c r="AU6399">
        <v>0</v>
      </c>
      <c r="AV6399">
        <v>0</v>
      </c>
      <c r="AW6399">
        <v>0</v>
      </c>
      <c r="AX6399">
        <v>55160</v>
      </c>
      <c r="AY6399">
        <v>32</v>
      </c>
      <c r="AZ6399">
        <v>143</v>
      </c>
      <c r="BA6399">
        <v>3840</v>
      </c>
    </row>
    <row r="6400" spans="1:53" x14ac:dyDescent="0.4">
      <c r="A6400">
        <v>6444</v>
      </c>
      <c r="B6400" s="1">
        <v>45283</v>
      </c>
      <c r="C6400">
        <v>1</v>
      </c>
      <c r="D6400" s="1">
        <v>45283.291666666664</v>
      </c>
      <c r="E6400" s="1">
        <v>45283.406944444447</v>
      </c>
      <c r="F6400">
        <v>0</v>
      </c>
      <c r="G6400">
        <v>0</v>
      </c>
      <c r="H6400">
        <v>0</v>
      </c>
      <c r="I6400">
        <v>0</v>
      </c>
      <c r="J6400">
        <v>0</v>
      </c>
      <c r="K6400">
        <v>0</v>
      </c>
      <c r="L6400">
        <v>0</v>
      </c>
      <c r="M6400">
        <v>0</v>
      </c>
      <c r="N6400">
        <v>0</v>
      </c>
      <c r="O6400">
        <v>0</v>
      </c>
      <c r="P6400">
        <v>0</v>
      </c>
      <c r="Q6400">
        <v>0</v>
      </c>
      <c r="R6400">
        <v>0</v>
      </c>
      <c r="S6400">
        <v>0</v>
      </c>
      <c r="T6400">
        <v>0</v>
      </c>
      <c r="U6400">
        <v>0</v>
      </c>
      <c r="V6400">
        <v>0</v>
      </c>
      <c r="W6400">
        <v>1</v>
      </c>
      <c r="X6400">
        <v>0</v>
      </c>
      <c r="Y6400">
        <v>31</v>
      </c>
      <c r="Z6400">
        <v>13</v>
      </c>
      <c r="AA6400">
        <v>57</v>
      </c>
      <c r="AB6400">
        <v>20</v>
      </c>
      <c r="AC6400">
        <v>58</v>
      </c>
      <c r="AD6400">
        <v>28</v>
      </c>
      <c r="AE6400">
        <v>80</v>
      </c>
      <c r="AF6400">
        <v>0</v>
      </c>
      <c r="AG6400">
        <v>50000</v>
      </c>
      <c r="AH6400">
        <v>50000</v>
      </c>
      <c r="AI6400">
        <v>0</v>
      </c>
      <c r="AJ6400">
        <v>0</v>
      </c>
      <c r="AK6400" t="s">
        <v>6</v>
      </c>
      <c r="AL6400">
        <v>0</v>
      </c>
      <c r="AM6400">
        <v>0</v>
      </c>
      <c r="AN6400">
        <v>0</v>
      </c>
      <c r="AO6400">
        <v>0</v>
      </c>
      <c r="AP6400">
        <v>0</v>
      </c>
      <c r="AQ6400">
        <v>0</v>
      </c>
      <c r="AR6400">
        <v>0</v>
      </c>
      <c r="AS6400">
        <v>0</v>
      </c>
      <c r="AT6400">
        <v>0</v>
      </c>
      <c r="AU6400">
        <v>0</v>
      </c>
      <c r="AV6400">
        <v>0</v>
      </c>
      <c r="AW6400">
        <v>0</v>
      </c>
      <c r="AX6400">
        <v>0</v>
      </c>
      <c r="AY6400">
        <v>0</v>
      </c>
      <c r="AZ6400">
        <v>0</v>
      </c>
      <c r="BA6400">
        <v>0</v>
      </c>
    </row>
    <row r="6401" spans="1:53" x14ac:dyDescent="0.4">
      <c r="A6401">
        <v>6445</v>
      </c>
      <c r="B6401" s="1">
        <v>45283</v>
      </c>
      <c r="C6401">
        <v>2</v>
      </c>
      <c r="D6401" s="1">
        <v>45283.406944444447</v>
      </c>
      <c r="E6401" s="1">
        <v>45283.724305555559</v>
      </c>
      <c r="F6401">
        <v>44950</v>
      </c>
      <c r="G6401">
        <v>7260</v>
      </c>
      <c r="H6401">
        <v>0</v>
      </c>
      <c r="I6401">
        <v>0</v>
      </c>
      <c r="J6401">
        <v>300</v>
      </c>
      <c r="K6401">
        <v>0</v>
      </c>
      <c r="L6401">
        <v>0</v>
      </c>
      <c r="M6401">
        <v>4721</v>
      </c>
      <c r="N6401">
        <v>0</v>
      </c>
      <c r="O6401">
        <v>0</v>
      </c>
      <c r="P6401">
        <v>16460</v>
      </c>
      <c r="Q6401">
        <v>0</v>
      </c>
      <c r="R6401">
        <v>68370</v>
      </c>
      <c r="S6401">
        <v>0</v>
      </c>
      <c r="T6401">
        <v>0</v>
      </c>
      <c r="U6401">
        <v>0</v>
      </c>
      <c r="V6401">
        <v>2</v>
      </c>
      <c r="W6401">
        <v>5</v>
      </c>
      <c r="X6401">
        <v>0</v>
      </c>
      <c r="Y6401">
        <v>50</v>
      </c>
      <c r="Z6401">
        <v>14</v>
      </c>
      <c r="AA6401">
        <v>86</v>
      </c>
      <c r="AB6401">
        <v>18</v>
      </c>
      <c r="AC6401">
        <v>82</v>
      </c>
      <c r="AD6401">
        <v>27</v>
      </c>
      <c r="AE6401">
        <v>75</v>
      </c>
      <c r="AF6401">
        <v>5840</v>
      </c>
      <c r="AG6401">
        <v>118370</v>
      </c>
      <c r="AH6401">
        <v>50000</v>
      </c>
      <c r="AI6401">
        <v>0</v>
      </c>
      <c r="AJ6401">
        <v>118</v>
      </c>
      <c r="AK6401" t="s">
        <v>59</v>
      </c>
      <c r="AL6401">
        <v>0</v>
      </c>
      <c r="AM6401">
        <v>0</v>
      </c>
      <c r="AN6401">
        <v>0</v>
      </c>
      <c r="AO6401">
        <v>0</v>
      </c>
      <c r="AP6401">
        <v>0</v>
      </c>
      <c r="AQ6401">
        <v>0</v>
      </c>
      <c r="AR6401">
        <v>0</v>
      </c>
      <c r="AS6401">
        <v>0</v>
      </c>
      <c r="AT6401">
        <v>0</v>
      </c>
      <c r="AU6401">
        <v>0</v>
      </c>
      <c r="AV6401">
        <v>0</v>
      </c>
      <c r="AW6401">
        <v>0</v>
      </c>
      <c r="AX6401">
        <v>0</v>
      </c>
      <c r="AY6401">
        <v>46</v>
      </c>
      <c r="AZ6401">
        <v>100</v>
      </c>
      <c r="BA6401">
        <v>7127</v>
      </c>
    </row>
    <row r="6402" spans="1:53" x14ac:dyDescent="0.4">
      <c r="A6402">
        <v>6446</v>
      </c>
      <c r="B6402" s="1">
        <v>45283</v>
      </c>
      <c r="C6402">
        <v>3</v>
      </c>
      <c r="D6402" s="1">
        <v>45283.724305555559</v>
      </c>
      <c r="E6402" s="1">
        <v>45283.97152777778</v>
      </c>
      <c r="F6402">
        <v>61060</v>
      </c>
      <c r="G6402">
        <v>0</v>
      </c>
      <c r="H6402">
        <v>0</v>
      </c>
      <c r="I6402">
        <v>0</v>
      </c>
      <c r="J6402">
        <v>100</v>
      </c>
      <c r="K6402">
        <v>0</v>
      </c>
      <c r="L6402">
        <v>0</v>
      </c>
      <c r="M6402">
        <v>5541</v>
      </c>
      <c r="N6402">
        <v>0</v>
      </c>
      <c r="O6402">
        <v>0</v>
      </c>
      <c r="P6402">
        <v>6680</v>
      </c>
      <c r="Q6402">
        <v>0</v>
      </c>
      <c r="R6402">
        <v>67640</v>
      </c>
      <c r="S6402">
        <v>0</v>
      </c>
      <c r="T6402">
        <v>0</v>
      </c>
      <c r="U6402">
        <v>0</v>
      </c>
      <c r="V6402">
        <v>10</v>
      </c>
      <c r="W6402">
        <v>3</v>
      </c>
      <c r="X6402">
        <v>0</v>
      </c>
      <c r="Y6402">
        <v>50</v>
      </c>
      <c r="Z6402">
        <v>12</v>
      </c>
      <c r="AA6402">
        <v>73</v>
      </c>
      <c r="AB6402">
        <v>17</v>
      </c>
      <c r="AC6402">
        <v>81</v>
      </c>
      <c r="AD6402">
        <v>27</v>
      </c>
      <c r="AE6402">
        <v>75</v>
      </c>
      <c r="AF6402">
        <v>5840</v>
      </c>
      <c r="AG6402">
        <v>186010</v>
      </c>
      <c r="AH6402">
        <v>50000</v>
      </c>
      <c r="AI6402">
        <v>0</v>
      </c>
      <c r="AJ6402">
        <v>39</v>
      </c>
      <c r="AK6402" t="s">
        <v>73</v>
      </c>
      <c r="AL6402">
        <v>0</v>
      </c>
      <c r="AM6402">
        <v>0</v>
      </c>
      <c r="AN6402">
        <v>0</v>
      </c>
      <c r="AO6402">
        <v>0</v>
      </c>
      <c r="AP6402">
        <v>0</v>
      </c>
      <c r="AQ6402">
        <v>0</v>
      </c>
      <c r="AR6402">
        <v>0</v>
      </c>
      <c r="AS6402">
        <v>0</v>
      </c>
      <c r="AT6402">
        <v>0</v>
      </c>
      <c r="AU6402">
        <v>0</v>
      </c>
      <c r="AV6402">
        <v>0</v>
      </c>
      <c r="AW6402">
        <v>0</v>
      </c>
      <c r="AX6402">
        <v>46000</v>
      </c>
      <c r="AY6402">
        <v>24</v>
      </c>
      <c r="AZ6402">
        <v>78</v>
      </c>
      <c r="BA6402">
        <v>2817</v>
      </c>
    </row>
    <row r="6403" spans="1:53" x14ac:dyDescent="0.4">
      <c r="A6403">
        <v>6447</v>
      </c>
      <c r="B6403" s="1">
        <v>45284</v>
      </c>
      <c r="C6403">
        <v>1</v>
      </c>
      <c r="D6403" s="1">
        <v>45284.291666666664</v>
      </c>
      <c r="E6403" s="1">
        <v>45284.408333333333</v>
      </c>
      <c r="F6403">
        <v>0</v>
      </c>
      <c r="G6403">
        <v>0</v>
      </c>
      <c r="H6403">
        <v>0</v>
      </c>
      <c r="I6403">
        <v>0</v>
      </c>
      <c r="J6403">
        <v>0</v>
      </c>
      <c r="K6403">
        <v>0</v>
      </c>
      <c r="L6403">
        <v>0</v>
      </c>
      <c r="M6403">
        <v>0</v>
      </c>
      <c r="N6403">
        <v>0</v>
      </c>
      <c r="O6403">
        <v>0</v>
      </c>
      <c r="P6403">
        <v>0</v>
      </c>
      <c r="Q6403">
        <v>0</v>
      </c>
      <c r="R6403">
        <v>0</v>
      </c>
      <c r="S6403">
        <v>0</v>
      </c>
      <c r="T6403">
        <v>0</v>
      </c>
      <c r="U6403">
        <v>0</v>
      </c>
      <c r="V6403">
        <v>0</v>
      </c>
      <c r="W6403">
        <v>1</v>
      </c>
      <c r="X6403">
        <v>0</v>
      </c>
      <c r="Y6403">
        <v>33</v>
      </c>
      <c r="Z6403">
        <v>8</v>
      </c>
      <c r="AA6403">
        <v>64</v>
      </c>
      <c r="AB6403">
        <v>17</v>
      </c>
      <c r="AC6403">
        <v>54</v>
      </c>
      <c r="AD6403">
        <v>28</v>
      </c>
      <c r="AE6403">
        <v>70</v>
      </c>
      <c r="AF6403">
        <v>0</v>
      </c>
      <c r="AG6403">
        <v>50000</v>
      </c>
      <c r="AH6403">
        <v>50000</v>
      </c>
      <c r="AI6403">
        <v>0</v>
      </c>
      <c r="AJ6403">
        <v>0</v>
      </c>
      <c r="AK6403" t="s">
        <v>6</v>
      </c>
      <c r="AL6403">
        <v>0</v>
      </c>
      <c r="AM6403">
        <v>0</v>
      </c>
      <c r="AN6403">
        <v>0</v>
      </c>
      <c r="AO6403">
        <v>0</v>
      </c>
      <c r="AP6403">
        <v>0</v>
      </c>
      <c r="AQ6403">
        <v>0</v>
      </c>
      <c r="AR6403">
        <v>0</v>
      </c>
      <c r="AS6403">
        <v>0</v>
      </c>
      <c r="AT6403">
        <v>0</v>
      </c>
      <c r="AU6403">
        <v>0</v>
      </c>
      <c r="AV6403">
        <v>0</v>
      </c>
      <c r="AW6403">
        <v>0</v>
      </c>
      <c r="AX6403">
        <v>0</v>
      </c>
      <c r="AY6403">
        <v>0</v>
      </c>
      <c r="AZ6403">
        <v>0</v>
      </c>
      <c r="BA6403">
        <v>0</v>
      </c>
    </row>
    <row r="6404" spans="1:53" x14ac:dyDescent="0.4">
      <c r="A6404">
        <v>6448</v>
      </c>
      <c r="B6404" s="1">
        <v>45284</v>
      </c>
      <c r="C6404">
        <v>2</v>
      </c>
      <c r="D6404" s="1">
        <v>45284.408333333333</v>
      </c>
      <c r="E6404" s="1">
        <v>45284.810416666667</v>
      </c>
      <c r="F6404">
        <v>62420</v>
      </c>
      <c r="G6404">
        <v>6391</v>
      </c>
      <c r="H6404">
        <v>0</v>
      </c>
      <c r="I6404">
        <v>0</v>
      </c>
      <c r="J6404">
        <v>500</v>
      </c>
      <c r="K6404">
        <v>0</v>
      </c>
      <c r="L6404">
        <v>0</v>
      </c>
      <c r="M6404">
        <v>6205</v>
      </c>
      <c r="N6404">
        <v>0</v>
      </c>
      <c r="O6404">
        <v>0</v>
      </c>
      <c r="P6404">
        <v>7590</v>
      </c>
      <c r="Q6404">
        <v>0</v>
      </c>
      <c r="R6404">
        <v>75901</v>
      </c>
      <c r="S6404">
        <v>0</v>
      </c>
      <c r="T6404">
        <v>0</v>
      </c>
      <c r="U6404">
        <v>0</v>
      </c>
      <c r="V6404">
        <v>1</v>
      </c>
      <c r="W6404">
        <v>3</v>
      </c>
      <c r="X6404">
        <v>0</v>
      </c>
      <c r="Y6404">
        <v>74</v>
      </c>
      <c r="Z6404">
        <v>15</v>
      </c>
      <c r="AA6404">
        <v>104</v>
      </c>
      <c r="AB6404">
        <v>19</v>
      </c>
      <c r="AC6404">
        <v>86</v>
      </c>
      <c r="AD6404">
        <v>28</v>
      </c>
      <c r="AE6404">
        <v>71</v>
      </c>
      <c r="AF6404">
        <v>6930</v>
      </c>
      <c r="AG6404">
        <v>125851</v>
      </c>
      <c r="AH6404">
        <v>50000</v>
      </c>
      <c r="AI6404">
        <v>-50</v>
      </c>
      <c r="AJ6404">
        <v>45</v>
      </c>
      <c r="AK6404" t="s">
        <v>77</v>
      </c>
      <c r="AL6404">
        <v>0</v>
      </c>
      <c r="AM6404">
        <v>0</v>
      </c>
      <c r="AN6404">
        <v>0</v>
      </c>
      <c r="AO6404">
        <v>0</v>
      </c>
      <c r="AP6404">
        <v>0</v>
      </c>
      <c r="AQ6404">
        <v>0</v>
      </c>
      <c r="AR6404">
        <v>0</v>
      </c>
      <c r="AS6404">
        <v>0</v>
      </c>
      <c r="AT6404">
        <v>0</v>
      </c>
      <c r="AU6404">
        <v>0</v>
      </c>
      <c r="AV6404">
        <v>0</v>
      </c>
      <c r="AW6404">
        <v>0</v>
      </c>
      <c r="AX6404">
        <v>11970</v>
      </c>
      <c r="AY6404">
        <v>59</v>
      </c>
      <c r="AZ6404">
        <v>129</v>
      </c>
      <c r="BA6404">
        <v>9190</v>
      </c>
    </row>
    <row r="6405" spans="1:53" x14ac:dyDescent="0.4">
      <c r="A6405">
        <v>6449</v>
      </c>
      <c r="B6405" s="1">
        <v>45285</v>
      </c>
      <c r="C6405">
        <v>1</v>
      </c>
      <c r="D6405" s="1">
        <v>45285.291666666664</v>
      </c>
      <c r="E6405" s="1">
        <v>45285.413888888892</v>
      </c>
      <c r="F6405">
        <v>0</v>
      </c>
      <c r="G6405">
        <v>0</v>
      </c>
      <c r="H6405">
        <v>0</v>
      </c>
      <c r="I6405">
        <v>0</v>
      </c>
      <c r="J6405">
        <v>0</v>
      </c>
      <c r="K6405">
        <v>0</v>
      </c>
      <c r="L6405">
        <v>0</v>
      </c>
      <c r="M6405">
        <v>0</v>
      </c>
      <c r="N6405">
        <v>0</v>
      </c>
      <c r="O6405">
        <v>0</v>
      </c>
      <c r="P6405">
        <v>0</v>
      </c>
      <c r="Q6405">
        <v>0</v>
      </c>
      <c r="R6405">
        <v>0</v>
      </c>
      <c r="S6405">
        <v>0</v>
      </c>
      <c r="T6405">
        <v>0</v>
      </c>
      <c r="U6405">
        <v>0</v>
      </c>
      <c r="V6405">
        <v>0</v>
      </c>
      <c r="W6405">
        <v>1</v>
      </c>
      <c r="X6405">
        <v>0</v>
      </c>
      <c r="Y6405">
        <v>34</v>
      </c>
      <c r="Z6405">
        <v>5</v>
      </c>
      <c r="AA6405">
        <v>62</v>
      </c>
      <c r="AB6405">
        <v>25</v>
      </c>
      <c r="AC6405">
        <v>80</v>
      </c>
      <c r="AD6405">
        <v>37</v>
      </c>
      <c r="AE6405">
        <v>65</v>
      </c>
      <c r="AF6405">
        <v>0</v>
      </c>
      <c r="AG6405">
        <v>50000</v>
      </c>
      <c r="AH6405">
        <v>50000</v>
      </c>
      <c r="AI6405">
        <v>0</v>
      </c>
      <c r="AJ6405">
        <v>0</v>
      </c>
      <c r="AK6405" t="s">
        <v>6</v>
      </c>
      <c r="AL6405">
        <v>0</v>
      </c>
      <c r="AM6405">
        <v>0</v>
      </c>
      <c r="AN6405">
        <v>0</v>
      </c>
      <c r="AO6405">
        <v>0</v>
      </c>
      <c r="AP6405">
        <v>0</v>
      </c>
      <c r="AQ6405">
        <v>0</v>
      </c>
      <c r="AR6405">
        <v>0</v>
      </c>
      <c r="AS6405">
        <v>0</v>
      </c>
      <c r="AT6405">
        <v>0</v>
      </c>
      <c r="AU6405">
        <v>0</v>
      </c>
      <c r="AV6405">
        <v>0</v>
      </c>
      <c r="AW6405">
        <v>0</v>
      </c>
      <c r="AX6405">
        <v>0</v>
      </c>
      <c r="AY6405">
        <v>0</v>
      </c>
      <c r="AZ6405">
        <v>0</v>
      </c>
      <c r="BA6405">
        <v>0</v>
      </c>
    </row>
    <row r="6406" spans="1:53" x14ac:dyDescent="0.4">
      <c r="A6406">
        <v>6450</v>
      </c>
      <c r="B6406" s="1">
        <v>45285</v>
      </c>
      <c r="C6406">
        <v>2</v>
      </c>
      <c r="D6406" s="1">
        <v>45285.413888888892</v>
      </c>
      <c r="E6406" s="1">
        <v>45285.753472222219</v>
      </c>
      <c r="F6406">
        <v>54040</v>
      </c>
      <c r="G6406">
        <v>4400</v>
      </c>
      <c r="H6406">
        <v>0</v>
      </c>
      <c r="I6406">
        <v>0</v>
      </c>
      <c r="J6406">
        <v>100</v>
      </c>
      <c r="K6406">
        <v>0</v>
      </c>
      <c r="L6406">
        <v>0</v>
      </c>
      <c r="M6406">
        <v>5304</v>
      </c>
      <c r="N6406">
        <v>0</v>
      </c>
      <c r="O6406">
        <v>0</v>
      </c>
      <c r="P6406">
        <v>29410</v>
      </c>
      <c r="Q6406">
        <v>0</v>
      </c>
      <c r="R6406">
        <v>87750</v>
      </c>
      <c r="S6406">
        <v>0</v>
      </c>
      <c r="T6406">
        <v>0</v>
      </c>
      <c r="U6406">
        <v>0</v>
      </c>
      <c r="V6406">
        <v>2</v>
      </c>
      <c r="W6406">
        <v>3</v>
      </c>
      <c r="X6406">
        <v>0</v>
      </c>
      <c r="Y6406">
        <v>79</v>
      </c>
      <c r="Z6406">
        <v>8</v>
      </c>
      <c r="AA6406">
        <v>124</v>
      </c>
      <c r="AB6406">
        <v>28</v>
      </c>
      <c r="AC6406">
        <v>89</v>
      </c>
      <c r="AD6406">
        <v>38</v>
      </c>
      <c r="AE6406">
        <v>65</v>
      </c>
      <c r="AF6406">
        <v>4805</v>
      </c>
      <c r="AG6406">
        <v>137750</v>
      </c>
      <c r="AH6406">
        <v>50000</v>
      </c>
      <c r="AI6406">
        <v>0</v>
      </c>
      <c r="AJ6406">
        <v>36</v>
      </c>
      <c r="AK6406" t="s">
        <v>68</v>
      </c>
      <c r="AL6406">
        <v>0</v>
      </c>
      <c r="AM6406">
        <v>0</v>
      </c>
      <c r="AN6406">
        <v>0</v>
      </c>
      <c r="AO6406">
        <v>0</v>
      </c>
      <c r="AP6406">
        <v>0</v>
      </c>
      <c r="AQ6406">
        <v>0</v>
      </c>
      <c r="AR6406">
        <v>0</v>
      </c>
      <c r="AS6406">
        <v>0</v>
      </c>
      <c r="AT6406">
        <v>0</v>
      </c>
      <c r="AU6406">
        <v>0</v>
      </c>
      <c r="AV6406">
        <v>0</v>
      </c>
      <c r="AW6406">
        <v>0</v>
      </c>
      <c r="AX6406">
        <v>4130</v>
      </c>
      <c r="AY6406">
        <v>42</v>
      </c>
      <c r="AZ6406">
        <v>133</v>
      </c>
      <c r="BA6406">
        <v>6583</v>
      </c>
    </row>
    <row r="6407" spans="1:53" x14ac:dyDescent="0.4">
      <c r="A6407">
        <v>6451</v>
      </c>
      <c r="B6407" s="1">
        <v>45286</v>
      </c>
      <c r="C6407">
        <v>1</v>
      </c>
      <c r="D6407" s="1">
        <v>45286.291666666664</v>
      </c>
      <c r="E6407" s="1">
        <v>45286.754166666666</v>
      </c>
      <c r="F6407">
        <v>49480</v>
      </c>
      <c r="G6407">
        <v>2816</v>
      </c>
      <c r="H6407">
        <v>0</v>
      </c>
      <c r="I6407">
        <v>0</v>
      </c>
      <c r="J6407">
        <v>100</v>
      </c>
      <c r="K6407">
        <v>0</v>
      </c>
      <c r="L6407">
        <v>0</v>
      </c>
      <c r="M6407">
        <v>4744</v>
      </c>
      <c r="N6407">
        <v>0</v>
      </c>
      <c r="O6407">
        <v>0</v>
      </c>
      <c r="P6407">
        <v>15360</v>
      </c>
      <c r="Q6407">
        <v>0</v>
      </c>
      <c r="R6407">
        <v>67556</v>
      </c>
      <c r="S6407">
        <v>0</v>
      </c>
      <c r="T6407">
        <v>0</v>
      </c>
      <c r="U6407">
        <v>0</v>
      </c>
      <c r="V6407">
        <v>0</v>
      </c>
      <c r="W6407">
        <v>1</v>
      </c>
      <c r="X6407">
        <v>0</v>
      </c>
      <c r="Y6407">
        <v>80</v>
      </c>
      <c r="Z6407">
        <v>18</v>
      </c>
      <c r="AA6407">
        <v>83</v>
      </c>
      <c r="AB6407">
        <v>33</v>
      </c>
      <c r="AC6407">
        <v>136</v>
      </c>
      <c r="AD6407">
        <v>38</v>
      </c>
      <c r="AE6407">
        <v>60</v>
      </c>
      <c r="AF6407">
        <v>11996</v>
      </c>
      <c r="AG6407">
        <v>117556</v>
      </c>
      <c r="AH6407">
        <v>50000</v>
      </c>
      <c r="AI6407">
        <v>0</v>
      </c>
      <c r="AJ6407">
        <v>112</v>
      </c>
      <c r="AK6407" t="s">
        <v>78</v>
      </c>
      <c r="AL6407">
        <v>0</v>
      </c>
      <c r="AM6407">
        <v>0</v>
      </c>
      <c r="AN6407">
        <v>0</v>
      </c>
      <c r="AO6407">
        <v>0</v>
      </c>
      <c r="AP6407">
        <v>0</v>
      </c>
      <c r="AQ6407">
        <v>0</v>
      </c>
      <c r="AR6407">
        <v>0</v>
      </c>
      <c r="AS6407">
        <v>0</v>
      </c>
      <c r="AT6407">
        <v>0</v>
      </c>
      <c r="AU6407">
        <v>0</v>
      </c>
      <c r="AV6407">
        <v>0</v>
      </c>
      <c r="AW6407">
        <v>0</v>
      </c>
      <c r="AX6407">
        <v>-2650</v>
      </c>
      <c r="AY6407">
        <v>53</v>
      </c>
      <c r="AZ6407">
        <v>107</v>
      </c>
      <c r="BA6407">
        <v>7375</v>
      </c>
    </row>
    <row r="6408" spans="1:53" x14ac:dyDescent="0.4">
      <c r="A6408">
        <v>6452</v>
      </c>
      <c r="B6408" s="1">
        <v>45286</v>
      </c>
      <c r="C6408">
        <v>2</v>
      </c>
      <c r="D6408" s="1">
        <v>45286.754166666666</v>
      </c>
      <c r="E6408" s="1">
        <v>45287.003472222219</v>
      </c>
      <c r="F6408">
        <v>123360</v>
      </c>
      <c r="G6408">
        <v>4653</v>
      </c>
      <c r="H6408">
        <v>0</v>
      </c>
      <c r="I6408">
        <v>0</v>
      </c>
      <c r="J6408">
        <v>0</v>
      </c>
      <c r="K6408">
        <v>0</v>
      </c>
      <c r="L6408">
        <v>0</v>
      </c>
      <c r="M6408">
        <v>11634</v>
      </c>
      <c r="N6408">
        <v>0</v>
      </c>
      <c r="O6408">
        <v>0</v>
      </c>
      <c r="P6408">
        <v>-15360</v>
      </c>
      <c r="Q6408">
        <v>0</v>
      </c>
      <c r="R6408">
        <v>112653</v>
      </c>
      <c r="S6408">
        <v>0</v>
      </c>
      <c r="T6408">
        <v>0</v>
      </c>
      <c r="U6408">
        <v>0</v>
      </c>
      <c r="V6408">
        <v>9</v>
      </c>
      <c r="W6408">
        <v>0</v>
      </c>
      <c r="X6408">
        <v>0</v>
      </c>
      <c r="Y6408">
        <v>106</v>
      </c>
      <c r="Z6408">
        <v>11</v>
      </c>
      <c r="AA6408">
        <v>78</v>
      </c>
      <c r="AB6408">
        <v>31</v>
      </c>
      <c r="AC6408">
        <v>130</v>
      </c>
      <c r="AD6408">
        <v>37</v>
      </c>
      <c r="AE6408">
        <v>59</v>
      </c>
      <c r="AF6408">
        <v>17815</v>
      </c>
      <c r="AG6408">
        <v>230209</v>
      </c>
      <c r="AH6408">
        <v>50000</v>
      </c>
      <c r="AI6408">
        <v>0</v>
      </c>
      <c r="AJ6408">
        <v>113</v>
      </c>
      <c r="AK6408" t="s">
        <v>80</v>
      </c>
      <c r="AL6408">
        <v>0</v>
      </c>
      <c r="AM6408">
        <v>0</v>
      </c>
      <c r="AN6408">
        <v>0</v>
      </c>
      <c r="AO6408">
        <v>0</v>
      </c>
      <c r="AP6408">
        <v>0</v>
      </c>
      <c r="AQ6408">
        <v>0</v>
      </c>
      <c r="AR6408">
        <v>0</v>
      </c>
      <c r="AS6408">
        <v>0</v>
      </c>
      <c r="AT6408">
        <v>0</v>
      </c>
      <c r="AU6408">
        <v>0</v>
      </c>
      <c r="AV6408">
        <v>0</v>
      </c>
      <c r="AW6408">
        <v>0</v>
      </c>
      <c r="AX6408">
        <v>2880</v>
      </c>
      <c r="AY6408">
        <v>17</v>
      </c>
      <c r="AZ6408">
        <v>57</v>
      </c>
      <c r="BA6408">
        <v>282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107"/>
  <sheetViews>
    <sheetView workbookViewId="0">
      <selection sqref="A1:F107"/>
    </sheetView>
  </sheetViews>
  <sheetFormatPr defaultRowHeight="18.75" x14ac:dyDescent="0.4"/>
  <sheetData>
    <row r="1" spans="1:6" x14ac:dyDescent="0.4">
      <c r="A1" t="s">
        <v>134</v>
      </c>
      <c r="B1" t="s">
        <v>135</v>
      </c>
      <c r="C1" t="s">
        <v>136</v>
      </c>
      <c r="D1" t="s">
        <v>137</v>
      </c>
      <c r="E1" t="s">
        <v>138</v>
      </c>
      <c r="F1" t="s">
        <v>139</v>
      </c>
    </row>
    <row r="2" spans="1:6" x14ac:dyDescent="0.4">
      <c r="A2">
        <v>1</v>
      </c>
      <c r="B2" s="4" t="s">
        <v>140</v>
      </c>
      <c r="C2">
        <v>12</v>
      </c>
      <c r="D2" s="4"/>
      <c r="F2" s="4"/>
    </row>
    <row r="3" spans="1:6" x14ac:dyDescent="0.4">
      <c r="A3">
        <v>2</v>
      </c>
      <c r="B3" s="4" t="s">
        <v>140</v>
      </c>
      <c r="C3">
        <v>24</v>
      </c>
      <c r="D3" s="4"/>
      <c r="F3" s="4"/>
    </row>
    <row r="4" spans="1:6" x14ac:dyDescent="0.4">
      <c r="A4">
        <v>3</v>
      </c>
      <c r="B4" s="4" t="s">
        <v>140</v>
      </c>
      <c r="C4">
        <v>12</v>
      </c>
      <c r="D4" s="4"/>
      <c r="F4" s="4"/>
    </row>
    <row r="5" spans="1:6" x14ac:dyDescent="0.4">
      <c r="A5">
        <v>4</v>
      </c>
      <c r="B5" s="4" t="s">
        <v>140</v>
      </c>
      <c r="C5">
        <v>24</v>
      </c>
      <c r="D5" s="4"/>
      <c r="F5" s="4"/>
    </row>
    <row r="6" spans="1:6" x14ac:dyDescent="0.4">
      <c r="A6">
        <v>5</v>
      </c>
      <c r="B6" s="4" t="s">
        <v>140</v>
      </c>
      <c r="C6">
        <v>24</v>
      </c>
      <c r="D6" s="4"/>
      <c r="F6" s="4"/>
    </row>
    <row r="7" spans="1:6" x14ac:dyDescent="0.4">
      <c r="A7">
        <v>6</v>
      </c>
      <c r="B7" s="4" t="s">
        <v>140</v>
      </c>
      <c r="C7">
        <v>12</v>
      </c>
      <c r="D7" s="4"/>
      <c r="F7" s="4"/>
    </row>
    <row r="8" spans="1:6" x14ac:dyDescent="0.4">
      <c r="A8">
        <v>7</v>
      </c>
      <c r="B8" s="4" t="s">
        <v>140</v>
      </c>
      <c r="C8">
        <v>12</v>
      </c>
      <c r="D8" s="4"/>
      <c r="F8" s="4"/>
    </row>
    <row r="9" spans="1:6" x14ac:dyDescent="0.4">
      <c r="A9">
        <v>8</v>
      </c>
      <c r="B9" s="4" t="s">
        <v>140</v>
      </c>
      <c r="C9">
        <v>12</v>
      </c>
      <c r="D9" s="4"/>
      <c r="F9" s="4"/>
    </row>
    <row r="10" spans="1:6" x14ac:dyDescent="0.4">
      <c r="A10">
        <v>9</v>
      </c>
      <c r="B10" s="4" t="s">
        <v>140</v>
      </c>
      <c r="C10">
        <v>12</v>
      </c>
      <c r="D10" s="4"/>
      <c r="F10" s="4"/>
    </row>
    <row r="11" spans="1:6" x14ac:dyDescent="0.4">
      <c r="A11">
        <v>10</v>
      </c>
      <c r="B11" s="4" t="s">
        <v>140</v>
      </c>
      <c r="C11">
        <v>12</v>
      </c>
      <c r="D11" s="4"/>
      <c r="F11" s="4"/>
    </row>
    <row r="12" spans="1:6" x14ac:dyDescent="0.4">
      <c r="A12">
        <v>11</v>
      </c>
      <c r="B12" s="4" t="s">
        <v>140</v>
      </c>
      <c r="C12">
        <v>12</v>
      </c>
      <c r="D12" s="4"/>
      <c r="F12" s="4"/>
    </row>
    <row r="13" spans="1:6" x14ac:dyDescent="0.4">
      <c r="A13">
        <v>12</v>
      </c>
      <c r="B13" s="4" t="s">
        <v>140</v>
      </c>
      <c r="C13">
        <v>12</v>
      </c>
      <c r="D13" s="4"/>
      <c r="F13" s="4"/>
    </row>
    <row r="14" spans="1:6" x14ac:dyDescent="0.4">
      <c r="A14">
        <v>13</v>
      </c>
      <c r="B14" s="4" t="s">
        <v>140</v>
      </c>
      <c r="C14">
        <v>12</v>
      </c>
      <c r="D14" s="4"/>
      <c r="F14" s="4"/>
    </row>
    <row r="15" spans="1:6" x14ac:dyDescent="0.4">
      <c r="A15">
        <v>14</v>
      </c>
      <c r="B15" s="4" t="s">
        <v>140</v>
      </c>
      <c r="C15">
        <v>12</v>
      </c>
      <c r="D15" s="4"/>
      <c r="F15" s="4"/>
    </row>
    <row r="16" spans="1:6" x14ac:dyDescent="0.4">
      <c r="A16">
        <v>15</v>
      </c>
      <c r="B16" s="4" t="s">
        <v>140</v>
      </c>
      <c r="C16">
        <v>12</v>
      </c>
      <c r="D16" s="4"/>
      <c r="F16" s="4"/>
    </row>
    <row r="17" spans="1:6" x14ac:dyDescent="0.4">
      <c r="A17">
        <v>16</v>
      </c>
      <c r="B17" s="4" t="s">
        <v>140</v>
      </c>
      <c r="C17">
        <v>12</v>
      </c>
      <c r="D17" s="4"/>
      <c r="F17" s="4"/>
    </row>
    <row r="18" spans="1:6" x14ac:dyDescent="0.4">
      <c r="A18">
        <v>17</v>
      </c>
      <c r="B18" s="4" t="s">
        <v>140</v>
      </c>
      <c r="C18">
        <v>12</v>
      </c>
      <c r="D18" s="4"/>
      <c r="F18" s="4"/>
    </row>
    <row r="19" spans="1:6" x14ac:dyDescent="0.4">
      <c r="A19">
        <v>18</v>
      </c>
      <c r="B19" s="4" t="s">
        <v>140</v>
      </c>
      <c r="C19">
        <v>12</v>
      </c>
      <c r="D19" s="4"/>
      <c r="F19" s="4"/>
    </row>
    <row r="20" spans="1:6" x14ac:dyDescent="0.4">
      <c r="A20">
        <v>19</v>
      </c>
      <c r="B20" s="4" t="s">
        <v>140</v>
      </c>
      <c r="C20">
        <v>12</v>
      </c>
      <c r="D20" s="4"/>
      <c r="F20" s="4"/>
    </row>
    <row r="21" spans="1:6" x14ac:dyDescent="0.4">
      <c r="A21">
        <v>20</v>
      </c>
      <c r="B21" s="4" t="s">
        <v>140</v>
      </c>
      <c r="C21">
        <v>12</v>
      </c>
      <c r="D21" s="4"/>
      <c r="F21" s="4"/>
    </row>
    <row r="22" spans="1:6" x14ac:dyDescent="0.4">
      <c r="A22">
        <v>21</v>
      </c>
      <c r="B22" s="4" t="s">
        <v>140</v>
      </c>
      <c r="C22">
        <v>12</v>
      </c>
      <c r="D22" s="4"/>
      <c r="F22" s="4"/>
    </row>
    <row r="23" spans="1:6" x14ac:dyDescent="0.4">
      <c r="A23">
        <v>22</v>
      </c>
      <c r="B23" s="4" t="s">
        <v>140</v>
      </c>
      <c r="C23">
        <v>12</v>
      </c>
      <c r="D23" s="4"/>
      <c r="F23" s="4"/>
    </row>
    <row r="24" spans="1:6" x14ac:dyDescent="0.4">
      <c r="A24">
        <v>23</v>
      </c>
      <c r="B24" s="4" t="s">
        <v>140</v>
      </c>
      <c r="C24">
        <v>12</v>
      </c>
      <c r="D24" s="4"/>
      <c r="F24" s="4"/>
    </row>
    <row r="25" spans="1:6" x14ac:dyDescent="0.4">
      <c r="A25">
        <v>24</v>
      </c>
      <c r="B25" s="4" t="s">
        <v>140</v>
      </c>
      <c r="C25">
        <v>12</v>
      </c>
      <c r="D25" s="4"/>
      <c r="F25" s="4"/>
    </row>
    <row r="26" spans="1:6" x14ac:dyDescent="0.4">
      <c r="A26">
        <v>25</v>
      </c>
      <c r="B26" s="4" t="s">
        <v>140</v>
      </c>
      <c r="C26">
        <v>12</v>
      </c>
      <c r="D26" s="4"/>
      <c r="F26" s="4"/>
    </row>
    <row r="27" spans="1:6" x14ac:dyDescent="0.4">
      <c r="A27">
        <v>26</v>
      </c>
      <c r="B27" s="4" t="s">
        <v>140</v>
      </c>
      <c r="C27">
        <v>12</v>
      </c>
      <c r="D27" s="4"/>
      <c r="F27" s="4"/>
    </row>
    <row r="28" spans="1:6" x14ac:dyDescent="0.4">
      <c r="A28">
        <v>27</v>
      </c>
      <c r="B28" s="4" t="s">
        <v>140</v>
      </c>
      <c r="C28">
        <v>12</v>
      </c>
      <c r="D28" s="4"/>
      <c r="F28" s="4"/>
    </row>
    <row r="29" spans="1:6" x14ac:dyDescent="0.4">
      <c r="A29">
        <v>28</v>
      </c>
      <c r="B29" s="4" t="s">
        <v>140</v>
      </c>
      <c r="C29">
        <v>12</v>
      </c>
      <c r="D29" s="4"/>
      <c r="F29" s="4"/>
    </row>
    <row r="30" spans="1:6" x14ac:dyDescent="0.4">
      <c r="A30">
        <v>29</v>
      </c>
      <c r="B30" s="4" t="s">
        <v>140</v>
      </c>
      <c r="C30">
        <v>12</v>
      </c>
      <c r="D30" s="4"/>
      <c r="F30" s="4"/>
    </row>
    <row r="31" spans="1:6" x14ac:dyDescent="0.4">
      <c r="A31">
        <v>30</v>
      </c>
      <c r="B31" s="4" t="s">
        <v>140</v>
      </c>
      <c r="C31">
        <v>12</v>
      </c>
      <c r="D31" s="4"/>
      <c r="F31" s="4"/>
    </row>
    <row r="32" spans="1:6" x14ac:dyDescent="0.4">
      <c r="A32">
        <v>31</v>
      </c>
      <c r="B32" s="4" t="s">
        <v>140</v>
      </c>
      <c r="C32">
        <v>12</v>
      </c>
      <c r="D32" s="4"/>
      <c r="F32" s="4"/>
    </row>
    <row r="33" spans="1:6" x14ac:dyDescent="0.4">
      <c r="A33">
        <v>32</v>
      </c>
      <c r="B33" s="4" t="s">
        <v>140</v>
      </c>
      <c r="C33">
        <v>12</v>
      </c>
      <c r="D33" s="4"/>
      <c r="F33" s="4"/>
    </row>
    <row r="34" spans="1:6" x14ac:dyDescent="0.4">
      <c r="A34">
        <v>33</v>
      </c>
      <c r="B34" s="4" t="s">
        <v>140</v>
      </c>
      <c r="C34">
        <v>12</v>
      </c>
      <c r="D34" s="4"/>
      <c r="F34" s="4"/>
    </row>
    <row r="35" spans="1:6" x14ac:dyDescent="0.4">
      <c r="A35">
        <v>34</v>
      </c>
      <c r="B35" s="4" t="s">
        <v>140</v>
      </c>
      <c r="C35">
        <v>12</v>
      </c>
      <c r="D35" s="4"/>
      <c r="F35" s="4"/>
    </row>
    <row r="36" spans="1:6" x14ac:dyDescent="0.4">
      <c r="A36">
        <v>35</v>
      </c>
      <c r="B36" s="4" t="s">
        <v>140</v>
      </c>
      <c r="C36">
        <v>12</v>
      </c>
      <c r="D36" s="4"/>
      <c r="F36" s="4"/>
    </row>
    <row r="37" spans="1:6" x14ac:dyDescent="0.4">
      <c r="A37">
        <v>36</v>
      </c>
      <c r="B37" s="4" t="s">
        <v>140</v>
      </c>
      <c r="C37">
        <v>12</v>
      </c>
      <c r="D37" s="4"/>
      <c r="F37" s="4"/>
    </row>
    <row r="38" spans="1:6" x14ac:dyDescent="0.4">
      <c r="A38">
        <v>37</v>
      </c>
      <c r="B38" s="4" t="s">
        <v>140</v>
      </c>
      <c r="C38">
        <v>31</v>
      </c>
      <c r="D38" s="4" t="s">
        <v>141</v>
      </c>
      <c r="F38" s="4"/>
    </row>
    <row r="39" spans="1:6" x14ac:dyDescent="0.4">
      <c r="A39">
        <v>38</v>
      </c>
      <c r="B39" s="4" t="s">
        <v>140</v>
      </c>
      <c r="C39">
        <v>12</v>
      </c>
      <c r="D39" s="4"/>
      <c r="F39" s="4"/>
    </row>
    <row r="40" spans="1:6" x14ac:dyDescent="0.4">
      <c r="A40">
        <v>39</v>
      </c>
      <c r="B40" s="4" t="s">
        <v>140</v>
      </c>
      <c r="C40">
        <v>12</v>
      </c>
      <c r="D40" s="4"/>
      <c r="F40" s="4"/>
    </row>
    <row r="41" spans="1:6" x14ac:dyDescent="0.4">
      <c r="A41">
        <v>40</v>
      </c>
      <c r="B41" s="4" t="s">
        <v>140</v>
      </c>
      <c r="C41">
        <v>12</v>
      </c>
      <c r="D41" s="4"/>
      <c r="F41" s="4"/>
    </row>
    <row r="42" spans="1:6" x14ac:dyDescent="0.4">
      <c r="A42">
        <v>41</v>
      </c>
      <c r="B42" s="4" t="s">
        <v>140</v>
      </c>
      <c r="C42">
        <v>12</v>
      </c>
      <c r="D42" s="4"/>
      <c r="F42" s="4"/>
    </row>
    <row r="43" spans="1:6" x14ac:dyDescent="0.4">
      <c r="A43">
        <v>42</v>
      </c>
      <c r="B43" s="4" t="s">
        <v>140</v>
      </c>
      <c r="C43">
        <v>12</v>
      </c>
      <c r="D43" s="4"/>
      <c r="F43" s="4"/>
    </row>
    <row r="44" spans="1:6" x14ac:dyDescent="0.4">
      <c r="A44">
        <v>43</v>
      </c>
      <c r="B44" s="4" t="s">
        <v>140</v>
      </c>
      <c r="C44">
        <v>12</v>
      </c>
      <c r="D44" s="4"/>
      <c r="F44" s="4"/>
    </row>
    <row r="45" spans="1:6" x14ac:dyDescent="0.4">
      <c r="A45">
        <v>44</v>
      </c>
      <c r="B45" s="4" t="s">
        <v>140</v>
      </c>
      <c r="C45">
        <v>12</v>
      </c>
      <c r="D45" s="4"/>
      <c r="F45" s="4"/>
    </row>
    <row r="46" spans="1:6" x14ac:dyDescent="0.4">
      <c r="A46">
        <v>45</v>
      </c>
      <c r="B46" s="4" t="s">
        <v>140</v>
      </c>
      <c r="C46">
        <v>12</v>
      </c>
      <c r="D46" s="4"/>
      <c r="F46" s="4"/>
    </row>
    <row r="47" spans="1:6" x14ac:dyDescent="0.4">
      <c r="A47">
        <v>46</v>
      </c>
      <c r="B47" s="4" t="s">
        <v>140</v>
      </c>
      <c r="C47">
        <v>12</v>
      </c>
      <c r="D47" s="4"/>
      <c r="F47" s="4"/>
    </row>
    <row r="48" spans="1:6" x14ac:dyDescent="0.4">
      <c r="A48">
        <v>47</v>
      </c>
      <c r="B48" s="4" t="s">
        <v>140</v>
      </c>
      <c r="C48">
        <v>12</v>
      </c>
      <c r="D48" s="4"/>
      <c r="F48" s="4"/>
    </row>
    <row r="49" spans="1:6" x14ac:dyDescent="0.4">
      <c r="A49">
        <v>48</v>
      </c>
      <c r="B49" s="4" t="s">
        <v>140</v>
      </c>
      <c r="C49">
        <v>12</v>
      </c>
      <c r="D49" s="4"/>
      <c r="F49" s="4"/>
    </row>
    <row r="50" spans="1:6" x14ac:dyDescent="0.4">
      <c r="A50">
        <v>49</v>
      </c>
      <c r="B50" s="4" t="s">
        <v>140</v>
      </c>
      <c r="C50">
        <v>12</v>
      </c>
      <c r="D50" s="4"/>
      <c r="F50" s="4"/>
    </row>
    <row r="51" spans="1:6" x14ac:dyDescent="0.4">
      <c r="A51">
        <v>50</v>
      </c>
      <c r="B51" s="4" t="s">
        <v>140</v>
      </c>
      <c r="C51">
        <v>12</v>
      </c>
      <c r="D51" s="4"/>
      <c r="F51" s="4"/>
    </row>
    <row r="52" spans="1:6" x14ac:dyDescent="0.4">
      <c r="A52">
        <v>51</v>
      </c>
      <c r="B52" s="4" t="s">
        <v>140</v>
      </c>
      <c r="C52">
        <v>12</v>
      </c>
      <c r="D52" s="4"/>
      <c r="F52" s="4"/>
    </row>
    <row r="53" spans="1:6" x14ac:dyDescent="0.4">
      <c r="A53">
        <v>52</v>
      </c>
      <c r="B53" s="4" t="s">
        <v>140</v>
      </c>
      <c r="C53">
        <v>12</v>
      </c>
      <c r="D53" s="4"/>
      <c r="F53" s="4"/>
    </row>
    <row r="54" spans="1:6" x14ac:dyDescent="0.4">
      <c r="A54">
        <v>53</v>
      </c>
      <c r="B54" s="4" t="s">
        <v>142</v>
      </c>
      <c r="C54">
        <v>12</v>
      </c>
      <c r="D54" s="4"/>
      <c r="F54" s="4"/>
    </row>
    <row r="55" spans="1:6" x14ac:dyDescent="0.4">
      <c r="B55" s="4"/>
      <c r="D55" s="4"/>
      <c r="E55">
        <v>1</v>
      </c>
      <c r="F55" s="4" t="s">
        <v>81</v>
      </c>
    </row>
    <row r="56" spans="1:6" x14ac:dyDescent="0.4">
      <c r="B56" s="4"/>
      <c r="D56" s="4"/>
      <c r="E56">
        <v>2</v>
      </c>
      <c r="F56" s="4" t="s">
        <v>82</v>
      </c>
    </row>
    <row r="57" spans="1:6" x14ac:dyDescent="0.4">
      <c r="B57" s="4"/>
      <c r="D57" s="4"/>
      <c r="E57">
        <v>3</v>
      </c>
      <c r="F57" s="4" t="s">
        <v>83</v>
      </c>
    </row>
    <row r="58" spans="1:6" x14ac:dyDescent="0.4">
      <c r="B58" s="4"/>
      <c r="D58" s="4"/>
      <c r="E58">
        <v>4</v>
      </c>
      <c r="F58" s="4" t="s">
        <v>84</v>
      </c>
    </row>
    <row r="59" spans="1:6" x14ac:dyDescent="0.4">
      <c r="B59" s="4"/>
      <c r="D59" s="4"/>
      <c r="E59">
        <v>5</v>
      </c>
      <c r="F59" s="4" t="s">
        <v>85</v>
      </c>
    </row>
    <row r="60" spans="1:6" x14ac:dyDescent="0.4">
      <c r="B60" s="4"/>
      <c r="D60" s="4"/>
      <c r="E60">
        <v>6</v>
      </c>
      <c r="F60" s="4" t="s">
        <v>86</v>
      </c>
    </row>
    <row r="61" spans="1:6" x14ac:dyDescent="0.4">
      <c r="B61" s="4"/>
      <c r="D61" s="4"/>
      <c r="E61">
        <v>7</v>
      </c>
      <c r="F61" s="4" t="s">
        <v>87</v>
      </c>
    </row>
    <row r="62" spans="1:6" x14ac:dyDescent="0.4">
      <c r="B62" s="4"/>
      <c r="D62" s="4"/>
      <c r="E62">
        <v>8</v>
      </c>
      <c r="F62" s="4" t="s">
        <v>88</v>
      </c>
    </row>
    <row r="63" spans="1:6" x14ac:dyDescent="0.4">
      <c r="B63" s="4"/>
      <c r="D63" s="4"/>
      <c r="E63">
        <v>9</v>
      </c>
      <c r="F63" s="4" t="s">
        <v>89</v>
      </c>
    </row>
    <row r="64" spans="1:6" x14ac:dyDescent="0.4">
      <c r="B64" s="4"/>
      <c r="D64" s="4"/>
      <c r="E64">
        <v>10</v>
      </c>
      <c r="F64" s="4" t="s">
        <v>90</v>
      </c>
    </row>
    <row r="65" spans="2:6" x14ac:dyDescent="0.4">
      <c r="B65" s="4"/>
      <c r="D65" s="4"/>
      <c r="E65">
        <v>11</v>
      </c>
      <c r="F65" s="4" t="s">
        <v>91</v>
      </c>
    </row>
    <row r="66" spans="2:6" x14ac:dyDescent="0.4">
      <c r="B66" s="4"/>
      <c r="D66" s="4"/>
      <c r="E66">
        <v>12</v>
      </c>
      <c r="F66" s="4" t="s">
        <v>92</v>
      </c>
    </row>
    <row r="67" spans="2:6" x14ac:dyDescent="0.4">
      <c r="B67" s="4"/>
      <c r="D67" s="4"/>
      <c r="E67">
        <v>13</v>
      </c>
      <c r="F67" s="4" t="s">
        <v>93</v>
      </c>
    </row>
    <row r="68" spans="2:6" x14ac:dyDescent="0.4">
      <c r="B68" s="4"/>
      <c r="D68" s="4"/>
      <c r="E68">
        <v>14</v>
      </c>
      <c r="F68" s="4" t="s">
        <v>94</v>
      </c>
    </row>
    <row r="69" spans="2:6" x14ac:dyDescent="0.4">
      <c r="B69" s="4"/>
      <c r="D69" s="4"/>
      <c r="E69">
        <v>15</v>
      </c>
      <c r="F69" s="4" t="s">
        <v>95</v>
      </c>
    </row>
    <row r="70" spans="2:6" x14ac:dyDescent="0.4">
      <c r="B70" s="4"/>
      <c r="D70" s="4"/>
      <c r="E70">
        <v>16</v>
      </c>
      <c r="F70" s="4" t="s">
        <v>96</v>
      </c>
    </row>
    <row r="71" spans="2:6" x14ac:dyDescent="0.4">
      <c r="B71" s="4"/>
      <c r="D71" s="4"/>
      <c r="E71">
        <v>17</v>
      </c>
      <c r="F71" s="4" t="s">
        <v>97</v>
      </c>
    </row>
    <row r="72" spans="2:6" x14ac:dyDescent="0.4">
      <c r="B72" s="4"/>
      <c r="D72" s="4"/>
      <c r="E72">
        <v>18</v>
      </c>
      <c r="F72" s="4" t="s">
        <v>98</v>
      </c>
    </row>
    <row r="73" spans="2:6" x14ac:dyDescent="0.4">
      <c r="B73" s="4"/>
      <c r="D73" s="4"/>
      <c r="E73">
        <v>19</v>
      </c>
      <c r="F73" s="4" t="s">
        <v>99</v>
      </c>
    </row>
    <row r="74" spans="2:6" x14ac:dyDescent="0.4">
      <c r="B74" s="4"/>
      <c r="D74" s="4"/>
      <c r="E74">
        <v>20</v>
      </c>
      <c r="F74" s="4" t="s">
        <v>100</v>
      </c>
    </row>
    <row r="75" spans="2:6" x14ac:dyDescent="0.4">
      <c r="B75" s="4"/>
      <c r="D75" s="4"/>
      <c r="E75">
        <v>21</v>
      </c>
      <c r="F75" s="4" t="s">
        <v>101</v>
      </c>
    </row>
    <row r="76" spans="2:6" x14ac:dyDescent="0.4">
      <c r="B76" s="4"/>
      <c r="D76" s="4"/>
      <c r="E76">
        <v>22</v>
      </c>
      <c r="F76" s="4" t="s">
        <v>102</v>
      </c>
    </row>
    <row r="77" spans="2:6" x14ac:dyDescent="0.4">
      <c r="B77" s="4"/>
      <c r="D77" s="4"/>
      <c r="E77">
        <v>23</v>
      </c>
      <c r="F77" s="4" t="s">
        <v>103</v>
      </c>
    </row>
    <row r="78" spans="2:6" x14ac:dyDescent="0.4">
      <c r="B78" s="4"/>
      <c r="D78" s="4"/>
      <c r="E78">
        <v>24</v>
      </c>
      <c r="F78" s="4" t="s">
        <v>104</v>
      </c>
    </row>
    <row r="79" spans="2:6" x14ac:dyDescent="0.4">
      <c r="B79" s="4"/>
      <c r="D79" s="4"/>
      <c r="E79">
        <v>25</v>
      </c>
      <c r="F79" s="4" t="s">
        <v>105</v>
      </c>
    </row>
    <row r="80" spans="2:6" x14ac:dyDescent="0.4">
      <c r="B80" s="4"/>
      <c r="D80" s="4"/>
      <c r="E80">
        <v>26</v>
      </c>
      <c r="F80" s="4" t="s">
        <v>106</v>
      </c>
    </row>
    <row r="81" spans="2:6" x14ac:dyDescent="0.4">
      <c r="B81" s="4"/>
      <c r="D81" s="4"/>
      <c r="E81">
        <v>27</v>
      </c>
      <c r="F81" s="4" t="s">
        <v>107</v>
      </c>
    </row>
    <row r="82" spans="2:6" x14ac:dyDescent="0.4">
      <c r="B82" s="4"/>
      <c r="D82" s="4"/>
      <c r="E82">
        <v>28</v>
      </c>
      <c r="F82" s="4" t="s">
        <v>108</v>
      </c>
    </row>
    <row r="83" spans="2:6" x14ac:dyDescent="0.4">
      <c r="B83" s="4"/>
      <c r="D83" s="4"/>
      <c r="E83">
        <v>29</v>
      </c>
      <c r="F83" s="4" t="s">
        <v>109</v>
      </c>
    </row>
    <row r="84" spans="2:6" x14ac:dyDescent="0.4">
      <c r="B84" s="4"/>
      <c r="D84" s="4"/>
      <c r="E84">
        <v>30</v>
      </c>
      <c r="F84" s="4" t="s">
        <v>110</v>
      </c>
    </row>
    <row r="85" spans="2:6" x14ac:dyDescent="0.4">
      <c r="B85" s="4"/>
      <c r="D85" s="4"/>
      <c r="E85">
        <v>31</v>
      </c>
      <c r="F85" s="4" t="s">
        <v>111</v>
      </c>
    </row>
    <row r="86" spans="2:6" x14ac:dyDescent="0.4">
      <c r="B86" s="4"/>
      <c r="D86" s="4"/>
      <c r="E86">
        <v>32</v>
      </c>
      <c r="F86" s="4" t="s">
        <v>112</v>
      </c>
    </row>
    <row r="87" spans="2:6" x14ac:dyDescent="0.4">
      <c r="B87" s="4"/>
      <c r="D87" s="4"/>
      <c r="E87">
        <v>33</v>
      </c>
      <c r="F87" s="4" t="s">
        <v>113</v>
      </c>
    </row>
    <row r="88" spans="2:6" x14ac:dyDescent="0.4">
      <c r="B88" s="4"/>
      <c r="D88" s="4"/>
      <c r="E88">
        <v>34</v>
      </c>
      <c r="F88" s="4" t="s">
        <v>114</v>
      </c>
    </row>
    <row r="89" spans="2:6" x14ac:dyDescent="0.4">
      <c r="B89" s="4"/>
      <c r="D89" s="4"/>
      <c r="E89">
        <v>35</v>
      </c>
      <c r="F89" s="4" t="s">
        <v>115</v>
      </c>
    </row>
    <row r="90" spans="2:6" x14ac:dyDescent="0.4">
      <c r="B90" s="4"/>
      <c r="D90" s="4"/>
      <c r="E90">
        <v>36</v>
      </c>
      <c r="F90" s="4" t="s">
        <v>116</v>
      </c>
    </row>
    <row r="91" spans="2:6" x14ac:dyDescent="0.4">
      <c r="B91" s="4"/>
      <c r="D91" s="4"/>
      <c r="E91">
        <v>37</v>
      </c>
      <c r="F91" s="4" t="s">
        <v>117</v>
      </c>
    </row>
    <row r="92" spans="2:6" x14ac:dyDescent="0.4">
      <c r="B92" s="4"/>
      <c r="D92" s="4"/>
      <c r="E92">
        <v>38</v>
      </c>
      <c r="F92" s="4" t="s">
        <v>118</v>
      </c>
    </row>
    <row r="93" spans="2:6" x14ac:dyDescent="0.4">
      <c r="B93" s="4"/>
      <c r="D93" s="4"/>
      <c r="E93">
        <v>39</v>
      </c>
      <c r="F93" s="4" t="s">
        <v>119</v>
      </c>
    </row>
    <row r="94" spans="2:6" x14ac:dyDescent="0.4">
      <c r="B94" s="4"/>
      <c r="D94" s="4"/>
      <c r="E94">
        <v>40</v>
      </c>
      <c r="F94" s="4" t="s">
        <v>120</v>
      </c>
    </row>
    <row r="95" spans="2:6" x14ac:dyDescent="0.4">
      <c r="B95" s="4"/>
      <c r="D95" s="4"/>
      <c r="E95">
        <v>41</v>
      </c>
      <c r="F95" s="4" t="s">
        <v>121</v>
      </c>
    </row>
    <row r="96" spans="2:6" x14ac:dyDescent="0.4">
      <c r="B96" s="4"/>
      <c r="D96" s="4"/>
      <c r="E96">
        <v>42</v>
      </c>
      <c r="F96" s="4" t="s">
        <v>122</v>
      </c>
    </row>
    <row r="97" spans="2:6" x14ac:dyDescent="0.4">
      <c r="B97" s="4"/>
      <c r="D97" s="4"/>
      <c r="E97">
        <v>43</v>
      </c>
      <c r="F97" s="4" t="s">
        <v>123</v>
      </c>
    </row>
    <row r="98" spans="2:6" x14ac:dyDescent="0.4">
      <c r="B98" s="4"/>
      <c r="D98" s="4"/>
      <c r="E98">
        <v>44</v>
      </c>
      <c r="F98" s="4" t="s">
        <v>124</v>
      </c>
    </row>
    <row r="99" spans="2:6" x14ac:dyDescent="0.4">
      <c r="B99" s="4"/>
      <c r="D99" s="4"/>
      <c r="E99">
        <v>45</v>
      </c>
      <c r="F99" s="4" t="s">
        <v>125</v>
      </c>
    </row>
    <row r="100" spans="2:6" x14ac:dyDescent="0.4">
      <c r="B100" s="4"/>
      <c r="D100" s="4"/>
      <c r="E100">
        <v>46</v>
      </c>
      <c r="F100" s="4" t="s">
        <v>126</v>
      </c>
    </row>
    <row r="101" spans="2:6" x14ac:dyDescent="0.4">
      <c r="B101" s="4"/>
      <c r="D101" s="4"/>
      <c r="E101">
        <v>47</v>
      </c>
      <c r="F101" s="4" t="s">
        <v>127</v>
      </c>
    </row>
    <row r="102" spans="2:6" x14ac:dyDescent="0.4">
      <c r="B102" s="4"/>
      <c r="D102" s="4"/>
      <c r="E102">
        <v>48</v>
      </c>
      <c r="F102" s="4" t="s">
        <v>128</v>
      </c>
    </row>
    <row r="103" spans="2:6" x14ac:dyDescent="0.4">
      <c r="B103" s="4"/>
      <c r="D103" s="4"/>
      <c r="E103">
        <v>49</v>
      </c>
      <c r="F103" s="4" t="s">
        <v>129</v>
      </c>
    </row>
    <row r="104" spans="2:6" x14ac:dyDescent="0.4">
      <c r="B104" s="4"/>
      <c r="D104" s="4"/>
      <c r="E104">
        <v>50</v>
      </c>
      <c r="F104" s="4" t="s">
        <v>130</v>
      </c>
    </row>
    <row r="105" spans="2:6" x14ac:dyDescent="0.4">
      <c r="B105" s="4"/>
      <c r="D105" s="4"/>
      <c r="E105">
        <v>51</v>
      </c>
      <c r="F105" s="4" t="s">
        <v>131</v>
      </c>
    </row>
    <row r="106" spans="2:6" x14ac:dyDescent="0.4">
      <c r="B106" s="4"/>
      <c r="D106" s="4"/>
      <c r="E106">
        <v>52</v>
      </c>
      <c r="F106" s="4" t="s">
        <v>132</v>
      </c>
    </row>
    <row r="107" spans="2:6" x14ac:dyDescent="0.4">
      <c r="B107" s="4"/>
      <c r="D107" s="4"/>
      <c r="E107">
        <v>53</v>
      </c>
      <c r="F107" s="4" t="s">
        <v>133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Nakajime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54:28Z</dcterms:created>
  <dcterms:modified xsi:type="dcterms:W3CDTF">2024-02-26T04:59:50Z</dcterms:modified>
</cp:coreProperties>
</file>